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claudia.teodorescu\Desktop\date deschise propuneri\seturi de date\s1\"/>
    </mc:Choice>
  </mc:AlternateContent>
  <bookViews>
    <workbookView xWindow="0" yWindow="0" windowWidth="28800" windowHeight="12435"/>
  </bookViews>
  <sheets>
    <sheet name="Universitati" sheetId="3" r:id="rId1"/>
    <sheet name="Facultati" sheetId="1" r:id="rId2"/>
    <sheet name="Programe-Studiu" sheetId="2" r:id="rId3"/>
    <sheet name="Program" sheetId="4" r:id="rId4"/>
    <sheet name="Domeniu-studiu" sheetId="5" r:id="rId5"/>
    <sheet name="Domeniu-fundamental" sheetId="6" r:id="rId6"/>
    <sheet name="Ramura-stiinta" sheetId="7" r:id="rId7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97564" uniqueCount="4937">
  <si>
    <t>Nomenclator RMU Facultate 2020</t>
  </si>
  <si>
    <t>ID RMU</t>
  </si>
  <si>
    <t>Nume</t>
  </si>
  <si>
    <t>Universitate</t>
  </si>
  <si>
    <t>ID Universitate</t>
  </si>
  <si>
    <t>EsteScoalaDoctorala</t>
  </si>
  <si>
    <t>An</t>
  </si>
  <si>
    <t>Facultatea de Științe Aplicate</t>
  </si>
  <si>
    <t>Universitatea "Danubius" din Galaţi</t>
  </si>
  <si>
    <t>Facultatea de Economie și Administrarea Afacerilor</t>
  </si>
  <si>
    <t>Universitatea Creştină "Dimitrie Cantemir" din Bucureşti</t>
  </si>
  <si>
    <t>Facultatea de Drept</t>
  </si>
  <si>
    <t>Academia de Studii Economice din Bucureşti</t>
  </si>
  <si>
    <t>Școala doctorală Didactica. Tradiție, Dezvoltare, Inovație</t>
  </si>
  <si>
    <t>Universitatea "Babeş-Bolyai" din Cluj-Napoca</t>
  </si>
  <si>
    <t>Şcoala Doctorală Interdisciplinară</t>
  </si>
  <si>
    <t>Universitatea din Bucureşti</t>
  </si>
  <si>
    <t>Școala Doctorală în Știința Sportului și Educației Fizice</t>
  </si>
  <si>
    <t>Universitatea "Alexandru Ioan Cuza" din Iaşi</t>
  </si>
  <si>
    <t>Școala Doctorală Interdisciplinară</t>
  </si>
  <si>
    <t>Universitatea "Aurel Vlaicu" din Arad</t>
  </si>
  <si>
    <t>Școala doctorală de Științe biomedicale</t>
  </si>
  <si>
    <t>Universitatea "Dunărea de Jos" din Galaţi</t>
  </si>
  <si>
    <t>Facultatea de Informatică</t>
  </si>
  <si>
    <t>Universitatea "Bioterra" din Bucureşti</t>
  </si>
  <si>
    <t>Facultatea de Medicină în Limba Engleză</t>
  </si>
  <si>
    <t>Universitatea de Medicină, Farmacie, Științe și Tehnologie "George Emil Palade" din Târgu Mureș</t>
  </si>
  <si>
    <t>Școala Doctorală Medicină Dentară</t>
  </si>
  <si>
    <t>Universitatea de Medicină şi Farmacie "Victor Babeş" din Timişoara</t>
  </si>
  <si>
    <t>Școala Doctorală a Universității Tehnice din Cluj-Napoca</t>
  </si>
  <si>
    <t>Universitatea Tehnică din Cluj-Napoca</t>
  </si>
  <si>
    <t>Şcoala doctorală de matematică</t>
  </si>
  <si>
    <t>Universitatea "Ovidius" din Constanţa</t>
  </si>
  <si>
    <t>Școala Doctorală de Geoștiințe</t>
  </si>
  <si>
    <t>Școala Doctorală de Chimie</t>
  </si>
  <si>
    <t>Școala Doctorală de Biologie</t>
  </si>
  <si>
    <t>Școala doctorală Ingineria sistemelor de apărare și securitate</t>
  </si>
  <si>
    <t>Academia Tehnică Militară "Ferdinand I" din București</t>
  </si>
  <si>
    <t>Facultatea de Comunicații și Sisteme Electronice pentru Apărare și Securitate</t>
  </si>
  <si>
    <t>Facultatea de Sisteme Informatice și Securitate Cibernetică</t>
  </si>
  <si>
    <t>Facultatea de Sisteme Integrate de Armament, Geniu și Mecatronică</t>
  </si>
  <si>
    <t>Facultatea de Aeronave și Autovehicule Militare</t>
  </si>
  <si>
    <t>Școala doctorală de Inginerie mecanică și industrială</t>
  </si>
  <si>
    <t>Școala doctorală de Științe fundamentale și inginerești</t>
  </si>
  <si>
    <t>Școala doctorală Religie, Cultură, Societate</t>
  </si>
  <si>
    <t>Departamentul de Formare Continuă și Transfer Tehnologic</t>
  </si>
  <si>
    <t>Departamentul pentru Educație Continuă, Învățământ la Distanță și cu Frecvență Redusă</t>
  </si>
  <si>
    <t>Facultatea de Sisteme de Securitate Aeriană</t>
  </si>
  <si>
    <t>Academia Forţelor Aeriene "Henri Coandă" din Braşov</t>
  </si>
  <si>
    <t>Facultatea de Ştiinţe Economice şi Administrative</t>
  </si>
  <si>
    <t>Academia Forţelor Terestre "Nicolae Bălcescu" din Sibiu</t>
  </si>
  <si>
    <t>Facultatea de Asistenţă Medicală Generală</t>
  </si>
  <si>
    <t>Facultatea de Educaţie Fizică, Sport şi Kinetoterapie</t>
  </si>
  <si>
    <t>Universitatea Româno-Americană din Bucureşti</t>
  </si>
  <si>
    <t>Facultatea de Medicină Dentară</t>
  </si>
  <si>
    <t>Universitatea "Dimitrie Cantemir" din Târgu Mureş</t>
  </si>
  <si>
    <t>Facultatea de Balneofiziokinetoterapie şi Recuperare Medicală</t>
  </si>
  <si>
    <t>Şcoala Normală Superioară - Bucureşti (S.N.S.B)</t>
  </si>
  <si>
    <t>Facultatea de Ştiinţe ale Educaţiei, Drept şi Administraţie Publică</t>
  </si>
  <si>
    <t>Universitatea "Constantin Brâncuşi" din Târgu Jiu</t>
  </si>
  <si>
    <t>Facultatea de Psihologie, Ştiinţele Educaţiei şi Asistenţă Socială</t>
  </si>
  <si>
    <t>Universitatea "Petre Andrei" din Iaşi</t>
  </si>
  <si>
    <t>Facultatea de Asistenţă Medicală - Târgu Jiu</t>
  </si>
  <si>
    <t>Universitatea "Titu Maiorescu" din Bucureşti</t>
  </si>
  <si>
    <t>IOSUD – Şcoala doctorală de Medicină</t>
  </si>
  <si>
    <t>Drept</t>
  </si>
  <si>
    <t>Facultatea de Inginerie și Informatică</t>
  </si>
  <si>
    <t>Universitatea "Spiru Haret" din Bucureşti</t>
  </si>
  <si>
    <t>Facultatea de Științe, Educație Fizică și Informatică</t>
  </si>
  <si>
    <t>Universitatea din Piteşti</t>
  </si>
  <si>
    <t>Facultatea de Științe Economice și Drept</t>
  </si>
  <si>
    <t>Facultatea de Științe ale Educației, Științe Sociale și Psihologie</t>
  </si>
  <si>
    <t>Facultatea de Teologie, Litere, Istorie și Arte</t>
  </si>
  <si>
    <t>Facultatea de Drept și Științe Administrative</t>
  </si>
  <si>
    <t>Universitatea "Ştefan cel Mare" din Suceava</t>
  </si>
  <si>
    <t>Facultatea de Jurnalism</t>
  </si>
  <si>
    <t>Universitatea "Hyperion" din Bucureşti</t>
  </si>
  <si>
    <t>Facultatea de Psihologie și Științe ale Educației</t>
  </si>
  <si>
    <t>Facultatea de Litere și Arte</t>
  </si>
  <si>
    <t>Universitatea Creştină "Partium" din Oradea</t>
  </si>
  <si>
    <t>Facultatea de Științe Economice și Sociale</t>
  </si>
  <si>
    <t>Economie I</t>
  </si>
  <si>
    <t>Economie II</t>
  </si>
  <si>
    <t>Şcoala Doctorală Urbanism</t>
  </si>
  <si>
    <t>Universitatea de Arhitectură şi Urbanism "Ion Mincu" din Bucureşti</t>
  </si>
  <si>
    <t>Școala Doctorală Comunicare, Relaţii Publice şi Publicitate</t>
  </si>
  <si>
    <t>Școala Doctorală Studii de populaţie şi istorie a minorităţilor</t>
  </si>
  <si>
    <t>Şcoala Doctorală Inginerie Mecanică</t>
  </si>
  <si>
    <t>Şcoala Doctorală Matematică</t>
  </si>
  <si>
    <t>Şcoala Doctorală Biologie</t>
  </si>
  <si>
    <t>Şcoala Doctorală de Teologie</t>
  </si>
  <si>
    <t>Institutul Teologic Protestant din Cluj-Napoca</t>
  </si>
  <si>
    <t>Școala doctorală de Muzică</t>
  </si>
  <si>
    <t>Universitatea de Vest din Timişoara</t>
  </si>
  <si>
    <t>Școala Doctorală de Știinte Economice</t>
  </si>
  <si>
    <t>Universitatea din Craiova</t>
  </si>
  <si>
    <t>Școala Doctorală a Facultății de Drept</t>
  </si>
  <si>
    <t>Școala Doctorală de Teologie Ortodoxă "Sfântul Nicodim"</t>
  </si>
  <si>
    <t>Școala Doctorală "Alexandru Piru" a Facultății de Litere</t>
  </si>
  <si>
    <t>Școala Doctorală de Inginerie a Resurselor Animale si Vegetale</t>
  </si>
  <si>
    <t>Școala Doctorală "Academician Radu Voinea" a Facultății de Mecanică</t>
  </si>
  <si>
    <t>Școala Doctorală de Inginerie Electrică și Energetică</t>
  </si>
  <si>
    <t>Școala Doctorală "Constantin Belea" a Facultății de Automatică, Calculatoare și Electronică</t>
  </si>
  <si>
    <t>Inginerie navală și navigație</t>
  </si>
  <si>
    <t>Universitatea Maritimă din Constanţa</t>
  </si>
  <si>
    <t>Școala doctorală Psihologie cognitivă aplicată</t>
  </si>
  <si>
    <t>Școala doctorală Psihodiagnostic și intervenţii psihologice validate științific</t>
  </si>
  <si>
    <t>Școala Doctorală de Teologie</t>
  </si>
  <si>
    <t>Universitatea "1 decembrie 1918" din Alba Iulia</t>
  </si>
  <si>
    <t>Școala doctorală UTCB</t>
  </si>
  <si>
    <t>Universitatea Tehnică de Construcţii din Bucureşti</t>
  </si>
  <si>
    <t>Mecanica</t>
  </si>
  <si>
    <t>Universitatea Tehnică "Gheorghe Asachi" din Iaşi</t>
  </si>
  <si>
    <t>Stiinta si Ingineria Materialelor</t>
  </si>
  <si>
    <t>Design Industrial și Managementul Afacerilor</t>
  </si>
  <si>
    <t>Constructii de Masini si Management Industrial</t>
  </si>
  <si>
    <t>Electronica, Telecomunicatii si Tehnologia Informatiei</t>
  </si>
  <si>
    <t>Inginerie Electrica, Energetica si Informatica Aplicata</t>
  </si>
  <si>
    <t>Hidrotehnica, Geodezie si Ingineria Mediului</t>
  </si>
  <si>
    <t>Constructii si Instalatii</t>
  </si>
  <si>
    <t>Automatica si Calculatoare</t>
  </si>
  <si>
    <t>Inginerie Chimica si Protectia Mediului 'Cristofor Simionescu'</t>
  </si>
  <si>
    <t>Școala doctorală din Universitatea Națională de Muzică din București</t>
  </si>
  <si>
    <t>Universitatea Naţională de Muzică din Bucureşti</t>
  </si>
  <si>
    <t>Şcoala doctorală Universitatea Națională de Educație Fizică și Sport din București</t>
  </si>
  <si>
    <t>Universitatea Naţională de Educaţie Fizică şi Sport din Bucureşti</t>
  </si>
  <si>
    <t>Universitatea Națională de Arte din București - Studii doctorale</t>
  </si>
  <si>
    <t>Universitatea Naţională de Arte din Bucureşti</t>
  </si>
  <si>
    <t>Şcoala doctorală Universitatea Națională de Artă Teatrală și Cinematografică ”I.L.Caragiale” din București</t>
  </si>
  <si>
    <t>Universitatea Naţională de Artă Teatrală şi Cinematografică "I. L. Caragiale" din Bucureşti</t>
  </si>
  <si>
    <t>Şcoala doctorală Universitatea Națională de Apărare ”Carol I” din București</t>
  </si>
  <si>
    <t>Universitatea Naţională de Apărare "Carol I" din Bucureşti</t>
  </si>
  <si>
    <t>Inginerie mecanică și mecatronică</t>
  </si>
  <si>
    <t>Şcoala Doctorală Ştiinţa Sportului şi Educaţiei Fizice</t>
  </si>
  <si>
    <t>Şcoala Doctorală Autovehicule</t>
  </si>
  <si>
    <t>Şcoala Doctorală de Informatică</t>
  </si>
  <si>
    <t>Şcoala Doctorală de Filologie</t>
  </si>
  <si>
    <t>Şcoala doctorală  a Universității din Petroșani</t>
  </si>
  <si>
    <t>Universitatea din Petroşani</t>
  </si>
  <si>
    <t>Şcoală doctorală de ştiinţe inginereşti</t>
  </si>
  <si>
    <t>Universitatea din Oradea</t>
  </si>
  <si>
    <t>Şcoală doctorală de ştiinţe biomedicale</t>
  </si>
  <si>
    <t>Şcoala doctorală de ştiinţe economice</t>
  </si>
  <si>
    <t>Şcoala doctorală de sociologie</t>
  </si>
  <si>
    <t>Şcoala Doctorală de Istorie</t>
  </si>
  <si>
    <t>Şcoala doctorală de geografie</t>
  </si>
  <si>
    <t>Şcoala doctorală de filologie</t>
  </si>
  <si>
    <t>Școala Doctorală de Științe Sociale și Umaniste</t>
  </si>
  <si>
    <t>Școala Doctorală de Științe</t>
  </si>
  <si>
    <t>Şcolii Doctorale de Studii Universitare Doctorale în Domeniul Ecologie</t>
  </si>
  <si>
    <t>Şcoala Doctorală pentru domeniul Științe ale comunicării</t>
  </si>
  <si>
    <t>Şcoala Doctorală pentru domeniul Sociologie</t>
  </si>
  <si>
    <t>Şcoala Doctorală pentru domeniul Matematică</t>
  </si>
  <si>
    <t>Şcoala Doctorală pentru domeniul Istorie</t>
  </si>
  <si>
    <t>Şcoala Doctorală pentru domeniul Informatică</t>
  </si>
  <si>
    <t>Şcoala Doctorală pentru domeniul Geologie</t>
  </si>
  <si>
    <t>Şcoala Doctorală pentru domeniul Filosofie</t>
  </si>
  <si>
    <t>Şcoala Doctorală pentru domeniile Psihologie şi Ştiinţe ale Educaţiei</t>
  </si>
  <si>
    <t>Şcoala Doctorală în Chimie</t>
  </si>
  <si>
    <t>Şcoala Doctorală "Teologie şi Studii Religioase" - Facultatea de Teologie Romano-Catolică și Facultatea de Teologie Baptistă</t>
  </si>
  <si>
    <t>Şcoala Doctorală din cadrul Facultăţii de Teologie Ortodoxă</t>
  </si>
  <si>
    <t>Şcoala Doctorală "Studii literare şi culturale"- Facultatea de Limbi şi Literaturi Străine</t>
  </si>
  <si>
    <t>Şcoala Doctorală "Limbi şi identităţi culturale"</t>
  </si>
  <si>
    <t>Şcoala Doctorală"Spaţiu, imagine, text, teritoriu" - Facultatea de Litere</t>
  </si>
  <si>
    <t>Şcoala Doctorală din cadrul Facultăţii de Litere</t>
  </si>
  <si>
    <t>Şcoala Doctorală de Ştiinţă Politică</t>
  </si>
  <si>
    <t>Şcoala Doctorală de Fizică</t>
  </si>
  <si>
    <t>Şcoala Doctorală de Biologie</t>
  </si>
  <si>
    <t>Şcoala Doctorală « Simion Mehedinţi-Natura şi dezvoltare durabilă » pentru domeniul Geografie</t>
  </si>
  <si>
    <t>Şcoala Doctorală - Drept</t>
  </si>
  <si>
    <t>Școala doctorală de Psihologie</t>
  </si>
  <si>
    <t>Şcoala doctorală de ştiinţe umaniste</t>
  </si>
  <si>
    <t>Școala doctorală de Sociologie, Filosofie și Științe Politice</t>
  </si>
  <si>
    <t>Şcoala doctorală de informatică</t>
  </si>
  <si>
    <t>Şcoala doctorală de fizică</t>
  </si>
  <si>
    <t>Şcoala doctorală de drept</t>
  </si>
  <si>
    <t>Şcoala doctorală de chimie</t>
  </si>
  <si>
    <t>Şcoala doctorală de arte</t>
  </si>
  <si>
    <t>Şcoala doctorală a Facultăţii de Economie şi administrarea afacerilor</t>
  </si>
  <si>
    <t>Şcoală Doctorală de Medicină</t>
  </si>
  <si>
    <t>Universitatea de Vest "Vasile Goldiş" din Arad</t>
  </si>
  <si>
    <t>Şcoală Doctorală de Biologie</t>
  </si>
  <si>
    <t>Şcoala doctorală Ingineria şi managementul resurselor vegetale şi animale</t>
  </si>
  <si>
    <t>Universitatea de Științe Agronomice și Medicină Veterinară din București</t>
  </si>
  <si>
    <t>Şcoala doctorală de Medicină veterinară</t>
  </si>
  <si>
    <t>Școala doctorală de medicină veterinară</t>
  </si>
  <si>
    <t>Universitatea de Ştiinţe Agricole şi Medicină Veterinară a Banatului "Regele Mihai I al României" din Timişoara</t>
  </si>
  <si>
    <t>Școala doctorală de Ingineria Resurselor Vegetale și Animale</t>
  </si>
  <si>
    <t>Şcoala doctorală de medicină veterinară</t>
  </si>
  <si>
    <t>Universitatea de Ştiinţe Agricole şi Medicină Veterinară "Ion Ionescu de La Brad" din Iaşi</t>
  </si>
  <si>
    <t>Şcoala doctorală de Științe inginerești</t>
  </si>
  <si>
    <t>Şcoala doctorală de ştiinţe agricole inginereşti</t>
  </si>
  <si>
    <t>Universitatea de Ştiinţe Agricole şi Medicină Veterinară din Cluj-Napoca</t>
  </si>
  <si>
    <t>Şcoala doctorală a IOSUD din cadrul Universităţii de Medicină și Farmacie din Târgu Mureș</t>
  </si>
  <si>
    <t>Școala doctorală a Universității de Medicină și Farmacie din Craiova</t>
  </si>
  <si>
    <t>Universitatea de Medicină şi Farmacie din Craiova</t>
  </si>
  <si>
    <t>Școala Doctorală Medicină - Farmacie</t>
  </si>
  <si>
    <t>Şcoala doctorală a Universităţii  de Medicină și Farmacie ”Iuliu Hațieganu” din Cluj-Napoca</t>
  </si>
  <si>
    <t>Universitatea de Medicină şi Farmacie "Iuliu Haţieganu" din Cluj-Napoca</t>
  </si>
  <si>
    <t>Școala doctorală Universitatea de Medicină şi Farmacie „Grigore T. Popa” – Iaşi</t>
  </si>
  <si>
    <t>Universitatea de Medicină şi Farmacie "Grigore T. Popa" din Iaşi</t>
  </si>
  <si>
    <t>Școala doctorală UMF "Carol Davila"</t>
  </si>
  <si>
    <t>Universitatea de Medicină şi Farmacie "Carol Davila" din Bucureşti</t>
  </si>
  <si>
    <t>Şcoala doctorală a Universităţii de Arte din Târgu Mureș</t>
  </si>
  <si>
    <t>Universitatea de Arte din Târgu Mureş</t>
  </si>
  <si>
    <t>Şcoala doctorală Teatru</t>
  </si>
  <si>
    <t>Universitatea Naţională de Arte "George Enescu" din Iaşi</t>
  </si>
  <si>
    <t>Şcoala doctorală Muzică</t>
  </si>
  <si>
    <t>Şcoala doctorală Arte vizuale</t>
  </si>
  <si>
    <t>Scoala Doctorala a Universitatii de Arta si Design din Cluj-Napoca</t>
  </si>
  <si>
    <t>Universitatea de Artă şi Design din Cluj-Napoca</t>
  </si>
  <si>
    <t>Scoala doctorala "Spatiu,  Imagine, Text, Teritoriu"</t>
  </si>
  <si>
    <t>Şcoală de studii doctorale</t>
  </si>
  <si>
    <t>Universitatea "Vasile Alecsandri" din Bacău</t>
  </si>
  <si>
    <t>Şcoala Doctorală de Ştiinţe Inginereşti</t>
  </si>
  <si>
    <t>Universitatea "Valahia" din Târgovişte</t>
  </si>
  <si>
    <t>Şcoala Doctorală de Ştiinţe Economice şi Umaniste</t>
  </si>
  <si>
    <t>Școala doctorală interdisciplinară</t>
  </si>
  <si>
    <t>Universitatea "Transilvania" din Braşov</t>
  </si>
  <si>
    <t>IOSUD – Şcoala doctorală de Medicină Dentară</t>
  </si>
  <si>
    <t>IOSUD – Şcoala doctorală de Drept</t>
  </si>
  <si>
    <t>Școala doctorală de științe socio-umane</t>
  </si>
  <si>
    <t>Şcoala doctorală de ştiinţe aplicate şi inginereşti</t>
  </si>
  <si>
    <t>Şcoala Doctorală de Studii Inginereşti</t>
  </si>
  <si>
    <t>Universitatea Politehnica Timişoara</t>
  </si>
  <si>
    <t>Ingineria și Aplicațiile Laserilor Acceleratorilor</t>
  </si>
  <si>
    <t>Universitatea Politehnica din Bucureşti</t>
  </si>
  <si>
    <t>Transporturi</t>
  </si>
  <si>
    <t>Ingineria Sistemelor Biotehnice</t>
  </si>
  <si>
    <t>Inginerie Mecanică și Mecatronică</t>
  </si>
  <si>
    <t>Știința și Ingineria Materialelor</t>
  </si>
  <si>
    <t>Antreprenoriat, Ingineria și Managementul Afacerilor</t>
  </si>
  <si>
    <t>Ingineria și Managementul Sistemelor Tehnologice</t>
  </si>
  <si>
    <t>Energetică</t>
  </si>
  <si>
    <t>Chimie Aplicată și Știința Materialelor</t>
  </si>
  <si>
    <t>Inginerie Aerospațială</t>
  </si>
  <si>
    <t>Științe Aplicate</t>
  </si>
  <si>
    <t>Inginerie Electrică</t>
  </si>
  <si>
    <t>Electronică, Telecomunicații și Tehnologia Informației</t>
  </si>
  <si>
    <t>Automatică și Calculatoare</t>
  </si>
  <si>
    <t>Școala Doctorală de  Litere, Științe Umaniste și Aplicate</t>
  </si>
  <si>
    <t>Şcoala doctorală a Universităţii ”Petrol-Gaze” din Ploiești</t>
  </si>
  <si>
    <t>Universitatea Petrol-Gaze din Ploieşti</t>
  </si>
  <si>
    <t>Şcoala doctorală de teologie</t>
  </si>
  <si>
    <t>Şcoala doctorală de ştiinţe aplicate</t>
  </si>
  <si>
    <t>Şcoala doctorală de medicină</t>
  </si>
  <si>
    <t>Şcoala doctorală interdisciplinară a Universităţii ”Lucian Blaga” din Sibiu</t>
  </si>
  <si>
    <t>Universitatea "Lucian Blaga" din Sibiu</t>
  </si>
  <si>
    <t>Școala doctorală de inginerie</t>
  </si>
  <si>
    <t>Universitatea "Eftimie Murgu" din Reşiţa</t>
  </si>
  <si>
    <t>Şcoala doctorală de Știinţe socio-umane</t>
  </si>
  <si>
    <t>Şcoala doctorală Ecumene</t>
  </si>
  <si>
    <t>Şcoala doctorală Teologie ortodoxă Isidor Todoran</t>
  </si>
  <si>
    <t>Şcoala doctorală Teatru şi film</t>
  </si>
  <si>
    <t>Şcoala doctorală Administraţie şi politici publice</t>
  </si>
  <si>
    <t>Şcoala doctorală Știința mediului</t>
  </si>
  <si>
    <t>Şcoala doctorală studii de hungarologie</t>
  </si>
  <si>
    <t>Şcoala doctorală Studii lingvistice şi literare</t>
  </si>
  <si>
    <t>Şcoala doctorală Sociologie</t>
  </si>
  <si>
    <t>Şcoala doctorală Matematică şi Informatică</t>
  </si>
  <si>
    <t>Şcoala doctorală Istorie, civilizaţie cultură</t>
  </si>
  <si>
    <t>Şcoala doctorală Inginerie chimică</t>
  </si>
  <si>
    <t>Şcoala doctorală Geologie</t>
  </si>
  <si>
    <t>Şcoala doctorală Geografie</t>
  </si>
  <si>
    <t>Şcoala doctorală Fizică</t>
  </si>
  <si>
    <t>Şcoala doctorală Paradigma europeană</t>
  </si>
  <si>
    <t>Şcoala doctorală Filosofie</t>
  </si>
  <si>
    <t>Şcoala doctorală educaţie, reflecţie, dezvoltare</t>
  </si>
  <si>
    <t>Şcoala doctorală Educație fizică și sport</t>
  </si>
  <si>
    <t>Şcoala doctorală Drept</t>
  </si>
  <si>
    <t>Şcoala doctorală ştiinţe politice şi ale comunicării</t>
  </si>
  <si>
    <t>Şcoala doctorală Chimie</t>
  </si>
  <si>
    <t>Şcoala doctorală Biologie integrativă</t>
  </si>
  <si>
    <t>Şcoala doctorală  Ştiinţe economice şi gestiunea afacerilor</t>
  </si>
  <si>
    <t>Şcoala doctorală  relaţii internaţionale şi studii de securitate</t>
  </si>
  <si>
    <t>Școala Doctorală de Teologie Ortodoxă</t>
  </si>
  <si>
    <t>Școala Doctorală de Studii Filologice</t>
  </si>
  <si>
    <t>Școala Doctorală de Psihologie și Științe ale Educației</t>
  </si>
  <si>
    <t>Școala Doctorală de Matematică</t>
  </si>
  <si>
    <t>Școala Doctorală de Istorie</t>
  </si>
  <si>
    <t>Școala Doctorală de Informatică</t>
  </si>
  <si>
    <t>Școala Doctorală de Fizică</t>
  </si>
  <si>
    <t>Școala Doctorală de Filosofie și Științe Social-Politice</t>
  </si>
  <si>
    <t>Școala Doctorală de Economie și Administrarea Afacerilor</t>
  </si>
  <si>
    <t>Școala Doctorală de Drept</t>
  </si>
  <si>
    <t>Şcoala Doctorală de Contabilitate</t>
  </si>
  <si>
    <t>Şcoala Doctorală Drept</t>
  </si>
  <si>
    <t>Universitatea "Nicolae Titulescu" din Bucureşti</t>
  </si>
  <si>
    <t>Şcoala doctorală multidisciplinară a SNSPA</t>
  </si>
  <si>
    <t>Şcoala Naţională de Studii Politice şi Administrative din Bucureşti</t>
  </si>
  <si>
    <t>„Şcoala de Studii Avansate a Academiei Române” (SCOSAAR)</t>
  </si>
  <si>
    <t>Academia Romana</t>
  </si>
  <si>
    <t>Școala Doctorală Informaţii și Securitate Naţională</t>
  </si>
  <si>
    <t>Academia Naţională de Informaţii "Mihai Viteazul" din Bucureşti</t>
  </si>
  <si>
    <t>Marketing</t>
  </si>
  <si>
    <t>Management</t>
  </si>
  <si>
    <t>Informatică economică</t>
  </si>
  <si>
    <t>Finanțe</t>
  </si>
  <si>
    <t>Economie și afaceri internaționale</t>
  </si>
  <si>
    <t>Contabilitate</t>
  </si>
  <si>
    <t>Cibernetică și statistică economică</t>
  </si>
  <si>
    <t>Administrarea afacerilor</t>
  </si>
  <si>
    <t>Ordine publică și siguranță națională</t>
  </si>
  <si>
    <t>Academia de Poliţie "Alexandru Ioan Cuza" din Bucureşti</t>
  </si>
  <si>
    <t>Şcoala doctorală  ”Sigismund Toduţă”</t>
  </si>
  <si>
    <t>Academia de Muzică "Gheorghe Dima" din Cluj-Napoca</t>
  </si>
  <si>
    <t>Facultatea Bucharest Business School (Şcoala de Afaceri)</t>
  </si>
  <si>
    <t>Centrul de Studii Europene</t>
  </si>
  <si>
    <t>Departamentul de Relaţii Internaţionale şi Integrare Europeană</t>
  </si>
  <si>
    <t>Departamentul pentru Pregătirea Personalului Didactic</t>
  </si>
  <si>
    <t>Departamentul Regional de Studii pentru Managementul Resurselor de Apărare</t>
  </si>
  <si>
    <t>Facultatea de Ştiinţe Socio-Umane</t>
  </si>
  <si>
    <t>Facultatea de Științe Juridice și Științe Administrative</t>
  </si>
  <si>
    <t>Facultatea de Ştiinţe Juridice şi Ştiinţe Economice, Constanţa</t>
  </si>
  <si>
    <t>Facultatea de Ştiinţe Juridice, Economice şi Administrative, Craiova</t>
  </si>
  <si>
    <t>Facultatea de Știinţe Juridice și Științe Economice, Brașov</t>
  </si>
  <si>
    <t>Facultatea de Ştiinţe Economice</t>
  </si>
  <si>
    <t>Facultatea de Ştiinţe Economice, Socio-Umane şi Inginereşti din Miercurea Ciuc</t>
  </si>
  <si>
    <t>Universitatea "Sapientia" din Cluj-Napoca</t>
  </si>
  <si>
    <t>Facultatea de Ştiinţe Socio-Umane şi Educaţie fizică şi sport</t>
  </si>
  <si>
    <t>Facultatea de Ştiinţe Economice, Informatică şi Inginerie</t>
  </si>
  <si>
    <t>Facultatea de Farmacie</t>
  </si>
  <si>
    <t>Facultatea de Medicină</t>
  </si>
  <si>
    <t>Facultatea de Ştiinţe Juridice şi Administrative</t>
  </si>
  <si>
    <t>Universitatea Agora din Municipiul Oradea</t>
  </si>
  <si>
    <t>Facultatea de Studii de Intelligence</t>
  </si>
  <si>
    <t>Facultatea de Ştiinţe Militare</t>
  </si>
  <si>
    <t>Facultatea de Jandarmi</t>
  </si>
  <si>
    <t>Facultatea de Poliţie de Frontieră</t>
  </si>
  <si>
    <t>Facultatea de Horticultură</t>
  </si>
  <si>
    <t>Facultatea de Ştiinţe Sociale</t>
  </si>
  <si>
    <t>Facultatea de Agronomie</t>
  </si>
  <si>
    <t>Facultatea de Ştiinţe Juridice</t>
  </si>
  <si>
    <t>Facultatea de Drept şi Ştiinţe Economice - Târgu Jiu</t>
  </si>
  <si>
    <t>Facultatea de Ştiinţe Economice din Braşov</t>
  </si>
  <si>
    <t>Facultatea de Ştiinţe şi Inginerie (Alexandria)</t>
  </si>
  <si>
    <t>Facultatea de Ştiinţe Exacte şi Inginereşti</t>
  </si>
  <si>
    <t>Facultatea de Ştiinte Economice, Juridice şi Administrative</t>
  </si>
  <si>
    <t>Universitatea "George Bacovia" din Bacău</t>
  </si>
  <si>
    <t>Facultatea de Navigaţie şi Management Naval</t>
  </si>
  <si>
    <t>Academia Navală "Mircea cel Bătrân" din Constanţa</t>
  </si>
  <si>
    <t>Facultatea de Inginerie Marină</t>
  </si>
  <si>
    <t>Facultatea de Ştiinţe Politice, Litere şi Comunicare</t>
  </si>
  <si>
    <t>Facultatea de Ştiinţe Tehnice şi Umaniste din Târgu Mureş</t>
  </si>
  <si>
    <t>Facultatea de Ştiinţe şi Arte</t>
  </si>
  <si>
    <t>Facultatea de Controlul şi Expertiza Produselor Alimentare din Buzău</t>
  </si>
  <si>
    <t>Facultatea de Ştiinţe Sociale, Umaniste şi ale Naturii</t>
  </si>
  <si>
    <t>Facultatea de Securitate şi Apărare</t>
  </si>
  <si>
    <t>Facultatea de Teatru</t>
  </si>
  <si>
    <t>Facultatea de Interpretare, Compoziţie şi Studii Muzicale Teoretice</t>
  </si>
  <si>
    <t>Facultatea de Ştiinţa şi Tehnologia Alimentelor</t>
  </si>
  <si>
    <t>Facultatea de Comunicare şi Relaţii Internaţionale</t>
  </si>
  <si>
    <t>Facultatea de Ştiinţele Comunicării și Relații Internaționale</t>
  </si>
  <si>
    <t>Facultatea de Ştiinţe ale Educaţiei</t>
  </si>
  <si>
    <t>Facultatea de Arte în Limba Maghiară</t>
  </si>
  <si>
    <t>Facultatea de Arte în Limba Română</t>
  </si>
  <si>
    <t>Facultatea de Inginerie şi Management</t>
  </si>
  <si>
    <t>Facultatea de Istorie, Relaţii Internaţionale, Ştiinţe Politice şi Ştiintele Comunicării</t>
  </si>
  <si>
    <t>Facultatea de Inginerie Energetică şi Management Industrial</t>
  </si>
  <si>
    <t>Facultatea de Geografie, Turism şi Sport</t>
  </si>
  <si>
    <t>Facultatea de Arte</t>
  </si>
  <si>
    <t>Facultatea de Inginerie Electrică</t>
  </si>
  <si>
    <t>Facultatea de Ştiinţe</t>
  </si>
  <si>
    <t>Fundaţia Lumina - Instituţii de învăţământ - Universitatea Europei de Sud-Est - Lumina</t>
  </si>
  <si>
    <t>Fundaţia Lumina - Instituţii de Învăţământ - Universitatea Europei de Sud Est-Lumina</t>
  </si>
  <si>
    <t>Institutul Teologic Creştin După Evanghelie "Timotheus" din Bucureşti</t>
  </si>
  <si>
    <t>Institutul Teologic Creştin după Evanghelie "Timotheus" din Bucureşti</t>
  </si>
  <si>
    <t>Fundaţia "Gaudeamus" - Universitatea "Tomis" din Constanţa</t>
  </si>
  <si>
    <t>Fundaţia Pentru Cultură şi Învăţământ "Ioan Slavici" - Universitatea "Ioan Slavici" din Timişoara</t>
  </si>
  <si>
    <t>Fundaţia pentru Cultură şi Învăţământ "Ioan Slavici" - Universitatea "Ioan Slavici" din Timişoara</t>
  </si>
  <si>
    <t>Institutul Teologic Romano-Catolic Franciscan din Roman</t>
  </si>
  <si>
    <t>Fundaţia "Ştefan Lupaşcu" - Institutul de Studii Europene din Iaşi</t>
  </si>
  <si>
    <t>Facultatea de Teologie și Științe Sociale</t>
  </si>
  <si>
    <t>Universitatea "Adventus" din Cernica</t>
  </si>
  <si>
    <t>Facultatea de Teologie</t>
  </si>
  <si>
    <t>Institutul de Administrare a Afacerilor din Bucureşti</t>
  </si>
  <si>
    <t>Facultatea de Ştiinţe ale Comunicării</t>
  </si>
  <si>
    <t>Universitatea "Apollonia" din Iaşi</t>
  </si>
  <si>
    <t>Facultatea de  Economie</t>
  </si>
  <si>
    <t>Facultatea de Ştiinţe Politice şi Administrative</t>
  </si>
  <si>
    <t>Facultatea de Teologie Penticostală</t>
  </si>
  <si>
    <t>Institutul Teologic Penticostal din Bucureşti</t>
  </si>
  <si>
    <t>Facultatea de Psihologie</t>
  </si>
  <si>
    <t>Universitatea "Tibiscus" din Timişoara</t>
  </si>
  <si>
    <t>Facultatea de Drept şi Administraţie Publică</t>
  </si>
  <si>
    <t>Facultatea de Calculatoare şi Informatică Aplicată</t>
  </si>
  <si>
    <t>Facultatea de Geografie</t>
  </si>
  <si>
    <t>Facultatea de Psihologie şi Ştiinţe ale Educaţiei</t>
  </si>
  <si>
    <t>Universitatea "Româno-Germană" din Sibiu</t>
  </si>
  <si>
    <t>Facultatea de Drept şi Ştiinţe Administrative</t>
  </si>
  <si>
    <t>Facultatea de Management, Marketing în Afaceri Economice din Râmnicu Vâlcea</t>
  </si>
  <si>
    <t>Universitatea "Constantin Brâncoveanu" din Piteşti</t>
  </si>
  <si>
    <t>Facultatea de Management, Marketing în Afaceri Economice din Brăila</t>
  </si>
  <si>
    <t>Facultatea de Ştiinţe Juridice, Administrative şi ale Comunicării</t>
  </si>
  <si>
    <t>Facultatea de Finanţe-Contabilitate</t>
  </si>
  <si>
    <t>Facultatea de Management, Marketing în Afaceri Economice</t>
  </si>
  <si>
    <t>Facultatea de Management</t>
  </si>
  <si>
    <t>Universitatea "Emanuel" din Oradea</t>
  </si>
  <si>
    <t>Universitatea Europeană "Drăgan" din Lugoj</t>
  </si>
  <si>
    <t>Universitatea "Andrei Şaguna" din Constanţa</t>
  </si>
  <si>
    <t>Facultatea de Psihosociologie</t>
  </si>
  <si>
    <t>Facultatea de Ştiinţele Comunicării şi Ştiinţe Politice</t>
  </si>
  <si>
    <t>Facultatea de Educaţie Fizică şi Sport</t>
  </si>
  <si>
    <t>Universitatea "Bogdan Vodă" din Cluj-Napoca</t>
  </si>
  <si>
    <t>Institutul Teologic Baptist din Bucureşti</t>
  </si>
  <si>
    <t>Facultatea de Management-Marketing</t>
  </si>
  <si>
    <t>Universitatea "Artifex" din Bucureşti</t>
  </si>
  <si>
    <t>Facultatea de Finanţe şi Contabilitate</t>
  </si>
  <si>
    <t>Facultatea de Administraţie Publică</t>
  </si>
  <si>
    <t>Universitatea "Athenaeum" din Bucureşti</t>
  </si>
  <si>
    <t>Facultatea de Arte şi Ştiinţe</t>
  </si>
  <si>
    <t>Universitatea Română de Ştiinţe şi Arte "Gheorghe Cristea" din Bucureşti</t>
  </si>
  <si>
    <t>Facultatea de Ştiinţe Economice, Juridice şi Administrative</t>
  </si>
  <si>
    <t>Facultatea de Ştiinţele Comunicării</t>
  </si>
  <si>
    <t>Universitatea Ecologică din Bucureşti</t>
  </si>
  <si>
    <t>Facultatea de Ecologie şi Protecţia Mediului</t>
  </si>
  <si>
    <t>Facultatea de Management Financiar</t>
  </si>
  <si>
    <t>Facultatea de Inginerie Managerială</t>
  </si>
  <si>
    <t>Facultatea de Management Agroturistic din Buzău</t>
  </si>
  <si>
    <t>Facultatea de Controlul şi Expertiza Produselor Alimentare</t>
  </si>
  <si>
    <t>Facultatea de Management Agroturistic</t>
  </si>
  <si>
    <t>Facultatea de Medicină Veterinară</t>
  </si>
  <si>
    <t>Facultatea de Arhitectură</t>
  </si>
  <si>
    <t>Facultatea de Ştiinţe Economice, Câmpulung</t>
  </si>
  <si>
    <t>Facultatea de Psihologie şi Ştiinţele Educaţiei, Braşov</t>
  </si>
  <si>
    <t>Facultatea de Psihologie şi Ştiinţele Educaţiei</t>
  </si>
  <si>
    <t>Facultatea de Litere</t>
  </si>
  <si>
    <t>Facultatea de Studii Economice Europene</t>
  </si>
  <si>
    <t>Facultatea de Relaţii Comerciale şi Financiar - Bancare Interne şi Internaţionale</t>
  </si>
  <si>
    <t>Facultatea de Informatică Managerială</t>
  </si>
  <si>
    <t>Facultatea de Economia Turismului Intern şi Internaţional</t>
  </si>
  <si>
    <t>Facultatea de Relații Internaționale și Administrație</t>
  </si>
  <si>
    <t>Facultatea de Finanţe - Bănci, Contabilitate şi Administrarea Afacerilor</t>
  </si>
  <si>
    <t>Facultatea de Management Turistic şi Comercial din Sibiu</t>
  </si>
  <si>
    <t>Facultatea de Management Turistic şi Comercial din Constanţa</t>
  </si>
  <si>
    <t>Facultatea de Management Turistic şi Comercial din Timişoara</t>
  </si>
  <si>
    <t>Facultatea de Geografia Turismului din Sibiu</t>
  </si>
  <si>
    <t>Facultatea de Ştiinţe Economice din Cluj-Napoca</t>
  </si>
  <si>
    <t>Facultatea de Drept din Cluj - Napoca</t>
  </si>
  <si>
    <t>Facultatea de Limbi şi Literaturi Străine</t>
  </si>
  <si>
    <t>Facultatea de Ştiinţe ale comunicării</t>
  </si>
  <si>
    <t>Facultatea de Istorie</t>
  </si>
  <si>
    <t>Facultatea de Management Turistic şi Comercial</t>
  </si>
  <si>
    <t>Facultatea de Management Militar</t>
  </si>
  <si>
    <t>Facultatea de Management Aeronautic</t>
  </si>
  <si>
    <t>Facultatea de Arhivistică</t>
  </si>
  <si>
    <t>Facultatea de Pompieri</t>
  </si>
  <si>
    <t>Facultatea de Poliţie</t>
  </si>
  <si>
    <t>Facultatea de Informaţii</t>
  </si>
  <si>
    <t>Facultatea de Comandă şi Stat Major</t>
  </si>
  <si>
    <t>Facultatea de Muzică şi Teatru</t>
  </si>
  <si>
    <t>Facultatea de Arte şi Design</t>
  </si>
  <si>
    <t>Facultatea de Economie şi de Administrare a Afacerilor</t>
  </si>
  <si>
    <t>Facultatea de Sociologie şi Psihologie</t>
  </si>
  <si>
    <t>Facultatea de Ştiinţe Politice, Filosofie şi Ştiinţe ale Comunicării</t>
  </si>
  <si>
    <t>Facultatea de Litere, Istorie şi Teologie</t>
  </si>
  <si>
    <t>Facultatea de Chimie, Biologie, Geografie</t>
  </si>
  <si>
    <t>Facultatea de Fizică</t>
  </si>
  <si>
    <t>Facultatea de Matematică şi Informatică</t>
  </si>
  <si>
    <t>Facultatea de Bioingineria Resurselor Animaliere</t>
  </si>
  <si>
    <t>Facultatea de Inginerie Alimentară</t>
  </si>
  <si>
    <t>Facultatea de Management și Turism Rural</t>
  </si>
  <si>
    <t>Facultatea de Horticultură şi Silvicultură</t>
  </si>
  <si>
    <t>Facultatea de Agricultură</t>
  </si>
  <si>
    <t>Facultatea de Inginerie din Hunedoara</t>
  </si>
  <si>
    <t>Facultatea de Mecanică</t>
  </si>
  <si>
    <t>Facultatea de Management în Producţie şi Transporturi</t>
  </si>
  <si>
    <t>FACULTATEA DE ELECTROTEHNICĂ ŞI ELECTROENERGETICĂ</t>
  </si>
  <si>
    <t>Facultatea de Electronică, Telecomunicaţii şi Tehnologii Informaţionale</t>
  </si>
  <si>
    <t>Facultatea de Arhitectură şi Urbanism</t>
  </si>
  <si>
    <t>Facultatea de Construcţii</t>
  </si>
  <si>
    <t>Facultatea de Chimie Industrială şi Ingineria Mediului</t>
  </si>
  <si>
    <t>Facultatea de Automatică şi Calculatoare</t>
  </si>
  <si>
    <t>Facultatea de Economie şi Drept</t>
  </si>
  <si>
    <t>Facultatea de Ştiinţe şi Litere "Petru Maior"</t>
  </si>
  <si>
    <t>Facultatea de Inginerie și Tehnologia Informației</t>
  </si>
  <si>
    <t>Facultatea de Ştiinţe Medicale şi Comportamentale</t>
  </si>
  <si>
    <t>Facultatea de Inginerie</t>
  </si>
  <si>
    <t>Facultatea de Ingineria Mediului şi Ştiinţa Alimentelor</t>
  </si>
  <si>
    <t>Facultatea de Ingineria Materialelor şi Mecanică</t>
  </si>
  <si>
    <t>Facultatea de Inginerie Electrică, Electronică şi Tehnologia Informaţiei</t>
  </si>
  <si>
    <t>Facultatea de Teologie Ortodoxă şi Ştiinţele Educaţiei</t>
  </si>
  <si>
    <t>Facultatea de Ştiinţe Umaniste</t>
  </si>
  <si>
    <t>Facultatea de Ştiinţe Economice şi Administraţie Publică</t>
  </si>
  <si>
    <t>Facultatea de Silvicultură</t>
  </si>
  <si>
    <t>Facultatea de Litere şi Ştiinţe ale Comunicării</t>
  </si>
  <si>
    <t>Facultatea de Istorie şi Geografie</t>
  </si>
  <si>
    <t>Facultatea de Inginerie Mecanică, Mecatronică şi Management</t>
  </si>
  <si>
    <t>Facultatea de Inginerie Electrică şi Ştiinţa Calculatoarelor</t>
  </si>
  <si>
    <t>Facultatea de Ştiinţe Agricole, Industrie Alimentară şi Protecţia Mediului</t>
  </si>
  <si>
    <t>Facultatea de Litere şi Arte</t>
  </si>
  <si>
    <t>Facultatea de Litere şi Ştiinţe</t>
  </si>
  <si>
    <t>Facultatea de Tehnologia Petrolului şi Petrochimie</t>
  </si>
  <si>
    <t>Facultatea de Ingineria Petrolului şi Gazelor</t>
  </si>
  <si>
    <t>Facultatea de Inginerie Mecanică şi Electrică</t>
  </si>
  <si>
    <t>Facultatea de Electronică, Comunicaţii şi Calculatoare</t>
  </si>
  <si>
    <t>Facultatea de Mecanică şi Tehnologie</t>
  </si>
  <si>
    <t>Facultatea de Mine</t>
  </si>
  <si>
    <t>Facultatea de Teologie Ortodoxă "Episcop Dr. Vasile Coman"</t>
  </si>
  <si>
    <t>Facultatea de Ştiinţe Socio - Umane</t>
  </si>
  <si>
    <t>Facultatea de Informatică și Ştiinţe</t>
  </si>
  <si>
    <t>Facultatea de Protecţia Mediului</t>
  </si>
  <si>
    <t>Facultatea de Medicină şi Farmacie</t>
  </si>
  <si>
    <t>Facultatea de Inginerie Managerială şi Tehnologică</t>
  </si>
  <si>
    <t>Facultatea de Inginerie Electrică şi Tehnologia Informaţiei</t>
  </si>
  <si>
    <t>Facultatea de Construcţii, Cadastru şi Arhitectură</t>
  </si>
  <si>
    <t>Facultatea de Arte Vizuale şi Design</t>
  </si>
  <si>
    <t>Facultatea de Bioinginerie Medicală</t>
  </si>
  <si>
    <t>Facultatea de Teologie Romano-Catolică</t>
  </si>
  <si>
    <t>Facultatea de Teologie Ortodoxă</t>
  </si>
  <si>
    <t>Facultatea de Matematică</t>
  </si>
  <si>
    <t>Facultatea de Geografie şi Geologie</t>
  </si>
  <si>
    <t>Facultatea de Filosofie şi Ştiinţe Social - Politice</t>
  </si>
  <si>
    <t>Facultatea de Economie şi Administrarea Afacerilor</t>
  </si>
  <si>
    <t>Facultatea de Chimie</t>
  </si>
  <si>
    <t>Facultatea de Biologie</t>
  </si>
  <si>
    <t>Facultatea de Zootehnie</t>
  </si>
  <si>
    <t>Facultatea de Arhitectură "G.M. Cantacuzino"</t>
  </si>
  <si>
    <t>Facultatea de Design industrial şi Managementul Afacerilor</t>
  </si>
  <si>
    <t>Facultatea de Ştiinţa şi Ingineria Materialelor</t>
  </si>
  <si>
    <t>Facultatea de Hidrotehnică, Geodezie şi Ingineria Mediului</t>
  </si>
  <si>
    <t>Facultatea de Inginerie Electrică, Energetică şi Informatică Aplicată</t>
  </si>
  <si>
    <t>Facultatea de Electronică, Telecomunicaţii şi Tehnologia Informaţiei</t>
  </si>
  <si>
    <t>Facultatea de Construcţii de Maşini şi Management Industrial</t>
  </si>
  <si>
    <t>Facultatea de Construcţii şi Instalaţii</t>
  </si>
  <si>
    <t>Facultatea de Inginerie Chimică şi Protecţia Mediului "Cristofor Simionescu"</t>
  </si>
  <si>
    <t>Facultatea Transfrontalieră</t>
  </si>
  <si>
    <t>Facultatea de Ştiinţe Juridice, Sociale şi Politice</t>
  </si>
  <si>
    <t>Facultatea de Istorie, Filosofie şi Teologie</t>
  </si>
  <si>
    <t>Facultatea de Ştiinţe şi Mediu</t>
  </si>
  <si>
    <t>Facultatea de Ştiinţa şi Ingineria Alimentelor</t>
  </si>
  <si>
    <t>Facultatea de Inginerie şi Agronomie din Brăila</t>
  </si>
  <si>
    <t>Facultatea de Automatică, Calculatoare, Inginerie Electrică şi Electronică</t>
  </si>
  <si>
    <t>Facultatea de Arhitectură Navală</t>
  </si>
  <si>
    <t>Facultatea de Moaşe şi Asistenţă Medicală</t>
  </si>
  <si>
    <t>Facultatea de Automatică, Calculatoare şi Electronică</t>
  </si>
  <si>
    <t>Facultatea de Electromecanică Navală</t>
  </si>
  <si>
    <t>Facultatea de Navigaţie şi Transport Naval</t>
  </si>
  <si>
    <t>Facultatea de Inginerie Mecanică, Industrială şi Maritimă</t>
  </si>
  <si>
    <t>Facultatea de Ştiinţe Aplicate şi Inginerie</t>
  </si>
  <si>
    <t>Facultatea de Ştiinţe ale Naturii şi Ştiinţe Agricole</t>
  </si>
  <si>
    <t>Facultatea de Drept și Ştiinţe Administrative</t>
  </si>
  <si>
    <t>Facultatea de Istorie şi Ştiinţe Politice</t>
  </si>
  <si>
    <t>Facultatea de Arte Decorative şi Design</t>
  </si>
  <si>
    <t>Facultatea de Arte Plastice</t>
  </si>
  <si>
    <t>Facultatea Teoretică</t>
  </si>
  <si>
    <t>Facultatea de Interpretare Muzicală</t>
  </si>
  <si>
    <t>Facultatea  de Medicină Dentară</t>
  </si>
  <si>
    <t>Facultatea de Teatru şi Film</t>
  </si>
  <si>
    <t>Facultatea de Teologie Reformată șI Muzică</t>
  </si>
  <si>
    <t>Facultatea de Teologie Greco-Catolică</t>
  </si>
  <si>
    <t>Facultatea de Ştiinţe Politice, Administrative şi ale Comunicării</t>
  </si>
  <si>
    <t>Facultatea de Business</t>
  </si>
  <si>
    <t>Facultatea de Studii Europene</t>
  </si>
  <si>
    <t>Facultatea de Ştiinţe Economice şi Gestiunea Afacerilor</t>
  </si>
  <si>
    <t>Facultatea de Sociologie şi Asistenţă Socială</t>
  </si>
  <si>
    <t>Facultatea de Istorie şi Filosofie</t>
  </si>
  <si>
    <t>Facultatea de Ştiinţa şi Ingineria Mediului</t>
  </si>
  <si>
    <t>Facultatea de Biologie şi Geologie</t>
  </si>
  <si>
    <t>Facultatea de Chimie şi Inginerie Chimică</t>
  </si>
  <si>
    <t>Facultatea de Zootehnie şi Biotehnologii</t>
  </si>
  <si>
    <t>Facultatea de Ingineria Materialelor şi a Mediului</t>
  </si>
  <si>
    <t>Facultatea de Autovehicule rutiere, Mecatronică și Mecanică</t>
  </si>
  <si>
    <t>Facultatea de Inginerie a Instalaţiilor</t>
  </si>
  <si>
    <t>Facultatea de Construcţii de Maşini</t>
  </si>
  <si>
    <t>Facultatea de Sociologie şi Comunicare</t>
  </si>
  <si>
    <t>Facultatea de Muzică</t>
  </si>
  <si>
    <t>Facultatea de Educaţie Fizică şi Sporturi Montane</t>
  </si>
  <si>
    <t>Facultatea de Ştiinţe Economice şi Administrarea Afacerilor</t>
  </si>
  <si>
    <t>Facultatea de Design de Produs şi Mediu</t>
  </si>
  <si>
    <t>Facultatea de Alimentaţie şi Turism</t>
  </si>
  <si>
    <t>Facultatea de Design de Mobilier și Inginerie a Lemnului</t>
  </si>
  <si>
    <t>Facultatea de Silvicultură şi Exploatări Forestiere</t>
  </si>
  <si>
    <t>Facultatea de Inginerie Tehnologică şi Management Industrial</t>
  </si>
  <si>
    <t>Facultatea de Inginerie Mecanică</t>
  </si>
  <si>
    <t>Facultatea de Ştiinţe ale Mişcării, Sportului şi Sănătăţii</t>
  </si>
  <si>
    <t>Facultatea de Design</t>
  </si>
  <si>
    <t>Facultatea de Ştiinţe ale Educaţiei, Psihologie şi Asistenţă Socială</t>
  </si>
  <si>
    <t>Facultatea de Ştiinţe Exacte</t>
  </si>
  <si>
    <t>Facultatea de Teologie Ortodoxă "Ilarion V. Felea"</t>
  </si>
  <si>
    <t>Facultatea de Ştiinţe Umaniste şi Sociale</t>
  </si>
  <si>
    <t>Facultatea de Inginerie Alimentară, Turism şi Protecţia Mediului</t>
  </si>
  <si>
    <t>Facultatea de Drept şi Ştiinţe Sociale</t>
  </si>
  <si>
    <t>Facultatea de Istorie şi Filologie</t>
  </si>
  <si>
    <t>Facultatea de Comunicare şi Relaţii Publice</t>
  </si>
  <si>
    <t>Facultatea de Ştiinţe Politice</t>
  </si>
  <si>
    <t>Facultatea de Kinetoterapie</t>
  </si>
  <si>
    <t>Facultatea de Film</t>
  </si>
  <si>
    <t>Facultatea de Istoria şi Teoria Artei</t>
  </si>
  <si>
    <t>Facultatea de Compoziţie, Muzicologie şi Pedagogie Muzicală</t>
  </si>
  <si>
    <t>Facultatea de Administraţie şi Management Public</t>
  </si>
  <si>
    <t>Facultatea de Relaţii Economice Internaţionale</t>
  </si>
  <si>
    <t>Facultatea de Contabilitate şi Informatică de Gestiune</t>
  </si>
  <si>
    <t>Facultatea de Finanţe, Asigurări, Bănci şi Burse de Valori</t>
  </si>
  <si>
    <t>Facultatea de Cibernetică, Statistică şi Informatică Economică</t>
  </si>
  <si>
    <t>Facultatea de Marketing</t>
  </si>
  <si>
    <t>Facultatea de Business şi Turism</t>
  </si>
  <si>
    <t>Facultatea de Administrarea Afacerilor, cu predare în limbi străine</t>
  </si>
  <si>
    <t>Facultatea de Economie Agroalimentară şi a Mediului</t>
  </si>
  <si>
    <t>Facultatea de Economie Teoretică şi Aplicată</t>
  </si>
  <si>
    <t>Facultatea de Teologie Romano Catolică</t>
  </si>
  <si>
    <t>Facultatea de Teologie Baptistă</t>
  </si>
  <si>
    <t>Facultatea de Jurnalism şi Ştiinţele Comunicării</t>
  </si>
  <si>
    <t>Facultatea de Geologie şi Geofizică</t>
  </si>
  <si>
    <t>Facultatea de Filosofie</t>
  </si>
  <si>
    <t>Facultatea de Administraţie şi Afaceri</t>
  </si>
  <si>
    <t>Facultatea de Management şi Dezvoltare Rurală - Filiala Călăraşi</t>
  </si>
  <si>
    <t>Facultatea de Management şi Dezvoltare Rurală - Filiala Slatina</t>
  </si>
  <si>
    <t>Facultatea de Îmbunătăţiri Funciare şi Ingineria Mediului</t>
  </si>
  <si>
    <t>Facultatea de Biotehnologii</t>
  </si>
  <si>
    <t>Facultatea de Ingineria și Gestiunea Producțiilor Animaliere</t>
  </si>
  <si>
    <t>Facultatea de Management şi Dezvoltare Rurală</t>
  </si>
  <si>
    <t>Facultatea de Urbanism</t>
  </si>
  <si>
    <t>Facultatea de Arhitectură de Interior</t>
  </si>
  <si>
    <t>Departamentul de Limbi Străine şi Comunicare</t>
  </si>
  <si>
    <t>Facultatea de Inginerie în Limbi Străine</t>
  </si>
  <si>
    <t>Facultatea de Geodezie</t>
  </si>
  <si>
    <t>Facultatea de Utilaj Tehnologic</t>
  </si>
  <si>
    <t>Facultatea de Căi Ferate, Drumuri şi Poduri</t>
  </si>
  <si>
    <t>Facultatea de Hidrotehnică</t>
  </si>
  <si>
    <t>Facultatea de Construcţii Civile, Industriale şi Agricole</t>
  </si>
  <si>
    <t>Facultatea de Antreprenoriat, Ingineria şi Managementul Afacerilor</t>
  </si>
  <si>
    <t>Facultatea de Inginerie Medicală</t>
  </si>
  <si>
    <t>Facultatea de Ştiinţe Aplicate</t>
  </si>
  <si>
    <t>Facultatea de Chimie Aplicată şi Ştiinţa Materialelor</t>
  </si>
  <si>
    <t>Facultatea de Inginerie Aerospaţială</t>
  </si>
  <si>
    <t>Facultatea de Transporturi</t>
  </si>
  <si>
    <t>Facultatea de Ingineria Sistemelor Biotehnice</t>
  </si>
  <si>
    <t>Facultatea de Inginerie Industrială și Robotică</t>
  </si>
  <si>
    <t>Facultatea de Inginerie Mecanică şi Mecatronică</t>
  </si>
  <si>
    <t>Facultatea de Energetică</t>
  </si>
  <si>
    <t>Facultate</t>
  </si>
  <si>
    <t>ID Facultate</t>
  </si>
  <si>
    <t>Tara</t>
  </si>
  <si>
    <t>ID Tara</t>
  </si>
  <si>
    <t>Localitate</t>
  </si>
  <si>
    <t>ID Localitate</t>
  </si>
  <si>
    <t>Domeniu studiu</t>
  </si>
  <si>
    <t>ID Domeniu studiu</t>
  </si>
  <si>
    <t>Specializare</t>
  </si>
  <si>
    <t>ID Specializare</t>
  </si>
  <si>
    <t>Tip acreditare</t>
  </si>
  <si>
    <t>ID Tip acreditare</t>
  </si>
  <si>
    <t>Forma invatamant</t>
  </si>
  <si>
    <t>ID Forma invatamant</t>
  </si>
  <si>
    <t>Ciclu de studiu</t>
  </si>
  <si>
    <t>ID Ciclu de studiu</t>
  </si>
  <si>
    <t>Limba predare</t>
  </si>
  <si>
    <t>ID Limba predare</t>
  </si>
  <si>
    <t>Durata studiu</t>
  </si>
  <si>
    <t>Numar credite</t>
  </si>
  <si>
    <t>România</t>
  </si>
  <si>
    <t>ORADEA</t>
  </si>
  <si>
    <t>Managementul dezvoltării afacerilor</t>
  </si>
  <si>
    <t>A</t>
  </si>
  <si>
    <t>Învăţământ cu frecvenţă (IF)</t>
  </si>
  <si>
    <t>Master</t>
  </si>
  <si>
    <t>Maghiară</t>
  </si>
  <si>
    <t>BUCUREŞTI</t>
  </si>
  <si>
    <t>Arte vizuale</t>
  </si>
  <si>
    <t>Sculptură</t>
  </si>
  <si>
    <t>Română</t>
  </si>
  <si>
    <t>Pictură</t>
  </si>
  <si>
    <t>Filologie</t>
  </si>
  <si>
    <t>Traducere şi interpretariat</t>
  </si>
  <si>
    <t>Engleză/Germană/Maghiară</t>
  </si>
  <si>
    <t>TÎRGU MUREŞ</t>
  </si>
  <si>
    <t>Limbi moderne aplicate</t>
  </si>
  <si>
    <t>AP</t>
  </si>
  <si>
    <t>Licență</t>
  </si>
  <si>
    <t>Engleză/Franceză/Germană/Italiană</t>
  </si>
  <si>
    <t>Sănătate (Medicină Dentară - Reglementată general)</t>
  </si>
  <si>
    <t>Asistenţă de profilaxie stomatologică</t>
  </si>
  <si>
    <t>Muzică</t>
  </si>
  <si>
    <t>Interpretare muzicală - canto</t>
  </si>
  <si>
    <t>GALAŢI</t>
  </si>
  <si>
    <t>Informatică</t>
  </si>
  <si>
    <t>SFÎNTU GHEORGHE</t>
  </si>
  <si>
    <t>Silvicultură</t>
  </si>
  <si>
    <t>Teatru şi artele spectacolului</t>
  </si>
  <si>
    <t>Artele spectacolului (coregrafie)</t>
  </si>
  <si>
    <t>ARAD</t>
  </si>
  <si>
    <t>Ştiinţe administrative</t>
  </si>
  <si>
    <t>Poliţie locală</t>
  </si>
  <si>
    <t>Ştiinţe ale educaţiei</t>
  </si>
  <si>
    <t>Pedagogia învăţământului primar şi preşcolar</t>
  </si>
  <si>
    <t>MUNICIPIUL TIMIŞOARA</t>
  </si>
  <si>
    <t>Sănătate (Farmacie - Reglementată general)</t>
  </si>
  <si>
    <t>Cosmetică medicală şi tehnologia produsului cosmetic</t>
  </si>
  <si>
    <t>Învăţământ la distanţă (ID)</t>
  </si>
  <si>
    <t>Contabilitate şi informatică de gestiune</t>
  </si>
  <si>
    <t>Ştiinţe ale comunicării</t>
  </si>
  <si>
    <t>Comunicare și media emergente</t>
  </si>
  <si>
    <t>Inginerie industrială</t>
  </si>
  <si>
    <t>Sisteme de producție digitale</t>
  </si>
  <si>
    <t>Inginerie energetică</t>
  </si>
  <si>
    <t>Energetică și tehnologii informatice</t>
  </si>
  <si>
    <t>SUCEAVA</t>
  </si>
  <si>
    <t>Media digitală</t>
  </si>
  <si>
    <t>Limbă şi literatură</t>
  </si>
  <si>
    <t>Limbă şi literatură modernă A - Limbă şi literatură modernă B</t>
  </si>
  <si>
    <t>Engleză/Italiană</t>
  </si>
  <si>
    <t>Engleză/Spaniolă</t>
  </si>
  <si>
    <t>Sociologie</t>
  </si>
  <si>
    <t>Resurse umane</t>
  </si>
  <si>
    <t>Ştiinţe inginereşti aplicate</t>
  </si>
  <si>
    <t>Echipamente şi sisteme medicale</t>
  </si>
  <si>
    <t>Ingineria autovehiculelor</t>
  </si>
  <si>
    <t>Autovehicule rutiere</t>
  </si>
  <si>
    <t>Echipamente şi sisteme de comandă şi control pentru autovehicule</t>
  </si>
  <si>
    <t>Inginerie electronică, telecomunicaţii şi tehnologii informaţionale</t>
  </si>
  <si>
    <t>Reţele şi software de telecomunicaţii</t>
  </si>
  <si>
    <t>Științe gastronomice</t>
  </si>
  <si>
    <t>REŞIŢA</t>
  </si>
  <si>
    <t>Inginerie electrică</t>
  </si>
  <si>
    <t>Informatică aplicată în inginerie electrică</t>
  </si>
  <si>
    <t>Mecatronică şi robotică</t>
  </si>
  <si>
    <t>Robotică</t>
  </si>
  <si>
    <t>Engleză</t>
  </si>
  <si>
    <t>IAŞI</t>
  </si>
  <si>
    <t>Limbă şi literatură modernă - Limbă şi literatură clasică</t>
  </si>
  <si>
    <t>Italiană/Latină</t>
  </si>
  <si>
    <t>Rusă/Latină</t>
  </si>
  <si>
    <t>Germană/Latină</t>
  </si>
  <si>
    <t>Franceză/Latină</t>
  </si>
  <si>
    <t>Engleză/Latină</t>
  </si>
  <si>
    <t>Fizică</t>
  </si>
  <si>
    <t>Comunicare managerială şi resurse umane</t>
  </si>
  <si>
    <t>Cultură germană în context european</t>
  </si>
  <si>
    <t>Germană</t>
  </si>
  <si>
    <t>Inginerie şi management</t>
  </si>
  <si>
    <t>Reprezentare digitală şi managementul informaţiilor în construcţii (BIM)</t>
  </si>
  <si>
    <t>PITEŞTI</t>
  </si>
  <si>
    <t>Managementul logisticii</t>
  </si>
  <si>
    <t>Republica Moldova</t>
  </si>
  <si>
    <t>CAHUL</t>
  </si>
  <si>
    <t>Ştiinţa mediului</t>
  </si>
  <si>
    <t>Ecologie şi protecţia mediului</t>
  </si>
  <si>
    <t>Inginerie mecanică</t>
  </si>
  <si>
    <t>CLUJ-NAPOCA</t>
  </si>
  <si>
    <t>Ştiinţe penale şi criminalistică</t>
  </si>
  <si>
    <t>BACĂU</t>
  </si>
  <si>
    <t>Inginerie chimică</t>
  </si>
  <si>
    <t>Chimia moleculelor bioactive - obţinere, valorificare, controlul şi asigurarea calităţii</t>
  </si>
  <si>
    <t>BRAŞOV</t>
  </si>
  <si>
    <t>Cultură și discurs în spațiul anglo-american</t>
  </si>
  <si>
    <t>Învăţământ cu frecvenţă redusă (IFR)</t>
  </si>
  <si>
    <t>CONSTANŢA</t>
  </si>
  <si>
    <t>Ingineria sistemelor electroenergetice</t>
  </si>
  <si>
    <t>Arhitectură navală</t>
  </si>
  <si>
    <t>Ingineria sistemelor și echipamentelor navale avansate</t>
  </si>
  <si>
    <t>Sănătate (Medicină Dentară - Reglementată sectorial)</t>
  </si>
  <si>
    <t>Medicină dentară</t>
  </si>
  <si>
    <t>Managementul sistemelor logistice</t>
  </si>
  <si>
    <t>Operarea şi conducerea sistemelor electroenergetice navale</t>
  </si>
  <si>
    <t>Comunicare socială proactivă a poliţiei</t>
  </si>
  <si>
    <t>Relaţii internaţionale şi studii europene</t>
  </si>
  <si>
    <t>Diplomație în afaceri</t>
  </si>
  <si>
    <t>Managementul activităţilor de ordine publică şi siguranţă naţională</t>
  </si>
  <si>
    <t>Master didactic în Biologie</t>
  </si>
  <si>
    <t>Master didactic în Chimie</t>
  </si>
  <si>
    <t>Master didactic în Fizică</t>
  </si>
  <si>
    <t>Master didactic în Filosofie</t>
  </si>
  <si>
    <t>Master didactic în Geografie</t>
  </si>
  <si>
    <t>Master didactic în Istorie</t>
  </si>
  <si>
    <t>Kinetoterapie</t>
  </si>
  <si>
    <t>Kinetoterapie şi motricitate specială</t>
  </si>
  <si>
    <t>Calculatoare şi tehnologia informaţiei</t>
  </si>
  <si>
    <t>Ingineria internetului dispozitivelor inteligente</t>
  </si>
  <si>
    <t>Franceză</t>
  </si>
  <si>
    <t>Master didactic în Limbă și literatură</t>
  </si>
  <si>
    <t>Master didactic în Inginerie și management</t>
  </si>
  <si>
    <t>Master didactic în Inginerie mecanică</t>
  </si>
  <si>
    <t>TIMIŞOARA</t>
  </si>
  <si>
    <t>Masterat didactic în Educație fizică și sport</t>
  </si>
  <si>
    <t>Masterat didactic în Fizică</t>
  </si>
  <si>
    <t>Masterat didactic în Biologie</t>
  </si>
  <si>
    <t>Masterat didactic în Geografie</t>
  </si>
  <si>
    <t>Masterat didactic în Chimie</t>
  </si>
  <si>
    <t>SATU MARE</t>
  </si>
  <si>
    <t>Audit şi expertiză contabilă</t>
  </si>
  <si>
    <t>Protecția integrității organizațiilor</t>
  </si>
  <si>
    <t>Relații internaționale și cooperare strategică</t>
  </si>
  <si>
    <t>Comunicare instituțională și management educational</t>
  </si>
  <si>
    <t>Oceanografie și hidrografie</t>
  </si>
  <si>
    <t>Științe militare</t>
  </si>
  <si>
    <t>Sisteme de securitate</t>
  </si>
  <si>
    <t>Sculptură și ceramică</t>
  </si>
  <si>
    <t>Patrimoniu, restaurare și curatoriat în artele vizuale</t>
  </si>
  <si>
    <t>Design interior și de produs</t>
  </si>
  <si>
    <t>Global Entrepreneurship, Economics and Management</t>
  </si>
  <si>
    <t>Drept fiscal</t>
  </si>
  <si>
    <t>Geografie</t>
  </si>
  <si>
    <t>Sisteme informatice geografice</t>
  </si>
  <si>
    <t>Horticultură</t>
  </si>
  <si>
    <t>Ecodesign urban</t>
  </si>
  <si>
    <t>Managementul organizațiilor publice</t>
  </si>
  <si>
    <t>Ingineria sistemelor</t>
  </si>
  <si>
    <t>Securitatea informațiilor și a sistemelor cibernetice</t>
  </si>
  <si>
    <t>Procesare cloud și internetul lucrurilor/ Cloud Computing and Internet of Things</t>
  </si>
  <si>
    <t>Învățare automată/ Machine Learning</t>
  </si>
  <si>
    <t>Ingineria datelor</t>
  </si>
  <si>
    <t>Istorie</t>
  </si>
  <si>
    <t>Istorie și turism cultural</t>
  </si>
  <si>
    <t>Traducere multimodală</t>
  </si>
  <si>
    <t>Scriere creatoare și compoziție digitală</t>
  </si>
  <si>
    <t>E-business management și marketing</t>
  </si>
  <si>
    <t>Finanţe</t>
  </si>
  <si>
    <t>Servicii și tehnologii financiare</t>
  </si>
  <si>
    <t>Poliție locală și siguranță publică</t>
  </si>
  <si>
    <t>Inteligență artificială</t>
  </si>
  <si>
    <t>Bioinformatică</t>
  </si>
  <si>
    <t>Reziliență în educație/ Resilience in Education</t>
  </si>
  <si>
    <t>Economie</t>
  </si>
  <si>
    <t>Globalizare și diplomație economică</t>
  </si>
  <si>
    <t>Drept penal și criminalistică</t>
  </si>
  <si>
    <t>Securitate cibernetică</t>
  </si>
  <si>
    <t>SIBIU</t>
  </si>
  <si>
    <t>Sisteme mecatronice avansate</t>
  </si>
  <si>
    <t>Știința sportului și educației fizice</t>
  </si>
  <si>
    <t>Educaţie fizică şcolară şi activităţi extracurriculare</t>
  </si>
  <si>
    <t>PLOIEŞTI</t>
  </si>
  <si>
    <t>Inginerie chimică pentru rafinării și petrochimie/ Chemical Engineering for Refineries and Petrochemistry</t>
  </si>
  <si>
    <t>Fotografie și artă video</t>
  </si>
  <si>
    <t>Grafică, ilustrație, animație</t>
  </si>
  <si>
    <t>Sculptură – practici contemporane</t>
  </si>
  <si>
    <t>Studii de modă</t>
  </si>
  <si>
    <t>Artă murală și ceramică în spațiul public</t>
  </si>
  <si>
    <t>Metode noninvazive de diagnostic și tratament în medicina dentară (Terapii laser)</t>
  </si>
  <si>
    <t>Masterat didactic în Teologie (Teologie ortodoxă)</t>
  </si>
  <si>
    <t>Sociologia organizațiilor și a resurselor umane</t>
  </si>
  <si>
    <t>Biologie</t>
  </si>
  <si>
    <t>Laborator medical</t>
  </si>
  <si>
    <t>CRAIOVA</t>
  </si>
  <si>
    <t>Masterat didactic în Informatică</t>
  </si>
  <si>
    <t>Masterat didactic în Calculatoare și Tehnologia Informației</t>
  </si>
  <si>
    <t>Masterat didactic în Administrarea afacerilor</t>
  </si>
  <si>
    <t>Masterat didactic în Psihologie</t>
  </si>
  <si>
    <t>Masterat didactic în Științe inginerești aplicate</t>
  </si>
  <si>
    <t>Medicină</t>
  </si>
  <si>
    <t>Etică și metodologia cercetării în medicină</t>
  </si>
  <si>
    <t>Management şi antreprenoriat cultural</t>
  </si>
  <si>
    <t>Masterat didactic în Istorie</t>
  </si>
  <si>
    <t>Masterat didactic în Economie</t>
  </si>
  <si>
    <t>Masterat didactic în Matematică</t>
  </si>
  <si>
    <t>Masterat didactic în Teologie (Teologie grecocatolică)</t>
  </si>
  <si>
    <t>Marketing digital</t>
  </si>
  <si>
    <t>Studii de media digitală și de jocuri/ Digital Media and Games Studies</t>
  </si>
  <si>
    <t>Ingineria mediului</t>
  </si>
  <si>
    <t>Managementul dezastrelor</t>
  </si>
  <si>
    <t>Analiză spațială și organizarea teritorială/ Spatial Analysis and Teritorial Organization</t>
  </si>
  <si>
    <t>Biotehnologii</t>
  </si>
  <si>
    <t>Biotehnologii aplicate</t>
  </si>
  <si>
    <t>Sisteme poligrafice sustenabile</t>
  </si>
  <si>
    <t>ALBA IULIA</t>
  </si>
  <si>
    <t>Fiabilitatea și mentenanța sistemelor mecanice</t>
  </si>
  <si>
    <t>Profilaxie și recuperare motrică și somatofuncțională prin exercițiu fizic</t>
  </si>
  <si>
    <t>Educație fizică școlară și activități motrice de timp liber</t>
  </si>
  <si>
    <t>Silvicultură europeană/ European Forestry</t>
  </si>
  <si>
    <t>Sport și performanță motrică</t>
  </si>
  <si>
    <t>Studii vizuale și curatoriale</t>
  </si>
  <si>
    <t>Master didactic în Economie</t>
  </si>
  <si>
    <t>Informatică de gestiune</t>
  </si>
  <si>
    <t>Afaceri digitale și inovație</t>
  </si>
  <si>
    <t>Teologie</t>
  </si>
  <si>
    <t>Managementul economic și administrarea unităților bisericești</t>
  </si>
  <si>
    <t>Filosofie</t>
  </si>
  <si>
    <t>Filosofie și gândire critică</t>
  </si>
  <si>
    <t>Psihologie</t>
  </si>
  <si>
    <t>Psihologia traumei – evaluare clinică și intervenție terapeutică</t>
  </si>
  <si>
    <t>Psihologie clinică și psihoterapia copilului și familiei</t>
  </si>
  <si>
    <t>Psihologie educațională și consiliere psihologică</t>
  </si>
  <si>
    <t>Comunicare și studii interculturale</t>
  </si>
  <si>
    <t>Procesarea limbajului natural/ Natural language Processing</t>
  </si>
  <si>
    <t>Ingineria și managementul orașelor inteligente</t>
  </si>
  <si>
    <t>Robotică și automatizări/ Robotics and Automation</t>
  </si>
  <si>
    <t>Artă murală și spațiul public</t>
  </si>
  <si>
    <t>Dreptul și guvernanța afacerilor europene și internaționale</t>
  </si>
  <si>
    <t>Farmacie</t>
  </si>
  <si>
    <t>Industrie farmaceutică</t>
  </si>
  <si>
    <t>Ingineria produselor alimentare</t>
  </si>
  <si>
    <t>Tehnologii avansate în industria alimentară</t>
  </si>
  <si>
    <t>Administrația publică și politici europene</t>
  </si>
  <si>
    <t>Artă muzicală în contemporaneitate</t>
  </si>
  <si>
    <t>Contabilitate, audit şi expertiză contabilă</t>
  </si>
  <si>
    <t>Matematică</t>
  </si>
  <si>
    <t>Matematică aplicată în științe</t>
  </si>
  <si>
    <t>Matematici fundamentale pentru învățământ</t>
  </si>
  <si>
    <t>Matematici fundamentale pentru învățământ și cercetare</t>
  </si>
  <si>
    <t>Cosmetologie și dermofarmacie</t>
  </si>
  <si>
    <t>Inginerie medicală</t>
  </si>
  <si>
    <t>Inginerie chimică (trunchi comun)</t>
  </si>
  <si>
    <t>n/a</t>
  </si>
  <si>
    <t>Doctorat</t>
  </si>
  <si>
    <t>Ştiinţe politice</t>
  </si>
  <si>
    <t>Studii culturale</t>
  </si>
  <si>
    <t>Geologie</t>
  </si>
  <si>
    <t>Chimie</t>
  </si>
  <si>
    <t>Ştiinţe penale</t>
  </si>
  <si>
    <t>Dreptul afacerilor</t>
  </si>
  <si>
    <t>Criminalistică</t>
  </si>
  <si>
    <t>Matematică didactică</t>
  </si>
  <si>
    <t>Biologie aplicată</t>
  </si>
  <si>
    <t>Autovehiculul și mediul</t>
  </si>
  <si>
    <t>Administraţie publică</t>
  </si>
  <si>
    <t>Administrarea afacerilor/ Business administration</t>
  </si>
  <si>
    <t>Management educaţional</t>
  </si>
  <si>
    <t>Chimie criminalistică</t>
  </si>
  <si>
    <t>Carieră judiciară</t>
  </si>
  <si>
    <t>Agronomie</t>
  </si>
  <si>
    <t>Protecție și expertizare fitosanitară</t>
  </si>
  <si>
    <t>Ingineria mediului (trunchi comun)</t>
  </si>
  <si>
    <t>Sisteme de transport operațional</t>
  </si>
  <si>
    <t>Management în sport</t>
  </si>
  <si>
    <t>DEVA</t>
  </si>
  <si>
    <t>Sănătate (Medicină - Reglementată general)</t>
  </si>
  <si>
    <t>Radiologie şi imagistică</t>
  </si>
  <si>
    <t>Inginerie şi management în agricultură şi dezvoltare rurală</t>
  </si>
  <si>
    <t>Inginerie şi management în alimentaţia publică şi agroturism</t>
  </si>
  <si>
    <t>Amenajări hidrotehnice și protecția mediului</t>
  </si>
  <si>
    <t>Tehnică dentară</t>
  </si>
  <si>
    <t>Chimie farmaceutică</t>
  </si>
  <si>
    <t>BAIA MARE</t>
  </si>
  <si>
    <t>Chimie medicală</t>
  </si>
  <si>
    <t>Sisteme şi echipamente termice</t>
  </si>
  <si>
    <t>Arte plastice (pictură)</t>
  </si>
  <si>
    <t>Inginerie electrică şi calculatoare</t>
  </si>
  <si>
    <t>HOREZU</t>
  </si>
  <si>
    <t>Electromecanică</t>
  </si>
  <si>
    <t>HUNEDOARA</t>
  </si>
  <si>
    <t>Economia comerţului, turismului şi serviciilor</t>
  </si>
  <si>
    <t>Studii de conflict</t>
  </si>
  <si>
    <t>Sănătate (Medicină - Reglementată sectorial)</t>
  </si>
  <si>
    <t>Asistenţă medicală generală</t>
  </si>
  <si>
    <t>BUZĂU</t>
  </si>
  <si>
    <t>Drept european şi internaţional</t>
  </si>
  <si>
    <t>Informatică aplicată</t>
  </si>
  <si>
    <t>Ingineria şi protecţia mediului în agricultură</t>
  </si>
  <si>
    <t>Managementul afacerilor mici şi mijlocii</t>
  </si>
  <si>
    <t>Traducere şi terminologie</t>
  </si>
  <si>
    <t>Română/Engleză/Franceză</t>
  </si>
  <si>
    <t>Limbile moderne în dinamică plurilingvă</t>
  </si>
  <si>
    <t>Franceză/Engleză</t>
  </si>
  <si>
    <t>Administraţie publică şi management în context european</t>
  </si>
  <si>
    <t>Artă teatrală</t>
  </si>
  <si>
    <t>Arte performative şi film</t>
  </si>
  <si>
    <t>Asistenţă managerială şi administrativă</t>
  </si>
  <si>
    <t>Baze de date şi tehnologii software</t>
  </si>
  <si>
    <t>Biochimie clinică aplicată</t>
  </si>
  <si>
    <t>Bioinformatică medicală</t>
  </si>
  <si>
    <t>Bioinginerie aplicată pentru medicina regenerativă</t>
  </si>
  <si>
    <t>Consiliere şi integrare educaţională</t>
  </si>
  <si>
    <t>Evaluare clinică, consiliere şi psihoterapie de cuplu şi familie</t>
  </si>
  <si>
    <t>Jurisdicţii speciale</t>
  </si>
  <si>
    <t>Leadership şi comunicare politică</t>
  </si>
  <si>
    <t>Economie şi afaceri internaţionale</t>
  </si>
  <si>
    <t>Leadership şi consultanţă în afacerile comerciale internaţionale</t>
  </si>
  <si>
    <t>Lingvistică aplicată - Limba engleză ca limbă străină</t>
  </si>
  <si>
    <t>Lingvistică franceză aplicată</t>
  </si>
  <si>
    <t>Management educaţional sanitar</t>
  </si>
  <si>
    <t>Management în dezvoltare rurală şi agroturism</t>
  </si>
  <si>
    <t>Medicină tradiţională chineză</t>
  </si>
  <si>
    <t>Metode moderne în predarea informaticii</t>
  </si>
  <si>
    <t>Metode moderne în predarea matematicii</t>
  </si>
  <si>
    <t>Paradigme ale comunicării interculturale</t>
  </si>
  <si>
    <t>Perspective lingvistice şi literare în spaţiul francofon</t>
  </si>
  <si>
    <t>Responsabilitatea juridică a personalului medical</t>
  </si>
  <si>
    <t>Securitate cibernetică şi managementul riscurilor</t>
  </si>
  <si>
    <t>Sistem informaţional contabil în asistarea deciziilor</t>
  </si>
  <si>
    <t>Ingineria şi managementul afacerilor</t>
  </si>
  <si>
    <t>Ştiinţa datelor/ Data Science</t>
  </si>
  <si>
    <t>Studii avansate în matematică/ Advanced Studies in Matematics</t>
  </si>
  <si>
    <t>Sustenabilitate în agricultură, producţia alimentară şi Tehnologia alimentară în regiunea Dunării/ Sustainability in Agriculture, Food Production and Food Technology in the Danube Region</t>
  </si>
  <si>
    <t>Tehnologii informatice pentru telecomunicaţii/ Information Technologies for Telecomunications</t>
  </si>
  <si>
    <t>Tehnologii moderne pentru ingineria medicală</t>
  </si>
  <si>
    <t>Ştiinţa şi siguranţa alimentului</t>
  </si>
  <si>
    <t>Securitate şi tehnologie/ Security and Technology</t>
  </si>
  <si>
    <t>Relaţii publice şi dezvoltare interculturală</t>
  </si>
  <si>
    <t>Monitorizarea şi controlul sistemelor eletroenergetice</t>
  </si>
  <si>
    <t>Managementul integrat al afacerilor</t>
  </si>
  <si>
    <t>Ingineria transporturilor</t>
  </si>
  <si>
    <t>Logistica şi siguranţa în transporturi</t>
  </si>
  <si>
    <t>Ingineria şi managementul calităţii şi competitivităţii/ Quality and Competitiveness Engineering and Management</t>
  </si>
  <si>
    <t>Digitalizarea în ştiinţe umaniste/ Digital Humanities</t>
  </si>
  <si>
    <t>Credinţă şi viaţă. Studii de teologie publică./ Faith and Life. Studies in Public Theology</t>
  </si>
  <si>
    <t>Contabilitate, fiscalitate şi audit</t>
  </si>
  <si>
    <t>CHIȘINĂU</t>
  </si>
  <si>
    <t>Comunicare instituţională</t>
  </si>
  <si>
    <t>Biorafinării şi bioproduse</t>
  </si>
  <si>
    <t>Limba rusă aplicată. Tehnici de traducere</t>
  </si>
  <si>
    <t>Rusă</t>
  </si>
  <si>
    <t>Gestiunea și auditul afacerilor</t>
  </si>
  <si>
    <t>Securitate şi logică aplicată/ Security and Applied Logic</t>
  </si>
  <si>
    <t>Tehnici avansate în ingineria autovehiculelor/ Advanced Techniques in Automotive</t>
  </si>
  <si>
    <t>Inteligenţă artificială/ Artificial Intelligence</t>
  </si>
  <si>
    <t>Managementul achiziţiilor publice</t>
  </si>
  <si>
    <t>Circuite şi sisteme integrate de comunicaţii</t>
  </si>
  <si>
    <t>Interpretare muzicală</t>
  </si>
  <si>
    <t>Tehnologia informaţiei aplicată în aviaţie/ Information Technologies Applied in Aviation</t>
  </si>
  <si>
    <t>HAMBURG</t>
  </si>
  <si>
    <t>Franceză/Germană</t>
  </si>
  <si>
    <t>Program pregătitor de limba română pentru cetățenii străini</t>
  </si>
  <si>
    <t>An pregătitor</t>
  </si>
  <si>
    <t>Sârbă/Italiană</t>
  </si>
  <si>
    <t>Bioeconomie/ Bioeconomy</t>
  </si>
  <si>
    <t>Medicină veterinară</t>
  </si>
  <si>
    <t>Lingvistică aplicată - Perspective moderne în didactica limbii engleze/ Applied Linguistics - Modern Perspectives in ELT</t>
  </si>
  <si>
    <t>Biotehnologii (trunchi comun)</t>
  </si>
  <si>
    <t>Inginerie şi management (trunchi comun)</t>
  </si>
  <si>
    <t>Engleză/Franceză</t>
  </si>
  <si>
    <t>Engleză/Germană</t>
  </si>
  <si>
    <t>Asistenţă socială</t>
  </si>
  <si>
    <t>Servicii de asistenţă socială</t>
  </si>
  <si>
    <t>Procesarea şi designul avansat al materialelor/ Advanced materials processing and design</t>
  </si>
  <si>
    <t>Energetica orașelor inteligente</t>
  </si>
  <si>
    <t>Hidro-informatică și ingineria apei</t>
  </si>
  <si>
    <t>Nano-bio-inginerie și managementul mediului</t>
  </si>
  <si>
    <t>Transporturi și logistică verzi, inteligente și integrate/ Green, Smart and Integrated Transport and Logistics</t>
  </si>
  <si>
    <t>Sisteme complexe/ Complex systems</t>
  </si>
  <si>
    <t>Sisteme cyber-fizice/ Cyber physical systems</t>
  </si>
  <si>
    <t>Antreprenoriat şi ingineria afacerilor/ Business Engineering and Entrepreneurship</t>
  </si>
  <si>
    <t>Design de produs și inginerie inovativă</t>
  </si>
  <si>
    <t>Inginerie civilă și instalații</t>
  </si>
  <si>
    <t>Ingineria sistemelor de securitate la incendiu și de securitate fizică în clădiri</t>
  </si>
  <si>
    <t>Ingineria şi ştiinţa mediului acvatic/ Aquatic Environment Engineering an Science</t>
  </si>
  <si>
    <t>Tehnologii speciale în industria alimentară</t>
  </si>
  <si>
    <t>Comerț exterior</t>
  </si>
  <si>
    <t>Drept antreprenorial</t>
  </si>
  <si>
    <t>Cinematografie şi media</t>
  </si>
  <si>
    <t>Arta designului de jocuri/ Art of Game Design</t>
  </si>
  <si>
    <t>Inginerie şi management în agribusiness</t>
  </si>
  <si>
    <t>Securitate cibernetică/ Cyber Security</t>
  </si>
  <si>
    <t>Limba și literatura română - Identitate în multiculturalism</t>
  </si>
  <si>
    <t>Sisteme de management și control ale autovehiculelor</t>
  </si>
  <si>
    <t>Sisteme informatice avansate: modelare, proiectare, dezvoltare</t>
  </si>
  <si>
    <t>Germană/Engleză</t>
  </si>
  <si>
    <t>Asistenţa socială şi economie socială</t>
  </si>
  <si>
    <t>Management curricular</t>
  </si>
  <si>
    <t>Arte digitale interactive/ Digital interactive arts</t>
  </si>
  <si>
    <t>Muzică bisericească ecumenică</t>
  </si>
  <si>
    <t>Bune practici în oncologie medicală</t>
  </si>
  <si>
    <t>Artă muzicală/ Musical Art</t>
  </si>
  <si>
    <t>Istoria și teoria artei</t>
  </si>
  <si>
    <t>Practici curatoriale contemporane</t>
  </si>
  <si>
    <t>Ingineria şi managementul proiectelor de construcții</t>
  </si>
  <si>
    <t>Managementul organizațiilor publice și private</t>
  </si>
  <si>
    <t>Inginerie marină/ Marine Engineering</t>
  </si>
  <si>
    <t>Evoluţia ecosistemelor naturale şi conservarea biodiversităţii</t>
  </si>
  <si>
    <t>Administrație publică/ Public administration</t>
  </si>
  <si>
    <t>Conservare şi restaurare</t>
  </si>
  <si>
    <t>Sisteme de control în automobile/ Automotive electronic control system</t>
  </si>
  <si>
    <t>Optică și optometrie</t>
  </si>
  <si>
    <t>Chimie clinică</t>
  </si>
  <si>
    <t>Arhivistică</t>
  </si>
  <si>
    <t>PETROŞANI</t>
  </si>
  <si>
    <t>Mine, petrol şi gaze</t>
  </si>
  <si>
    <t>Ingineria proiectării construcţiilor miniere</t>
  </si>
  <si>
    <t>Gestionarea și protecția mediului</t>
  </si>
  <si>
    <t>Administraţie publică şi dezvoltare comunitară</t>
  </si>
  <si>
    <t>Intervenții educaționale în școala incluzivă</t>
  </si>
  <si>
    <t>TÎRGU JIU</t>
  </si>
  <si>
    <t>Managementul poliţiei locale</t>
  </si>
  <si>
    <t>Securitate și relații internaționale</t>
  </si>
  <si>
    <t>Kinetoterapia în afecţiunile ortopedice şi în traumatologia sportivă</t>
  </si>
  <si>
    <t>Reabilitare orală estetică</t>
  </si>
  <si>
    <t>Artele și noile media</t>
  </si>
  <si>
    <t>Condiționarea, păstrarea și degustarea vinurilor/Conditionnement, stockage et degustation du vin</t>
  </si>
  <si>
    <t>Administrarea afacerilor agricole/ Agricultural business administration</t>
  </si>
  <si>
    <t>Analiza volumelor mari de date - metode şi tehnologii/ Big data - Data science, Analytics and tehnologies</t>
  </si>
  <si>
    <t>Inginerie genistică, Inginerie de armament, rachete și muniții</t>
  </si>
  <si>
    <t>Securitatea la încărcări extreme a structurilor</t>
  </si>
  <si>
    <t>Informații și securitate națională</t>
  </si>
  <si>
    <t>Conducere - Informații pentru apărare</t>
  </si>
  <si>
    <t>Managementul securității în relații internaționale</t>
  </si>
  <si>
    <t>Asistență socială - Politici sociale europene</t>
  </si>
  <si>
    <t>Informatică aplicată în ingineria mediului</t>
  </si>
  <si>
    <t>Mecatronica sistemelor biotehnice</t>
  </si>
  <si>
    <t>TULCEA</t>
  </si>
  <si>
    <t>Economie agroalimentară şi a mediului</t>
  </si>
  <si>
    <t>Fotografie</t>
  </si>
  <si>
    <t>Inginerie civilă</t>
  </si>
  <si>
    <t>Inginerie urbană şi dezvoltare regională</t>
  </si>
  <si>
    <t>Artă sacră</t>
  </si>
  <si>
    <t>Management și audit de mediu</t>
  </si>
  <si>
    <t>Studii de securitate</t>
  </si>
  <si>
    <t>Cinematografie, fotografie, media (Comunicare audiovizuală: scenaristică, publicitate media, filmologie)</t>
  </si>
  <si>
    <t>Controlul şi expertiza produselor alimentare</t>
  </si>
  <si>
    <t>Fizică medicală</t>
  </si>
  <si>
    <t>Educaţie fizică şi sport</t>
  </si>
  <si>
    <t>Educaţie fizică şi sportivă</t>
  </si>
  <si>
    <t>Biotehnologii agricole</t>
  </si>
  <si>
    <t>Controlul şi securitatea produselor alimentare</t>
  </si>
  <si>
    <t>Prelucrarea petrolului şi petrochimie</t>
  </si>
  <si>
    <t>Cartografie</t>
  </si>
  <si>
    <t>Cibernetică, statistică şi informatică economică</t>
  </si>
  <si>
    <t>Teologie protestantă pastorală</t>
  </si>
  <si>
    <t>Limbă şi literatură română - Limbă şi literatură modernă</t>
  </si>
  <si>
    <t>Română/Hindi</t>
  </si>
  <si>
    <t>Inginerie civilă (trunchi comun)</t>
  </si>
  <si>
    <t>Chimie biologică</t>
  </si>
  <si>
    <t>Analiză şi modelare prin ecuaţii diferenţiale şi stocastice</t>
  </si>
  <si>
    <t>Logică şi specificaţii formale</t>
  </si>
  <si>
    <t>Structuri fundamentale cu aplicaţii în algebră, geometrie şi topologie</t>
  </si>
  <si>
    <t>Biomateriale pentru ingineria ţesuturilor/ Biomaterials for tissue engineering</t>
  </si>
  <si>
    <t>Servicii energetice</t>
  </si>
  <si>
    <t>Calcul avansat în sisteme încorporate/ Advanced computing in embedded systems</t>
  </si>
  <si>
    <t>Imagistică avansată medicală</t>
  </si>
  <si>
    <t>Excelenţă sustenabilă şi leadership în industrie/ Nachhaltige Geschaftsexzellenz und Leadership in der Industrie</t>
  </si>
  <si>
    <t>Bioinformatică aplicată în ştiinţele vieţii/ Applied bioinformatics for life science</t>
  </si>
  <si>
    <t>Dreptul urbanismului şi al amenajării teritoriului</t>
  </si>
  <si>
    <t>Psihologia muncii, transporturilor şi serviciilor</t>
  </si>
  <si>
    <t>Patrimoniu creştin european</t>
  </si>
  <si>
    <t>Finanţe aplicate/ Master of Applied Finance</t>
  </si>
  <si>
    <t>Managementul afacerilor/ Business Management</t>
  </si>
  <si>
    <t>Art-terapie prin teatru şi artele spectacolului</t>
  </si>
  <si>
    <t>Consiliere şi evaluare psihologică</t>
  </si>
  <si>
    <t>Chimia şi ingineria nano- şi biomaterialelor</t>
  </si>
  <si>
    <t>Managementul resurselor umane în sectorul public</t>
  </si>
  <si>
    <t>Managementul resurselor umane şi sociologia organizaţiilor</t>
  </si>
  <si>
    <t>Analiza şi controlul produselor agrochimice, farmaceutice şi cosmetice/ Analysis and control of agrochemical, pharmaceutical and cosmetic products</t>
  </si>
  <si>
    <t>Analiza şi controlul produselor agrochimice, farmaceutice şi cosmetice</t>
  </si>
  <si>
    <t>Antreprenoriat şi administrarea afacerilor</t>
  </si>
  <si>
    <t>Artă muzicală</t>
  </si>
  <si>
    <t>Traducere şi terminologii în context european</t>
  </si>
  <si>
    <t>Engleză/Franceză/Germană</t>
  </si>
  <si>
    <t>Filosofie aplicată în organizaţii şi mediul de afaceri</t>
  </si>
  <si>
    <t>Bălţi</t>
  </si>
  <si>
    <t>Drept european</t>
  </si>
  <si>
    <t>Educaţie fizică şi consiliere sportivă</t>
  </si>
  <si>
    <t>Psihologie clinică şi psihoterapie</t>
  </si>
  <si>
    <t>Artele spectacolului de teatru</t>
  </si>
  <si>
    <t>Management logistic</t>
  </si>
  <si>
    <t>Conducere interarme - forţe terestre</t>
  </si>
  <si>
    <t>Conducere interarme - forţe navale</t>
  </si>
  <si>
    <t>Conducere interarme - forţe aeriene</t>
  </si>
  <si>
    <t>Management economico-financiar</t>
  </si>
  <si>
    <t>Biologie ambientală</t>
  </si>
  <si>
    <t>Conducere comunicaţii, tehnologia informaţiei şi apărare cibernetică</t>
  </si>
  <si>
    <t>Ingineria securităţii la incendiu</t>
  </si>
  <si>
    <t>Relaţii şi organizaţii internaţionale în dreptul contemporan</t>
  </si>
  <si>
    <t>Management financiar-contabil</t>
  </si>
  <si>
    <t>Afaceri internaţionale/ International Business</t>
  </si>
  <si>
    <t>Psihologie organizaţională şi managementul resurselor  umane</t>
  </si>
  <si>
    <t>Nutriţie şi dietetică</t>
  </si>
  <si>
    <t>MBA Româno-German “Management antreprenorial”</t>
  </si>
  <si>
    <t>Polimeri şi biopolimeri inteligenţi/ Smart polymers and biopolymers</t>
  </si>
  <si>
    <t>Controlul calităţii şi securitatea produselor alimentare</t>
  </si>
  <si>
    <t>Ingineria sistemelor electrice integrate în autovehicule/ Integrated electrical systems engineering in vehicles</t>
  </si>
  <si>
    <t>Sisteme de programe financiare/ Financial Computing</t>
  </si>
  <si>
    <t>Sisteme avansate de securitate/ Advanced cybersecurity</t>
  </si>
  <si>
    <t>Inginerie industrială/ Industrial Engineering</t>
  </si>
  <si>
    <t>Biomateriale inteligente şi aplicaţii/ Smart biomaterials and applications</t>
  </si>
  <si>
    <t>Managementul facilităţilor</t>
  </si>
  <si>
    <t>Biotehnologie şi antreprenoriat/ Biotechnology and entrepreneurship</t>
  </si>
  <si>
    <t>Siguranţa şi biosecuritatea produselor alimentare/ Food safety and biosecurity</t>
  </si>
  <si>
    <t>Probabilităţi şi statistică în finanţe şi ştiinţe</t>
  </si>
  <si>
    <t>Analiză matematică şi aplicaţii</t>
  </si>
  <si>
    <t>Afaceri publice internaţionale/ International Public Affairs</t>
  </si>
  <si>
    <t>Managementul fermei şi dezvoltarea afacerilor agricole/ Farm Management and Agribusiness Development</t>
  </si>
  <si>
    <t>Studii hispanice/ Master de estudio hispanicos</t>
  </si>
  <si>
    <t>Spaniolă</t>
  </si>
  <si>
    <t>Turism şi patrimoniu religios</t>
  </si>
  <si>
    <t>Excelenţă în business şi servicii/ Excellence in business and services</t>
  </si>
  <si>
    <t>Managementul industriei ospitalităţii rurale/ Management of Rural Hospitality Industry</t>
  </si>
  <si>
    <t>Managementul relaţiilor cu clienţii/ Customer Relationship Management</t>
  </si>
  <si>
    <t>Energetică şi tehnologii de mediu</t>
  </si>
  <si>
    <t>Design pentru noile media/ New media design</t>
  </si>
  <si>
    <t>Film documentar/ Documentary film</t>
  </si>
  <si>
    <t>Tehnologii interactive pentru arte performative şi media/ Interactive technologies for performing and media arts</t>
  </si>
  <si>
    <t>Masterat în politică şi societate europeană/ European Politics and Society</t>
  </si>
  <si>
    <t>Studii de mediu şi dezvoltare durabilă/ Environmental Studies and Sustainable Development</t>
  </si>
  <si>
    <t>Fiscalitate şi management financiar</t>
  </si>
  <si>
    <t>Studii avansate de informatică aplicată</t>
  </si>
  <si>
    <t>Ingineria și managementul sistemelor tehnice complexe</t>
  </si>
  <si>
    <t>Imagine mediatică și comunicare publică</t>
  </si>
  <si>
    <t>Teologie publică</t>
  </si>
  <si>
    <t>Silvicultură multifuncţională/ Multiple purpose forestry</t>
  </si>
  <si>
    <t>Metode practice integrate în ingineria sistemelor de propulsie/ Practical integrated methods for propulsion systems</t>
  </si>
  <si>
    <t>Simulare şi testare în ingineria mecanică</t>
  </si>
  <si>
    <t>Meloterapie</t>
  </si>
  <si>
    <t>Clădiri verzi</t>
  </si>
  <si>
    <t>Sisteme moderne de fabricaţie şi mentenanţă/ Modern systems of manufacturing &amp; maintenance</t>
  </si>
  <si>
    <t>Inginerie geodezică</t>
  </si>
  <si>
    <t>Sisteme de monitorizare şi cadastru</t>
  </si>
  <si>
    <t>Gestionarea durabilă a biodiversităţii şi resurselor forestiere</t>
  </si>
  <si>
    <t>Managementul ariilor protejate şi a resurselor locale</t>
  </si>
  <si>
    <t>Management şi politici publice</t>
  </si>
  <si>
    <t>Analiza datelor complexe</t>
  </si>
  <si>
    <t>Relaţii internaţionale, politică externă şi managementul crizelor/ International Relations Foreign Policy and Crises Management</t>
  </si>
  <si>
    <t>Istoria religiilor. Geopolitica religiilor monoteiste (creştinism, iudaism, islam)</t>
  </si>
  <si>
    <t>Mediere interculturală şi interconfesională</t>
  </si>
  <si>
    <t>Artele spectacolului muzical/ Arts du spectacle musical</t>
  </si>
  <si>
    <t>Bandă desenată şi desen animat</t>
  </si>
  <si>
    <t>Geografie aplicată şi evaluarea resurselor turistice</t>
  </si>
  <si>
    <t>Sisteme electrice avansate/ Advanced electrical systems</t>
  </si>
  <si>
    <t>Dreptul afacerilor/ Business Law</t>
  </si>
  <si>
    <t>Tehnologii de agricultură ecologică</t>
  </si>
  <si>
    <t>Managementul şi conservarea solurilor</t>
  </si>
  <si>
    <t>Evaluarea şi conservarea biodiversităţii</t>
  </si>
  <si>
    <t>Studii europene şi vecinătatea estică a UE</t>
  </si>
  <si>
    <t>Educaţie fizică şi sportivă şcolară</t>
  </si>
  <si>
    <t>Inginerie biomedicală/ Biomedical engineering</t>
  </si>
  <si>
    <t>Arte plastice şi multimedia</t>
  </si>
  <si>
    <t>Design de obiect, modă şi ambient</t>
  </si>
  <si>
    <t>Sisteme de transport pentru industrie, turism şi servicii</t>
  </si>
  <si>
    <t>Dreptul contenciosului</t>
  </si>
  <si>
    <t>Managementul ordinii şi al siguranţei publice</t>
  </si>
  <si>
    <t>TÎRGOVIŞTE</t>
  </si>
  <si>
    <t>Ingineria sistemelor electrice integrate în vehicule/ Integrated electrical systems engineering in vehicles</t>
  </si>
  <si>
    <t>Ingineria bioresurselor/ Bioresources engineering</t>
  </si>
  <si>
    <t>Echipamente moderne de fabricaţie şi testare în ingineria mecanică</t>
  </si>
  <si>
    <t>Management educaţional şi dezvoltare curriculară</t>
  </si>
  <si>
    <t>Achiziţii publice</t>
  </si>
  <si>
    <t>Arta actorului de teatru muzical</t>
  </si>
  <si>
    <t>Comunicare în afaceri</t>
  </si>
  <si>
    <t>Management forestier</t>
  </si>
  <si>
    <t>Biotehnologii de reproducere în ameliorarea animalelor</t>
  </si>
  <si>
    <t>Biotehnologii fitofarmaceutice</t>
  </si>
  <si>
    <t>Tehnici moderne în gastrotehnie şi catering</t>
  </si>
  <si>
    <t>Zootehnie</t>
  </si>
  <si>
    <t>Animale de companie şi de agrement</t>
  </si>
  <si>
    <t>Studii de securitate globală</t>
  </si>
  <si>
    <t>Relații internaționale și studii de intelligence</t>
  </si>
  <si>
    <t>Relații internaționale și studii de intelligence/ International relations and intelligence studies</t>
  </si>
  <si>
    <t>Managementul afacerilor în turism şi aviaţie/ Business management in tourism and aviation</t>
  </si>
  <si>
    <t>Informatică aplicată în inginerie industrială</t>
  </si>
  <si>
    <t>Relaţii economice internaţionale şi diplomaţie economică/ International economic relations and economic diplomacy</t>
  </si>
  <si>
    <t>Management organizaţional şi antreprenoriat/ Organizational management and entrepreneurship</t>
  </si>
  <si>
    <t>Ingineria valorificării deşeurilor</t>
  </si>
  <si>
    <t>Ştiinţe biomedicale</t>
  </si>
  <si>
    <t>Dreptul comunităţilor virtuale</t>
  </si>
  <si>
    <t>BRĂILA</t>
  </si>
  <si>
    <t>Managementul serviciilor publice</t>
  </si>
  <si>
    <t>Cibernetică economică</t>
  </si>
  <si>
    <t>Managementul dezvoltării rurale</t>
  </si>
  <si>
    <t>Concepţia şi fabricaţia asistată de calculator</t>
  </si>
  <si>
    <t>Ingineria materialelor</t>
  </si>
  <si>
    <t>Procesarea şi caracterizarea materialelor multifuncţionale/ Processing and characterization of multifunctional materials</t>
  </si>
  <si>
    <t>Managementul relaţiilor de muncă în context naţional şi european</t>
  </si>
  <si>
    <t>Suedeză/Engleză</t>
  </si>
  <si>
    <t>Suedeză/Latină</t>
  </si>
  <si>
    <t>Limbă şi literatură modernă - Limbă şi literatură română</t>
  </si>
  <si>
    <t>Suedeză/Română</t>
  </si>
  <si>
    <t>Suedeză/Germană</t>
  </si>
  <si>
    <t>Suedeză/Neerlandeză</t>
  </si>
  <si>
    <t>Suedeză/Franceză</t>
  </si>
  <si>
    <t>Suedeză/Spaniolă</t>
  </si>
  <si>
    <t>Suedeză/Italiană</t>
  </si>
  <si>
    <t>Suedeză/Portugheză</t>
  </si>
  <si>
    <t>Suedeză/Catalană</t>
  </si>
  <si>
    <t>Suedeză/Rusă</t>
  </si>
  <si>
    <t>Suedeză/Persană</t>
  </si>
  <si>
    <t>Suedeză/Hindi</t>
  </si>
  <si>
    <t>Suedeză/Coreeană</t>
  </si>
  <si>
    <t>Cinematografie, fotografie, media (Animaţie)</t>
  </si>
  <si>
    <t>Italia</t>
  </si>
  <si>
    <t>ROMA</t>
  </si>
  <si>
    <t>Teologie ortodoxă pastorală</t>
  </si>
  <si>
    <t>Fizică informatică</t>
  </si>
  <si>
    <t>Inginerie forestieră</t>
  </si>
  <si>
    <t>Ingineria şi designul produselor finite din lemn</t>
  </si>
  <si>
    <t>Maşini şi instalaţii pentru agricultură şi industrie alimentară</t>
  </si>
  <si>
    <t>Tehnologie şi control în alimentaţie publică</t>
  </si>
  <si>
    <t>Piscicultură şi acvacultură</t>
  </si>
  <si>
    <t>Administrarea afacerilor în alimentaţia publică</t>
  </si>
  <si>
    <t>Sport şi performanţă motrică</t>
  </si>
  <si>
    <t>Balneofiziokinetoterapie şi recuperare</t>
  </si>
  <si>
    <t>Teatrologie (Management cultural)</t>
  </si>
  <si>
    <t>Inginerie şi management în domeniul comunicaţiilor militare</t>
  </si>
  <si>
    <t>ZALĂU</t>
  </si>
  <si>
    <t>Franceză/Turcă</t>
  </si>
  <si>
    <t>Managementul calității în laboratoarele biomedicale</t>
  </si>
  <si>
    <t>Consiliere în asistență socială</t>
  </si>
  <si>
    <t>Managementul serviciilor sociale şi de sănătate</t>
  </si>
  <si>
    <t>Grupuri de risc şi servicii sociale de suport</t>
  </si>
  <si>
    <t>Prevenirea şi combaterea consumului ilicit de droguri</t>
  </si>
  <si>
    <t>Probaţiune</t>
  </si>
  <si>
    <t>Asistență și dezvoltare comunitară</t>
  </si>
  <si>
    <t>Asistenţa socială a vârstnicilor</t>
  </si>
  <si>
    <t>Management și supervizare în bunăstarea copilului și a familiei</t>
  </si>
  <si>
    <t>Practica asistenţei sociale centrate pe valori</t>
  </si>
  <si>
    <t>Asistenţa socială privind reintegrarea socială în domeniul justiției penale</t>
  </si>
  <si>
    <t>Asistenţă şi incluziune socială a vârstnicilor şi persoanelor cu dizabilităţi</t>
  </si>
  <si>
    <t>Familia - Resurse şi asistenţă socială</t>
  </si>
  <si>
    <t>Asistenţa socială în spaţiul justiţiei. Probaţiune şi mediere</t>
  </si>
  <si>
    <t>Asistenţa socială pentru sănătate mentală</t>
  </si>
  <si>
    <t>Consiliere şi asistenţă în serviciile sociale</t>
  </si>
  <si>
    <t>Managementul serviciilor de asistenţă socială</t>
  </si>
  <si>
    <t>Managementul serviciilor sociale</t>
  </si>
  <si>
    <t>Supervizare şi planificare socială</t>
  </si>
  <si>
    <t>Probaţiune, mediere şi asistenţa sociala a victimelor infracţiunilor</t>
  </si>
  <si>
    <t>Masterat european de protecţie a drepturilor copilului</t>
  </si>
  <si>
    <t>Familia şi managementul resurselor familiale</t>
  </si>
  <si>
    <t>Masterat european în drepturile copiilor</t>
  </si>
  <si>
    <t>Gerontologie socială</t>
  </si>
  <si>
    <t>Română/Engleză</t>
  </si>
  <si>
    <t>Spaniolă/Latină</t>
  </si>
  <si>
    <t>Spaniolă/Coreeană</t>
  </si>
  <si>
    <t>Ucraineană/Suedeză</t>
  </si>
  <si>
    <t>Ucraineană/Portugheză</t>
  </si>
  <si>
    <t>Ucraineană/Neerlandeză</t>
  </si>
  <si>
    <t>Ucraineană/Latină</t>
  </si>
  <si>
    <t>Ucraineană/Italiană</t>
  </si>
  <si>
    <t>Ucraineană/Hindi</t>
  </si>
  <si>
    <t>Ucraineană/Germană</t>
  </si>
  <si>
    <t>Ucraineană/Engleză</t>
  </si>
  <si>
    <t>Ucraineană/Coreeană</t>
  </si>
  <si>
    <t>Ucraineană/Catalană</t>
  </si>
  <si>
    <t>Turcă/Persană</t>
  </si>
  <si>
    <t>Turcă/Neerlandeză</t>
  </si>
  <si>
    <t>Turcă/Latină</t>
  </si>
  <si>
    <t>Turcă/Italiană</t>
  </si>
  <si>
    <t>Turcă/Hindi</t>
  </si>
  <si>
    <t>Turcă/Catalană</t>
  </si>
  <si>
    <t>Spaniolă/Persană</t>
  </si>
  <si>
    <t>Slovacă/Persană</t>
  </si>
  <si>
    <t>Slovacă/Neerlandeză</t>
  </si>
  <si>
    <t>Slovacă/Latină</t>
  </si>
  <si>
    <t>Slovacă/Italiană</t>
  </si>
  <si>
    <t>Slovacă/Franceză</t>
  </si>
  <si>
    <t>Slovacă/Engleză</t>
  </si>
  <si>
    <t>Slovacă/Coreeană</t>
  </si>
  <si>
    <t>Slovacă/Catalană</t>
  </si>
  <si>
    <t>Sârbă/Suedeză</t>
  </si>
  <si>
    <t>Sârbă/Spaniolă</t>
  </si>
  <si>
    <t>Sârbă/Potugheză</t>
  </si>
  <si>
    <t>Sârbă/Persană</t>
  </si>
  <si>
    <t>Sârbă/Neerlandeză</t>
  </si>
  <si>
    <t>Sârbă/Latină</t>
  </si>
  <si>
    <t>Sârbă/Hindi</t>
  </si>
  <si>
    <t>Sârbă/Germană</t>
  </si>
  <si>
    <t>Rusă/Portugheză</t>
  </si>
  <si>
    <t>Rusă/Neerlandeză</t>
  </si>
  <si>
    <t>Rusă/Hindi</t>
  </si>
  <si>
    <t>Rromani/Suedeză</t>
  </si>
  <si>
    <t>Rromani/Neerlandeză</t>
  </si>
  <si>
    <t>Rromani/Italiană</t>
  </si>
  <si>
    <t>Rromani/Coreeană</t>
  </si>
  <si>
    <t>Potugheză/Persană</t>
  </si>
  <si>
    <t>Potugheză/Latină</t>
  </si>
  <si>
    <t>Potugheză/Hindi</t>
  </si>
  <si>
    <t>Portugheză/Rusă</t>
  </si>
  <si>
    <t>Portugheză/Coreeană</t>
  </si>
  <si>
    <t>Polonă/Suedeză</t>
  </si>
  <si>
    <t>Polonă/Neerlandeză</t>
  </si>
  <si>
    <t>Polonă/Latină</t>
  </si>
  <si>
    <t>Polonă/Hindi</t>
  </si>
  <si>
    <t>Polonă/Coreeană</t>
  </si>
  <si>
    <t>Polonă/Catalană</t>
  </si>
  <si>
    <t>Neogreacă/Neerlandeză</t>
  </si>
  <si>
    <t>Neogreacă/Latină</t>
  </si>
  <si>
    <t>Neogreacă/Hindi</t>
  </si>
  <si>
    <t>Neerlandeză/Latină</t>
  </si>
  <si>
    <t>Neerlandeză/Hindi</t>
  </si>
  <si>
    <t>Neerlandeză/Coreeană</t>
  </si>
  <si>
    <t>Neerlandeză/Catalană</t>
  </si>
  <si>
    <t>Maghiară/Suedeză</t>
  </si>
  <si>
    <t>Maghiară/Rusă</t>
  </si>
  <si>
    <t>Maghiară/Persană</t>
  </si>
  <si>
    <t>Maghiară/Neerlandeză</t>
  </si>
  <si>
    <t>Maghiară/Coreeană</t>
  </si>
  <si>
    <t>Maghiară/Catalană</t>
  </si>
  <si>
    <t>Japoneză/Persană</t>
  </si>
  <si>
    <t>Japoneză/Neerlandeză</t>
  </si>
  <si>
    <t>Japoneză/Hindi</t>
  </si>
  <si>
    <t>Italiană/Spaniolă</t>
  </si>
  <si>
    <t>Italiană/Neerlandeză</t>
  </si>
  <si>
    <t>Italiană/Hindi</t>
  </si>
  <si>
    <t>Germană/Catalană</t>
  </si>
  <si>
    <t>Franceză/Catalană</t>
  </si>
  <si>
    <t>Engleză/Slovacă</t>
  </si>
  <si>
    <t>Engleză/Persană</t>
  </si>
  <si>
    <t>Engleză/Catalană</t>
  </si>
  <si>
    <t>Croată/Rusă</t>
  </si>
  <si>
    <t>Croată/Persană</t>
  </si>
  <si>
    <t>Croată/Neerlandeză</t>
  </si>
  <si>
    <t>Croată/Latină</t>
  </si>
  <si>
    <t>Croată/Hindi</t>
  </si>
  <si>
    <t>Croată/Coreeană</t>
  </si>
  <si>
    <t>Croată/Catalană</t>
  </si>
  <si>
    <t>Chineză/Persană</t>
  </si>
  <si>
    <t>Chineză/Neerlandeză</t>
  </si>
  <si>
    <t>Chineză/Latină</t>
  </si>
  <si>
    <t>Cehă/Rusă</t>
  </si>
  <si>
    <t>Cehă/Potugheză</t>
  </si>
  <si>
    <t>Cehă/Persană</t>
  </si>
  <si>
    <t>Cehă/Neerlandeză</t>
  </si>
  <si>
    <t>Cehă/Latină</t>
  </si>
  <si>
    <t>Cehă/Italiană</t>
  </si>
  <si>
    <t>Cehă/Franceză</t>
  </si>
  <si>
    <t>Cehă/Coreeană</t>
  </si>
  <si>
    <t>Cehă/Catalană</t>
  </si>
  <si>
    <t>Bulgară/Suedeză</t>
  </si>
  <si>
    <t>Bulgară/Rusă</t>
  </si>
  <si>
    <t>Bulgară/Potugheză</t>
  </si>
  <si>
    <t>Bulgară/Persană</t>
  </si>
  <si>
    <t>Bulgară/Neerlandeză</t>
  </si>
  <si>
    <t>Bulgară/Latină</t>
  </si>
  <si>
    <t>Bulgară/Italiană</t>
  </si>
  <si>
    <t>Bulgară/Hindi</t>
  </si>
  <si>
    <t>Bulgară/Germană</t>
  </si>
  <si>
    <t>Bulgară/Engleză</t>
  </si>
  <si>
    <t>Bulgară/Coreeană</t>
  </si>
  <si>
    <t>Bulgară/Catalană</t>
  </si>
  <si>
    <t>Arabă/Suedeză</t>
  </si>
  <si>
    <t>Arabă/Persană</t>
  </si>
  <si>
    <t>Arabă/Neerlandeză</t>
  </si>
  <si>
    <t>Arabă/Latină</t>
  </si>
  <si>
    <t>Arabă/Italiană</t>
  </si>
  <si>
    <t>Arabă/Coreeană</t>
  </si>
  <si>
    <t>Arabă/Catalană</t>
  </si>
  <si>
    <t>Rromani/Română</t>
  </si>
  <si>
    <t>Polonă/Română</t>
  </si>
  <si>
    <t>Neogreacă/Română</t>
  </si>
  <si>
    <t>Neerlandeză/Română</t>
  </si>
  <si>
    <t>Japoneză/Română</t>
  </si>
  <si>
    <t>Croată/Română</t>
  </si>
  <si>
    <t>Cehă/Română</t>
  </si>
  <si>
    <t>Studii americane</t>
  </si>
  <si>
    <t>Engleză/Română</t>
  </si>
  <si>
    <t>Traducere şi interpretare</t>
  </si>
  <si>
    <t>Germană/Spaniolă</t>
  </si>
  <si>
    <t>Rusă/Franceză</t>
  </si>
  <si>
    <t>Germană/Franceză</t>
  </si>
  <si>
    <t>Franceză/Italiană</t>
  </si>
  <si>
    <t>Engleză/Polonă</t>
  </si>
  <si>
    <t>Engleză/Cehă</t>
  </si>
  <si>
    <t>Engleză/Coreeană</t>
  </si>
  <si>
    <t>Sârbă/Franceză</t>
  </si>
  <si>
    <t>Sârbă/Română</t>
  </si>
  <si>
    <t>Sârbă/Engleză</t>
  </si>
  <si>
    <t>Sârbă/Rusă</t>
  </si>
  <si>
    <t>Croată/Spaniolă</t>
  </si>
  <si>
    <t>Croată/Engleză</t>
  </si>
  <si>
    <t>Croată/Italiană</t>
  </si>
  <si>
    <t>Croată/Germană</t>
  </si>
  <si>
    <t>Croată/Portugheză</t>
  </si>
  <si>
    <t>Croată/Franceză</t>
  </si>
  <si>
    <t>Croată/Suedeză</t>
  </si>
  <si>
    <t>Bulgară/Română</t>
  </si>
  <si>
    <t>Bulgară/Franceză</t>
  </si>
  <si>
    <t>Bulgară/Spaniolă</t>
  </si>
  <si>
    <t>Rusă/Coreeană</t>
  </si>
  <si>
    <t>Rusă/Română</t>
  </si>
  <si>
    <t>Rusă/Suedeză</t>
  </si>
  <si>
    <t>Neerlandeză/Suedeză</t>
  </si>
  <si>
    <t>Neerlandeză/Spaniolă</t>
  </si>
  <si>
    <t>Germană/Suedeză</t>
  </si>
  <si>
    <t>Germană/Coreeană</t>
  </si>
  <si>
    <t>Turcă/Rusă</t>
  </si>
  <si>
    <t>Turcă/Germană</t>
  </si>
  <si>
    <t>Turcă/Română</t>
  </si>
  <si>
    <t>Turcă/Suedeză</t>
  </si>
  <si>
    <t>Turcă/Coreeană</t>
  </si>
  <si>
    <t>Turcă/Franceză</t>
  </si>
  <si>
    <t>Turcă/Engleză</t>
  </si>
  <si>
    <t>Turcă/Portugheză</t>
  </si>
  <si>
    <t>Turcă/Spaniolă</t>
  </si>
  <si>
    <t>Japoneză/Coreeană</t>
  </si>
  <si>
    <t>Chineză/Coreeană</t>
  </si>
  <si>
    <t>Arabă/Română</t>
  </si>
  <si>
    <t>Arabă/Hindi</t>
  </si>
  <si>
    <t>Arabă/Portugheză</t>
  </si>
  <si>
    <t>Rromani/Spaniolă</t>
  </si>
  <si>
    <t>Neogreacă/Coreeană</t>
  </si>
  <si>
    <t>Maghiară/Hindi</t>
  </si>
  <si>
    <t>Maghiară/Spaniolă</t>
  </si>
  <si>
    <t>Maghiară/Engleză</t>
  </si>
  <si>
    <t>Maghiară/Portugheză</t>
  </si>
  <si>
    <t>Italiană/Coreeană</t>
  </si>
  <si>
    <t>Franceză/Coreeană</t>
  </si>
  <si>
    <t>Franceză/Hindi</t>
  </si>
  <si>
    <t>Franceză/Rusă</t>
  </si>
  <si>
    <t>Engleză/Croată</t>
  </si>
  <si>
    <t>Engleză/Neerlandeză</t>
  </si>
  <si>
    <t>Engleză/Hindi</t>
  </si>
  <si>
    <t>Slovacă/Spaniolă</t>
  </si>
  <si>
    <t>Slovacă/Rusă</t>
  </si>
  <si>
    <t>Slovacă/Hindi</t>
  </si>
  <si>
    <t>Slovacă/Germană</t>
  </si>
  <si>
    <t>Polonă/Germană</t>
  </si>
  <si>
    <t>Cehă/Spaniolă</t>
  </si>
  <si>
    <t>Cehă/Hindi</t>
  </si>
  <si>
    <t>Cehă/Germană</t>
  </si>
  <si>
    <t>Cehă/Engleză</t>
  </si>
  <si>
    <t>Germană/Neerlandeză</t>
  </si>
  <si>
    <t>Germană/Italiană</t>
  </si>
  <si>
    <t>Germană/Hindi</t>
  </si>
  <si>
    <t>Japoneză/Latină</t>
  </si>
  <si>
    <t>Chineză/Suedeză</t>
  </si>
  <si>
    <t>Chineză/Italiană</t>
  </si>
  <si>
    <t>Chineză/Hindi</t>
  </si>
  <si>
    <t>Chineză/Catalană</t>
  </si>
  <si>
    <t>Rromani/Portugheză</t>
  </si>
  <si>
    <t>Rromani/Hindi</t>
  </si>
  <si>
    <t>Rromani/Germană</t>
  </si>
  <si>
    <t>Neogreacă/Suedeză</t>
  </si>
  <si>
    <t>Maghiară/Română</t>
  </si>
  <si>
    <t>Maghiară/Franceză</t>
  </si>
  <si>
    <t>Potugheză/Neerlandeză</t>
  </si>
  <si>
    <t>Spaniolă/Neerlandeză</t>
  </si>
  <si>
    <t>Spaniolă/Hindi</t>
  </si>
  <si>
    <t>Italiană/Suedeză</t>
  </si>
  <si>
    <t>Franceză/Suedeză</t>
  </si>
  <si>
    <t>Franceză/Spaniolă</t>
  </si>
  <si>
    <t>Franceză/Română</t>
  </si>
  <si>
    <t>Franceză/Neerlandeză</t>
  </si>
  <si>
    <t>Literatură universală şi comparată - Limbă şi literatură maghiară</t>
  </si>
  <si>
    <t>Română/Maghiară</t>
  </si>
  <si>
    <t>Literatură universală şi comparată - Limba şi literatura română</t>
  </si>
  <si>
    <t>Chineză/Finlandeză</t>
  </si>
  <si>
    <t>Energetică şi tehnologii nucleare</t>
  </si>
  <si>
    <t>Urbanism</t>
  </si>
  <si>
    <t>Engleză/Franceză/Română</t>
  </si>
  <si>
    <t>Inginerie aerospaţială</t>
  </si>
  <si>
    <t>Design aeronautic</t>
  </si>
  <si>
    <t>Protecţia şi monitorizarea mediului</t>
  </si>
  <si>
    <t>Psihologie clinică şi intervenţie psihologică</t>
  </si>
  <si>
    <t>Comunicare internaţională şi diplomaţie publică</t>
  </si>
  <si>
    <t>Guvernanţă economică europeană</t>
  </si>
  <si>
    <t>Diplomaţie culturală</t>
  </si>
  <si>
    <t>Drept internațional și al Uniunii Europene</t>
  </si>
  <si>
    <t>Drept medical</t>
  </si>
  <si>
    <t>Dreptul naţional şi european al afacerilor</t>
  </si>
  <si>
    <t>Dreptul intern şi internaţional al afacerilor</t>
  </si>
  <si>
    <t>ALEXANDRIA</t>
  </si>
  <si>
    <t>Ingineria sistemelor multimedia</t>
  </si>
  <si>
    <t>Drumuri, poduri și infrastructuri militare</t>
  </si>
  <si>
    <t>Inginerie de armament, rachete şi muniţii</t>
  </si>
  <si>
    <t>Materiale energetice și apărare CBRN</t>
  </si>
  <si>
    <t>Traducere şi comunicare în context intercultural</t>
  </si>
  <si>
    <t>Studii interculturale anglo-americane/ Anglo-american intercultural studies</t>
  </si>
  <si>
    <t>Cultură şi civilizaţie balcanică. Comunicare interculturală în Banat</t>
  </si>
  <si>
    <t>Marketing strategic şi marketing digital</t>
  </si>
  <si>
    <t>Astrofizică, particule elementare şi fizică computaţională/ Astrophysics, elementary particles and computational physics</t>
  </si>
  <si>
    <t>Managementul înregistrării sistematice a terenurilor agricole în contextul dezvoltării rurale</t>
  </si>
  <si>
    <t>Protecţia consumatorului şi a mediului</t>
  </si>
  <si>
    <t>Tehnici poligrafice</t>
  </si>
  <si>
    <t>Arhitectură</t>
  </si>
  <si>
    <t>Restaurare şi regenerare patrimonială</t>
  </si>
  <si>
    <t>Proiectare complexă în arhitectură</t>
  </si>
  <si>
    <t>Sănătatea reproducerii umane</t>
  </si>
  <si>
    <t>Protecţia juridică a persoanei şi a patrimoniului său</t>
  </si>
  <si>
    <t>Matematică informatică</t>
  </si>
  <si>
    <t>Sisteme avansate de telecomunicații, prelucrarea și transmisia informației</t>
  </si>
  <si>
    <t>Auditul sistemelor energetice</t>
  </si>
  <si>
    <t>Sisteme și echipamente moderne în producerea și utilizarea energiei</t>
  </si>
  <si>
    <t>Kinetoprofilaxie, recuperare și modelare corporală</t>
  </si>
  <si>
    <t>Expertiză tehnică, evaluare economică și management</t>
  </si>
  <si>
    <t>Mecatronică aplicată</t>
  </si>
  <si>
    <t>Concepția și testarea sistemelor mecanice</t>
  </si>
  <si>
    <t>Transporturi și siguranță rutieră</t>
  </si>
  <si>
    <t>Sisteme electronice pentru conducerea proceselor industriale</t>
  </si>
  <si>
    <t>Inginerie electronică şi sisteme inteligente</t>
  </si>
  <si>
    <t>Sisteme de conversie a energiei</t>
  </si>
  <si>
    <t>Administrarea afacerilor internaţionale/ International business administration</t>
  </si>
  <si>
    <t>Management aprofundat/ Advanced management</t>
  </si>
  <si>
    <t>Kinetoterapia în traumatologia sportivă</t>
  </si>
  <si>
    <t>Teologie romano-catolică practică și misionară</t>
  </si>
  <si>
    <t>Cibernetică și statistică</t>
  </si>
  <si>
    <t>Data mining</t>
  </si>
  <si>
    <t>Sisteme avansate de procesare și controlul calității produselor agroalimentare</t>
  </si>
  <si>
    <t>Siguranţa alimentară şi protecţia consumatorului</t>
  </si>
  <si>
    <t>Literatură română şi dialog pluri-identitar - paradigme culturale şi didactice contemporane</t>
  </si>
  <si>
    <t>Pedagogie socială</t>
  </si>
  <si>
    <t>Guvernanță și cooperare transfrontalieră în administrația publică</t>
  </si>
  <si>
    <t>Combaterea criminalității informatice</t>
  </si>
  <si>
    <t>Proiectare și simulare în ingineria sudării</t>
  </si>
  <si>
    <t>Discurs specializat. Terminologii. Traduceri</t>
  </si>
  <si>
    <t>RÂMNICU VÂLCEA</t>
  </si>
  <si>
    <t>Artă muzicală românească contemporană</t>
  </si>
  <si>
    <t>Audit și consultanță în afaceri</t>
  </si>
  <si>
    <t>Drepturile omului/ Droits de l'homme</t>
  </si>
  <si>
    <t>Proceduri judiciare de drept privat și profesii juridice</t>
  </si>
  <si>
    <t>Securitate, intelligence și competitivitate în organizații</t>
  </si>
  <si>
    <t>Sănătate publică/ Master of public health</t>
  </si>
  <si>
    <t>Arte plastice (pictură și sculptură)</t>
  </si>
  <si>
    <t>Malpraxisul în practica medicală</t>
  </si>
  <si>
    <t>Procesare avansată, management și calitate în ingineria materialelor</t>
  </si>
  <si>
    <t>Terapie ocupaţională</t>
  </si>
  <si>
    <t>Materiale şi tehnologii avansate</t>
  </si>
  <si>
    <t>Management în ospitalitate și eco-agroturism</t>
  </si>
  <si>
    <t>Tehnologia informației aplicată în industrie</t>
  </si>
  <si>
    <t>Expertiză contabilă şi audit</t>
  </si>
  <si>
    <t>Evaluarea, monitorizarea și auditul mediului</t>
  </si>
  <si>
    <t>Sisteme electronice inteligente avansate</t>
  </si>
  <si>
    <t>Proiectarea și managementul serviciilor sociale și de sănătate</t>
  </si>
  <si>
    <t>Management şi inovare digitală/ Management and digital innovation</t>
  </si>
  <si>
    <t>Sociologie aplicată: Devianță și ordine socială</t>
  </si>
  <si>
    <t>Comunicare şi afaceri europene/ Communication and EU affairs</t>
  </si>
  <si>
    <t>Studii Rome</t>
  </si>
  <si>
    <t>Competitivitate și sustenabilitate în mediul de afaceri global</t>
  </si>
  <si>
    <t>MBA Româno-Francez INDE</t>
  </si>
  <si>
    <t>Marketing strategic și managementul vânzărilor</t>
  </si>
  <si>
    <t>Filosofie, politică şi economie/ Philosophy, politics and economics</t>
  </si>
  <si>
    <t>Comunicare și resurse umane</t>
  </si>
  <si>
    <t>Politici de mediu pentru dezvoltarea durabilă</t>
  </si>
  <si>
    <t>Istorie digitală și informatizarea patrimoniului cultural</t>
  </si>
  <si>
    <t>Învățare, inovare și coaching în educație</t>
  </si>
  <si>
    <t>Geodemografie și vulnerabilități socio-teritoriale</t>
  </si>
  <si>
    <t>Dezvoltare teritorială inteligentă</t>
  </si>
  <si>
    <t>Fizică teoretică şi computaţională/ Theoretical and Computational Physics</t>
  </si>
  <si>
    <t>Eficienţa energetică a instalaţiilor din clădiri/ Efficacite energetique des instalations techniques du batiment</t>
  </si>
  <si>
    <t>Finanţe şi bănci</t>
  </si>
  <si>
    <t>Arte plastice (grafică)</t>
  </si>
  <si>
    <t>CÂMPULUNG</t>
  </si>
  <si>
    <t>Limbă şi literatură maghiară - Limbă şi literatură modernă</t>
  </si>
  <si>
    <t>Limbă şi literatură modernă</t>
  </si>
  <si>
    <t>SLATINA</t>
  </si>
  <si>
    <t>Jurnalism</t>
  </si>
  <si>
    <t>Teologie ortodoxă asistenţă socială</t>
  </si>
  <si>
    <t>Română/Franceză</t>
  </si>
  <si>
    <t>Artele spectacolului (actorie)</t>
  </si>
  <si>
    <t>Chineză/Engleză</t>
  </si>
  <si>
    <t>Ştiinţe militare, informaţii şi ordine publică</t>
  </si>
  <si>
    <t>Leadership militar</t>
  </si>
  <si>
    <t>Managementul sistemelor de supraveghere aeriană</t>
  </si>
  <si>
    <t>Echipamente și sisteme electronice militare, electronică - radioelectronică de aviație</t>
  </si>
  <si>
    <t>Muzică religioasă</t>
  </si>
  <si>
    <t>Comunicare mediatică şi publicitate</t>
  </si>
  <si>
    <t>Psihologie clinică şi consiliere psihologică</t>
  </si>
  <si>
    <t>Tehnologii moderne in ingineria sistemelor informatice</t>
  </si>
  <si>
    <t>Multilingvism și multiculturalitate</t>
  </si>
  <si>
    <t>Tendințe actuale ale limbii și literaturii române</t>
  </si>
  <si>
    <t>Teologie sistematică şi practică. Tendințe noi în teologia românească</t>
  </si>
  <si>
    <t>Restaurarea icoanei, a picturii murale și de șevalet</t>
  </si>
  <si>
    <t>Misiune şi slujire prin limbajul mimico-gestual</t>
  </si>
  <si>
    <t>Educaţie muzicală contemporană</t>
  </si>
  <si>
    <t>Ecumenism în noul context european</t>
  </si>
  <si>
    <t>Apologetică şi duhovnicie</t>
  </si>
  <si>
    <t>Traductologie - Limba engleză/ Limba franceză. Traduceri în context european</t>
  </si>
  <si>
    <t>Comunicare vizuală</t>
  </si>
  <si>
    <t>Administrarea afacerilor în turism</t>
  </si>
  <si>
    <t>Limbaje specializate și traducere asistată de calculator (interdisciplinar cu domeniul Calculatoare și tehnologia informației)</t>
  </si>
  <si>
    <t>Monitorizarea și protecția mediului (interdisciplinar cu domeniile: Horticultură şi Biologie)</t>
  </si>
  <si>
    <t>Materiale şi tehnologii nucleare</t>
  </si>
  <si>
    <t>Kinetoterapia la persoanele cu dizabilităţi</t>
  </si>
  <si>
    <t>Biologie medicală</t>
  </si>
  <si>
    <t>Tehnici avansate pentru prelucrarea informației</t>
  </si>
  <si>
    <t>Modelarea, proiectarea şi managementul sistemelor software</t>
  </si>
  <si>
    <t>Matematică aplicată</t>
  </si>
  <si>
    <t>Performanţă în sport</t>
  </si>
  <si>
    <t>Organizare și conducere în sport</t>
  </si>
  <si>
    <t>Activități motrice curriculare și extracurriculare</t>
  </si>
  <si>
    <t>Consiliere educațională</t>
  </si>
  <si>
    <t>Management strategic şi dezvoltarea afacerilor/ Strategic management and business development</t>
  </si>
  <si>
    <t>Educaţie timpurie</t>
  </si>
  <si>
    <t>Management financiar-bancar și în asigurări</t>
  </si>
  <si>
    <t>Management contabil şi informatică de gestiune</t>
  </si>
  <si>
    <t>Economie şi finanţe europene</t>
  </si>
  <si>
    <t>Contabilitate managerială şi audit contabil</t>
  </si>
  <si>
    <t>Comunicare organizaţională</t>
  </si>
  <si>
    <t>Managementul strategic al resurselor umane</t>
  </si>
  <si>
    <t>Administrarea afacerilor în comerţ, turism şi servicii de ospitalitate</t>
  </si>
  <si>
    <t>Istoria românilor şi a României în context european (secolele XIV-XX)</t>
  </si>
  <si>
    <t>Psihologie clinică - evaluare şi intervenţie</t>
  </si>
  <si>
    <t>Cariere juridice</t>
  </si>
  <si>
    <t>Administraţie publică și integrare europeană</t>
  </si>
  <si>
    <t>Culturi muzicale academice şi tradiţionale</t>
  </si>
  <si>
    <t>Integritate publică şi politici anticorupţie</t>
  </si>
  <si>
    <t>Managementul afacerilor publice</t>
  </si>
  <si>
    <t>Antreprenoriat şi management strategic</t>
  </si>
  <si>
    <t>Management şi branding corporativ</t>
  </si>
  <si>
    <t>Managementul programelor şi investiţiilor/ Programs and investments management</t>
  </si>
  <si>
    <t>Literatură universală şi comparată - Limbă şi literatură clasică</t>
  </si>
  <si>
    <t>Română/Latină</t>
  </si>
  <si>
    <t>Română/Greacă veche</t>
  </si>
  <si>
    <t>Engleză/Rusă</t>
  </si>
  <si>
    <t>Dezvoltare internaţională şi administrarea afacerilor globale/ International development and management of global affairs</t>
  </si>
  <si>
    <t>Administrarea organizaţiilor de afaceri/ Management of business organizations</t>
  </si>
  <si>
    <t>Aplicaţii moderne ale medicinei de laborator în personalizarea actului medical</t>
  </si>
  <si>
    <t>Medicamente de tip OTC, suplimente alimentare, cosmetice</t>
  </si>
  <si>
    <t>MIERCUREA CIUC</t>
  </si>
  <si>
    <t>Economie (trunchi comun)</t>
  </si>
  <si>
    <t>Teatru şi artele spectacolului (trunchi comun)</t>
  </si>
  <si>
    <t>Inginerie industrială (trunchi comun)</t>
  </si>
  <si>
    <t>Inginerie electronică, telecomunicaţii şi tehnologii informaţionale (trunchi comun)</t>
  </si>
  <si>
    <t>Silvicultură (trunchi comun)</t>
  </si>
  <si>
    <t>Inginerie forestieră (trunchi comun)</t>
  </si>
  <si>
    <t>Ingineria produselor alimentare (trunchi comun)</t>
  </si>
  <si>
    <t>Matematică (trunchi comun)</t>
  </si>
  <si>
    <t>Fizică (trunchi comun)</t>
  </si>
  <si>
    <t>Chimie (trunchi comun)</t>
  </si>
  <si>
    <t>Mecatronică şi robotică (trunchi comun)</t>
  </si>
  <si>
    <t>Inginerie mecanică (trunchi comun)</t>
  </si>
  <si>
    <t>Ingineria materialelor (trunchi comun)</t>
  </si>
  <si>
    <t>Arhitectură navală (trunchi comun)</t>
  </si>
  <si>
    <t>Inginerie electrică (trunchi comun)</t>
  </si>
  <si>
    <t>Inginerie energetică (trunchi comun)</t>
  </si>
  <si>
    <t>Ingineria autovehiculelor (trunchi comun)</t>
  </si>
  <si>
    <t>Arhitectură (trunchi comun)</t>
  </si>
  <si>
    <t>Dreptul colectivităţilor locale</t>
  </si>
  <si>
    <t>Limbă şi literatură - Limba şi literatură modernă</t>
  </si>
  <si>
    <t>Chineză/Japoneză</t>
  </si>
  <si>
    <t>Chineză/Norvegiană</t>
  </si>
  <si>
    <t>Japoneză/Finlandeză</t>
  </si>
  <si>
    <t>Japoneză/Norvegiană</t>
  </si>
  <si>
    <t>Informatică (trunchi comun)</t>
  </si>
  <si>
    <t>Ştiinţe ale educaţiei (trunchi comun)</t>
  </si>
  <si>
    <t>Mine, petrol și gaze (trunchi comun)</t>
  </si>
  <si>
    <t>Inginerie hidraulică și protecția mediului</t>
  </si>
  <si>
    <t>Infrastructuri durabile de transport</t>
  </si>
  <si>
    <t>Management și consiliere educațională</t>
  </si>
  <si>
    <t>Calculatoare şi tehnologia informaţiei (trunchi comun)</t>
  </si>
  <si>
    <t>Inginerie aerospaţială (trunchi comun)</t>
  </si>
  <si>
    <t>Ştiinţe inginereşti aplicate (trunchi comun)</t>
  </si>
  <si>
    <t>Leadership în sectorul public</t>
  </si>
  <si>
    <t>Limbă şi literatură română - Literatură universală şi comparată</t>
  </si>
  <si>
    <t>Management intercultural</t>
  </si>
  <si>
    <t>Ştiinţa şi ingineria produselor alimentare ecologice</t>
  </si>
  <si>
    <t>Ingineria sistemelor de programe/ Software Engineering</t>
  </si>
  <si>
    <t>Grafică, multimedia şi realitate virtuală</t>
  </si>
  <si>
    <t>Sisteme de calcul paralele şi distribuite/ Parallel and distributed computer systems</t>
  </si>
  <si>
    <t>Management în tehnologia informaţiei</t>
  </si>
  <si>
    <t>Sisteme inteligente şi vederea artificială</t>
  </si>
  <si>
    <t>Management, inovare şi tehnologii de sisteme colaborative/ Management, innovation et technologies des systèmes collaboratifs</t>
  </si>
  <si>
    <t>Business services</t>
  </si>
  <si>
    <t>Studii de film</t>
  </si>
  <si>
    <t>Economie aplicată şi finanţe</t>
  </si>
  <si>
    <t>Matematici avansate</t>
  </si>
  <si>
    <t>Geologie aplicată</t>
  </si>
  <si>
    <t>Leadership și comunicare în organizațiile internaționale</t>
  </si>
  <si>
    <t>Studii media aplicate</t>
  </si>
  <si>
    <t>Designer instrucțional</t>
  </si>
  <si>
    <t>ODORHEIU SECUIESC</t>
  </si>
  <si>
    <t>Strategii de învățare eficientă</t>
  </si>
  <si>
    <t>Administrarea afacerilor în ospitalitate și turism internațional/ Business administration in international hospitality and tourism</t>
  </si>
  <si>
    <t>Modelarea afacerilor și calculul distribuit/ Business modeling and distributed computing</t>
  </si>
  <si>
    <t>Contabilitate și organizații/ Accounting and organizations</t>
  </si>
  <si>
    <t>Educație fizică și agrement în turism</t>
  </si>
  <si>
    <t>Producţie de film documentar/ Documentary filmmaking</t>
  </si>
  <si>
    <t>Arta scurtmetrajului</t>
  </si>
  <si>
    <t>Managementul calității fabricației</t>
  </si>
  <si>
    <t>Coregrafie și performanță în dans</t>
  </si>
  <si>
    <t>Teatrologie (Jurnalism teatral)</t>
  </si>
  <si>
    <t>Cercetarea, conservarea și valorificarea patrimoniului istoric</t>
  </si>
  <si>
    <t>Fizică aplicată în tehnologiile informaţiei şi comunicaţii</t>
  </si>
  <si>
    <t>Fizică pentru tehnologii avansate/ Physics for advanced technologies</t>
  </si>
  <si>
    <t>Inginerie geologică</t>
  </si>
  <si>
    <t>Geologie de sondă</t>
  </si>
  <si>
    <t>Managementul strategic al resurselor umane în Europa/ Strategic human resources management in Europe</t>
  </si>
  <si>
    <t>Artă sacră în patrimoniul cultural</t>
  </si>
  <si>
    <t>Comunicare şi consiliere psihologică şi spirituală (interdisciplinar cu Filosofie, Psihologie şi Ştiinţe ale educaţiei)</t>
  </si>
  <si>
    <t>Familia creştină contemporană</t>
  </si>
  <si>
    <t>Misiune şi slujire pastorală</t>
  </si>
  <si>
    <t>Arta aplicată a animației</t>
  </si>
  <si>
    <t>Patrimoniu şi turism cultural</t>
  </si>
  <si>
    <t>Managementul serviciilor de sănătate</t>
  </si>
  <si>
    <t>Laborator clinic și de analiza medicamentului</t>
  </si>
  <si>
    <t>Română/Germană</t>
  </si>
  <si>
    <t>Română/Rusă</t>
  </si>
  <si>
    <t>Română/Italiană</t>
  </si>
  <si>
    <t>Română/Spaniolă</t>
  </si>
  <si>
    <t>Limbă şi literatură modernă - Literatură universală şi comparată</t>
  </si>
  <si>
    <t>Germană/Română</t>
  </si>
  <si>
    <t>Italiană/Română</t>
  </si>
  <si>
    <t>Spaniolă/Română</t>
  </si>
  <si>
    <t>Literatură universală şi comparată - Limbă şi literatură modernă</t>
  </si>
  <si>
    <t>Rromani/Persană</t>
  </si>
  <si>
    <t>Rromani/Engleză</t>
  </si>
  <si>
    <t>Rromani/Catalană</t>
  </si>
  <si>
    <t>Rromani/Franceză</t>
  </si>
  <si>
    <t>Rromani/Latină</t>
  </si>
  <si>
    <t>Spaniolă/Catalană</t>
  </si>
  <si>
    <t>Italiană/Catalană</t>
  </si>
  <si>
    <t>Portugheză/Catalană</t>
  </si>
  <si>
    <t>Rusă/Catalană</t>
  </si>
  <si>
    <t>Chineză/Română</t>
  </si>
  <si>
    <t>Portugheză/Română</t>
  </si>
  <si>
    <t>Slovacă/Română</t>
  </si>
  <si>
    <t>Ucraineană/Română</t>
  </si>
  <si>
    <t>Arabă/Franceză</t>
  </si>
  <si>
    <t>Arabă/Engleză</t>
  </si>
  <si>
    <t>Arabă/Germană</t>
  </si>
  <si>
    <t>Neogreacă/Italiană</t>
  </si>
  <si>
    <t>Neogreacă/Germană</t>
  </si>
  <si>
    <t>Neogreacă/Engleză</t>
  </si>
  <si>
    <t>Neogreacă/Franceză</t>
  </si>
  <si>
    <t>Neogreacă/Portugheză</t>
  </si>
  <si>
    <t>Neogreacă/Spaniolă</t>
  </si>
  <si>
    <t>Neogreacă/Persană</t>
  </si>
  <si>
    <t>Neogreacă/Rusă</t>
  </si>
  <si>
    <t>Arabă/Spaniolă</t>
  </si>
  <si>
    <t>Arabă/Rusă</t>
  </si>
  <si>
    <t>Chineză/Spaniolă</t>
  </si>
  <si>
    <t>Chineză/Rusă</t>
  </si>
  <si>
    <t>Chineză/Franceză</t>
  </si>
  <si>
    <t>Chineză/Portugheză</t>
  </si>
  <si>
    <t>Chineză/Germană</t>
  </si>
  <si>
    <t>Engleză/Suedeză</t>
  </si>
  <si>
    <t>Ucraineană/Rusă</t>
  </si>
  <si>
    <t>Engleză/Portugheză</t>
  </si>
  <si>
    <t>Germană/Persană</t>
  </si>
  <si>
    <t>Germană/Rusă</t>
  </si>
  <si>
    <t>Germană/Portugheză</t>
  </si>
  <si>
    <t>Franceză/Persană</t>
  </si>
  <si>
    <t>Franceză/Portugheză</t>
  </si>
  <si>
    <t>Japoneză/Engleză</t>
  </si>
  <si>
    <t>Japoneză/Rusă</t>
  </si>
  <si>
    <t>Japoneză/Italiană</t>
  </si>
  <si>
    <t>Japoneză/Germană</t>
  </si>
  <si>
    <t>Japoneză/Franceză</t>
  </si>
  <si>
    <t>Japoneză/Suedeză</t>
  </si>
  <si>
    <t>Japoneză/Spaniolă</t>
  </si>
  <si>
    <t>Japoneză/Portugheză</t>
  </si>
  <si>
    <t>Maghiară/Italiană</t>
  </si>
  <si>
    <t>Maghiară/Germană</t>
  </si>
  <si>
    <t>Neerlandeză/Germană</t>
  </si>
  <si>
    <t>Neerlandeză/Engleză</t>
  </si>
  <si>
    <t>Neerlandeză/Franceză</t>
  </si>
  <si>
    <t>Neerlandeză/Italiană</t>
  </si>
  <si>
    <t>Neerlandeză/Portugheză</t>
  </si>
  <si>
    <t>Spaniolă/Suedeză</t>
  </si>
  <si>
    <t>Spaniolă/Engleză</t>
  </si>
  <si>
    <t>Spaniolă/Germană</t>
  </si>
  <si>
    <t>Spaniolă/Portugheză</t>
  </si>
  <si>
    <t>Spaniolă/Rusă</t>
  </si>
  <si>
    <t>Spaniolă/Franceză</t>
  </si>
  <si>
    <t>Italiană/Engleză</t>
  </si>
  <si>
    <t>Italiană/Portugheză</t>
  </si>
  <si>
    <t>Italiană/Rusă</t>
  </si>
  <si>
    <t>Italiană/Persană</t>
  </si>
  <si>
    <t>Italiană/Franceză</t>
  </si>
  <si>
    <t>Italiană/Germană</t>
  </si>
  <si>
    <t>Polonă/Persană</t>
  </si>
  <si>
    <t>Polonă/Engleză</t>
  </si>
  <si>
    <t>Polonă/Spaniolă</t>
  </si>
  <si>
    <t>Polonă/Rusă</t>
  </si>
  <si>
    <t>Polonă/Portugheză</t>
  </si>
  <si>
    <t>Polonă/Franceză</t>
  </si>
  <si>
    <t>Polonă/Italiană</t>
  </si>
  <si>
    <t>Portugheză/Engleză</t>
  </si>
  <si>
    <t>Portugheză/Germană</t>
  </si>
  <si>
    <t>Portugheză/Spaniolă</t>
  </si>
  <si>
    <t>Portugheză/Suedeză</t>
  </si>
  <si>
    <t>Portugheză/Franceză</t>
  </si>
  <si>
    <t>Portugheză/Italiană</t>
  </si>
  <si>
    <t>Rusă/Engleză</t>
  </si>
  <si>
    <t>Rusă/Germană</t>
  </si>
  <si>
    <t>Rusă/Italiană</t>
  </si>
  <si>
    <t>Rusă/Spaniolă</t>
  </si>
  <si>
    <t>Rusă/Persană</t>
  </si>
  <si>
    <t>Slovacă/Suedeză</t>
  </si>
  <si>
    <t>Slovacă/Portugheză</t>
  </si>
  <si>
    <t>Ucraineană/Spaniolă</t>
  </si>
  <si>
    <t>Ucraineană/Persană</t>
  </si>
  <si>
    <t>Ucraineană/Franceză</t>
  </si>
  <si>
    <t>Filologie clasică - Limbă şi literatură modernă</t>
  </si>
  <si>
    <t>Latină/Greacă veche</t>
  </si>
  <si>
    <t>Română/Portugheză</t>
  </si>
  <si>
    <t>Română/Catalană</t>
  </si>
  <si>
    <t>Fizica atomului, nucleului, particulelor elementare, astrofizică şi aplicaţii/ Physics of atom, nucleus and elementary particles, Astrophysics and applications</t>
  </si>
  <si>
    <t>Fizica materialelor avansate şi nanostructuri/ Physics of advanced materials and nanostructures</t>
  </si>
  <si>
    <t>Algebra, geometrie si criptografie/ Algebra, Geometry and Cryptography</t>
  </si>
  <si>
    <t>Experimente ale modernității</t>
  </si>
  <si>
    <t>Istoria ideilor, mentalităţilor şi culturii de masă (sec. XIX - XXI)</t>
  </si>
  <si>
    <t>Istorie, resurse culturale și patrimoniu în societatea contemporană</t>
  </si>
  <si>
    <t>Managementul organizațiilor și evenimentelor sportive</t>
  </si>
  <si>
    <t>Sisteme automate încorporate</t>
  </si>
  <si>
    <t>DROBETA-TURNU SEVERIN</t>
  </si>
  <si>
    <t>Consiliere educațională și dezvoltarea carierei</t>
  </si>
  <si>
    <t>Turism și dezvoltare durabilă</t>
  </si>
  <si>
    <t>Fizică aplicată/ Applied Physics</t>
  </si>
  <si>
    <t>Fizică teoretică/ Theoretical Physics</t>
  </si>
  <si>
    <t>Expertizare viti-vinicolă</t>
  </si>
  <si>
    <t>Evaluarea parametrilor fizico-chimici și de biodiversitate ai mediului</t>
  </si>
  <si>
    <t>Geopolitică şi interferenţe sociale și culturale est-europene (interdisciplinar cu domeniile: Filosofie, Sociologie)</t>
  </si>
  <si>
    <t>Teoria și practica spectacolului liric</t>
  </si>
  <si>
    <t>Administrarea și dezvoltarea afacerilor în turism</t>
  </si>
  <si>
    <t>Studii anglo-americane/ Anglo-american studies</t>
  </si>
  <si>
    <t>Administrarea afacerilor în comerţ, turism şi alte servicii</t>
  </si>
  <si>
    <t>Afaceri internaţionale şi antreprenoriat/ International Business and Entrepreneurship</t>
  </si>
  <si>
    <t>Planificarea noilor produse turistice și managementul destinației/ Planning of new tourism products and destination management</t>
  </si>
  <si>
    <t>Protecţia şi managementul mediului</t>
  </si>
  <si>
    <t>Securitatea informaţiilor și sistemelor de calcul</t>
  </si>
  <si>
    <t>BISTRIŢA</t>
  </si>
  <si>
    <t>Ingineria şi managementul calităţii</t>
  </si>
  <si>
    <t>Ingineria şi managementul resurselor tehnologice în industrie</t>
  </si>
  <si>
    <t>Inginerie virtuală şi fabricaţie competitivă</t>
  </si>
  <si>
    <t>Tehnologii avansate de fabricaţie</t>
  </si>
  <si>
    <t>Antreprenoriat imobiliar</t>
  </si>
  <si>
    <t>Contabilitatea, fiscalitatea și gestiunea patrimoniului unităților administrativ teritoriale</t>
  </si>
  <si>
    <t>Sisteme de procesare şi controlul calităţii produselor agroalimentare</t>
  </si>
  <si>
    <t>Ingineria proceselor de fabricaţie avansate</t>
  </si>
  <si>
    <t>Ingineria securității și sănătății în muncă</t>
  </si>
  <si>
    <t>Strategii inovative în educație</t>
  </si>
  <si>
    <t>Managementul și administrarea afacerilor mici și mijlocii</t>
  </si>
  <si>
    <t>Aplicaţii ale chimiei în expertize juridice</t>
  </si>
  <si>
    <t>Inginerie energetică/ Energy engineering</t>
  </si>
  <si>
    <t>Sisteme holistice spaţiale</t>
  </si>
  <si>
    <t>Inginerie de mentenanţă pentru ELI - NP</t>
  </si>
  <si>
    <t>Antreprenoriat industrial</t>
  </si>
  <si>
    <t>Gastronomie, nutriţie şi dietetică alimentară / Gastronomy, nutrition and dietetics</t>
  </si>
  <si>
    <t>Antreprenoriat în producţiile animaliere</t>
  </si>
  <si>
    <t>Chimie clinică şi de laborator sanitar</t>
  </si>
  <si>
    <t>Contenciosul administrativ şi fiscal</t>
  </si>
  <si>
    <t>Dreptul Uniunii Europene/ European Union Law</t>
  </si>
  <si>
    <t>Fizica şi tehnologia materialelor avansate/ Physics and Technology of Advanced Materials</t>
  </si>
  <si>
    <t>Design inovativ integrat / Innovation based integrated design</t>
  </si>
  <si>
    <t>Morfologia imaginii şi experimentul în arta vizuală/ Image morphology and visual art experiment</t>
  </si>
  <si>
    <t>Valorizarea patrimoniului prin marketingul proiectelor culturale</t>
  </si>
  <si>
    <t>Administrarea afacerilor în turism şi industria ospitalităţii</t>
  </si>
  <si>
    <t>Kinetoterapie la domiciliu</t>
  </si>
  <si>
    <t>Inginerie și management în alimentație publică și agroturism</t>
  </si>
  <si>
    <t>Biotehnologia resurselor naturale</t>
  </si>
  <si>
    <t>Informatică pentru mediul de afaceri/ Computer Science for Business</t>
  </si>
  <si>
    <t>Engleză/Germană/Română</t>
  </si>
  <si>
    <t>Franceză/Engleză/Germană</t>
  </si>
  <si>
    <t>Română/Franceză/Germană/Spaniolă/Italiană</t>
  </si>
  <si>
    <t>Română/Franceză/Germană</t>
  </si>
  <si>
    <t>Ucraineană/Franceză/Engleză/Română</t>
  </si>
  <si>
    <t>Franceză/Spaniolă/Italiană</t>
  </si>
  <si>
    <t>Administrarea afacerilor în turism, comerţ şi servicii</t>
  </si>
  <si>
    <t>Cercetare sociologică avansată</t>
  </si>
  <si>
    <t>Asistenţă de farmacie</t>
  </si>
  <si>
    <t>Mecatronică</t>
  </si>
  <si>
    <t>Inginerie industrială (Industrial Engineering)</t>
  </si>
  <si>
    <t>Studiul patrimoniului (Heritage Studies)</t>
  </si>
  <si>
    <t>Studiul patrimoniului şi managementul bunurilor culturale</t>
  </si>
  <si>
    <t>ENNA</t>
  </si>
  <si>
    <t>Economie generală</t>
  </si>
  <si>
    <t>Economie agroalimentară</t>
  </si>
  <si>
    <t>Inginerie genetică</t>
  </si>
  <si>
    <t>Comunicare şi relaţii publice</t>
  </si>
  <si>
    <t>Ingineria şi protecţia mediului în industrie</t>
  </si>
  <si>
    <t>Agricultură</t>
  </si>
  <si>
    <t>Moaşe</t>
  </si>
  <si>
    <t>Geografia turismului</t>
  </si>
  <si>
    <t>Managementul dezvoltării rurale durabile</t>
  </si>
  <si>
    <t>MARGHITA</t>
  </si>
  <si>
    <t>SEBIŞ</t>
  </si>
  <si>
    <t>Sănătate (Farmacie - Reglementată sectorial)</t>
  </si>
  <si>
    <t>Limbă şi literatură - Limbă şi literatură română</t>
  </si>
  <si>
    <t>Ingineria biomaterialelor</t>
  </si>
  <si>
    <t>Managementul energiei</t>
  </si>
  <si>
    <t>LUGOJ</t>
  </si>
  <si>
    <t>Istoria şi teoria artei</t>
  </si>
  <si>
    <t>Studii de securitate şi informaţii</t>
  </si>
  <si>
    <t>Managementul sistemelor de comunicaţii militare</t>
  </si>
  <si>
    <t>Managementul organizaţiei</t>
  </si>
  <si>
    <t>Ordine şi siguranţă publică</t>
  </si>
  <si>
    <t>Teologie romano-catolică pastorală</t>
  </si>
  <si>
    <t>Exploatarea maşinilor şi instalaţiilor pentru agricultură şi industria alimentară</t>
  </si>
  <si>
    <t>Pedagogie</t>
  </si>
  <si>
    <t>Cinematografie, fotografie, media (Multimedia: sunet-montaj)</t>
  </si>
  <si>
    <t>Cinematografie, fotografie, media (Imagine de film şi TV)</t>
  </si>
  <si>
    <t>Artele spectacolului (păpuşi-marionete)</t>
  </si>
  <si>
    <t>Artele spectacolului (regie)</t>
  </si>
  <si>
    <t>Instituţii de drept european</t>
  </si>
  <si>
    <t>Web-design</t>
  </si>
  <si>
    <t>Administrarea sistemelor distribuite</t>
  </si>
  <si>
    <t>Psihoterapii şi psihologie clinică</t>
  </si>
  <si>
    <t>Auditul şi evaluarea întreprinderii</t>
  </si>
  <si>
    <t>Proceduri judiciare şi profesii liberale</t>
  </si>
  <si>
    <t>Asigurarea calităţii învăţământului</t>
  </si>
  <si>
    <t>Managementul resurselor umane</t>
  </si>
  <si>
    <t>Psihologie clinică şi tehnici de intervenţie prin consiliere şi psihoterapie</t>
  </si>
  <si>
    <t>Resurse turistice şi protecţia mediului</t>
  </si>
  <si>
    <t>Gestiunea financiară a afacerilor</t>
  </si>
  <si>
    <t>Bănci şi pieţe de capital în context european</t>
  </si>
  <si>
    <t>Marketing şi comunicare în afaceri</t>
  </si>
  <si>
    <t>Managementul proiectelor cu finanțare europeană</t>
  </si>
  <si>
    <t>Drept privat</t>
  </si>
  <si>
    <t>Standarde, reglementări şi politici contabile</t>
  </si>
  <si>
    <t>Turism, gestiune hotelieră şi politici în industria ospitalităţii</t>
  </si>
  <si>
    <t>Management şi strategii în resurse umane</t>
  </si>
  <si>
    <t>Managementul afacerilor</t>
  </si>
  <si>
    <t>Managementul economic al unităţilor şcolare</t>
  </si>
  <si>
    <t>Management în administraţie şi servicii publice</t>
  </si>
  <si>
    <t>Management și logistică</t>
  </si>
  <si>
    <t>Management antreprenorial</t>
  </si>
  <si>
    <t>Teologie pastorală și misiologie</t>
  </si>
  <si>
    <t>Programe și proiecte comunitare în asistență socială</t>
  </si>
  <si>
    <t>Management financiar</t>
  </si>
  <si>
    <t>Managementul investigaţiei penale</t>
  </si>
  <si>
    <t>Consiliere educaţională şi intervenţie în orientarea şcolară şi vocaţională</t>
  </si>
  <si>
    <t>Management economico-financiar european</t>
  </si>
  <si>
    <t>Dreptul administraţiei publice</t>
  </si>
  <si>
    <t>Drept și administrație publică europeană</t>
  </si>
  <si>
    <t>Dreptul Uniunii Europene</t>
  </si>
  <si>
    <t>Audit și control public și privat</t>
  </si>
  <si>
    <t>Gestiunea financiară a afacerilor în spațiul european</t>
  </si>
  <si>
    <t>Management financiar public și privat</t>
  </si>
  <si>
    <t>Afaceri și economie internațională (intredisciplinar cu domeniul: Științe ale comunicării)</t>
  </si>
  <si>
    <t>Shipping, finanţe şi comerţ internaţional/ Shipping, international trade and finance (interdisciplinar cu domeniul: Finanţe)</t>
  </si>
  <si>
    <t>Managementul afacerilor în comerţ şi turism</t>
  </si>
  <si>
    <t>Management financiar bancar</t>
  </si>
  <si>
    <t>Finanțarea și administrarea afacerilor în turism și servicii</t>
  </si>
  <si>
    <t>Devianță și delincvență</t>
  </si>
  <si>
    <t>Comunicarea mediatică, opinie publică și management informațional</t>
  </si>
  <si>
    <t>Psihologie clinică</t>
  </si>
  <si>
    <t>Leadership şi management în economia agrară</t>
  </si>
  <si>
    <t>Diplomație și studii interculturale</t>
  </si>
  <si>
    <t>Traducere și interpretare</t>
  </si>
  <si>
    <t>Engleză/Maghiară</t>
  </si>
  <si>
    <t>Sisteme de control inteligente</t>
  </si>
  <si>
    <t>Biotehnologii sustenabile</t>
  </si>
  <si>
    <t>Protecţia plantelor</t>
  </si>
  <si>
    <t>Dezvoltarea aplicaţiilor software</t>
  </si>
  <si>
    <t>Teologie protestantă pastorală aplicată</t>
  </si>
  <si>
    <t>Managementul organizaţiilor sportive</t>
  </si>
  <si>
    <t>Managementul societăţilor comerciale şi de credit</t>
  </si>
  <si>
    <t>Bănci, asigurări și piețe financiare</t>
  </si>
  <si>
    <t>Managementul instituţiilor din administraţia publică</t>
  </si>
  <si>
    <t>Evaluarea politicilor și programelor publice europene</t>
  </si>
  <si>
    <t>Mass-media și comunicare publică</t>
  </si>
  <si>
    <t>Marketingul şi managementul firmei</t>
  </si>
  <si>
    <t>Administrarea afacerilor în turism şi servicii</t>
  </si>
  <si>
    <t>Istorie şi civilizaţie europeană</t>
  </si>
  <si>
    <t>Biologie şi biotehnologii moleculare cu aplicaţii farmaco-medicale</t>
  </si>
  <si>
    <t>Biologie moleculară şi biotehnologii</t>
  </si>
  <si>
    <t>Analize de laborator utilizate în domeniul biomedical</t>
  </si>
  <si>
    <t>Transdisciplinaritate în predarea limbilor moderne</t>
  </si>
  <si>
    <t>Limbi moderne aplicate în afaceri</t>
  </si>
  <si>
    <t>Ocrotirea familiei şi asistenţă socială</t>
  </si>
  <si>
    <t>Instituţii de drept civil şi procesual civil</t>
  </si>
  <si>
    <t>Instituţii de drept penal şi procesual penal</t>
  </si>
  <si>
    <t>Politici administrative europene</t>
  </si>
  <si>
    <t>Kinetoprofilaxie şi recuperare fizică</t>
  </si>
  <si>
    <t>Managementul organizaţiilor şi activităţilor de educaţie fizică şi sport</t>
  </si>
  <si>
    <t>Medicină socială şi management sanitar</t>
  </si>
  <si>
    <t>Medicină comunitară şi sănătatea familiei</t>
  </si>
  <si>
    <t>Management şi marketing forestier</t>
  </si>
  <si>
    <t>Tehnologii de dezvoltare ale aplicaţiilor web</t>
  </si>
  <si>
    <t>Psihologie clinică şi psihoterapii</t>
  </si>
  <si>
    <t>Administrarea afacerilor - Master of Business Administration</t>
  </si>
  <si>
    <t>Administrarea afacerilor - Executive MBA</t>
  </si>
  <si>
    <t>Biblie și societate</t>
  </si>
  <si>
    <t>Administrarea afacerilor în comerţ, turism şi servicii</t>
  </si>
  <si>
    <t>Management organizaţional</t>
  </si>
  <si>
    <t>Managementul sistemului informaţional financiar-contabil</t>
  </si>
  <si>
    <t>Management financiar-bancar şi de asigurări</t>
  </si>
  <si>
    <t>Administraţie europeană. Instituţii şi politici publice</t>
  </si>
  <si>
    <t>Puterea executivă şi administraţia publică</t>
  </si>
  <si>
    <t>Contabilitate, audit şi consultanţă</t>
  </si>
  <si>
    <t>Psihologie aplicată în domeniul securităţii naţionale</t>
  </si>
  <si>
    <t>Psihodiagnoză cognitivă și consiliere psihologică</t>
  </si>
  <si>
    <t>Ingineria și managementul afacerilor în industrie</t>
  </si>
  <si>
    <t>Managementul activităților de educație fizică și sport</t>
  </si>
  <si>
    <t>Evaluarea impactului asupra mediului</t>
  </si>
  <si>
    <t>Gestionarea efectelor schimbărilor climatice</t>
  </si>
  <si>
    <t>Managementul resurselor naturale</t>
  </si>
  <si>
    <t>Managementul financiar al mediului</t>
  </si>
  <si>
    <t>Finanțarea protecției sociale</t>
  </si>
  <si>
    <t>Drept internațional și european al afacerilor</t>
  </si>
  <si>
    <t>Drept internațional și dreptul Uniunii Europene</t>
  </si>
  <si>
    <t>Dreptul informațiilor și al securității private</t>
  </si>
  <si>
    <t>Drept social român și european</t>
  </si>
  <si>
    <t>Drept intern și internațional al mediului</t>
  </si>
  <si>
    <t>Management performant în alimentaţie publică, agroturism şi protecţia consumatorului</t>
  </si>
  <si>
    <t>Inspecţie, expertiză şi legislaţie în siguranţa alimentelor, protecţia mediului şi protecţia consumatorului</t>
  </si>
  <si>
    <t>Investigarea actelor de terorism şi securitate publică</t>
  </si>
  <si>
    <t>Dimensiunea europeană a managementului organizaţiei</t>
  </si>
  <si>
    <t>Management organizaţional şi antreprenoriat</t>
  </si>
  <si>
    <t>Managementul administraţiei publice</t>
  </si>
  <si>
    <t>Psihologie judiciară şi victimologie</t>
  </si>
  <si>
    <t>Cooperare internaţională în justiţie</t>
  </si>
  <si>
    <t>Managementul şi finanţarea  proiectelor publice şi private</t>
  </si>
  <si>
    <t>Finanţe şi administraţie publică europeană</t>
  </si>
  <si>
    <t>Consiliere educațională (interdisciplinar cu domeniul: Psihologie)</t>
  </si>
  <si>
    <t>Marketing şi relaţii publice în afaceri</t>
  </si>
  <si>
    <t>Marketingul și managementul serviciilor</t>
  </si>
  <si>
    <t>Kinetoterapia în afecţiunile locomotorii</t>
  </si>
  <si>
    <t>Educaţie fizică şi antrenament sportiv</t>
  </si>
  <si>
    <t>Traducere în domenii de specialitate</t>
  </si>
  <si>
    <t>Contabilitate şi managementul afacerilor</t>
  </si>
  <si>
    <t>Contabilitate expertiză și audit</t>
  </si>
  <si>
    <t>Audit financiar contabil</t>
  </si>
  <si>
    <t>Auditul intern în sistemul public şi privat</t>
  </si>
  <si>
    <t>Contabilitatea agenţilor economici şi a instituţiilor publice</t>
  </si>
  <si>
    <t>Dramaturgie cinematografică. Scenaristică film și TV</t>
  </si>
  <si>
    <t>Arta actorului. Metode de înnoire a mijloacelor de expresie</t>
  </si>
  <si>
    <t>Fizica materialelor şi aplicaţii</t>
  </si>
  <si>
    <t>Politici comunitare şi intervenţii sociale</t>
  </si>
  <si>
    <t>Comunicare interculturală şi traducere profesională</t>
  </si>
  <si>
    <t>Managementul mediului şi dezvoltarea durabilă</t>
  </si>
  <si>
    <t>Geopolitică, istorie şi relaţii internaţionale</t>
  </si>
  <si>
    <t>Managementul proiectelor tehnice şi tehnologice</t>
  </si>
  <si>
    <t>Dreptul penal al afacerilor</t>
  </si>
  <si>
    <t>Audit financiar-contabil şi consiliere</t>
  </si>
  <si>
    <t>Managementul investiţiilor</t>
  </si>
  <si>
    <t>Leadership şi managementul resurselor umane</t>
  </si>
  <si>
    <t>Marketing în afaceri</t>
  </si>
  <si>
    <t>Marketing strategic/ Strategic marketing</t>
  </si>
  <si>
    <t>Managementul și marketingul organizației</t>
  </si>
  <si>
    <t>Managementul strategic al firmei</t>
  </si>
  <si>
    <t>Finanţe, bănci, asigurări</t>
  </si>
  <si>
    <t>Finanţe/ Finance</t>
  </si>
  <si>
    <t>Relaţii economice europene</t>
  </si>
  <si>
    <t>Afaceri internaţionale</t>
  </si>
  <si>
    <t>Managementul organizaţiilor şi serviciilor publice</t>
  </si>
  <si>
    <t>Audit finanicar, control şi audit intern</t>
  </si>
  <si>
    <t>Contabilitatea şi auditul entităţilor economice</t>
  </si>
  <si>
    <t>Management contabil, audit şi expertiză contabilă</t>
  </si>
  <si>
    <t>Drept financiar, bancar şi al asigurărilor</t>
  </si>
  <si>
    <t>Reabilitări orale cu agregare implantară</t>
  </si>
  <si>
    <t>Securitatea sistemelor informatice și a rețelelor informaționale</t>
  </si>
  <si>
    <t>Psihanaliză</t>
  </si>
  <si>
    <t>Psihologie clinică, hipnoză și intervenții terapeutice de scurtă durată</t>
  </si>
  <si>
    <t>Psihologie judiciară</t>
  </si>
  <si>
    <t>Psihologia sportului</t>
  </si>
  <si>
    <t>Tehnici de comunicare și influență socială</t>
  </si>
  <si>
    <t>Psihoterapii cognitiv comportamentale</t>
  </si>
  <si>
    <t>Psihologie școlară și consiliere educațională</t>
  </si>
  <si>
    <t>Psihologia resurselor umane</t>
  </si>
  <si>
    <t>Fiscalitate și politici financiare</t>
  </si>
  <si>
    <t>Dreptul Uniunii Europene. Instituții de drept material și procesual european</t>
  </si>
  <si>
    <t>Criminalistică și psihologia judiciară în investigația penală</t>
  </si>
  <si>
    <t>Drept civil și drept procesual civil aprofundat</t>
  </si>
  <si>
    <t>Administraţie şi management public</t>
  </si>
  <si>
    <t>Managementul afacerilor internaţionale</t>
  </si>
  <si>
    <t>Negocierea conflictelor și diplomație economică</t>
  </si>
  <si>
    <t>Management financiar-bancar</t>
  </si>
  <si>
    <t>Gestiune şi audit financiar</t>
  </si>
  <si>
    <t>Contabilitatea şi auditul afacerilor</t>
  </si>
  <si>
    <t>Administrarea şi negocierea în afaceri</t>
  </si>
  <si>
    <t>Administrarea şi negocierea afacerilor</t>
  </si>
  <si>
    <t>Managementul afacerilor în turism</t>
  </si>
  <si>
    <t>Managementul afacerilor în comerţ</t>
  </si>
  <si>
    <t>Studii de securitate şi apărare</t>
  </si>
  <si>
    <t>Intelligence în organizaţii</t>
  </si>
  <si>
    <t>Management şi tehnologie</t>
  </si>
  <si>
    <t>Managementul capabilităţilor organizaţionale</t>
  </si>
  <si>
    <t>Leadership organizaţional</t>
  </si>
  <si>
    <t>Inginerie şi management naval şi portuar</t>
  </si>
  <si>
    <t>Sisteme electromecanice navale</t>
  </si>
  <si>
    <t>Ştiinţe nautice</t>
  </si>
  <si>
    <t>Managementul sistemelor de luptă din forţele aeriene</t>
  </si>
  <si>
    <t>Securitatea spaţiului aerian</t>
  </si>
  <si>
    <t>Arhivistică contemporană</t>
  </si>
  <si>
    <t>Managementul situaţiilor de urgenţă</t>
  </si>
  <si>
    <t>Cercetări fundamentale în domeniul ordinii publice şi siguranţei naţionale</t>
  </si>
  <si>
    <t>Tehnică criminalistică</t>
  </si>
  <si>
    <t>Managementul resurselor umane în sistemul autorităţilor de ordine publică</t>
  </si>
  <si>
    <t>Managementul pregătirii operaţionale de jandarmi</t>
  </si>
  <si>
    <t>Investigarea criminalistică a infracţiunilor</t>
  </si>
  <si>
    <t>Combaterea traficului ilicit de droguri</t>
  </si>
  <si>
    <t>Drept administrativ</t>
  </si>
  <si>
    <t>Poliţie judiciară</t>
  </si>
  <si>
    <t>Managementul operaţional la frontiera externă Schengen</t>
  </si>
  <si>
    <t>Managementul investigării fraudelor</t>
  </si>
  <si>
    <t>Managementul cooperării poliţieneşti internaţionale</t>
  </si>
  <si>
    <t>Managementul activităţilor informative</t>
  </si>
  <si>
    <t>Combaterea criminalităţii organizate</t>
  </si>
  <si>
    <t>Cercetări criminalistice aplicate</t>
  </si>
  <si>
    <t>Managementul informaţiilor de securitate naţională</t>
  </si>
  <si>
    <t>Managementul informaţiilor în combaterea terorismului</t>
  </si>
  <si>
    <t>Managementul educaţional în cultura de securitate</t>
  </si>
  <si>
    <t>Intelligence pentru decizia de securitate națională</t>
  </si>
  <si>
    <t>Intelligence competitiv și administrație publică</t>
  </si>
  <si>
    <t>Intelligence competitiv</t>
  </si>
  <si>
    <t>Comunicare şi relaţii publice - Informaţii</t>
  </si>
  <si>
    <t>Psihologie - Informaţii</t>
  </si>
  <si>
    <t>Analiză integrată de intelligence</t>
  </si>
  <si>
    <t>Analiză de intelligence</t>
  </si>
  <si>
    <t>Intelligence şi securitate naţională</t>
  </si>
  <si>
    <t>Managementul programelor şi proiectelor</t>
  </si>
  <si>
    <t>Managementul resurselor organizaţiei</t>
  </si>
  <si>
    <t>Managementul crizelor şi prevenirea conflictelor</t>
  </si>
  <si>
    <t>Comunicare publică în domeniul securităţii şi apărării</t>
  </si>
  <si>
    <t>Securitate şi apărare</t>
  </si>
  <si>
    <t>Protecţia infrastructurilor critice</t>
  </si>
  <si>
    <t>Electronică aplicată în robotică pentru securitate şi apărare</t>
  </si>
  <si>
    <t>Ingineria sistemelor de comunicaţii şi securitate electronică</t>
  </si>
  <si>
    <t>Securitatea tehnologiei informaţiei</t>
  </si>
  <si>
    <t>Inginerie pentru sisteme mecanice speciale de apărare şi securitate</t>
  </si>
  <si>
    <t>Ingineria sistemelor aeronautice</t>
  </si>
  <si>
    <t>Echipamente şi tehnologii în ingineria autovehiculelor</t>
  </si>
  <si>
    <t>Laseri în medicina dentară</t>
  </si>
  <si>
    <t>Managementul farmacoterapiei la persoanele vârstnice</t>
  </si>
  <si>
    <t>Formularea şi evaluarea produsului dermatocosmetic</t>
  </si>
  <si>
    <t>Nutriție clinică și comunitară</t>
  </si>
  <si>
    <t>Prevenţia şi recuperarea în afecţiunile cardiopulmonare</t>
  </si>
  <si>
    <t>Managementul asistenţei medicale perinatale</t>
  </si>
  <si>
    <t>Politici publice şi advocacy</t>
  </si>
  <si>
    <t>Jurnalism european și comunicare în regiuni multietnice</t>
  </si>
  <si>
    <t>Jurnalism tematic</t>
  </si>
  <si>
    <t>Jurnalism sportiv</t>
  </si>
  <si>
    <t>Mass-media şi relaţii publice. Tehnici de redactare şi de comunicare</t>
  </si>
  <si>
    <t>Sistemul infodocumentar în context european</t>
  </si>
  <si>
    <t>Comunicare şi mediere în conflictele sociale</t>
  </si>
  <si>
    <t>Studii europene comparate</t>
  </si>
  <si>
    <t>Studii de dezvoltare internaţională</t>
  </si>
  <si>
    <t>Filosofie şi ştiinţe socioumane</t>
  </si>
  <si>
    <t>Fenomenologia şi hermeneutica filosofică a religiozităţii</t>
  </si>
  <si>
    <t>Consiliere şi consultanţă filosofică/ Philosophical counselling and consultancy</t>
  </si>
  <si>
    <t>Sociologia muncii şi comportament organizațional</t>
  </si>
  <si>
    <t>Antropologie socială şi management cultural</t>
  </si>
  <si>
    <t>Sociologia instituţiilor administrative, instituţiilor de socializare şi resocializare</t>
  </si>
  <si>
    <t>Sociologia dezvoltării şi securităţii europene</t>
  </si>
  <si>
    <t>Managementul resurselor umane în administrarea organizaţiilor</t>
  </si>
  <si>
    <t>Economie socială</t>
  </si>
  <si>
    <t>Psihologia muncii, psihologie organizaţională şi a transporturilor</t>
  </si>
  <si>
    <t>Organizational and Occupational Health Psychology</t>
  </si>
  <si>
    <t>Stilistica interpretării muzicale</t>
  </si>
  <si>
    <t>Modelări analitice şi geometrice ale sistemelor</t>
  </si>
  <si>
    <t>Matematici financiare</t>
  </si>
  <si>
    <t>Inteligenţă artificială şi calcul distribuit</t>
  </si>
  <si>
    <t>Inginerie software</t>
  </si>
  <si>
    <t>Informatică aplicată în ştiinte, tehnologie şi economie</t>
  </si>
  <si>
    <t>Artificial Intelligence and Distributed Computing</t>
  </si>
  <si>
    <t>Religie, cultură, societate</t>
  </si>
  <si>
    <t>Tendinţe actuale în studiul limbii române</t>
  </si>
  <si>
    <t>Literatură şi cultură - contexte româneşti, contexte europene</t>
  </si>
  <si>
    <t>Teoria şi practica traducerii (engleză și franceză)</t>
  </si>
  <si>
    <t>Studii romanice: culturale şi lingvistice (latină, franceză,  italiană, spaniolă)</t>
  </si>
  <si>
    <t>Germana în context european - Studii interdisciplinare şi multiculturale</t>
  </si>
  <si>
    <t>Arheologie și mediu în contextul dezvoltării durabile</t>
  </si>
  <si>
    <t>Istorie conceptuală românească în context european</t>
  </si>
  <si>
    <t>Metode optice și spectrale de investigare a sistemelor fizice complexe</t>
  </si>
  <si>
    <t>Astrofizică și particule elementare</t>
  </si>
  <si>
    <t>Fizică aplicată în medicină</t>
  </si>
  <si>
    <t>Astrofizică şi fizică computațională</t>
  </si>
  <si>
    <t>Smart nano-microsystems for environmental and nano-microtechnologies</t>
  </si>
  <si>
    <t>Physics of crystalline materials</t>
  </si>
  <si>
    <t>Kinetoterapia în patologia ortopedico-traumatică</t>
  </si>
  <si>
    <t>Managementul activităţilor şi organizaţiilor de educaţie fizică şi sportive</t>
  </si>
  <si>
    <t>Fitness şi performanţă motrică</t>
  </si>
  <si>
    <t>Publicitate şi promovarea vânzărilor</t>
  </si>
  <si>
    <t>Marketing şi managementul vânzărilor</t>
  </si>
  <si>
    <t>Diagnostic, evaluare şi consultanţă în afaceri</t>
  </si>
  <si>
    <t>Managementul strategic al organizaţiilor. Dezvoltarea spaţiului de afaceri</t>
  </si>
  <si>
    <t>Administrarea organizaţiilor de afaceri</t>
  </si>
  <si>
    <t>Managementul afacerilor în context european/ Le management des affaires en contexte europeen</t>
  </si>
  <si>
    <t>Pieţe financiare, bănci şi asigurări</t>
  </si>
  <si>
    <t>Fiscalitate şi consultanţă fiscală</t>
  </si>
  <si>
    <t>Finanţe şi strategii financiare ale companiilor</t>
  </si>
  <si>
    <t>International Corporate Finance</t>
  </si>
  <si>
    <t>Management şi integrare europeană</t>
  </si>
  <si>
    <t>Studii europene şi economia integrării</t>
  </si>
  <si>
    <t>Contabilitate, control şi guvernanţă</t>
  </si>
  <si>
    <t>Expertiză contabilă şi evaluarea afacerilor</t>
  </si>
  <si>
    <t>Contabilitate şi audit în instituţiile publice</t>
  </si>
  <si>
    <t>Audit financiar-contabil</t>
  </si>
  <si>
    <t>Auditul şi managementul financiar al fondurilor europene</t>
  </si>
  <si>
    <t>Sisteme informaţionale pentru afaceri</t>
  </si>
  <si>
    <t>Planificarea şi dezvoltarea durabilă a teritoriului</t>
  </si>
  <si>
    <t>Dezvoltare şi amenajare turistică</t>
  </si>
  <si>
    <t>Biologia dezvoltării şi influenţa factorilor exogeni asupra organismelor</t>
  </si>
  <si>
    <t>Design ceramic</t>
  </si>
  <si>
    <t>Design de produs</t>
  </si>
  <si>
    <t>Design vestimentar - Design textil</t>
  </si>
  <si>
    <t>Design grafic - Comunicare vizuală</t>
  </si>
  <si>
    <t>Sculptură- Materie şi concept</t>
  </si>
  <si>
    <t>Pictură – Surse şi resurse ale imaginii</t>
  </si>
  <si>
    <t>Grafică publicitară şi de carte</t>
  </si>
  <si>
    <t>Conservare Restaurare - Icoana, pictură şi restaurare</t>
  </si>
  <si>
    <t>Foto video</t>
  </si>
  <si>
    <t>Istoria artei, patrimoniu, curatoriat</t>
  </si>
  <si>
    <t>Nutriție și bază furajeră</t>
  </si>
  <si>
    <t>Proiectare și evaluare tehnico-economică a producțiilor animaliere</t>
  </si>
  <si>
    <t>Aliment - Nutriție umană</t>
  </si>
  <si>
    <t>Siguranţa şi biosecuritatea produselor agroalimentare</t>
  </si>
  <si>
    <t>Agribusiness</t>
  </si>
  <si>
    <t>Administrarea afacerilor agricole</t>
  </si>
  <si>
    <t>Management în alimentaţie publică şi agroturism</t>
  </si>
  <si>
    <t>Diversitatea ecosistemelor forestiere</t>
  </si>
  <si>
    <t>Ameliorare şi producere de sămânţă la plantele cultivate</t>
  </si>
  <si>
    <t>Securitatea şi calitatea produselor horticole primare</t>
  </si>
  <si>
    <t>Calitatea produselor şi subproduselor viti-vinicole</t>
  </si>
  <si>
    <t>Tehnologii în sistemele ecobiologice horticole</t>
  </si>
  <si>
    <t>Gestiunea mediului şi a resurselor naturale</t>
  </si>
  <si>
    <t>Biologie aplicată în agricultură</t>
  </si>
  <si>
    <t>Utilizarea durabilă a terenurilor agricole</t>
  </si>
  <si>
    <t>Tehnologii sustenabile pentru culturi de câmp</t>
  </si>
  <si>
    <t>Agricultură ecologică</t>
  </si>
  <si>
    <t>Comunicare, relaţii publice şi media digitală (interdisciplinar cu Inginerie electronică, telecomunicaţii şi tehnologii informaţionale)</t>
  </si>
  <si>
    <t>Implanturi, proteze şi evaluare biomecanică (interdisciplinar cu  Mecatronică şi robotică)</t>
  </si>
  <si>
    <t>Metode şi tehnici statistice în sănătate şi în cercetarea clinică</t>
  </si>
  <si>
    <t>Computer aided design of the advanced mechanical system (C.A.D. pentru sisteme mecanice avansate)</t>
  </si>
  <si>
    <t>Inginerie mecatronică în optometrie</t>
  </si>
  <si>
    <t>Echipamente şi tehnici miniaturale avansate</t>
  </si>
  <si>
    <t>Comunicare organizaţională în mecatronică</t>
  </si>
  <si>
    <t>Sisteme robotice cu inteligenţă artificială</t>
  </si>
  <si>
    <t>Ingineria calităţii în mecatronică şi robotică</t>
  </si>
  <si>
    <t>Ergoinginerie în mecatronică</t>
  </si>
  <si>
    <t>Tehnici avansate în transportul rutier</t>
  </si>
  <si>
    <t>Optimizarea fabricaţiei echipamentelor de proces</t>
  </si>
  <si>
    <t>Expertize şi diagnoze tehnice în inginerie</t>
  </si>
  <si>
    <t>Dinamica şi vibraţiile maşinilor şi utilajelor</t>
  </si>
  <si>
    <t>Sisteme integrate pentru fabricaţia agroalimentară</t>
  </si>
  <si>
    <t>Sisteme feroviare moderne</t>
  </si>
  <si>
    <t>Managementul calităţii proceselor tehnologice</t>
  </si>
  <si>
    <t>Inginerie mecanică avansată</t>
  </si>
  <si>
    <t>Ingineria resurselor regenerabile de energie</t>
  </si>
  <si>
    <t>Ingineria relaţiilor de muncă, sănătate şi securitate în muncă</t>
  </si>
  <si>
    <t>Hidrodinamica maşinilor şi sistemelor hidromecanice</t>
  </si>
  <si>
    <t>Energoecologie în domeniul termic şi al vehiculelor de transport</t>
  </si>
  <si>
    <t>Procedee productive de sudare în mediu de gaze protectoare</t>
  </si>
  <si>
    <t>Inginerie integrată</t>
  </si>
  <si>
    <t>Ingineria produselor din materiale polimerice şi compozite</t>
  </si>
  <si>
    <t>Construcţia şi exploatarea autovehiculelor rutiere</t>
  </si>
  <si>
    <t>Ingineria sistemelor de propulsie pentru autovehicule</t>
  </si>
  <si>
    <t>Management antreprenorial în administrarea afacerilor</t>
  </si>
  <si>
    <t>Ingineria şi managementul sistemelor logistice</t>
  </si>
  <si>
    <t>Ingineria şi managementul competitivităţii</t>
  </si>
  <si>
    <t>Ingineria şi managementul sistemelor mecanice</t>
  </si>
  <si>
    <t>Ingineria şi managementul dezvoltării durabile în industria de materiale</t>
  </si>
  <si>
    <t>Materiale şi tehnologii avansate pentru industria autovehiculelor</t>
  </si>
  <si>
    <t>Energii regenerabile - Energia solară</t>
  </si>
  <si>
    <t>Conducerea sistemelor electroenergetice</t>
  </si>
  <si>
    <t>Tehnici informatice în ingineria electrică</t>
  </si>
  <si>
    <t>Sisteme avansate de utilizare industrială a energiei  electrice</t>
  </si>
  <si>
    <t>Electrotehnică şi electronică de putere</t>
  </si>
  <si>
    <t>Tehnologii multimedia</t>
  </si>
  <si>
    <t>Ingineria reţelelor de telecomunicaţii</t>
  </si>
  <si>
    <t>Ingineria reţelelor de comunicaţii/ Communications networks engineering</t>
  </si>
  <si>
    <t>Electronică biomedicală</t>
  </si>
  <si>
    <t>Electronica sistemelor inteligente</t>
  </si>
  <si>
    <t>Tehnologii, sisteme și aplicații pentru eActivități</t>
  </si>
  <si>
    <t>Cadastru şi evaluarea bunurilor imobile</t>
  </si>
  <si>
    <t>Optimizarea şi modernizarea sistemelor de instalaţii</t>
  </si>
  <si>
    <t>Reabilitarea construcţiilor</t>
  </si>
  <si>
    <t>Proiectarea avansată a structurilor metalice și compozite (Advanced Design of Steel and Compozite Structures)</t>
  </si>
  <si>
    <t>Optimizarea sistemelor hidrotehnice</t>
  </si>
  <si>
    <t>Optimizarea exploatării sistemelor de inginerie sanitară şi protecţia mediului</t>
  </si>
  <si>
    <t>Infrastructuri pentru transporturi</t>
  </si>
  <si>
    <t>Dezvoltare durabilă: auditul energetic şi securitate la incendiu a clădirilor</t>
  </si>
  <si>
    <t>Tehnologii de proces nepoluante</t>
  </si>
  <si>
    <t>Ingineria şi managementul mediului în industrie</t>
  </si>
  <si>
    <t>Produse de sinteză organică fină,semisinteză şi naturale</t>
  </si>
  <si>
    <t>Ingineria compuşilor anorganici şi protecţia mediului</t>
  </si>
  <si>
    <t>Controlul şi avizarea produselor alimentare</t>
  </si>
  <si>
    <t>Tehnologii informatice</t>
  </si>
  <si>
    <t>Sisteme încorporate pentru domeniul auto/ Automotive Embeded Software</t>
  </si>
  <si>
    <t>Sisteme informatice în îngrijirea sănătăţii</t>
  </si>
  <si>
    <t>Sisteme informatice aplicate în producţie şi servicii</t>
  </si>
  <si>
    <t>Ingineria sistemelor automate</t>
  </si>
  <si>
    <t>Tehnologia informaţiei/ Information Technology</t>
  </si>
  <si>
    <t>Inginerie software/ Software Engineering</t>
  </si>
  <si>
    <t>Tendinţe, materiale şi tehnologii noi în arhitectura de interior</t>
  </si>
  <si>
    <t>Urbanism şi amenajarea teritoriului</t>
  </si>
  <si>
    <t>Concepții muzicale contemporane</t>
  </si>
  <si>
    <t>Teatrologie. Impresariat artistic</t>
  </si>
  <si>
    <t>Scriere dramatică</t>
  </si>
  <si>
    <t>Arta regizorului</t>
  </si>
  <si>
    <t>Arta actorului de teatru de animație</t>
  </si>
  <si>
    <t>Arta actorului</t>
  </si>
  <si>
    <t>Tehnologii protetice pe implanturi</t>
  </si>
  <si>
    <t>Biotehnologie medicală</t>
  </si>
  <si>
    <t>Calitatea medicamentului, alimentului și mediului</t>
  </si>
  <si>
    <t>Cercetare științifică avansată medico - farmaceutică</t>
  </si>
  <si>
    <t>Terapie fizică și reabilitare funcțională</t>
  </si>
  <si>
    <t>Laborator clinic</t>
  </si>
  <si>
    <t>Instituţii judiciare şi profesii liberale</t>
  </si>
  <si>
    <t>Gestiune financiar-bancară</t>
  </si>
  <si>
    <t>Contabilitate şi audit</t>
  </si>
  <si>
    <t>Tehnologia informaţiei</t>
  </si>
  <si>
    <t>Istorie mondială, sisteme şi relaţii internaţionale</t>
  </si>
  <si>
    <t>Elitele, cultura şi construcţia europeană</t>
  </si>
  <si>
    <t>Istoria literaturii şi sistemul criticii literare</t>
  </si>
  <si>
    <t>Proiectare şi fabricaţie asistate de calculator</t>
  </si>
  <si>
    <t>Managementul sistemelor calităţii</t>
  </si>
  <si>
    <t>Sisteme automate de conducere a proceselor industriale</t>
  </si>
  <si>
    <t>Managementul sistemelor de energie</t>
  </si>
  <si>
    <t>Știința motricității în activități didactice și de timp liber</t>
  </si>
  <si>
    <t>Conducerea avansată a proceselor industriale</t>
  </si>
  <si>
    <t>Tehnologii avansate de producere a energiei</t>
  </si>
  <si>
    <t>Administraţie publică europeană</t>
  </si>
  <si>
    <t>Administrarea şi conducerea unităţilor de învăţământ</t>
  </si>
  <si>
    <t>Control, audit şi expertiză financiar contabilă</t>
  </si>
  <si>
    <t>Finanţe şi guvernanţă publică europeană</t>
  </si>
  <si>
    <t>Bănci şi asigurări</t>
  </si>
  <si>
    <t>Multilingvism și interculturalitate în context european</t>
  </si>
  <si>
    <t>Controlul și expertiza alimentelor</t>
  </si>
  <si>
    <t>Sisteme de control și evaluare a calității mediului</t>
  </si>
  <si>
    <t>Echipamente și instalații pentru industria materialelor de construcții</t>
  </si>
  <si>
    <t>Materiale avansate</t>
  </si>
  <si>
    <t>Comandă avansată a sistemelor complexe</t>
  </si>
  <si>
    <t>Automatică avansată, productică și informatică industrială</t>
  </si>
  <si>
    <t>Fizică aplicată</t>
  </si>
  <si>
    <t>Educaţie muzicală</t>
  </si>
  <si>
    <t>Metode fizico-chimice de analiză pentru controlul calității vieții și mediului</t>
  </si>
  <si>
    <t>Strategii didactice de comunicare și învățare eficientă</t>
  </si>
  <si>
    <t>Doctrină, știință, misiune</t>
  </si>
  <si>
    <t>Doctrina socială și ecumenică a bisericii în contemporaneitate</t>
  </si>
  <si>
    <t>Unitatea istoriei europene</t>
  </si>
  <si>
    <t>Fenomene geografice de risc și calitatea mediului</t>
  </si>
  <si>
    <t>Educație fizică, turism și timp liber</t>
  </si>
  <si>
    <t>Jurnalism și studii culturale europene</t>
  </si>
  <si>
    <t>Managementul informațiilor</t>
  </si>
  <si>
    <t>Auditul entităților publice și private</t>
  </si>
  <si>
    <t>Rețele de comunicații și calculatoare</t>
  </si>
  <si>
    <t>Comunicare didactică</t>
  </si>
  <si>
    <t>Managementul instituţiilor educaţionale</t>
  </si>
  <si>
    <t>Consiliere școlară și educație emoțională</t>
  </si>
  <si>
    <t>Audit și guvernanță corporativă</t>
  </si>
  <si>
    <t>Contabilitate, audit financiar și expertiză contabilă</t>
  </si>
  <si>
    <t>Management și administrație europeană</t>
  </si>
  <si>
    <t>Management și audit în administrație și afaceri</t>
  </si>
  <si>
    <t>Administrarea și formarea resurselor umane în organizații</t>
  </si>
  <si>
    <t>Management și administrarea afacerilor</t>
  </si>
  <si>
    <t>Managementul firmelor de comerț, turism și servicii</t>
  </si>
  <si>
    <t>Conservarea biodiversității și managementul ecosistemelor</t>
  </si>
  <si>
    <t>Managementul activităților din domeniul forestier</t>
  </si>
  <si>
    <t>Cultură şi civilizaţie britanică în contextul globalizării</t>
  </si>
  <si>
    <t>Literatură română în context european</t>
  </si>
  <si>
    <t>Limbă şi comunicare</t>
  </si>
  <si>
    <t>Teoria şi practica traducerii</t>
  </si>
  <si>
    <t>Consiliere şi administrare în resurse umane</t>
  </si>
  <si>
    <t>Turism şi dezvoltare regională</t>
  </si>
  <si>
    <t>GIS şi planificare teritorială</t>
  </si>
  <si>
    <t>Tradiție și inovație în turismul cultural și religios</t>
  </si>
  <si>
    <t>Studii europene</t>
  </si>
  <si>
    <t>Protejarea, valorificarea şi managementul patrimoniului</t>
  </si>
  <si>
    <t>Managementul relaţiilor internaţionale şi cooperării transfrontaliere</t>
  </si>
  <si>
    <t>Inginerie mecanică asistată de calculator</t>
  </si>
  <si>
    <t>Ingineria și managementul calității, sănătății și securității în muncă</t>
  </si>
  <si>
    <t>Tehnici avansate în maşini şi acţionări electrice</t>
  </si>
  <si>
    <t>Sisteme moderne pentru conducerea proceselor energetice</t>
  </si>
  <si>
    <t>Management informatic în industrie şi administraţie</t>
  </si>
  <si>
    <t>Ingineria calculatoarelor şi controlul proceselor</t>
  </si>
  <si>
    <t>Ştiinţa şi ingineria calculatoarelor</t>
  </si>
  <si>
    <t>Managementul securităţii mediului şi siguranţa alimentară</t>
  </si>
  <si>
    <t>Managementul igienei, controlul calităţii produselor alimentare şi asigurarea sănătăţii populaţiei</t>
  </si>
  <si>
    <t>Ingineria şi managementul mediului şi energiilor regenerabile</t>
  </si>
  <si>
    <t>Comunicare în afaceri şi relaţii publice ale firmei</t>
  </si>
  <si>
    <t>Administrarea afacerilor internaţionale</t>
  </si>
  <si>
    <t>Strategii şi politici de management şi marketing ale firmei</t>
  </si>
  <si>
    <t>Management financiar și bancar internațional</t>
  </si>
  <si>
    <t>Management educaţional (interdisciplinar cu domeniul: Ştiinţe ale educaţiei)</t>
  </si>
  <si>
    <t>Managementul dezvoltării durabile a zonei rurale</t>
  </si>
  <si>
    <t>Managementul protecţiei mediului agricol</t>
  </si>
  <si>
    <t>Asigurarea calităţii şi siguranţei alimentelor</t>
  </si>
  <si>
    <t>Managementul procesării moderne a alimentelor</t>
  </si>
  <si>
    <t>Managementul medicinei muncii</t>
  </si>
  <si>
    <t>Management sanitar</t>
  </si>
  <si>
    <t>Partide politice, analize electorale şi marketing politic</t>
  </si>
  <si>
    <t>Securitate şi relaţii internaţionale</t>
  </si>
  <si>
    <t>Relaţii internaţionale. Sisteme de securitate</t>
  </si>
  <si>
    <t>Managementul integrării europene şi administraţiei publice</t>
  </si>
  <si>
    <t>Managementul instituţiilor europene</t>
  </si>
  <si>
    <t>Diplomaţia apărării</t>
  </si>
  <si>
    <t>Psihologie medico-legală și criminalistică. Evaluare și intervenție</t>
  </si>
  <si>
    <t>Psihologie clinică, consiliere psihologică şi psihoterapie</t>
  </si>
  <si>
    <t>Psihologie organizaţională: diagnoză şi intervenţie în organizaţii</t>
  </si>
  <si>
    <t>Cunoaşterea şi combaterea criminalităţii</t>
  </si>
  <si>
    <t>Selecţia şi gestiunea resurselor umane</t>
  </si>
  <si>
    <t>Leadership şi management organizaţional</t>
  </si>
  <si>
    <t>Negociere şi mediere în organizaţii</t>
  </si>
  <si>
    <t>Analiză şi diagnoză socială</t>
  </si>
  <si>
    <t>Restaurare lemn policrom</t>
  </si>
  <si>
    <t>Protejarea şi valorificarea patrimoniului istoric</t>
  </si>
  <si>
    <t>Elite politice româneşti (secolele XVIII-XX)</t>
  </si>
  <si>
    <t>Expertiza şi managementul sistemelor ecologice</t>
  </si>
  <si>
    <t>Advanced information systems and technologies</t>
  </si>
  <si>
    <t>Sisteme şi tehnologii informatice avansate</t>
  </si>
  <si>
    <t>Antrenament şi performanţă</t>
  </si>
  <si>
    <t>Informatică managerială</t>
  </si>
  <si>
    <t>Matematică informatică aplicată</t>
  </si>
  <si>
    <t>Ingineria calculatoarelor în aplicaţii industriale</t>
  </si>
  <si>
    <t>Advanced computing systems</t>
  </si>
  <si>
    <t>Embedded systems</t>
  </si>
  <si>
    <t>Managementul securităţii, sănătăţii şi relaţiilor de muncă</t>
  </si>
  <si>
    <t>Managementul sistemelor organizaţionale integrate</t>
  </si>
  <si>
    <t>Management of the integrated organizational systems</t>
  </si>
  <si>
    <t>Managementul calităţii</t>
  </si>
  <si>
    <t>Quality management</t>
  </si>
  <si>
    <t>European projects management</t>
  </si>
  <si>
    <t>Managementul proiectelor europene</t>
  </si>
  <si>
    <t>Industrial business management</t>
  </si>
  <si>
    <t>Managementul afacerilor industriale</t>
  </si>
  <si>
    <t>Sisteme şi tehnologii inteligente de fabricaţie</t>
  </si>
  <si>
    <t>Intelligent manufacturing systems and technologies</t>
  </si>
  <si>
    <t>Optimizarea tehnologiilor textile</t>
  </si>
  <si>
    <t>Digital factory</t>
  </si>
  <si>
    <t>Fabrica digitală</t>
  </si>
  <si>
    <t>Industrial logistics</t>
  </si>
  <si>
    <t>Logistică industrială</t>
  </si>
  <si>
    <t>Structura, programarea şi mentenanţa sistemelor CNC</t>
  </si>
  <si>
    <t>CAD-CAE-CAM systems in plastic deformation</t>
  </si>
  <si>
    <t>Sisteme CAD-CAE-CAM în deformarea plastică</t>
  </si>
  <si>
    <t>MEDIAŞ</t>
  </si>
  <si>
    <t>Ingineria şi managementul gazelor naturale</t>
  </si>
  <si>
    <t>Aplicaţii avansate în inginerie electrică</t>
  </si>
  <si>
    <t>Limba franceză pentru obiective didactice</t>
  </si>
  <si>
    <t>Limba şi literatura franceză. Abordări contemporane</t>
  </si>
  <si>
    <t>Studii germanistice şi interculturale europene</t>
  </si>
  <si>
    <t>Limba şi literatura germană</t>
  </si>
  <si>
    <t>Paradigme literare anglo-americane şi receptarea lor în literatura românâ - master complementar</t>
  </si>
  <si>
    <t>Limba şi literatura engleză</t>
  </si>
  <si>
    <t>Interacţiuni lingvistice, culturale şi literare româno-franceze - master complementar</t>
  </si>
  <si>
    <t>Limba şi literatura română</t>
  </si>
  <si>
    <t>Restituiri şi revizuiri în literatura română</t>
  </si>
  <si>
    <t>Modernism şi postmodernism în literatură - master complementar</t>
  </si>
  <si>
    <t>Limba engleză în afaceri</t>
  </si>
  <si>
    <t>Comunicare interculturală în domeniul economic</t>
  </si>
  <si>
    <t>Teoria şi practica traducerii şi interpretării</t>
  </si>
  <si>
    <t>Managementul relaţiilor publice</t>
  </si>
  <si>
    <t>Publicitate şi brand</t>
  </si>
  <si>
    <t>Profesor documentarist</t>
  </si>
  <si>
    <t>Teoria şi practica managementului instituţiilor şi evenimentelor culturale</t>
  </si>
  <si>
    <t>Arta interpretării caracterelor dramatice</t>
  </si>
  <si>
    <t>Instituţii de drept privat român</t>
  </si>
  <si>
    <t>Drept judiciar privat</t>
  </si>
  <si>
    <t>Mediere interculturală şi interreligioasă</t>
  </si>
  <si>
    <t>Educaţie religioasă creştină ortodoxă</t>
  </si>
  <si>
    <t>Viaţă creştină în contextul integrării europene</t>
  </si>
  <si>
    <t>Istoria şi filosofia religiilor</t>
  </si>
  <si>
    <t>Teologie şi proiect social</t>
  </si>
  <si>
    <t>Religie şi cultură</t>
  </si>
  <si>
    <t>Teologie istorică</t>
  </si>
  <si>
    <t>Teologie practică</t>
  </si>
  <si>
    <t>Teologie biblică</t>
  </si>
  <si>
    <t>Teologie sistematică</t>
  </si>
  <si>
    <t>CARANSEBEŞ</t>
  </si>
  <si>
    <t>Studii de teologie pastorală şi misiune creştină</t>
  </si>
  <si>
    <t>Expertiză contabilă şi evaluarea firmei</t>
  </si>
  <si>
    <t>Sisteme electromecanice avansate</t>
  </si>
  <si>
    <t>Procesarea avansată a materialelor metalice</t>
  </si>
  <si>
    <t>Concepţia, testarea şi diagnosticarea echipamentelor industriale</t>
  </si>
  <si>
    <t>Tehnologii informatice pentru afaceri</t>
  </si>
  <si>
    <t>Administrarea şi finanţarea proiectelor de dezvoltare</t>
  </si>
  <si>
    <t>Strategii în afaceri internaţionale</t>
  </si>
  <si>
    <t>Administrarea afacerilor în industria de petrol și gaze</t>
  </si>
  <si>
    <t>Managementul sistemelor microeconomice</t>
  </si>
  <si>
    <t>Managementul sistemului bancar</t>
  </si>
  <si>
    <t>Managementul sectorului public</t>
  </si>
  <si>
    <t>Tehnologii avansate pentru prelucrarea informaţiei</t>
  </si>
  <si>
    <t>Management educaţional şi integrare europeană</t>
  </si>
  <si>
    <t>Consiliere şcolară şi dezvoltarea carierei</t>
  </si>
  <si>
    <t>Administraţie publică şi integrare europeană</t>
  </si>
  <si>
    <t>Studii culturale româneşti în context european</t>
  </si>
  <si>
    <t>Concepte şi strategii de comunicare interculturală</t>
  </si>
  <si>
    <t>Controlul calităţii produselor şi a factorilor de mediu</t>
  </si>
  <si>
    <t>Tehnologii avansate în ingineria protecţiei mediului</t>
  </si>
  <si>
    <t>Inginerie chimică asistată de calculator pentru rafinării şi petrochimie</t>
  </si>
  <si>
    <t>Tehnologii avansate în prelucrarea petrolului</t>
  </si>
  <si>
    <t>Geologia petrolului</t>
  </si>
  <si>
    <t>Management în industria petrolieră</t>
  </si>
  <si>
    <t>Petroleum Engineering/ Inginerie de petrol</t>
  </si>
  <si>
    <t>Tehnologia transportului, depozitării şi distribuţiei hidrocarburilor</t>
  </si>
  <si>
    <t>Inginerie de zăcământ</t>
  </si>
  <si>
    <t>Extracţia petrolului</t>
  </si>
  <si>
    <t>Forajul sondelor</t>
  </si>
  <si>
    <t>Automatizări avansate</t>
  </si>
  <si>
    <t>Ingineria şi managementul sistemelor industriale de combustie</t>
  </si>
  <si>
    <t>Ingineria şi managementul producţiei utilajului petrolier şi petrochimic</t>
  </si>
  <si>
    <t>Metode moderne de proiectare şi fabricare a utilajului petrolier şi petrochimic</t>
  </si>
  <si>
    <t>Managementul riscului şi ingineria fiabilităţii utilajului petrolier şi petrochimic</t>
  </si>
  <si>
    <t>Ingineria exploatării optimale a utilajului petrolier</t>
  </si>
  <si>
    <t>Ingineria sistemelor de transport şi depozitare a hidrocarburilor</t>
  </si>
  <si>
    <t>Ştiinţa şi tehnologia materialelor (interdisciplinar cu domeniile: Ingineria autovehiculelor, Chimie)</t>
  </si>
  <si>
    <t>Ingineria şi managementul fabricaţiei produselor</t>
  </si>
  <si>
    <t>Ingineria automobilelor pentru o mobilitate durabilă</t>
  </si>
  <si>
    <t>Concepţia şi managementul proiectării automobilului</t>
  </si>
  <si>
    <t>Politici de protecție socială</t>
  </si>
  <si>
    <t>Managementul strategic al afacerilor</t>
  </si>
  <si>
    <t>Instalaţii şi echipamente de proces în minerit</t>
  </si>
  <si>
    <t>Instalaţii şi echipamente pentru procese mecanice</t>
  </si>
  <si>
    <t>Exploatarea instalaţiilor electrice industriale</t>
  </si>
  <si>
    <t>Sisteme electromecanice</t>
  </si>
  <si>
    <t>Sisteme şi tehnologii informatice</t>
  </si>
  <si>
    <t>Tehnici şi tehnologii informatice aplicate</t>
  </si>
  <si>
    <t>Ingineria şi managementul proiectelor</t>
  </si>
  <si>
    <t>Controlul și monitorizarea calității mediului</t>
  </si>
  <si>
    <t>Managementul securităţii şi sănătăţii în muncă</t>
  </si>
  <si>
    <t>Topografie minieră informatizată şi cadastru</t>
  </si>
  <si>
    <t>Sisteme și tehnologii avansate în ingineria autovehiculelor</t>
  </si>
  <si>
    <t>Construcții inteligente și sustenabile</t>
  </si>
  <si>
    <t>Istorie bisericească şi gândire creştină</t>
  </si>
  <si>
    <t>Teologie sistematică pe fundamente biblice şi patristice</t>
  </si>
  <si>
    <t>Educaţie integrată în învăţământul primar şi preşcolar</t>
  </si>
  <si>
    <t>Psihologie educațională, consiliere școlară și vocațională</t>
  </si>
  <si>
    <t>Gestiunea resurselor umane</t>
  </si>
  <si>
    <t>Administrarea afacerilor interne şi internaţionale a întreprinderilor mici şi mijlocii</t>
  </si>
  <si>
    <t>Contabilitatea, auditul şi gestiunea afacerilor</t>
  </si>
  <si>
    <t>Administrarea afacerilor regionale</t>
  </si>
  <si>
    <t>Economia şi administrarea afacerilor în turism şi industria ospitalităţii</t>
  </si>
  <si>
    <t>Sisteme distribuite în internet</t>
  </si>
  <si>
    <t>Fizica explorărilor şi terapiilor biomedicale</t>
  </si>
  <si>
    <t>Chimie structurală şi aplicativă</t>
  </si>
  <si>
    <t>Biodiversitatea şi monitorizarea ecosistemelor</t>
  </si>
  <si>
    <t>Siguranţă şi securitate agroalimentară</t>
  </si>
  <si>
    <t>Ingineria mediului şi securitate în muncă</t>
  </si>
  <si>
    <t>Managementul situaţiilor de urgenţă, crizelor şi dezastrelor în agricultură, silvicultură şi industrie alimentară</t>
  </si>
  <si>
    <t>Valorificarea durabilă a resurselor pădurii</t>
  </si>
  <si>
    <t>Tehnologii horticole moderne</t>
  </si>
  <si>
    <t>Tehnologii moderne în exploataţiile agricole şi zootehnice</t>
  </si>
  <si>
    <t>Managementul afecţiunilor aparatului locomotor</t>
  </si>
  <si>
    <t>Tipuri de modernitate în spaţiul anglofon şi francofon</t>
  </si>
  <si>
    <t>Literatura română - Relevanţe europene</t>
  </si>
  <si>
    <t>Cultură şi civilizaţie europeană</t>
  </si>
  <si>
    <t>Politici publice europene</t>
  </si>
  <si>
    <t>Evaluarea politicilor şi a programelor publice europene</t>
  </si>
  <si>
    <t>Securitate europeană</t>
  </si>
  <si>
    <t>Dezvoltare regională şi comunicare instituţională în UE</t>
  </si>
  <si>
    <t>Istoria vestului românesc</t>
  </si>
  <si>
    <t>Managementul unităților de turism şi alimentaţie publică</t>
  </si>
  <si>
    <t>Inginerie economică şi management pentru afaceri</t>
  </si>
  <si>
    <t>Managementul calităţii şi protecţia consumatorului în domeniul textile-pielărie</t>
  </si>
  <si>
    <t>Management şi comunicare în inginerie</t>
  </si>
  <si>
    <t>Concepţie, fabricaţie şi management asistate de calculator</t>
  </si>
  <si>
    <t>Energii regenerabile</t>
  </si>
  <si>
    <t>Sisteme avansate în inginerie electrică</t>
  </si>
  <si>
    <t>Tehnologii audio-video şi telecomunicaţii</t>
  </si>
  <si>
    <t>Sisteme automate avansate</t>
  </si>
  <si>
    <t>Tourism management and planning</t>
  </si>
  <si>
    <t>Gestiune şi amenajare turistică</t>
  </si>
  <si>
    <t>Gestiunea şi planificarea teritoriului asistată de GIS</t>
  </si>
  <si>
    <t>Kinetoterapie în reeducarea funcţională</t>
  </si>
  <si>
    <t>Drept civil și procedură civilă</t>
  </si>
  <si>
    <t>Drept penal şi procedură penală</t>
  </si>
  <si>
    <t>Vocal şi instrumental în arta muzicală camerală</t>
  </si>
  <si>
    <t>Pedagogia artei dirijorale</t>
  </si>
  <si>
    <t>Artele spectacolului teatral</t>
  </si>
  <si>
    <t>Management și antreprenoriat artistic</t>
  </si>
  <si>
    <t>Muzicologie, compoziţie, dirijat</t>
  </si>
  <si>
    <t>Teorii și practici în artele vizuale</t>
  </si>
  <si>
    <t>Conservarea şi restaurarea operei de artă</t>
  </si>
  <si>
    <t>Design</t>
  </si>
  <si>
    <t>Bioinginerie clinică</t>
  </si>
  <si>
    <t>Biotehnologii medicale și biomateriale avansate</t>
  </si>
  <si>
    <t>Reabilitarea implanto-protetică a edentației</t>
  </si>
  <si>
    <t>Tehnici moderne în estetica și reabilitarea tehnologică în situații particulare de edentație</t>
  </si>
  <si>
    <t>Bioingineria reabilitării</t>
  </si>
  <si>
    <t>Nutriţie şi dietetică profilactică şi curativă</t>
  </si>
  <si>
    <t>Managementul serviciilor de sănătate în domeniul medico-farmaceutic</t>
  </si>
  <si>
    <t>Teoria şi practica formarii religioase</t>
  </si>
  <si>
    <t>Politici şi management în educaţie</t>
  </si>
  <si>
    <t>Didactici aplicate pentru învatamantul primar</t>
  </si>
  <si>
    <t>Diagnoză şi intervenţie la persoanele cu cerinţe speciale</t>
  </si>
  <si>
    <t>Psihologie educaţională şi consiliere</t>
  </si>
  <si>
    <t>Evaluarea, formarea şi consilierea psihologică a personalului</t>
  </si>
  <si>
    <t>Matematici aplicate</t>
  </si>
  <si>
    <t>Master de cercetare în matematică</t>
  </si>
  <si>
    <t>Studii francofone</t>
  </si>
  <si>
    <t>Literatură universală şi comparată</t>
  </si>
  <si>
    <t>Literatura română şi hermeneutică literară</t>
  </si>
  <si>
    <t>Lingvistică generală şi românească</t>
  </si>
  <si>
    <t>Limbi, literaturi şi civilizaţii străine</t>
  </si>
  <si>
    <t>Relaţii, instituţii şi organizaţii internaţionale</t>
  </si>
  <si>
    <t>Instituţii şi ideologii ale puterii în Europa</t>
  </si>
  <si>
    <t>Arheologie, civilizație şi artă antică</t>
  </si>
  <si>
    <t>Studii avansate în informatică/ Advanced Studies in Computer Science</t>
  </si>
  <si>
    <t>Sisteme distribuite</t>
  </si>
  <si>
    <t>Securitatea informaţiei/ Information Security</t>
  </si>
  <si>
    <t>Optimizare computaţională/ Computational Optimisation</t>
  </si>
  <si>
    <t>Lingvistică computaţională/ Computational Linguistic</t>
  </si>
  <si>
    <t>Ingineria sistemelor software/ Software Engineering</t>
  </si>
  <si>
    <t>Geochimia mediului</t>
  </si>
  <si>
    <t>Geomatică</t>
  </si>
  <si>
    <t>Turism şi dezvoltare regională/ Tourisme et developpement regional</t>
  </si>
  <si>
    <t>Riscuri naturale şi amenajarea teritoriului</t>
  </si>
  <si>
    <t>Ştiinţe (interdisciplinar cu domeniile: Chimie, Biologie)</t>
  </si>
  <si>
    <t>Metode fizice aplicate în kintetoterapie şi recuperare medicală</t>
  </si>
  <si>
    <t>Biofizică şi fizică medicală</t>
  </si>
  <si>
    <t>Politici publice şi management instituţional</t>
  </si>
  <si>
    <t>Relații publice și publicitate</t>
  </si>
  <si>
    <t>Filosofie aplicată şi management cultural</t>
  </si>
  <si>
    <t>Securitate comunitară şi controlul violenţei</t>
  </si>
  <si>
    <t>Fitness şi estetică corporală</t>
  </si>
  <si>
    <t>Activităţi sportive de timp liber şi sporturi extreme</t>
  </si>
  <si>
    <t>Negocieri - relaţii publice</t>
  </si>
  <si>
    <t>Analiză şi strategie de marketing</t>
  </si>
  <si>
    <t>Managementul şi dezvoltarea resurselor umane</t>
  </si>
  <si>
    <t>Managementul organizaţiilor</t>
  </si>
  <si>
    <t>Achiziţii, distribuţie, logistică</t>
  </si>
  <si>
    <t>Finanţe - asigurări</t>
  </si>
  <si>
    <t>Finanţe şi managementul riscului</t>
  </si>
  <si>
    <t>Bănci şi pieţe financiare</t>
  </si>
  <si>
    <t>Dezvoltare regională (interdisciplinar cu domeniile:  Geografie, Finanţe, Administrarea afacerilor, Ştiinţe administrative)</t>
  </si>
  <si>
    <t>Studii europene (interdisciplinar cu domeniile: Ştiinţe administrative, Ştiinţe politice, Drept)</t>
  </si>
  <si>
    <t>Afaceri internaţionale şi strategii interculturale</t>
  </si>
  <si>
    <t>Economia şi dreptul afacerilor (interdisciplinar cu domeniul: Drept)</t>
  </si>
  <si>
    <t>Contabilitate, diagnostic, evaluare</t>
  </si>
  <si>
    <t>Contabilitatea afacerilor</t>
  </si>
  <si>
    <t>Contabilitate, expertiză si audit</t>
  </si>
  <si>
    <t>Statistică şi actuariat în asigurări şi sănatate</t>
  </si>
  <si>
    <t>Dezvoltare software şi sisteme informatice de afaceri/ Software Development and Business Information Systems</t>
  </si>
  <si>
    <t>Managementul proiectelor</t>
  </si>
  <si>
    <t>Management turistic şi hotelier</t>
  </si>
  <si>
    <t>Management în turism</t>
  </si>
  <si>
    <t>Chimia produselor cosmetice şi farmaceutice</t>
  </si>
  <si>
    <t>Chimia mediului şi siguranţă alimentară</t>
  </si>
  <si>
    <t>Mediul actual şi dezvoltare durabilă</t>
  </si>
  <si>
    <t>Consiliere de mediu</t>
  </si>
  <si>
    <t>Genetică moleculară</t>
  </si>
  <si>
    <t>Conservarea biodiversităţii</t>
  </si>
  <si>
    <t>Biotehnologii microbiene şi celulare</t>
  </si>
  <si>
    <t>Reproducţie şi ameliorare genetică</t>
  </si>
  <si>
    <t>Nutriţia şi alimentaţia animalelor</t>
  </si>
  <si>
    <t>Managementul producţiilor animale</t>
  </si>
  <si>
    <t>Managementul exploataţiilor în acvacultură</t>
  </si>
  <si>
    <t>Managementul calităţii şi siguranţei alimentelor</t>
  </si>
  <si>
    <t>Tehnologia şi controlul calităţii băuturilor</t>
  </si>
  <si>
    <t>Producerea seminţelor şi materialului săditor horticol</t>
  </si>
  <si>
    <t>Horticultură ecologică</t>
  </si>
  <si>
    <t>Amenajări peisagistice urbane şi teritoriale</t>
  </si>
  <si>
    <t>Management și audit în agricultură</t>
  </si>
  <si>
    <t>Expertiză pe filiera produselor alimentare</t>
  </si>
  <si>
    <t>Tehnologii agricole moderne</t>
  </si>
  <si>
    <t>Producerea de sămânţă şi material de plantat</t>
  </si>
  <si>
    <t>Analiză și diagnoză în agricultură</t>
  </si>
  <si>
    <t>Tehnici avansate în ingineria procesării materialelor</t>
  </si>
  <si>
    <t>Materiale avansate şi tehnici de analiză experimentală</t>
  </si>
  <si>
    <t>Sisteme robotizate</t>
  </si>
  <si>
    <t>Mecatronică avansată</t>
  </si>
  <si>
    <t>Siguranţa şi performanţele circulaţiei rutiere</t>
  </si>
  <si>
    <t>Sistemica transporturilor autopropulsate</t>
  </si>
  <si>
    <t>Geomatică şi cartografie</t>
  </si>
  <si>
    <t>Inovare şi antreprenoriat</t>
  </si>
  <si>
    <t>Managementul proiectelor europene în domeniul ingineriei</t>
  </si>
  <si>
    <t>Inginerie şi management în producţia de bunuri şi servicii</t>
  </si>
  <si>
    <t>Inginerie şi management în contextul globalizării</t>
  </si>
  <si>
    <t>Management, energie, mediu</t>
  </si>
  <si>
    <t>Conversia energiei şi controlul mişcării</t>
  </si>
  <si>
    <t>Sisteme electrice avansate</t>
  </si>
  <si>
    <t>Sisteme informatice de monitorizare a mediului</t>
  </si>
  <si>
    <t>Radiocomunicaţii digitale</t>
  </si>
  <si>
    <t>Tehnici moderne de prelucrare a semnalelor</t>
  </si>
  <si>
    <t>Sisteme avansate în electronica aplicată</t>
  </si>
  <si>
    <t>Sisteme electronice inteligente şi informatică industrială</t>
  </si>
  <si>
    <t>Reţele de comunicaţii</t>
  </si>
  <si>
    <t>Sisteme de transport pe calea ferată</t>
  </si>
  <si>
    <t>Sisteme industriale pentru tehnologii moderne</t>
  </si>
  <si>
    <t>Tehnici nepoluante în industria agroalimentară</t>
  </si>
  <si>
    <t>Maşini termice, frigotehnie şi climatizare</t>
  </si>
  <si>
    <t>Diagnoze şi expertize tehnice în ingineria mecanică</t>
  </si>
  <si>
    <t>Mecanica fluidelor aplicată</t>
  </si>
  <si>
    <t>Asigurarea calităţii în domeniul textile – pielărie</t>
  </si>
  <si>
    <t>Sisteme inovative de producţie în confecţii</t>
  </si>
  <si>
    <t>Tehnologii performante de tricotare</t>
  </si>
  <si>
    <t>Proiectarea şi modelarea îmbrăcămintei</t>
  </si>
  <si>
    <t>Dezvoltări în proiectarea produselor de încălţăminte şi marochinărie</t>
  </si>
  <si>
    <t>Inginerie şi management în fabricaţia mecanică</t>
  </si>
  <si>
    <t>Sisteme micromecanice</t>
  </si>
  <si>
    <t>Managementul şi tehnologia producţiei</t>
  </si>
  <si>
    <t>Instalaţii pentru construcţii</t>
  </si>
  <si>
    <t>Modernizarea sistemelor hidrotehnice, hidroameliorative şi hidroedilitare</t>
  </si>
  <si>
    <t>Inginerie hidrotehnică</t>
  </si>
  <si>
    <t>Evaluare şi administrare imobiliară</t>
  </si>
  <si>
    <t>Inginerie geotehnică</t>
  </si>
  <si>
    <t>Management şi tehnologii speciale în construcţii</t>
  </si>
  <si>
    <t>Infrastructuri moderne pentru transporturi</t>
  </si>
  <si>
    <t>Reabilitarea şi creşterea siguranţei construcţiilor</t>
  </si>
  <si>
    <t>Materiale şi produse performante pentru construcţii</t>
  </si>
  <si>
    <t>Inginerie structurală/ Structural engineering</t>
  </si>
  <si>
    <t>Inginerie structurală</t>
  </si>
  <si>
    <t>Ingineria clădirilor</t>
  </si>
  <si>
    <t>Evaluare și dezvoltare imobiliară</t>
  </si>
  <si>
    <t>Ingineria şi managementul factorilor de mediu</t>
  </si>
  <si>
    <t>Managementul mediului şi energie durabilă/ Environmental management and sustainable energy</t>
  </si>
  <si>
    <t>Managementul, tratarea şi valorificarea deşeurilor</t>
  </si>
  <si>
    <t>Managementul mediului</t>
  </si>
  <si>
    <t>Biomateriale polimerice şi bioresurse</t>
  </si>
  <si>
    <t>Controlul şi procesarea alimentelor</t>
  </si>
  <si>
    <t>Ecodesign în finisarea textilelor</t>
  </si>
  <si>
    <t>Ingineria procedeelor nepoluante</t>
  </si>
  <si>
    <t>Produse farmaceutice şi cosmetice</t>
  </si>
  <si>
    <t>Calculatoare încorporate</t>
  </si>
  <si>
    <t>Sisteme distribuite şi tehnologii WEB/ Distributed systems and WEB technologies</t>
  </si>
  <si>
    <t>Sisteme distribuite şi tehnologii WEB</t>
  </si>
  <si>
    <t>Sisteme şi control automat/ Systems and control</t>
  </si>
  <si>
    <t>Sisteme de control încorporate</t>
  </si>
  <si>
    <t>Loisir-Fitness</t>
  </si>
  <si>
    <t>Educaţie fizică şcolară şi management sportiv</t>
  </si>
  <si>
    <t>Relaţii internaţionale şi cooperare transfrontalieră (interdisciplinar cu domeniul: Științe administrative)</t>
  </si>
  <si>
    <t>Dreptul european al afacerilor</t>
  </si>
  <si>
    <t>Economie şi administrarea afacerilor</t>
  </si>
  <si>
    <t>Dezvoltare regională şi rurală</t>
  </si>
  <si>
    <t>Sisteme informatice pentru managementul resurselor</t>
  </si>
  <si>
    <t>Strategii şi politici manageriale</t>
  </si>
  <si>
    <t>Administrarea afacerilor internaţionale euroregionale</t>
  </si>
  <si>
    <t>Management financiar şi bancar</t>
  </si>
  <si>
    <t>Spiritualitatea ortodoxă și asistență socială</t>
  </si>
  <si>
    <t>Filosofie socială. Teoria şi practica soluţionării conflictelor</t>
  </si>
  <si>
    <t>Geopolitică şi interferenţe social-culturale est-europene (interdisciplinar cu domeniile: Filologie, Teologie)</t>
  </si>
  <si>
    <t>COMRAT</t>
  </si>
  <si>
    <t>Comunicare, multiculturalitate și multilingvism</t>
  </si>
  <si>
    <t>Comunicare şi tehnici de producţie mass-media</t>
  </si>
  <si>
    <t>Limba română - Identitate şi deschidere culturală</t>
  </si>
  <si>
    <t>Literatură, film şi reprezentări culturale</t>
  </si>
  <si>
    <t>Teoria şi practica textului</t>
  </si>
  <si>
    <t>Traducere și interpretariat (limba română - limba engleză)</t>
  </si>
  <si>
    <t>Identitate, interculturalitate și multiculturalism în literatura română și europeană</t>
  </si>
  <si>
    <t>Chimia fizică a sistemelor disperse</t>
  </si>
  <si>
    <t>Analize fizico-chimice în ştiinţa materialelor şi mediu</t>
  </si>
  <si>
    <t>Ştiinţe - Abordarea integrată a ştiinţelor naturii</t>
  </si>
  <si>
    <t>Controlul şi expertizarea calităţii mediului</t>
  </si>
  <si>
    <t>Inginerie şi management în alimentaţie publică şi agroturism</t>
  </si>
  <si>
    <t>Controlul, expertizarea şi siguranţa alimentelor</t>
  </si>
  <si>
    <t>Nutriţie</t>
  </si>
  <si>
    <t>Ştiinţa şi ingineria bioresurselor acvatice</t>
  </si>
  <si>
    <t>Ştiinţa şi ingineria alimentelor</t>
  </si>
  <si>
    <t>Dezvoltare durabilă şi securitate în industrie</t>
  </si>
  <si>
    <t>Monitorizarea şi managementul mediului</t>
  </si>
  <si>
    <t>Ingineria şi protecţia mediului</t>
  </si>
  <si>
    <t>Calitatea mediului şi dezvoltare durabilă</t>
  </si>
  <si>
    <t>Ingineria materialelor avansate</t>
  </si>
  <si>
    <t>Materiale avansate și tehnologii inovative</t>
  </si>
  <si>
    <t>Tehnologii informatice avansate</t>
  </si>
  <si>
    <t>Sisteme informatice de conducere avansată</t>
  </si>
  <si>
    <t>Metode avansate de prelucrare a semnalelelor</t>
  </si>
  <si>
    <t>Sisteme electronice avansate</t>
  </si>
  <si>
    <t>Prelucrarea informației pentru aplicații multimedia</t>
  </si>
  <si>
    <t>Utilizarea eficientă a energiei şi surse regenerabile</t>
  </si>
  <si>
    <t>Electronică de putere şi sisteme avansate de conversie</t>
  </si>
  <si>
    <t>Arhitectură navală/ Naval Arhitecture</t>
  </si>
  <si>
    <t>Grafică şi modelare computerizată</t>
  </si>
  <si>
    <t>Ingineria sistemelor integrate de fabricaţie</t>
  </si>
  <si>
    <t>Managementul calităţii în inginerie industrială</t>
  </si>
  <si>
    <t>Dinamica mașinilor și echipamentelor tehnologice</t>
  </si>
  <si>
    <t>Sisteme şi echipamente termice şi protecţia mediului</t>
  </si>
  <si>
    <t>Modelare şi simulare în inginerie mecanică</t>
  </si>
  <si>
    <t>Dezvoltarea serviciilor de nursing comunitar</t>
  </si>
  <si>
    <t>Farmacologie şi toxicologie</t>
  </si>
  <si>
    <t>Restaurări protetice cu sprijin implantar</t>
  </si>
  <si>
    <t>Protecţia mediului în agricultură</t>
  </si>
  <si>
    <t>Consultanţă şi management în agricultură</t>
  </si>
  <si>
    <t>Management în agroturism şi calitatea produselor agroalimentare</t>
  </si>
  <si>
    <t>Biodiversitatea şi conservarea ecosistemelor</t>
  </si>
  <si>
    <t>Management și consultanță în horticultură și dezvoltare rurală</t>
  </si>
  <si>
    <t>Ingineria calculatoarelor şi comunicaţiilor</t>
  </si>
  <si>
    <t>Sisteme informatice pentru comerţ electronic/ Information Systems for e-Business</t>
  </si>
  <si>
    <t>Sisteme de conducere în robotică</t>
  </si>
  <si>
    <t>Tehnologii informatice în ingineria sistemelor</t>
  </si>
  <si>
    <t>Sisteme energetice informatizate</t>
  </si>
  <si>
    <t>Sisteme electromecanice complexe</t>
  </si>
  <si>
    <t>Inginerie electrică aplicată în protecţia şi managementul mediului</t>
  </si>
  <si>
    <t>Calitatea energiei şi compatibilitate electromagnetică în sisteme electrice</t>
  </si>
  <si>
    <t>Sisteme complexe pentru inginerie aerospaţială</t>
  </si>
  <si>
    <t>Managementul mediului și energie durabilă</t>
  </si>
  <si>
    <t>Managementul ecologic al resurselor naturale</t>
  </si>
  <si>
    <t>Managementul producţiei şi logisticii</t>
  </si>
  <si>
    <t>Modelare şi simulare în ingineria mecanică</t>
  </si>
  <si>
    <t>Optimizarea proceselor şi echipamentelor tehnologice</t>
  </si>
  <si>
    <t>Proiectare și fabricație în ingineria autovehiculelor/ Design and Manufacturing in Automotive Engineering</t>
  </si>
  <si>
    <t>Optimizarea sistemelor de transport rutier</t>
  </si>
  <si>
    <t>Proiectarea autovehiculelor moderne</t>
  </si>
  <si>
    <t>Managementul organizaţiilor publice</t>
  </si>
  <si>
    <t>Finanţe şi administrarea afacerilor</t>
  </si>
  <si>
    <t>Analiza şi evaluarea financiară a organizaţiilor</t>
  </si>
  <si>
    <t>Economie şi afaceri europene</t>
  </si>
  <si>
    <t>Economie şi administrarea afacerilor internaţionale/ International Economics and Business Administration</t>
  </si>
  <si>
    <t>Management contabil, expertiză şi audit</t>
  </si>
  <si>
    <t>Contabilitate şi raportări financiare conforme cu standardele internaţionale</t>
  </si>
  <si>
    <t>Managementul afacerilor electronice</t>
  </si>
  <si>
    <t>Drepturile omului</t>
  </si>
  <si>
    <t>Drept public</t>
  </si>
  <si>
    <t>Teologie și cultură</t>
  </si>
  <si>
    <t>Românii în istoria Europei</t>
  </si>
  <si>
    <t>Dezvoltare regională şi intervenţie socială</t>
  </si>
  <si>
    <t>Securitate naţională şi euro-atlantică</t>
  </si>
  <si>
    <t>Studii de limbă engleză și literaturi anglo-americane</t>
  </si>
  <si>
    <t>Studii de limba și literatura română</t>
  </si>
  <si>
    <t>Limba engleză şi limba franceză – traducere şi terminologie juridică europeană</t>
  </si>
  <si>
    <t>Kinetoterapie în reeducarea neuromotorie</t>
  </si>
  <si>
    <t>Activitate motrică extracurriculară şi curriculară</t>
  </si>
  <si>
    <t>Tehnici avansate pentru prelucrarea informaţiei/ Advanced Techniques for Information Processing</t>
  </si>
  <si>
    <t>Metode şi modele în inteligenţa artificială</t>
  </si>
  <si>
    <t>Calitatea mediului</t>
  </si>
  <si>
    <t>Chimia compuşilor biologic activi</t>
  </si>
  <si>
    <t>Managementul sistemelor integrate de transport</t>
  </si>
  <si>
    <t>Ingineria și protecția mediului în industrie</t>
  </si>
  <si>
    <t>Tehnici avansate de inginerie electromecanică</t>
  </si>
  <si>
    <t>Concepte moderne de inginerie mecanică navală</t>
  </si>
  <si>
    <t>Inginerie și management în transport maritim și multimodal</t>
  </si>
  <si>
    <t>Inginerie și management în operarea terminalelor și navelor maritime</t>
  </si>
  <si>
    <t>Transport maritim</t>
  </si>
  <si>
    <t>Inginerie şi management în domeniul maritim şi portuar</t>
  </si>
  <si>
    <t>Management şi logistică în transporturi</t>
  </si>
  <si>
    <t>Inginerie avansată în industria offshore de petrol și gaze/ Advanced  Engineering in the Oil and Gas Offshore Industry</t>
  </si>
  <si>
    <t>Tehnologii şi management în industria offshore de petrol și gaze/ Offshore oil and gas technology and management</t>
  </si>
  <si>
    <t>Terapii şi compensare a tulburărilor de comunicare</t>
  </si>
  <si>
    <t>Psihodiagnoza personalităţii</t>
  </si>
  <si>
    <t>Educaţia vizuală prin studiul peisajului şi figurii</t>
  </si>
  <si>
    <t>Arta educaţiei muzicale</t>
  </si>
  <si>
    <t>Arta spectacolului liric</t>
  </si>
  <si>
    <t>Arta actorului de music hall</t>
  </si>
  <si>
    <t>Ingineria sistemelor cu surse energetice regenerabile</t>
  </si>
  <si>
    <t>Ingineria structurilor de construcţii</t>
  </si>
  <si>
    <t>Ingineria şi managementul resurselor de apă</t>
  </si>
  <si>
    <t>Inginerie costieră</t>
  </si>
  <si>
    <t>Ingineria şi managementul sistemelor de producţie</t>
  </si>
  <si>
    <t>Calitate şi certificare în construcţiile sudate</t>
  </si>
  <si>
    <t>Optimizarea tehnologiilor portuare şi a funcţionării utilajelor</t>
  </si>
  <si>
    <t>Managementul instituţiilor şi al serviciilor medicale şi farmaceutice</t>
  </si>
  <si>
    <t>Finanţe corporative şi bănci</t>
  </si>
  <si>
    <t>Pieţe de capital</t>
  </si>
  <si>
    <t>Tehnici contabile şi financiare pentru gestiunea afacerilor</t>
  </si>
  <si>
    <t>Managementul riscului în afaceri internaţionale</t>
  </si>
  <si>
    <t>Politici europene de dezvoltare regională</t>
  </si>
  <si>
    <t>Asigurarea calităţii în afaceri</t>
  </si>
  <si>
    <t>Administrarea şi auditul proiectelor de afaceri</t>
  </si>
  <si>
    <t>Modelare şi tehnologii informatice</t>
  </si>
  <si>
    <t>Medii virtuale multi-modale distribuite</t>
  </si>
  <si>
    <t>Tehnologii şi management în prelucrarea petrolului</t>
  </si>
  <si>
    <t>Chimia şi managementul calităţii produselor de consum în relație cu mediul</t>
  </si>
  <si>
    <t>Kinetoterapie, recuperare şi reeducare motrică</t>
  </si>
  <si>
    <t>Educaţie fizică şi sport şcolar</t>
  </si>
  <si>
    <t>Controlul şi monitorizarea calității produselor agricole</t>
  </si>
  <si>
    <t>Analiza şi evaluarea impactului de mediu</t>
  </si>
  <si>
    <t>Managementul instituţiilor publice</t>
  </si>
  <si>
    <t>Drept maritim</t>
  </si>
  <si>
    <t>Antropologie şi istorie europeană</t>
  </si>
  <si>
    <t>Relaţii internaţionale în sec. XIX-XXI. Istorie şi diplomaţie</t>
  </si>
  <si>
    <t>Pastoraţie şi viaţă liturgică</t>
  </si>
  <si>
    <t>Managementul turismului religios</t>
  </si>
  <si>
    <t>Teologie ortodoxă. Strategii de comunicare</t>
  </si>
  <si>
    <t>Teologie - Studii juridico-canonice ale celor trei religii monoteiste (mozaică, creştină şi islamică)</t>
  </si>
  <si>
    <t>Exegeză biblică</t>
  </si>
  <si>
    <t>Comunicare şi discurs intercultural în spaţiul european</t>
  </si>
  <si>
    <t>Studii anglo-americane</t>
  </si>
  <si>
    <t>Studii de românistică</t>
  </si>
  <si>
    <t>Design vestimentar</t>
  </si>
  <si>
    <t>Design textil</t>
  </si>
  <si>
    <t>Ceramică - sticlă</t>
  </si>
  <si>
    <t>Foto - video</t>
  </si>
  <si>
    <t>Grafică</t>
  </si>
  <si>
    <t>Compoziţie-Muzicologie-Dirijat</t>
  </si>
  <si>
    <t>Artele spectacolului muzical</t>
  </si>
  <si>
    <t>Medicină dentară judiciară</t>
  </si>
  <si>
    <t>Farmacovigilența: Monitorizarea siguranței medicamentelor</t>
  </si>
  <si>
    <t>Nutriția și calitatea vieții</t>
  </si>
  <si>
    <t>Cosmetologie</t>
  </si>
  <si>
    <t>Științe farmaceutice aplicate</t>
  </si>
  <si>
    <t>Toxicologia medicamentului şi a mediului</t>
  </si>
  <si>
    <t>Tehnici şi metode de reabilitare a pacienţilor cu boli reumatologice</t>
  </si>
  <si>
    <t>Cercetari avansate în investigaţia criminalistică şi în medicina legală</t>
  </si>
  <si>
    <t>Optimizarea explorărilor imagistice morfologice şi funcţionale</t>
  </si>
  <si>
    <t>Urmărirea nou născutului cu risc</t>
  </si>
  <si>
    <t>Sexologie</t>
  </si>
  <si>
    <t>Ecografie şi imagistică medicală comparată</t>
  </si>
  <si>
    <t>Asistenţă medicală specializată în terapie intensivă</t>
  </si>
  <si>
    <t>Managementul bolnavului critic</t>
  </si>
  <si>
    <t>Asistenţă medicală specializată în anestezie</t>
  </si>
  <si>
    <t>Farmacologie clinică şi reguli de bună practică</t>
  </si>
  <si>
    <t>Medicină psihosomatică</t>
  </si>
  <si>
    <t>Biostatistică şi bioinformatică</t>
  </si>
  <si>
    <t>Metodologia cercetării ştiinţifice</t>
  </si>
  <si>
    <t>Ingineria valorificării deșeurilor</t>
  </si>
  <si>
    <t>Dezvoltare sustenabilă și managementul mediului/ Sustainable Development and Environmental Management</t>
  </si>
  <si>
    <t>Teatru contemporan (actorie şi teatrologie)</t>
  </si>
  <si>
    <t>Teologie romano-catolică pastorală aplicată</t>
  </si>
  <si>
    <t>Consiliere pastorală și asistență psihosocială</t>
  </si>
  <si>
    <t>Consiliere pastorală</t>
  </si>
  <si>
    <t>Teologie-educaţie</t>
  </si>
  <si>
    <t>Teologie aplicată</t>
  </si>
  <si>
    <t>BLAJ</t>
  </si>
  <si>
    <t>Teologie pastorală în comunităţile ecleziale</t>
  </si>
  <si>
    <t>Fundamente creştine ale identităţii europene</t>
  </si>
  <si>
    <t>Bioetică-morală, etică şi deontologie</t>
  </si>
  <si>
    <t>Arta sacră - Conservarea, restaurarea şi crearea bunurilor culturale</t>
  </si>
  <si>
    <t>Managementul organizațiilor și activităților sportive</t>
  </si>
  <si>
    <t>Kinetoterapie în afecţiunile aparatului locomotor</t>
  </si>
  <si>
    <t>Antrenament şi performanţă sportivă</t>
  </si>
  <si>
    <t>Managementul proiectelor și evaluarea programelor în sfera administraţiei publice</t>
  </si>
  <si>
    <t>Ştiinţă, tehnologie şi inovaţie în administraţia publică/ Science, technology and innovation in public governance</t>
  </si>
  <si>
    <t>Politici de sănătate şi management sanitar</t>
  </si>
  <si>
    <t>Managementul instituţiilor publice şi non-profit</t>
  </si>
  <si>
    <t>Analiza şi managementul conflictelor/ Conflict analysis and management</t>
  </si>
  <si>
    <t>Strategii şi politici de marketing</t>
  </si>
  <si>
    <t>Management performant</t>
  </si>
  <si>
    <t>International business management</t>
  </si>
  <si>
    <t>Gestiune financiară corporativă</t>
  </si>
  <si>
    <t>Fiscalitate</t>
  </si>
  <si>
    <t>Finanțe corporative-asigurări</t>
  </si>
  <si>
    <t>Bănci şi pieţe de capital</t>
  </si>
  <si>
    <t>Management internațional</t>
  </si>
  <si>
    <t>Gestiunea şi evaluarea proiectelor</t>
  </si>
  <si>
    <t>Dezvoltare regională durabilă</t>
  </si>
  <si>
    <t>Agrobusiness</t>
  </si>
  <si>
    <t>Management contabil, audit şi control</t>
  </si>
  <si>
    <t>Diagnostic şi evaluare</t>
  </si>
  <si>
    <t>Sisteme de asistare a deciziilor economice</t>
  </si>
  <si>
    <t>Econometrie şi statistică aplicată</t>
  </si>
  <si>
    <t>E-Business</t>
  </si>
  <si>
    <t>Management hotelier</t>
  </si>
  <si>
    <t>Metode şi practici alternative în învăţământul primar şi preşcolar</t>
  </si>
  <si>
    <t>Terapia limbajului şi audiologie educaţională</t>
  </si>
  <si>
    <t>Management, consiliere şi asistenţă psihopedagogică în instituţiile incluzive</t>
  </si>
  <si>
    <t>Didactica limbii şi literaturii germane, cultura şi civilizatia germană a Europei Centrale şi de Sud-Est</t>
  </si>
  <si>
    <t>Consiliere şcolară şi asistenţă psihopedagogică</t>
  </si>
  <si>
    <t>Tehnici psihologice pentru controlul comportamentului şi dezvoltarea potenţialului uman</t>
  </si>
  <si>
    <t>Psihologia sănătăţii publice și clinice</t>
  </si>
  <si>
    <t>Psihologia resurselor umane şi sănătate organizaţională</t>
  </si>
  <si>
    <t>Consultanţă şi intervenţie psihologică</t>
  </si>
  <si>
    <t>Consiliere şi intervenţii psihologice în dezvoltarea umană</t>
  </si>
  <si>
    <t>Sociologie aplicată în dezvoltarea locală</t>
  </si>
  <si>
    <t>Sociologie aplicată în conducerea instituţiilor publice şi a ONG-urilor</t>
  </si>
  <si>
    <t>Comunicare, societate şi mass media</t>
  </si>
  <si>
    <t>Antropologie aplicată</t>
  </si>
  <si>
    <t>Proiectarea cercetării şi analiza datelor în ştiinţe sociale/ Research design and data Analysis in Social Sciences</t>
  </si>
  <si>
    <t>Managementul organizațiilor politice</t>
  </si>
  <si>
    <t>Dezvoltare internaţională/ International Development</t>
  </si>
  <si>
    <t>Managementul securităţii în societatea contemporană</t>
  </si>
  <si>
    <t>Ştiințele informării şi documentării</t>
  </si>
  <si>
    <t>Tehnici avansate de comunicare</t>
  </si>
  <si>
    <t>Relaţii publice</t>
  </si>
  <si>
    <t>Publicitate şi relaţii publice</t>
  </si>
  <si>
    <t>Publicitate</t>
  </si>
  <si>
    <t>Producţie media</t>
  </si>
  <si>
    <t>Management media</t>
  </si>
  <si>
    <t>Comunicare mediatică - Media communication</t>
  </si>
  <si>
    <t>Evaluarea dezvoltării regionale</t>
  </si>
  <si>
    <t>Diplomaţie culturală şi relaţii internaţionale/ Cultural Diplomacy and International Relations</t>
  </si>
  <si>
    <t>Studii transatlantice/ Transatlantic Studies</t>
  </si>
  <si>
    <t>Studii politice europene comparate</t>
  </si>
  <si>
    <t>Guvernanţă europeană</t>
  </si>
  <si>
    <t>Afaceri europene şi management de programe</t>
  </si>
  <si>
    <t>Istorie contemporană şi relaţii internaţionale</t>
  </si>
  <si>
    <t>Comunicare internaţională</t>
  </si>
  <si>
    <t>Management și negocieri internaționale și europene</t>
  </si>
  <si>
    <t>Societate, artă, identităţi în Europa Centrală. De la medieval la modernitate</t>
  </si>
  <si>
    <t>Istorie, memorie, oralitate în secolul XX</t>
  </si>
  <si>
    <t>Istoria şi socio-antropologia epocii moderne</t>
  </si>
  <si>
    <t>Istoria Europei de Sud-Est</t>
  </si>
  <si>
    <t>Cercetarea şi valorificarea patrimoniului cultural</t>
  </si>
  <si>
    <t>Arheologie şi studii clasice</t>
  </si>
  <si>
    <t>Teorie critică şi studii multiculturale</t>
  </si>
  <si>
    <t>Filosofie, cultură, comunicare</t>
  </si>
  <si>
    <t>Filosofie antică şi medievală</t>
  </si>
  <si>
    <t>Studii iudaice</t>
  </si>
  <si>
    <t>Cultură şi societate - tradiţie şi modernitate</t>
  </si>
  <si>
    <t>Masterat european de traductologie – terminologie</t>
  </si>
  <si>
    <t>Română/Engleză/Franceză/Germană/Italiană/Spaniolă</t>
  </si>
  <si>
    <t>Masterat european de interpretare de conferinţă</t>
  </si>
  <si>
    <t>Studii literare româneşti</t>
  </si>
  <si>
    <t>Studii irlandeze</t>
  </si>
  <si>
    <t>Studii de lingvistică şi literatură maghiară</t>
  </si>
  <si>
    <t>Studii culturale britanice</t>
  </si>
  <si>
    <t>Literatură şi civilizaţie - dialog intercultural în spaţiul francofon</t>
  </si>
  <si>
    <t>Limba română în context romanic</t>
  </si>
  <si>
    <t>Istoria imaginilor - istoria ideilor</t>
  </si>
  <si>
    <t>Germanistica în context european</t>
  </si>
  <si>
    <t>Direcţii actuale în lingvistică</t>
  </si>
  <si>
    <t>Comunicare multilingvă şi multiculturală</t>
  </si>
  <si>
    <t>Italiană/Franceză/Spaniolă/Română</t>
  </si>
  <si>
    <t>Dreptul internațional și comparat al afacerilor/ International and comparative business law</t>
  </si>
  <si>
    <t>Instituţii de drept privat</t>
  </si>
  <si>
    <t>Dreptul european şi dreptul naţional al afacerilor</t>
  </si>
  <si>
    <t>Drept privat comparat/ Droit prive compare</t>
  </si>
  <si>
    <t>Drept privat al Uniunii Europene</t>
  </si>
  <si>
    <t>Gestiunea şi protecția mediului</t>
  </si>
  <si>
    <t>Evaluarea riscului şi securitatea mediului</t>
  </si>
  <si>
    <t>Calitatea mediului şi surse energetice</t>
  </si>
  <si>
    <t>Turismul sportiv şi agrementul din perspectiva ecodezvoltării (interdisciplinar cu domeniul: Ştiinţa sportului şi educaţiei fizice)</t>
  </si>
  <si>
    <t>Turism şi dezvoltare teritorială</t>
  </si>
  <si>
    <t>SIGHETU MARMAŢIEI</t>
  </si>
  <si>
    <t>Turism şi amenajarea teritoriului</t>
  </si>
  <si>
    <t>Resurse şi riscuri în mediul hidroatmosferic</t>
  </si>
  <si>
    <t>Planificare şi dezvoltare regională</t>
  </si>
  <si>
    <t>GHEORGHIENI</t>
  </si>
  <si>
    <t>Ecoturism şi dezvoltare durabilă</t>
  </si>
  <si>
    <t>Amenajare şi dezvoltare turistică</t>
  </si>
  <si>
    <t>Ecologie culturală</t>
  </si>
  <si>
    <t>Ştiinţele nutriţiei</t>
  </si>
  <si>
    <t>Ecologie terestră şi acvatică</t>
  </si>
  <si>
    <t>Ecologie sistemică şi conservare</t>
  </si>
  <si>
    <t>Biotehnologie moleculară</t>
  </si>
  <si>
    <t>Procesarea şi controlul alimentelor (interdisciplinar cu domeniul: Chimie)</t>
  </si>
  <si>
    <t>Inginerie chimică avansată de proces/ Advanced Process Chemical Engineering</t>
  </si>
  <si>
    <t>Ingineria proceselor organice şi biochimice</t>
  </si>
  <si>
    <t>Ingineria materialelor și protecția mediului</t>
  </si>
  <si>
    <t>Tehnici moderne de sinteză în chimie</t>
  </si>
  <si>
    <t>Modelare moleculară în chimie şi biochimie/ Molecular Modeling in Chemistry and Biochemistry</t>
  </si>
  <si>
    <t>Chimie avansată</t>
  </si>
  <si>
    <t>Fizică computaţională</t>
  </si>
  <si>
    <t>Fizica corpului solid</t>
  </si>
  <si>
    <t>Matematică computaţională</t>
  </si>
  <si>
    <t>Proiectarea şi dezvoltarea aplicaţiilor Enterprise</t>
  </si>
  <si>
    <t>Calcul de înaltă performanță și analiza volumelor mari de date</t>
  </si>
  <si>
    <t>Analiza datelor și modelare</t>
  </si>
  <si>
    <t>Inteligenţă computaţională aplicată</t>
  </si>
  <si>
    <t>Programare bazată pe componente</t>
  </si>
  <si>
    <t>Baze de date</t>
  </si>
  <si>
    <t>Gastronomie, nutriție și dietetică alimentară</t>
  </si>
  <si>
    <t>Sisteme de procesare şi controlul calităţii produselor alimentare</t>
  </si>
  <si>
    <t>Managementul calităţii alimentelor/ Food quality management</t>
  </si>
  <si>
    <t>Managementul calităţii produselor de origine animalieră</t>
  </si>
  <si>
    <t>Managementul creşterii animalelor şi acvacultură</t>
  </si>
  <si>
    <t>Managementul ecosistemelor forestiere</t>
  </si>
  <si>
    <t>Tehnologia producerii şi valorificării vinurilor speciale şi a produselor derivate</t>
  </si>
  <si>
    <t>Inginerie genetică în ameliorarea plantelor</t>
  </si>
  <si>
    <t>Biodiversitate şi bioconservare</t>
  </si>
  <si>
    <t>Proiectarea, amenajarea şi întreţinerea spaţiilor verzi</t>
  </si>
  <si>
    <t>Ştiinţe horticole</t>
  </si>
  <si>
    <t>Managementul producţiei horticole în climat controlat</t>
  </si>
  <si>
    <t>Protecţia sistemelor naturale şi antropice</t>
  </si>
  <si>
    <t>Agricultura, schimbări climatice şi siguranţă alimentară</t>
  </si>
  <si>
    <t>Dezvoltare rurală</t>
  </si>
  <si>
    <t>Managementul resurselor naturale şi agroturistice</t>
  </si>
  <si>
    <t>Agricultură organică</t>
  </si>
  <si>
    <t>Valorile plastice și reflexive ale imaginii în pictura contemporană</t>
  </si>
  <si>
    <t>Managementul sistemelor electroenergetice moderne</t>
  </si>
  <si>
    <t>Inginerie şi management în domeniul energetic</t>
  </si>
  <si>
    <t>Informatică şi inginerie software</t>
  </si>
  <si>
    <t>Metode de analiză utilizate în controlul calităţii mediului şi produselor</t>
  </si>
  <si>
    <t>Chimie didactică</t>
  </si>
  <si>
    <t>Biochimie aplicată</t>
  </si>
  <si>
    <t>Teologie creştină şi spiritualitate europeană</t>
  </si>
  <si>
    <t>Etnoturism/ Etnologia şi turismul cultural</t>
  </si>
  <si>
    <t>Limba franceză în traduceri specializate</t>
  </si>
  <si>
    <t>Literatura română şi modernismul european</t>
  </si>
  <si>
    <t>Literatura engleză pentru copii şi tineret</t>
  </si>
  <si>
    <t>Limba română în context european (spaţiu, cultură, comunicare)</t>
  </si>
  <si>
    <t>Evaluarea impactului şi riscului pentru mediu</t>
  </si>
  <si>
    <t>Ingineria, dreptul şi economia dezvoltării durabile</t>
  </si>
  <si>
    <t>Procedee avansate în protecţia mediului</t>
  </si>
  <si>
    <t>Managementul integrat al resurselor naturale şi al deşeurilor</t>
  </si>
  <si>
    <t>Dezvoltarea durabilă şi protecţia mediului</t>
  </si>
  <si>
    <t>Ingineria procesării materialelor prin procedee speciale</t>
  </si>
  <si>
    <t>Sudarea şi asigurarea calităţii materialelor</t>
  </si>
  <si>
    <t>Ingineria şi managementul procesării avansate a materialelor</t>
  </si>
  <si>
    <t>Managementul energiei termice</t>
  </si>
  <si>
    <t>Inginerie de precizie şi managementul calităţii</t>
  </si>
  <si>
    <t>Ingineria biosistemelor în agricultură şi industrie alimentară</t>
  </si>
  <si>
    <t>Automobilul şi mediul</t>
  </si>
  <si>
    <t>Ştiinţe inginereşti aplicate în medicină</t>
  </si>
  <si>
    <t>Inginerie şi management în domeniul electric</t>
  </si>
  <si>
    <t>Tehnici moderne de proiectare asistată de calculator în ingineria electrică</t>
  </si>
  <si>
    <t>Sisteme şi structuri electrice avansate</t>
  </si>
  <si>
    <t>Sisteme de monitorizare şi control în inginerie electrică</t>
  </si>
  <si>
    <t>Telecomunicaţii</t>
  </si>
  <si>
    <t>Sisteme integrate de comunicaţii cu aplicaţii speciale</t>
  </si>
  <si>
    <t>Prelucrarea semnalelor şi imaginilor</t>
  </si>
  <si>
    <t>Inginerie electronică</t>
  </si>
  <si>
    <t>Circuite şi sisteme integrate</t>
  </si>
  <si>
    <t>Ingineria sistemelor mecatronice</t>
  </si>
  <si>
    <t>Ingineria sistemelor flexibile de fabricaţie</t>
  </si>
  <si>
    <t>Ingineria calităţii sistemelor tehnologice</t>
  </si>
  <si>
    <t>Proiectare asistată de calculator a sistemelor de fabricaţie</t>
  </si>
  <si>
    <t>Procese de producţie inovative şi management tehnologic/ Innovative Produktionsprozesse und Technologie-Management</t>
  </si>
  <si>
    <t>Inginerie virtuală şi fabricaţie competitivă/ Virtual engineering for competitive manufacturing</t>
  </si>
  <si>
    <t>Design industrial</t>
  </si>
  <si>
    <t>Managementul inovării şi dezvoltării tehnologiei</t>
  </si>
  <si>
    <t>Management şi inginerie în afaceri</t>
  </si>
  <si>
    <t>Antreprenoriat</t>
  </si>
  <si>
    <t>Managementul proiectelor şi evaluarea proprietăţii</t>
  </si>
  <si>
    <t>Proiectarea avansată a structurilor din lemn şi metal</t>
  </si>
  <si>
    <t>Ingineria instalaţiilor</t>
  </si>
  <si>
    <t>Ingineria tehnologiilor speciale în construcţii</t>
  </si>
  <si>
    <t>Construcţii durabile din beton</t>
  </si>
  <si>
    <t>Ingineria infrastructurii transporturilor</t>
  </si>
  <si>
    <t>Ingineria conducerii avansate a fabricaţiei</t>
  </si>
  <si>
    <t>Informatică aplicată în ingineria sistemelor complexe</t>
  </si>
  <si>
    <t>Controlul avansat al proceselor</t>
  </si>
  <si>
    <t>Tehnologia informaţiei în economie</t>
  </si>
  <si>
    <t>Reţele de comunicaţii şi sisteme distribuite</t>
  </si>
  <si>
    <t>Inteligenţă şi viziune artificială</t>
  </si>
  <si>
    <t>Complemente de ştiinţa calculatoarelor</t>
  </si>
  <si>
    <t>Studii de limbă și literatură germană din perspectivă interculturală</t>
  </si>
  <si>
    <t>Traducere și interpretariat din limba franceză în limba română</t>
  </si>
  <si>
    <t>Studii lingvistice pentru comunicare interculturală</t>
  </si>
  <si>
    <t>Inovare culturală</t>
  </si>
  <si>
    <t>Tehnica și arta muzicală din sec. al XX-lea</t>
  </si>
  <si>
    <t>Stil și performanță în interpretarea instrumentală și vocală</t>
  </si>
  <si>
    <t>Managementul și strategiile îngrijirilor paliative</t>
  </si>
  <si>
    <t>Managementul strategiilor preventive și politici de sănătate</t>
  </si>
  <si>
    <t>Gestiunea campaniilor de imagine</t>
  </si>
  <si>
    <t>Gestiunea și dezvoltarea resursei umane</t>
  </si>
  <si>
    <t>Sisteme și instituții de drept internațional și european</t>
  </si>
  <si>
    <t>Legislație europeană și carieră judiciară</t>
  </si>
  <si>
    <t>Științe penale aprofundate</t>
  </si>
  <si>
    <t>Drept privat aprofundat</t>
  </si>
  <si>
    <t>Psihologia muncii, organizațională și resurse umane</t>
  </si>
  <si>
    <t>Psihopedagogia educaţiei timpurii şi a şcolarităţii mici</t>
  </si>
  <si>
    <t>Resurse umane în educație. Formare și management</t>
  </si>
  <si>
    <t>Sisteme informatice integrate pentru afaceri</t>
  </si>
  <si>
    <t>Audit intern</t>
  </si>
  <si>
    <t>Politici contabile, audit și control de gestiune</t>
  </si>
  <si>
    <t>Relaţii economice internaționale</t>
  </si>
  <si>
    <t>Management și strategii de afaceri</t>
  </si>
  <si>
    <t>Politici și strategii de marketing</t>
  </si>
  <si>
    <t>Diagnoză și prognoză psihomotrică</t>
  </si>
  <si>
    <t>Performanță sportivă și management în sport</t>
  </si>
  <si>
    <t>Educație fizică - Managementul activităților formale, non-formale și de recuperare a stării de sănătate</t>
  </si>
  <si>
    <t>Aplicaţii pentru telefonul mobil şi tehnologii internet în E-business</t>
  </si>
  <si>
    <t>Tehnologii  internet/ Internet technologies</t>
  </si>
  <si>
    <t>Tehnologii moderne în ingineria sistemelor soft</t>
  </si>
  <si>
    <t>Structuri matematice fundamentale</t>
  </si>
  <si>
    <t>Simulare şi testare în inginerie mecanică</t>
  </si>
  <si>
    <t>Ecobiotehnologii agricole și alimentare</t>
  </si>
  <si>
    <t>Modernizare energetică în mediul construit</t>
  </si>
  <si>
    <t>Structuri avansate din lemn și tehnologii inovative</t>
  </si>
  <si>
    <t>Ecodesign de mobilier și restaurare</t>
  </si>
  <si>
    <t>Management și sisteme tehnice în exploatări forestiere</t>
  </si>
  <si>
    <t>Sisteme electronice și de comunicații integrate</t>
  </si>
  <si>
    <t>Sisteme avansate în automatică și tehnologii informatice</t>
  </si>
  <si>
    <t>Ingineria și managementul materialelor avansate - metalice, ceramice și compozite</t>
  </si>
  <si>
    <t>Managementul afacerilor în industrie</t>
  </si>
  <si>
    <t>Design de produs pentru dezvoltare durabilă și protecția mediului</t>
  </si>
  <si>
    <t>Ingineria sudării materialelor avansate</t>
  </si>
  <si>
    <t>Ingineria fabricației inovative</t>
  </si>
  <si>
    <t>Sisteme mecatronice pentru industrie și medicină</t>
  </si>
  <si>
    <t>Inginerie virtuală în proiectarea autovehiculelor</t>
  </si>
  <si>
    <t>Securitate rutieră, transport și interacțiunea cu mediul</t>
  </si>
  <si>
    <t>Autovehiculul și tehnologiile viitorului</t>
  </si>
  <si>
    <t>Comunicare în spațiul public</t>
  </si>
  <si>
    <t>Performanţă sportivă</t>
  </si>
  <si>
    <t>Kinetoterapia în educarea şi reeducarea funcţională</t>
  </si>
  <si>
    <t>Activităţi motrice curriculare şi de timp liber</t>
  </si>
  <si>
    <t>Informatică aplicată în ştiinţe și tehnologie</t>
  </si>
  <si>
    <t>Valorificarea resurselor biologice şi protecţia mediului</t>
  </si>
  <si>
    <t>Limba franceză. Practici de comunicare</t>
  </si>
  <si>
    <t>Limba engleză. Practici de comunicare</t>
  </si>
  <si>
    <t>Cultură şi literatură română</t>
  </si>
  <si>
    <t>Managementul sistemelor industriale de producţie şi servicii</t>
  </si>
  <si>
    <t>Managementul şi optimizarea echipamentelor de proces</t>
  </si>
  <si>
    <t>Strategii în asigurarea calităţii în industrie</t>
  </si>
  <si>
    <t>Managementul fabricației produselor industriale</t>
  </si>
  <si>
    <t>Echipamente şi tehnologii moderne în energetică</t>
  </si>
  <si>
    <t>Echipamente pentru reabilitare şi tehnologii asistive (interdisciplinar cu domeniile: Inginerie mecanică, Inginerie industrială, Mecatronică şi robotică)</t>
  </si>
  <si>
    <t>Managementul protecţiei mediului în industrie</t>
  </si>
  <si>
    <t>Design și dezvoltare de produs</t>
  </si>
  <si>
    <t>Modelare matematică în cercetare și didactică</t>
  </si>
  <si>
    <t>Politici şi strategii ale formării competenţelor pentru cariera didactică</t>
  </si>
  <si>
    <t>Pedagogie interactivă</t>
  </si>
  <si>
    <t>Administraţie publică în context european</t>
  </si>
  <si>
    <t>Limbă şi literatură. Tendinţe actuale</t>
  </si>
  <si>
    <t>Informatică aplicată în ştiinţe, tehnologie şi economie</t>
  </si>
  <si>
    <t>Evaluarea şi controlul calităţii mediului</t>
  </si>
  <si>
    <t>Managementul calităţii produselor alimentare</t>
  </si>
  <si>
    <t>Automatizări şi sisteme inteligente</t>
  </si>
  <si>
    <t>Productica sistemelor industriale</t>
  </si>
  <si>
    <t>Administrarea afacerilor în comerţ şi turism</t>
  </si>
  <si>
    <t>Finanţe corporative</t>
  </si>
  <si>
    <t>Strategii şi politici de management</t>
  </si>
  <si>
    <t>Management şi finanţare în administraţia publică</t>
  </si>
  <si>
    <t>Doctrină şi cultură creştină</t>
  </si>
  <si>
    <t>Teologie comparată</t>
  </si>
  <si>
    <t>Limbă, literatură şi cultură engleză în context european/ English Language, Literature and Culture in the European Context</t>
  </si>
  <si>
    <t>Literatură şi cultură românească în context european</t>
  </si>
  <si>
    <t>Identităţi regionale în Europa central-răsăriteană</t>
  </si>
  <si>
    <t>Dezvoltarea și managementul resurselor umane</t>
  </si>
  <si>
    <t>Sisteme informaţionale cadastrale şi management imobiliar</t>
  </si>
  <si>
    <t>Programare avansată şi baze de date</t>
  </si>
  <si>
    <t>Marketing şi promovarea vânzărilor</t>
  </si>
  <si>
    <t>Bănci, asigurări şi pieţe financiare</t>
  </si>
  <si>
    <t>Administrarea dezvoltării regionale durabile</t>
  </si>
  <si>
    <t>Sistemul informaţional contabil în asistarea deciziilor manageriale</t>
  </si>
  <si>
    <t>Auditul şi controlul agenţilor economici</t>
  </si>
  <si>
    <t>Masterat în studii latino-americane/ Master universitario de estudios latinos americanos</t>
  </si>
  <si>
    <t>Masterat în studii latino-americane/ Latin American studies master</t>
  </si>
  <si>
    <t>Drept și guvernare europeană</t>
  </si>
  <si>
    <t>Studii de muncă/ Labour Studies</t>
  </si>
  <si>
    <t>Politici publice şi societate civilă</t>
  </si>
  <si>
    <t>Dezvoltare regională şi cooperare internaţională</t>
  </si>
  <si>
    <t>Diplomaţie şi negocieri internaţionale</t>
  </si>
  <si>
    <t>Dezvoltare, cooperare internaţională şi ajutor umanitar/ Development, International Cooperation and Humanitarian Aid</t>
  </si>
  <si>
    <t>Studii aprofundate de relaţii internaţionale şi integrare europeană</t>
  </si>
  <si>
    <t>Modelul european: economia socială europeană</t>
  </si>
  <si>
    <t>Securitate şi diplomaţie/ Security and diplomacy</t>
  </si>
  <si>
    <t>Politică şi economie europeană</t>
  </si>
  <si>
    <t>Analiza şi soluţionarea conflictelor</t>
  </si>
  <si>
    <t>Relaţii internaţionale şi integrare europeană</t>
  </si>
  <si>
    <t>Teorie şi analiză politică</t>
  </si>
  <si>
    <t>Politici, gen şi minorităţi</t>
  </si>
  <si>
    <t>Politici publice şi integrare europeană</t>
  </si>
  <si>
    <t>Politici de dezvoltare locală şi regională</t>
  </si>
  <si>
    <t>Management şi guvernare</t>
  </si>
  <si>
    <t>Guvernare şi societate</t>
  </si>
  <si>
    <t>Social media și marketing online</t>
  </si>
  <si>
    <t>Marketing, publicitate şi relaţii publice/ Marketing, Advertising and Public Relations</t>
  </si>
  <si>
    <t>Managementul proiectelor/ Project Management</t>
  </si>
  <si>
    <t>Management şi comunicare în afaceri</t>
  </si>
  <si>
    <t>Management educaţional şi comunicare instituţională</t>
  </si>
  <si>
    <t>Comunicare şi publicitate/ Communication and Advertising</t>
  </si>
  <si>
    <t>Comunicare audiovideo</t>
  </si>
  <si>
    <t>Brand management şi comunicare corporativă</t>
  </si>
  <si>
    <t>Studii administrative europene</t>
  </si>
  <si>
    <t>Spaţiul public european</t>
  </si>
  <si>
    <t>Studii vizuale şi societate</t>
  </si>
  <si>
    <t>Studii fundamentale în sociologie</t>
  </si>
  <si>
    <t>Antropologie</t>
  </si>
  <si>
    <t>Educaţie fizică şi activităţi motrice de timp liber</t>
  </si>
  <si>
    <t>Nutriţie şi remodelare corporală</t>
  </si>
  <si>
    <t>Recuperare- reeducare motrică şi somato-funcţională</t>
  </si>
  <si>
    <t>Management şi marketing în structurile, activităţile şi evenimentele sportive</t>
  </si>
  <si>
    <t>Activităţi fizice adaptate</t>
  </si>
  <si>
    <t>Ştiinţa şi tehnologiile educării motricităţii umane</t>
  </si>
  <si>
    <t>Film de animaţie</t>
  </si>
  <si>
    <t>Producţie de film</t>
  </si>
  <si>
    <t>Filmologie</t>
  </si>
  <si>
    <t>Scenaristică</t>
  </si>
  <si>
    <t>Arta montajului şi a sunetului de film</t>
  </si>
  <si>
    <t>Arta sunetului de film</t>
  </si>
  <si>
    <t>Arta montajului de film</t>
  </si>
  <si>
    <t>Arta imaginii de film</t>
  </si>
  <si>
    <t>Arta regiei de film</t>
  </si>
  <si>
    <t>Pedagogie teatrală</t>
  </si>
  <si>
    <t>Tehnologii digitale în spectacolul contemporan</t>
  </si>
  <si>
    <t>Teatru de animație</t>
  </si>
  <si>
    <t>Teatrologie - Management şi marketing cultural</t>
  </si>
  <si>
    <t>Design, lumină şi sunet în artele spectacolului</t>
  </si>
  <si>
    <t>Artă coregrafică</t>
  </si>
  <si>
    <t>Arta scenografului</t>
  </si>
  <si>
    <t>Arta regizorului de teatru</t>
  </si>
  <si>
    <t>Conservarea și restaurarea patrimoniului cultural</t>
  </si>
  <si>
    <t>Design de scenă și spectacol</t>
  </si>
  <si>
    <t>Design de interior şi pentru spaţiul public</t>
  </si>
  <si>
    <t>Design de obiect şi comunicaţii vizuale</t>
  </si>
  <si>
    <t>Ceramică - sticlă - metal</t>
  </si>
  <si>
    <t>Modă și costum vestimentar</t>
  </si>
  <si>
    <t>Arte textile ambientale</t>
  </si>
  <si>
    <t>Fotografie şi imagine dinamică</t>
  </si>
  <si>
    <t>Educaţie prin arte vizuale</t>
  </si>
  <si>
    <t>Arte grafice</t>
  </si>
  <si>
    <t>Stilistică dirijorală</t>
  </si>
  <si>
    <t>Jazz și culturi muzicale pop</t>
  </si>
  <si>
    <t>Stil şi limbaj compoziţional</t>
  </si>
  <si>
    <t>Sinteză muzicologică</t>
  </si>
  <si>
    <t>Educaţie muzicală contemporană şi culturi muzicale religioase</t>
  </si>
  <si>
    <t>Stilistică interpretativă instrumentală şi vocală</t>
  </si>
  <si>
    <t>Diplomaţie în economia internaţională</t>
  </si>
  <si>
    <t>Logistică internaţională</t>
  </si>
  <si>
    <t>Managementul proiectelor internaţionale</t>
  </si>
  <si>
    <t>Managementul riscului financiar internaţional</t>
  </si>
  <si>
    <t>Economie internaţională şi afaceri europene</t>
  </si>
  <si>
    <t>Comunicare în limba engleză pentru predare şi cercetare economică</t>
  </si>
  <si>
    <t>Comunicare de afaceri în limba engleză</t>
  </si>
  <si>
    <t>Marketing şi dezvoltare durabilă</t>
  </si>
  <si>
    <t>Marketing şi management în servicii publice</t>
  </si>
  <si>
    <t>Cercetare fundamentală de marketing</t>
  </si>
  <si>
    <t>Marketing online</t>
  </si>
  <si>
    <t>Cercetări de marketing</t>
  </si>
  <si>
    <t>Managementul marketingului</t>
  </si>
  <si>
    <t>Marketing strategic</t>
  </si>
  <si>
    <t>Relaţii publice în marketing</t>
  </si>
  <si>
    <t>Marketing internaţional</t>
  </si>
  <si>
    <t>PIATRA-NEAMŢ</t>
  </si>
  <si>
    <t>Consultanţă în management şi dezvoltarea afacerilor</t>
  </si>
  <si>
    <t>Managementul afacerilor prin proiecte</t>
  </si>
  <si>
    <t>Management şi marketing internaţional</t>
  </si>
  <si>
    <t>Management financiar şi investiţii</t>
  </si>
  <si>
    <t>Tehnici actuariale</t>
  </si>
  <si>
    <t>Cercetări avansate în finanţe</t>
  </si>
  <si>
    <t>Managementul sistemelor bancare</t>
  </si>
  <si>
    <t>Finanţe şi bănci - DOFIN</t>
  </si>
  <si>
    <t>Managementul proiectelor de dezvoltare rurală şi regională</t>
  </si>
  <si>
    <t>Economie ecologică</t>
  </si>
  <si>
    <t>Economia şi administrarea afacerilor agroalimentare</t>
  </si>
  <si>
    <t>Economie europeană</t>
  </si>
  <si>
    <t>Contabilitate, audit şi informatică de gestiune</t>
  </si>
  <si>
    <t>Analiză financiară şi evaluare</t>
  </si>
  <si>
    <t>Contabilitatea şi fiscalitatea entităţilor economice</t>
  </si>
  <si>
    <t>Contabilitate, control şi expertiză</t>
  </si>
  <si>
    <t>Contabilitate internaţională</t>
  </si>
  <si>
    <t>Concepte şi practici de audit la nivel naţional şi internaţional</t>
  </si>
  <si>
    <t>Securitatea informatică</t>
  </si>
  <si>
    <t>Baze de date-suport pentru afaceri</t>
  </si>
  <si>
    <t>Sisteme informatice pentru managementul resurselor şi proceselor economice</t>
  </si>
  <si>
    <t>Analiza afacerilor şi controlul performanţei întreprinderii</t>
  </si>
  <si>
    <t>Statistică aplicată şi data science</t>
  </si>
  <si>
    <t>Cibernetică şi economie cantitativă</t>
  </si>
  <si>
    <t>Managementul calităţii, expertize şi protecţia consumatorului</t>
  </si>
  <si>
    <t>Administrarea afacerilor comerciale</t>
  </si>
  <si>
    <t>Management şi marketing în turism</t>
  </si>
  <si>
    <t>Geopolitică şi afaceri</t>
  </si>
  <si>
    <t>Business</t>
  </si>
  <si>
    <t>MBA Româno-Canadian</t>
  </si>
  <si>
    <t>Antreprenoriat şi administrarea afacerilor, în domeniul energiei</t>
  </si>
  <si>
    <t>Nutriţie şi siguranţă alimentară</t>
  </si>
  <si>
    <t>Îngrijiri specifice ale lăuzei şi nou-născutului la domiciliu</t>
  </si>
  <si>
    <t>Biofizică medicală şi biotehnologie celulară</t>
  </si>
  <si>
    <t>Cercetări şi intervenţii operaţionale în managementul serviciilor medico-sociale şi al sănătăţii publice</t>
  </si>
  <si>
    <t>Teologie baptistă</t>
  </si>
  <si>
    <t>Comunicare biblică şi eclesială</t>
  </si>
  <si>
    <t>Asistenţa socială a bisericii</t>
  </si>
  <si>
    <t>Teologia şi misiunea socială a bisericii</t>
  </si>
  <si>
    <t>Studii religioase şi educaţie creştină</t>
  </si>
  <si>
    <t>Istorie şi tradiţie creştină</t>
  </si>
  <si>
    <t>Exegeză şi ermineutică biblică</t>
  </si>
  <si>
    <t>Comunicare şi comuniune eclezială în spaţiul ortodox</t>
  </si>
  <si>
    <t>Artă sacră în contemporaneitate</t>
  </si>
  <si>
    <t>Politica în Europa. State, frontiere şi societăţi</t>
  </si>
  <si>
    <t>Politicile egalităţii de şanse în context românesc şi european</t>
  </si>
  <si>
    <t>Politică europeană şi românească</t>
  </si>
  <si>
    <t>Politică comparată</t>
  </si>
  <si>
    <t>Educaţie timpurie  (interdisciplinar cu domeniul: Psihologie)</t>
  </si>
  <si>
    <t>Pedagogii alternative şi arta teatrală în educaţie  (interdisciplinar cu domeniul: Teatru şi artele spectacolului)</t>
  </si>
  <si>
    <t>FOCŞANI</t>
  </si>
  <si>
    <t>Mentoratul în educație</t>
  </si>
  <si>
    <t>Terapia logopedică în procesele de comunicare</t>
  </si>
  <si>
    <t>Tehnologii informatice şi de comunicaţii în educaţie (interdisciplinar cu domeniul: Calculatoare şi tehnologia informaţiei)</t>
  </si>
  <si>
    <t>Psihopedagogia şcolii incluzive</t>
  </si>
  <si>
    <t>Managementul şi evaluarea organizaţiilor şi programelor educaţionale</t>
  </si>
  <si>
    <t>Formarea formatorilor</t>
  </si>
  <si>
    <t>Educaţie presecundară. Politici şi strategii de dezvoltare</t>
  </si>
  <si>
    <t>Sănătate ocupaţională şi performanţa resursei umane</t>
  </si>
  <si>
    <t>Psihologia sănătăţii - cercetare clinică şi optimizare comportamentală</t>
  </si>
  <si>
    <t>Psihologie clinică - evaluare şi intervenţie terapeutică</t>
  </si>
  <si>
    <t>Psihodiagnoză, psihoterapie experienţială unificatoare (PEU) şi dezvoltare personală</t>
  </si>
  <si>
    <t>Cercetare în sociologie/ Research in sociology</t>
  </si>
  <si>
    <t>Politici publice şi management în administraţia publică</t>
  </si>
  <si>
    <t>Sondaje de opinie, marketing şi publicitate</t>
  </si>
  <si>
    <t>Sociologia consumului şi marketing</t>
  </si>
  <si>
    <t>Devianţă socială şi criminalitate</t>
  </si>
  <si>
    <t>Antropologie, dezvoltare comunitară şi regională</t>
  </si>
  <si>
    <t>Algebră, geometrie și criptografie</t>
  </si>
  <si>
    <t>Studii culturale Slave; Rusia şi ţările slave din Europa Centrala şi de Est</t>
  </si>
  <si>
    <t>Studii religioase - Texte şi tradiţii (interdisciplinar cu domeniul: Filologie)</t>
  </si>
  <si>
    <t>Societate, multimedia, spectacol (SMS) (interdisciplinar cu domeniile: Arhitectură, Filologie)</t>
  </si>
  <si>
    <t>Teoria şi practica imaginii (TPI) (interdisciplinar cu domeniile: Arhitectură, Filologie)</t>
  </si>
  <si>
    <t>Cultură şi politică în context european şi internaţional</t>
  </si>
  <si>
    <t>Etnologie, antropologie culturală şi folclor</t>
  </si>
  <si>
    <t>Studii literare</t>
  </si>
  <si>
    <t>Traductologie latino romanică</t>
  </si>
  <si>
    <t>Cultura şi limbajul organizaţiilor europene</t>
  </si>
  <si>
    <t>Traducerea textului literar contemporan</t>
  </si>
  <si>
    <t>Traducere specializată şi studii terminologice</t>
  </si>
  <si>
    <t>Studii franceze şi francofone</t>
  </si>
  <si>
    <t>Studii est asiatice</t>
  </si>
  <si>
    <t>Studii culturale balcanice</t>
  </si>
  <si>
    <t>Strategii comunicaţionale interculturale - literare şi lingvistice</t>
  </si>
  <si>
    <t>Spaţiul islamic: societăţi, culturi, mentalităţi</t>
  </si>
  <si>
    <t>Lingvistica limbii engleze. Metode şi aplicaţii</t>
  </si>
  <si>
    <t>Formarea interpreţilor de conferinţă</t>
  </si>
  <si>
    <t>Teoria şi practica editării</t>
  </si>
  <si>
    <t>Studii avansate în lingvistică - Structura şi funcţionarea limbii române</t>
  </si>
  <si>
    <t>Didactici ale disciplinelor filologice</t>
  </si>
  <si>
    <t>Cultură şi civilizaţie ebraică</t>
  </si>
  <si>
    <t>Modele de comunicare şi relaţii publice</t>
  </si>
  <si>
    <t>Gestionarea informaţiei în societatea contemporană</t>
  </si>
  <si>
    <t>Consultanţă şi expertiză în publicitate</t>
  </si>
  <si>
    <t>Media, comunicare publică şi globalizare</t>
  </si>
  <si>
    <t>Teorii şi metode de cercetare în ştiinţele comunicării</t>
  </si>
  <si>
    <t>Producţie multimedia şi audiovideo</t>
  </si>
  <si>
    <t>Mass-media, dezvoltare, societate/ Medias, developpement, societe</t>
  </si>
  <si>
    <t>Managementul instituţiilor mass-media</t>
  </si>
  <si>
    <t>Jurnalism politic</t>
  </si>
  <si>
    <t>Campanii de comunicare în publicitate şi relaţii publice</t>
  </si>
  <si>
    <t>Relaţii internaţionale</t>
  </si>
  <si>
    <t>Tehnici diplomatice</t>
  </si>
  <si>
    <t>Studii medievale (interdisciplinar cu domeniul: Filologie)</t>
  </si>
  <si>
    <t>Istoria comunismului în România</t>
  </si>
  <si>
    <t>Istoria artei şi filosofia culturii  (interdisciplinar cu domeniul: Filosofie)</t>
  </si>
  <si>
    <t>Istorie şi politică militară în România secolelor XIX - XXI</t>
  </si>
  <si>
    <t>Politică şi societate în secolul al XX-lea</t>
  </si>
  <si>
    <t>Istoria şi practica relaţiilor internaţionale</t>
  </si>
  <si>
    <t>Interfeţe culturale în preistorie şi antichitate</t>
  </si>
  <si>
    <t>Geobiologie aplicată în conservarea patrimoniului natural şi cultural  (interdisciplinar cu domeniul: Ştiinţa mediului)</t>
  </si>
  <si>
    <t>Inginerie geologică şi geotehnică ambientală</t>
  </si>
  <si>
    <t>Geofizică aplicată/ Applied geophysics</t>
  </si>
  <si>
    <t>Geofizică</t>
  </si>
  <si>
    <t>Evaluarea bazinelor de sedimentare şi a resurselor minerale</t>
  </si>
  <si>
    <t>Geografie aplicată şi dezvoltare regională</t>
  </si>
  <si>
    <t>Sisteme informaţionale geografice</t>
  </si>
  <si>
    <t>Planificare teritorială şi managementul localităţilor urbane şi rurale</t>
  </si>
  <si>
    <t>Managementul resurselor şi activităţilor turistice</t>
  </si>
  <si>
    <t>Gestiunea spaţiului turistic şi servicii de ospitalitate</t>
  </si>
  <si>
    <t>Geomorfologie şi cartografie cu elemente de cadastru</t>
  </si>
  <si>
    <t>Climatologie şi resurse de apă</t>
  </si>
  <si>
    <t>Surse de energie regenerabile şi alternative (interdisciplinar cu domeniul: Chimie)</t>
  </si>
  <si>
    <t>Fizica materialelor avansate şi nanostructuri</t>
  </si>
  <si>
    <t>Fizica mediului şi a polimerilor ecologici</t>
  </si>
  <si>
    <t>Optică, laseri şi aplicaţii</t>
  </si>
  <si>
    <t>Fizică teoretică şi computaţională</t>
  </si>
  <si>
    <t>Fizica atomului, nucleului, particulelor elementare, astrofizică şi aplicaţii</t>
  </si>
  <si>
    <t>Globalizare şi diplomaţie culturală</t>
  </si>
  <si>
    <t>Program masteral în ştiinţe cognitive - Open mind</t>
  </si>
  <si>
    <t>Studii europene şi etica relaţiilor internaţionale</t>
  </si>
  <si>
    <t>Studii de dezvoltare internaţională şi etica relaţiilor internaţionale</t>
  </si>
  <si>
    <t>Istoria şi filosofia ştiinţei</t>
  </si>
  <si>
    <t>Istoria şi circulaţia ideilor filosofice</t>
  </si>
  <si>
    <t>Filosofie analitică</t>
  </si>
  <si>
    <t>Etică aplicată în societate, afaceri şi organizaţii</t>
  </si>
  <si>
    <t>Arbitrajul international</t>
  </si>
  <si>
    <t>Achizitii publice, concesiuni, parteneriat public-privat</t>
  </si>
  <si>
    <t>Dreptul muncii, relaţii de muncă şi industriale</t>
  </si>
  <si>
    <t>Drept internaţional public</t>
  </si>
  <si>
    <t>Chimia medicamentelor şi produselor cosmetice</t>
  </si>
  <si>
    <t>Chimia materialelor avansate</t>
  </si>
  <si>
    <t>Biomolecule</t>
  </si>
  <si>
    <t>Evaluarea integrată a stării mediului</t>
  </si>
  <si>
    <t>Sustenabilitatea sistemelor socioecologice</t>
  </si>
  <si>
    <t>Managementul integrat al capitalului natural</t>
  </si>
  <si>
    <t>Biochimie aplicată şi biologie moleculară</t>
  </si>
  <si>
    <t>Microbiologie aplicată și imunologie</t>
  </si>
  <si>
    <t>Genetică aplicată și biotehnologie</t>
  </si>
  <si>
    <t>Biochimie şi biologie moleculară</t>
  </si>
  <si>
    <t>Neurobiologie</t>
  </si>
  <si>
    <t>Managementul informaţiei şi al documentelor</t>
  </si>
  <si>
    <t>Managementul restaurării și valorificării patrimoniului cultural</t>
  </si>
  <si>
    <t>Managementul crizelor</t>
  </si>
  <si>
    <t>Administraţie şi politici publice în Uniunea Europeană</t>
  </si>
  <si>
    <t>Administraţie publică şi eficienţa sistemului administrativ</t>
  </si>
  <si>
    <t>Administrarea şi dezvoltarea resurselor umane</t>
  </si>
  <si>
    <t>Administrarea relaţiilor publice şi asistenţă managerială</t>
  </si>
  <si>
    <t>Administrarea afacerilor (interdisciplinar cu domeniul: Sociologie)</t>
  </si>
  <si>
    <t>Economie comportamentală/ Behavioural economics (interdisciplinar cu domeniul: Psihologie)</t>
  </si>
  <si>
    <t>Administrarea afacerilor/ Executive master in business administration</t>
  </si>
  <si>
    <t>Consultanţă în afaceri/ Business consulting</t>
  </si>
  <si>
    <t>Consultanţă în afaceri</t>
  </si>
  <si>
    <t>Administrarea afacerilor mici şi mijlocii</t>
  </si>
  <si>
    <t>Managementul investiţiilor în ecosisteme</t>
  </si>
  <si>
    <t>Management şi audit intern</t>
  </si>
  <si>
    <t>Management în agroturism şi alimentaţie publică</t>
  </si>
  <si>
    <t>Managementul calităţii şi inovaţiei în domeniul agroalimentar</t>
  </si>
  <si>
    <t>Management şi dezvoltare rurală</t>
  </si>
  <si>
    <t>Biotehnologie şi siguranţă alimentară</t>
  </si>
  <si>
    <t>Biotehnologii în industria farmaceutică</t>
  </si>
  <si>
    <t>Biotehnologii în protecţia mediului</t>
  </si>
  <si>
    <t>Geomatică pentru ingineria mediului</t>
  </si>
  <si>
    <t>Ingineria şi protecţia mediului în spaţiul rural</t>
  </si>
  <si>
    <t>Controlul şi expertiza alimentelor ecologice, Halal şi Kosher</t>
  </si>
  <si>
    <t>Expertiza produselor agroalimentare</t>
  </si>
  <si>
    <t>Biosecuritatea produselor alimentare</t>
  </si>
  <si>
    <t>Tehnologii performante, management şi marketing vitivinicol</t>
  </si>
  <si>
    <t>Științe horticole ecologice</t>
  </si>
  <si>
    <t>Tehnologii integrate de obţinere şi valorificare a produselor horticole</t>
  </si>
  <si>
    <t>Managementul conservării biodiversităţii</t>
  </si>
  <si>
    <t>Protecţia agroecosistemelor şi expertiză fitosanitară</t>
  </si>
  <si>
    <t>Managementul şi expertiza fondului funciar</t>
  </si>
  <si>
    <t>Consultanţă agricolă</t>
  </si>
  <si>
    <t>Ameliorarea plantelor şi producerea de sămânţă</t>
  </si>
  <si>
    <t>Agricultură durabilă</t>
  </si>
  <si>
    <t>Peisaj şi teritoriu</t>
  </si>
  <si>
    <t>Proiectare urbană</t>
  </si>
  <si>
    <t>Mobilitate urbană</t>
  </si>
  <si>
    <t>Management urban pentru oraşe competitive</t>
  </si>
  <si>
    <t>Amenajarea teritoriului şi dezvoltare regională</t>
  </si>
  <si>
    <t>Urbanism şi politici publice</t>
  </si>
  <si>
    <t>Traducere şi interpretare specializată</t>
  </si>
  <si>
    <t>Tehnologii didactice asistate de calculator (interdisciplinar cu domeniul: Inginerie civilă şi instalaţii)</t>
  </si>
  <si>
    <t>Prelucrarea şi analiza datelor geospaţiale</t>
  </si>
  <si>
    <t>Sisteme informaţionale în cadastru şi publicitate imobiliară</t>
  </si>
  <si>
    <t>Planificare spațială și GIS pentru dezvoltare durabilă</t>
  </si>
  <si>
    <t>Managementul şi gestionarea situaţiilor de urgenţă</t>
  </si>
  <si>
    <t>Echipamente pentru dezafectarea/ demolarea construcţiilor şi reciclarea materialelor</t>
  </si>
  <si>
    <t>Sisteme mecanice avansate</t>
  </si>
  <si>
    <t>Managementul proiectelor în construcţii</t>
  </si>
  <si>
    <t>Energie, confort şi dezvoltare durabilă</t>
  </si>
  <si>
    <t>Tehnologii performante pentru protecţia mediului urban</t>
  </si>
  <si>
    <t>Eficienţa energetică a instalaţiilor din clădiri</t>
  </si>
  <si>
    <t>Interacţiuni în mediul construit/ Interactions in the built environment</t>
  </si>
  <si>
    <t>Inginerie structurală/ Ingénierie des structures</t>
  </si>
  <si>
    <t>Poduri şi tuneluri</t>
  </si>
  <si>
    <t>Dezvoltare durabilă</t>
  </si>
  <si>
    <t>Inginerie hidraulică</t>
  </si>
  <si>
    <t>Dezvoltarea urbană şi regională</t>
  </si>
  <si>
    <t>Tehnologia şi managementul lucrărilor de construcţii</t>
  </si>
  <si>
    <t>Proiectarea construcţiilor civile şi industriale în zone seismice</t>
  </si>
  <si>
    <t>Teoria codării și stocării informației</t>
  </si>
  <si>
    <t>Ingineria și aplicațiile laserilor și acceleratorilor</t>
  </si>
  <si>
    <t>Optometrie avansată</t>
  </si>
  <si>
    <t>Modele de decizie, risc și prognoză</t>
  </si>
  <si>
    <t>Sisteme dinamice optimale şi modele economico-financiare</t>
  </si>
  <si>
    <t>Biomateriale metalice</t>
  </si>
  <si>
    <t>Managementul organizațiilor educaționale</t>
  </si>
  <si>
    <t>Tehnologia traducerii automate/ Technologies de la traduction automatique</t>
  </si>
  <si>
    <t>Comunicare managerială</t>
  </si>
  <si>
    <t>Mecatronică avansată (interdisciplinar cu domeniul: Inginerie mecanică)</t>
  </si>
  <si>
    <t>Robotică (interdisciplinar cu domeniul: Inginerie mecanică)</t>
  </si>
  <si>
    <t>Inovare și tehnologie integrativă/ Innovation and Integrative Technology</t>
  </si>
  <si>
    <t>Managementul întreprinderilor digitale/ Management of the Digital Enterprises</t>
  </si>
  <si>
    <t>Ingineria și managementul producerii materialelor metalice</t>
  </si>
  <si>
    <t>Dezvoltarea şi organizarea sistemelor mecatronice/ Entwicklung und Organisation mechatronischer Systeme</t>
  </si>
  <si>
    <t>Inginerie economică și managementul afacerilor</t>
  </si>
  <si>
    <t>Ingineria și managementul proiectelor complexe</t>
  </si>
  <si>
    <t>Managementul sistemelor energetice</t>
  </si>
  <si>
    <t>Ingineria şi managementul sistemelor de afaceri</t>
  </si>
  <si>
    <t>Administrarea şi ingineria afacerilor în industrie/ Geschäfts und Industrieverwaltung</t>
  </si>
  <si>
    <t>Administrarea şi ingineria afacerilor/ Business Administration and Engineering</t>
  </si>
  <si>
    <t>Calitate în inginerie și managementul afacerilor</t>
  </si>
  <si>
    <t>Calitatea produselor și serviciilor industriale</t>
  </si>
  <si>
    <t>Inginerie economică în activități industriale</t>
  </si>
  <si>
    <t>Marketing industrial</t>
  </si>
  <si>
    <t>Antreprenoriat, managementul și ingineria afacerilor</t>
  </si>
  <si>
    <t>Ingineria resurselor umane în organizațiile industriale</t>
  </si>
  <si>
    <t>Ingineria managerială a sistemelor tehnice</t>
  </si>
  <si>
    <t>Evaluarea riscului, siguranței  şi integrității echipamentelor sub presiune</t>
  </si>
  <si>
    <t>Cercetarea, proiectarea și testarea sistemelor biotehnice</t>
  </si>
  <si>
    <t>Termomecanica echipamentelor pentru procese industriale</t>
  </si>
  <si>
    <t>Sisteme hidraulice şi pneumatice avansate</t>
  </si>
  <si>
    <t>Ingineria calității și mediului în industriile de proces</t>
  </si>
  <si>
    <t>Mecanică de precizie pentru sisteme mecatronice</t>
  </si>
  <si>
    <t>Ingineria şi managementul sistemelor şi echipamentelor termice</t>
  </si>
  <si>
    <t>Concepţie integrată în ingineria mecanică</t>
  </si>
  <si>
    <t>Siguranţa şi integritatea structurilor</t>
  </si>
  <si>
    <t>Consultanță în proiectarea sistemelor mecanice</t>
  </si>
  <si>
    <t>Modelarea și simularea sistemelor mecanice mobile</t>
  </si>
  <si>
    <t>Inginerie şi proiectare asistate de calculator pentru maşini şi structuri mecanice</t>
  </si>
  <si>
    <t>Controlul zgomotelor şi vibraţiilor</t>
  </si>
  <si>
    <t>Fenomene de interacțiune vehicul-cale de rulare</t>
  </si>
  <si>
    <t>Vehicule feroviare de mare viteză</t>
  </si>
  <si>
    <t>Grafică inginerească şi design</t>
  </si>
  <si>
    <t>Tehnologii și sisteme poligrafice</t>
  </si>
  <si>
    <t>Design industrial și produse inovative</t>
  </si>
  <si>
    <t>Echipamente pentru terapii de recuperare</t>
  </si>
  <si>
    <t>Ingineria sistemelor industriale/ Ingénierie des systèmes industriels</t>
  </si>
  <si>
    <t>Ingineria și managementul proceselor de sudare și control</t>
  </si>
  <si>
    <t>Managementul întreprinderilor industriale virtuale</t>
  </si>
  <si>
    <t>Ingineria nanostructurilor și proceselor neconvenționale</t>
  </si>
  <si>
    <t>Concepție și management în productică</t>
  </si>
  <si>
    <t>Mașini și sisteme de producție</t>
  </si>
  <si>
    <t>Ingineria proiectării și fabricării produselor</t>
  </si>
  <si>
    <t>Conception integree des systemes technologiques / Concepția integrată a sistemelor tehnologice</t>
  </si>
  <si>
    <t>Inginerie avansată asistată de calculator</t>
  </si>
  <si>
    <t>Ingineria calității</t>
  </si>
  <si>
    <t>Evaluarea calității materialelor și produselor</t>
  </si>
  <si>
    <t>Surse regenerabile de energie</t>
  </si>
  <si>
    <t>Eficiență energetică</t>
  </si>
  <si>
    <t>Informatică aplicată în energetică</t>
  </si>
  <si>
    <t>Inginerie nucleară</t>
  </si>
  <si>
    <t>Comunicaţii multimedia</t>
  </si>
  <si>
    <t>Comunicaţii mobile</t>
  </si>
  <si>
    <t>Tehnologii integrate avansate în electronica auto</t>
  </si>
  <si>
    <t>Ingineria calităţii şi siguranţei în funcţionare în electronică şi telecomunicaţii</t>
  </si>
  <si>
    <t>Ingineria informaţiei şi a sistemelor de calcul</t>
  </si>
  <si>
    <t>Reţele integrate de telecomunicaţii</t>
  </si>
  <si>
    <t>Tehnologii software avansate pentru comunicaţii</t>
  </si>
  <si>
    <t>Managementul serviciilor şi reţelelor</t>
  </si>
  <si>
    <t>Optoelectronică</t>
  </si>
  <si>
    <t>Microelectronică și nanoelectronică</t>
  </si>
  <si>
    <t>Microsisteme</t>
  </si>
  <si>
    <t>Microelectronică avansată/ Advanced microelectronics</t>
  </si>
  <si>
    <t>Electronică și informatică medicală</t>
  </si>
  <si>
    <t>Tehnologii multimedia pentru producţia de conţinut în domeniul audiovizualului şi comunicaţiilor</t>
  </si>
  <si>
    <t>Tehnologii multimedia în aplicaţii de biometrie şi securitatea informației</t>
  </si>
  <si>
    <t>Tehnici avansate pentru imagistica digitală</t>
  </si>
  <si>
    <t>Sisteme inteligente pentru transporturi</t>
  </si>
  <si>
    <t>Sisteme telematice pentru transporturi</t>
  </si>
  <si>
    <t>Electronică și informatică aplicată</t>
  </si>
  <si>
    <t>Comunicaţii fără fir avansate/ Advanced wireless communications</t>
  </si>
  <si>
    <t>Inginerie electrică și informatică aplicată</t>
  </si>
  <si>
    <t>Electronică de putere şi acţionări electrice inteligente</t>
  </si>
  <si>
    <t>Ingineria produselor și serviciilor în electrotehnică</t>
  </si>
  <si>
    <t>Sisteme inteligente de instrumentație și măsurare</t>
  </si>
  <si>
    <t>Știinţa şi ingineria polimerilor</t>
  </si>
  <si>
    <t>Știinţa şi ingineria materialelor oxidice avansate şi nanomateriale</t>
  </si>
  <si>
    <t>Materiale compozite avansate cu destinaţii speciale</t>
  </si>
  <si>
    <t>Micro - şi nanomateriale</t>
  </si>
  <si>
    <t>Protecția consumatorului. Controlul calităţii produselor</t>
  </si>
  <si>
    <t>Expertizarea alimentelor, produselor chimice şi materialelor</t>
  </si>
  <si>
    <t>Ingineria proceselor chimice</t>
  </si>
  <si>
    <t>Management aeronautic</t>
  </si>
  <si>
    <t>Inginerie și management aerospațial</t>
  </si>
  <si>
    <t>Propulsie aerospațială și protecția mediului</t>
  </si>
  <si>
    <t>Structuri aeronautice și spațiale</t>
  </si>
  <si>
    <t>Avionică şi navigaţie aerospațială</t>
  </si>
  <si>
    <t>Ingineria transportului aerian/ Air transport engineering</t>
  </si>
  <si>
    <t>Transport și trafic urban</t>
  </si>
  <si>
    <t>Management în transporturi</t>
  </si>
  <si>
    <t>Logistica transporturilor</t>
  </si>
  <si>
    <t>Ingineria și managementul serviciilor/ Service engineering and management</t>
  </si>
  <si>
    <t>Sisteme inteligente de conducere</t>
  </si>
  <si>
    <t>Control avansat şi sisteme în timp real</t>
  </si>
  <si>
    <t>Sisteme informatice integrate</t>
  </si>
  <si>
    <t>Sisteme informatice în medicină</t>
  </si>
  <si>
    <t>Prelucrări complexe de semnal în aplicaţii multimedia</t>
  </si>
  <si>
    <t>Managementul şi protecţia informaţiei</t>
  </si>
  <si>
    <t>Arhitecturi orientate pe servicii pentru intreprinderi</t>
  </si>
  <si>
    <t>Automatică şi informatică industrială</t>
  </si>
  <si>
    <t>Ingineria şi managementul procesării şi păstrării produselor agroalimentare</t>
  </si>
  <si>
    <t>Protecția mediului în industria materialelor metalice</t>
  </si>
  <si>
    <t>Ingineria mediului și managementul calității în domeniul feroviar</t>
  </si>
  <si>
    <t>Inginerie şi management în protecţia mediului</t>
  </si>
  <si>
    <t>Ingineria şi managementul sistemelor biotehnice</t>
  </si>
  <si>
    <t>Managementul mediului și dezvoltare durabilă</t>
  </si>
  <si>
    <t>Controlul analitic al calităţii mediului şi tehnici de depoluare</t>
  </si>
  <si>
    <t>Știința și managementul testării materialelor</t>
  </si>
  <si>
    <t>Știința și expertizarea materialelor metalice avansate</t>
  </si>
  <si>
    <t>Tehnici avansate pentru procesarea materialelor metalice</t>
  </si>
  <si>
    <t>Sinteza și procesarea materialelor metalice speciale</t>
  </si>
  <si>
    <t>Substanțe, materiale și sisteme biocompatibile</t>
  </si>
  <si>
    <t>Cercetare și dezvoltare în ingineria autovehiculelor</t>
  </si>
  <si>
    <t>Sisteme și tehnologii avansate în domeniul autovehiculelor</t>
  </si>
  <si>
    <t>Sistemul integrat om-autovehicul-mediu</t>
  </si>
  <si>
    <t>Politici economice europene</t>
  </si>
  <si>
    <t>Servicii software avansate</t>
  </si>
  <si>
    <t>e-Guvernare</t>
  </si>
  <si>
    <t>Securitatea reţelelor informatice complexe</t>
  </si>
  <si>
    <t>Ingineria sistemelor internet</t>
  </si>
  <si>
    <t>Administrarea bazelor de date</t>
  </si>
  <si>
    <t>Arhitecturi avansate de calculatoare</t>
  </si>
  <si>
    <t>Biocombustibili, biorafinării şi tehnologii conexe</t>
  </si>
  <si>
    <t>Managementul sistemelor de rachete şi artilerie antiaeriene</t>
  </si>
  <si>
    <t>Tehnologia construcţiilor de maşini</t>
  </si>
  <si>
    <t>Economie şi finanţe (Economics and finance)</t>
  </si>
  <si>
    <t>Ingineria procesării materialelor</t>
  </si>
  <si>
    <t>Informatică aplicată în ingineria materialelor</t>
  </si>
  <si>
    <t>Ştiinţa materialelor</t>
  </si>
  <si>
    <t>Ingineria securităţii în industrie</t>
  </si>
  <si>
    <t>Servicii şi politici de sănătate publică (Public Health)</t>
  </si>
  <si>
    <t>Administrarea afacerilor în servicii de ospitalitate</t>
  </si>
  <si>
    <t>Norvegiană/Ucraineană</t>
  </si>
  <si>
    <t>Norvegiană/Chineză</t>
  </si>
  <si>
    <t>Norvegiană/Japoneză</t>
  </si>
  <si>
    <t>Norvegiană/Finlandeză</t>
  </si>
  <si>
    <t>Norvegiană/Cooreană</t>
  </si>
  <si>
    <t>Coreeană/Ucraineană</t>
  </si>
  <si>
    <t>Coreeană/Chineză</t>
  </si>
  <si>
    <t>Coreeană/Japoneză</t>
  </si>
  <si>
    <t>Coreeană/Finlandeză</t>
  </si>
  <si>
    <t>Coreeană/Norvegiană</t>
  </si>
  <si>
    <t>Construcţii civile, industriale şi agricole</t>
  </si>
  <si>
    <t>Inginerie minieră</t>
  </si>
  <si>
    <t>Măsurători terestre şi cadastru</t>
  </si>
  <si>
    <t>Geodezie şi geoinformatică</t>
  </si>
  <si>
    <t>Cadastru şi managementul proprietăţilor</t>
  </si>
  <si>
    <t>Montanologie</t>
  </si>
  <si>
    <t>Spaniolă/Italiană</t>
  </si>
  <si>
    <t>Construcţii de autovehicule</t>
  </si>
  <si>
    <t>Norvegiană/Maghiară</t>
  </si>
  <si>
    <t>Ucraineană/Maghiară</t>
  </si>
  <si>
    <t>Spaniolă/Maghiară</t>
  </si>
  <si>
    <t>Italiană/Maghiară</t>
  </si>
  <si>
    <t>Rusă/Maghiară</t>
  </si>
  <si>
    <t>Franceză/Maghiară</t>
  </si>
  <si>
    <t>Germană/Maghiară</t>
  </si>
  <si>
    <t>Coreeană/Maghiară</t>
  </si>
  <si>
    <t>Chineză/Maghiară</t>
  </si>
  <si>
    <t>Japoneză/Maghiară</t>
  </si>
  <si>
    <t>Finlandeză/Maghiară</t>
  </si>
  <si>
    <t>Limbă şi literatură maghiară - Literatură universală şi comparată</t>
  </si>
  <si>
    <t>Ingineria dezvoltării rurale durabile</t>
  </si>
  <si>
    <t>Administrarea afacerilor în comerţ, turism,servicii, merceologie şi managementul calităţii</t>
  </si>
  <si>
    <t>Studii religioase</t>
  </si>
  <si>
    <t>Peisagistică</t>
  </si>
  <si>
    <t>Limbă şi literatură română - Limbă şi literatură clasică</t>
  </si>
  <si>
    <t>Extracte şi aditivi naturali alimentari</t>
  </si>
  <si>
    <t>Scenografie şi eveniment artistic</t>
  </si>
  <si>
    <t>Filologie clasică</t>
  </si>
  <si>
    <t>Engleză/Turcă</t>
  </si>
  <si>
    <t>Economia firmei</t>
  </si>
  <si>
    <t>Turism cultural</t>
  </si>
  <si>
    <t>Limbă şi literatură modernă - Limbă şi literatură maghiară</t>
  </si>
  <si>
    <t>Limbă şi literatură clasică - Limbă şi literatură modernă</t>
  </si>
  <si>
    <t>Latină/Coreeană</t>
  </si>
  <si>
    <t>Latină/Chineză</t>
  </si>
  <si>
    <t>Finlandeză/Coreeană</t>
  </si>
  <si>
    <t>Norvegiană/Coreeană</t>
  </si>
  <si>
    <t>Japoneză/Chineză</t>
  </si>
  <si>
    <t>Finlandeză/Chineză</t>
  </si>
  <si>
    <t>Ucraineană/Chineză</t>
  </si>
  <si>
    <t>Rusă/Chineză</t>
  </si>
  <si>
    <t>Spaniolă/Chineză</t>
  </si>
  <si>
    <t>Italiană/chineză</t>
  </si>
  <si>
    <t>Germană/Chineză</t>
  </si>
  <si>
    <t>Franceză/Chineză</t>
  </si>
  <si>
    <t>Engleză/Chineză</t>
  </si>
  <si>
    <t>Maghiară/Chineză</t>
  </si>
  <si>
    <t>Română/Coreeană</t>
  </si>
  <si>
    <t>Română/Chineză</t>
  </si>
  <si>
    <t>Design ambiental</t>
  </si>
  <si>
    <t>Urbanism şi administrarea teritoriului</t>
  </si>
  <si>
    <t>Inginerie economică în industria chimică şi de materiale</t>
  </si>
  <si>
    <t>Inginerie economică în domeniul electric, electronic şi energetic</t>
  </si>
  <si>
    <t>Franceză/Japoneză</t>
  </si>
  <si>
    <t>Franceză/Arabă</t>
  </si>
  <si>
    <t>Engleză/Japoneză</t>
  </si>
  <si>
    <t>Engleză/Arabă</t>
  </si>
  <si>
    <t>Germană/Japoneză</t>
  </si>
  <si>
    <t>Germană/Arabă</t>
  </si>
  <si>
    <t>Română/Turcă</t>
  </si>
  <si>
    <t>Română/Japoneză</t>
  </si>
  <si>
    <t>Română/Arabă</t>
  </si>
  <si>
    <t>Latină/Spaniolă</t>
  </si>
  <si>
    <t>Latină/Italiană</t>
  </si>
  <si>
    <t>Latină/Germană</t>
  </si>
  <si>
    <t>Latină/Franceză</t>
  </si>
  <si>
    <t>Latină/Engleză</t>
  </si>
  <si>
    <t>Filologie clasică - Limbă şi literatură română</t>
  </si>
  <si>
    <t>Latină/Română</t>
  </si>
  <si>
    <t>Sârbă şi Croată/Latină</t>
  </si>
  <si>
    <t>Sârbă şi Croată/Spaniolă</t>
  </si>
  <si>
    <t>Sârbă şi Croată/Italiană</t>
  </si>
  <si>
    <t>Sârbă şi Croată/Germană</t>
  </si>
  <si>
    <t>Sârbă şi Croată/Franceză</t>
  </si>
  <si>
    <t>Sârbă şi Croată/Engleză</t>
  </si>
  <si>
    <t>Sârbă şi Croată/Română</t>
  </si>
  <si>
    <t>Cinematografie, fotografie, media</t>
  </si>
  <si>
    <t>NĂSĂUD</t>
  </si>
  <si>
    <t>Ştiinţe ale informării şi documentării</t>
  </si>
  <si>
    <t>Coreeană/Spaniolă</t>
  </si>
  <si>
    <t>Coreeană/Italiană</t>
  </si>
  <si>
    <t>Coreeană/Rusă</t>
  </si>
  <si>
    <t>Coreeană/Germană</t>
  </si>
  <si>
    <t>Coreeană/Franceză</t>
  </si>
  <si>
    <t>Coreeană/Engleză</t>
  </si>
  <si>
    <t>Spaniolă/Greacă veche</t>
  </si>
  <si>
    <t>Italiană/Greacă veche</t>
  </si>
  <si>
    <t>Rusă/Greacă veche</t>
  </si>
  <si>
    <t>Franceză/Greacă veche</t>
  </si>
  <si>
    <t>Germană/Greacă veche</t>
  </si>
  <si>
    <t>Engleză/Greacă veche</t>
  </si>
  <si>
    <t>Planificare teritorială</t>
  </si>
  <si>
    <t>Construcții pentru sisteme de alimentări cu apă și canalizări</t>
  </si>
  <si>
    <t>Amenajări şi construcţii hidrotehnice</t>
  </si>
  <si>
    <t>Transportul, depozitarea şi distribuţia hidrocarburilor</t>
  </si>
  <si>
    <t>Teologie asistenţă socială</t>
  </si>
  <si>
    <t>Teologie ortodoxă didactică</t>
  </si>
  <si>
    <t>Informatică industrială</t>
  </si>
  <si>
    <t>Ingineria şi informatica proceselor chimice şi biochimice</t>
  </si>
  <si>
    <t>Tehnologia tricotajelor şi confecţiilor</t>
  </si>
  <si>
    <t>Energetică industrială</t>
  </si>
  <si>
    <t>Ingineria sistemelor de energii regenerabile</t>
  </si>
  <si>
    <t>Inginerie economică industrială</t>
  </si>
  <si>
    <t>Modă - design vestimentar</t>
  </si>
  <si>
    <t>Arte decorative</t>
  </si>
  <si>
    <t>Interpretare muzicală - instrumente</t>
  </si>
  <si>
    <t>Arte plastice (fotografie - videoprocesarea computerizată a imaginii)</t>
  </si>
  <si>
    <t>Fizică tehnologică</t>
  </si>
  <si>
    <t>Inginerie marină şi navigaţie</t>
  </si>
  <si>
    <t>Electromecanică navală</t>
  </si>
  <si>
    <t>Navigaţie şi transport maritim şi fluvial</t>
  </si>
  <si>
    <t>Teatrologie</t>
  </si>
  <si>
    <t>Biotehnologii medical-veterinare</t>
  </si>
  <si>
    <t>Ingineria transporturilor şi a traficului</t>
  </si>
  <si>
    <t>Electrotehnică</t>
  </si>
  <si>
    <t>Psihopedagogie specială</t>
  </si>
  <si>
    <t>Optometrie</t>
  </si>
  <si>
    <t>Instalaţii şi echipamente pentru protecţia atmosferei</t>
  </si>
  <si>
    <t>Biomateriale şi dispozitive medicale</t>
  </si>
  <si>
    <t>Ingineria designului de produs (Product Design Engineering)</t>
  </si>
  <si>
    <t>Rromani/Rusă</t>
  </si>
  <si>
    <t>Limbă şi literatură modernă - limbă şi literatură</t>
  </si>
  <si>
    <t>Limbă modernă/Catalană</t>
  </si>
  <si>
    <t>Limbă modernă/Coreeană</t>
  </si>
  <si>
    <t>Rromani/Limbă modernă</t>
  </si>
  <si>
    <t>Limbă şi literatură - Literatură universală şi comparată</t>
  </si>
  <si>
    <t>Finlandeză/Română</t>
  </si>
  <si>
    <t>Limbă şi literatură - Limbă şi literatură clasică</t>
  </si>
  <si>
    <t>Finlandeză/Greacă veche</t>
  </si>
  <si>
    <t>Finlandeză/Latină</t>
  </si>
  <si>
    <t>Finlandeză/Ebraică</t>
  </si>
  <si>
    <t>Finlandeză/Japoneză</t>
  </si>
  <si>
    <t>Finlandeză/Norvegiană</t>
  </si>
  <si>
    <t>Finlandeză/Rusă</t>
  </si>
  <si>
    <t>Finlandeză/Spaniolă</t>
  </si>
  <si>
    <t>Finlandeză/Italiană</t>
  </si>
  <si>
    <t>Finlandeză/Germană</t>
  </si>
  <si>
    <t>Finlandeză/Franceză</t>
  </si>
  <si>
    <t>Finlandeză/Engleză</t>
  </si>
  <si>
    <t>Limbă şi literatură - Limbă şi literatură maghiară</t>
  </si>
  <si>
    <t>Română/Ebraică</t>
  </si>
  <si>
    <t>Română/Finlandeză</t>
  </si>
  <si>
    <t>Română/Norvegiană</t>
  </si>
  <si>
    <t>Română/Ucraineană</t>
  </si>
  <si>
    <t>Norvegiană/Ebraică</t>
  </si>
  <si>
    <t>Norvegiană/Greacă veche</t>
  </si>
  <si>
    <t>Norvegiană/Română</t>
  </si>
  <si>
    <t>Norvegiană/Latină</t>
  </si>
  <si>
    <t>Norvegiană/Spaniolă</t>
  </si>
  <si>
    <t>Norvegiană/Italiană</t>
  </si>
  <si>
    <t>Norvegiană/Rusă</t>
  </si>
  <si>
    <t>Norvegiană/Franceză</t>
  </si>
  <si>
    <t>Norvegiană/Germană</t>
  </si>
  <si>
    <t>Norvegiană/Engleză</t>
  </si>
  <si>
    <t>Ucraineană/Japoneză</t>
  </si>
  <si>
    <t>Ucraineană/Finlandeză</t>
  </si>
  <si>
    <t>Ucraineană/Norvegiană</t>
  </si>
  <si>
    <t>Ucraineană/Ebraică</t>
  </si>
  <si>
    <t>Japoneză/Ebraică</t>
  </si>
  <si>
    <t>Japoneză/Greacă veche</t>
  </si>
  <si>
    <t>Coreeană/Greacă veche</t>
  </si>
  <si>
    <t>Coreeană/Ebraică</t>
  </si>
  <si>
    <t>Coreeană/Română</t>
  </si>
  <si>
    <t>Coreeană/Latină</t>
  </si>
  <si>
    <t>Chineză/Greacă veche</t>
  </si>
  <si>
    <t>Chineză/Ebraică</t>
  </si>
  <si>
    <t>Limbă şi literatură maghiară - Limbă şi literatură română</t>
  </si>
  <si>
    <t>Spaniolă/Japoneză</t>
  </si>
  <si>
    <t>Spaniolă/Finlandeză</t>
  </si>
  <si>
    <t>Spaniolă/Norvegiană</t>
  </si>
  <si>
    <t>Spaniolă/Ebraică</t>
  </si>
  <si>
    <t>Spaniolă/Ucraineană</t>
  </si>
  <si>
    <t>Italiană/Japoneză</t>
  </si>
  <si>
    <t>Italiană/Finlandeză</t>
  </si>
  <si>
    <t>Italiană/Norvegiană</t>
  </si>
  <si>
    <t>Italiană/Ebraică</t>
  </si>
  <si>
    <t>Italiană/Ucraineană</t>
  </si>
  <si>
    <t>Rusă/Japoneză</t>
  </si>
  <si>
    <t>Rusă/Finlandeză</t>
  </si>
  <si>
    <t>Rusă/Norvegiană</t>
  </si>
  <si>
    <t>Rusă/Ebraică</t>
  </si>
  <si>
    <t>Rusă/Ucraineană</t>
  </si>
  <si>
    <t>Franceză/Finlandeză</t>
  </si>
  <si>
    <t>Franceză/Norvegiană</t>
  </si>
  <si>
    <t>Franceză/Ebraică</t>
  </si>
  <si>
    <t>Franceză/Ucraineană</t>
  </si>
  <si>
    <t>Germană/Finlandeză</t>
  </si>
  <si>
    <t>Germană/Norvegiană</t>
  </si>
  <si>
    <t>Germană/Ebraică</t>
  </si>
  <si>
    <t>Germană/Ucraineană</t>
  </si>
  <si>
    <t>Engleză/Finlandeză</t>
  </si>
  <si>
    <t>Engleză/Norvegiană</t>
  </si>
  <si>
    <t>Engleză/Ebraică</t>
  </si>
  <si>
    <t>Engleză/Ucraineană</t>
  </si>
  <si>
    <t>Maghiară/Japoneză</t>
  </si>
  <si>
    <t>Maghiară/Finlandeză</t>
  </si>
  <si>
    <t>Maghiară/Norvegiană</t>
  </si>
  <si>
    <t>Maghiară/Ebraică</t>
  </si>
  <si>
    <t>Maghiară/Ucraineană</t>
  </si>
  <si>
    <t>Limbă şi literatură română - Limbă şi literatură maghiară</t>
  </si>
  <si>
    <t>Inginerie şi management în industria turismului</t>
  </si>
  <si>
    <t>Tehnologii şi sisteme de telecomunicaţii</t>
  </si>
  <si>
    <t>Teologie creştină după evanghelie pastorală</t>
  </si>
  <si>
    <t>Economia comerţului, turismului, serviciilor şi managementul calităţii</t>
  </si>
  <si>
    <t>ROMAN</t>
  </si>
  <si>
    <t>Automatică şi informatică aplicată</t>
  </si>
  <si>
    <t>Calculatoare</t>
  </si>
  <si>
    <t>CERNICA</t>
  </si>
  <si>
    <t>Teologie adventistă pastorală</t>
  </si>
  <si>
    <t>Teologie penticostală pastorală</t>
  </si>
  <si>
    <t>Teologie baptistă pastorală</t>
  </si>
  <si>
    <t>Cinematografie, fotografie, media (Regie de film şi TV, Imagine de film şi TV)</t>
  </si>
  <si>
    <t>Navigaţie, hidrografie şi echipamente navale</t>
  </si>
  <si>
    <t>Managementul traficului aerian</t>
  </si>
  <si>
    <t>Management în aviaţie</t>
  </si>
  <si>
    <t>Instalaţii pentru construcţii - pompieri</t>
  </si>
  <si>
    <t>Psihologie - informaţii</t>
  </si>
  <si>
    <t>Sisteme informaţionale</t>
  </si>
  <si>
    <t>Comunicare publică şi interculturală în domeniul securităţii şi apărării</t>
  </si>
  <si>
    <t>Logistică</t>
  </si>
  <si>
    <t>Ingineria şi securitatea sistemelor informatice militare</t>
  </si>
  <si>
    <t>Comunicații pentru apărare și securitate</t>
  </si>
  <si>
    <t>Echipamente şi sisteme electronice militare</t>
  </si>
  <si>
    <t>Calculatoare şi sisteme informatice pentru apărare şi securitate naţională</t>
  </si>
  <si>
    <t>Blindate, automobile şi tractoare</t>
  </si>
  <si>
    <t>Armament, aparatură artileristică şi sisteme de conducere a focului</t>
  </si>
  <si>
    <t>Muniţii, rachete, explozivi şi pulberi</t>
  </si>
  <si>
    <t>Armament, rachete, muniţii de aviaţie şi sisteme de salvare</t>
  </si>
  <si>
    <t>Construcţii şi fortificaţii</t>
  </si>
  <si>
    <t>Aeronave şi motoare de aviaţie</t>
  </si>
  <si>
    <t>Echipamente şi instalaţii de aviaţie</t>
  </si>
  <si>
    <t>Topogeodezie şi automatizarea asigurării topogeodezice</t>
  </si>
  <si>
    <t>Inginerie genistică</t>
  </si>
  <si>
    <t>Sisteme pentru baraje de mine, distrugeri şi mascare</t>
  </si>
  <si>
    <t>Arte plastice (pictură, sculptură, grafică)</t>
  </si>
  <si>
    <t>Economie generală şi comunicare economică</t>
  </si>
  <si>
    <t>Biologie (Biochimie)</t>
  </si>
  <si>
    <t>Biochimie</t>
  </si>
  <si>
    <t>Ingineria și managementul afacerilor agricole</t>
  </si>
  <si>
    <t>Inginerie economică în domeniul mecanic</t>
  </si>
  <si>
    <t>Vehicule pentru transportul feroviar</t>
  </si>
  <si>
    <t>Maşini şi sisteme hidraulice şi pneumatice</t>
  </si>
  <si>
    <t>Ingineria sudării</t>
  </si>
  <si>
    <t>Inginerie și management în construcţii</t>
  </si>
  <si>
    <t>Electronică aplicată</t>
  </si>
  <si>
    <t>Mobilier şi amenajări interioare</t>
  </si>
  <si>
    <t>Căi ferate, drumuri şi poduri</t>
  </si>
  <si>
    <t>Chimia şi ingineria substanţelor organice, petrochimie şi carbochimie</t>
  </si>
  <si>
    <t>Ingineria substanţelor anorganice şi protecţia mediului</t>
  </si>
  <si>
    <t>Termoenergetică</t>
  </si>
  <si>
    <t>Tehnologia prelucrării produselor agricole</t>
  </si>
  <si>
    <t>Echipamente pentru procese industriale</t>
  </si>
  <si>
    <t>Sisteme electrice</t>
  </si>
  <si>
    <t>Biotehnologii pentru industria alimentară</t>
  </si>
  <si>
    <t>Merceologie şi managementul calităţii</t>
  </si>
  <si>
    <t>Inginerie de petrol şi gaze</t>
  </si>
  <si>
    <t>Geologia resurselor petroliere</t>
  </si>
  <si>
    <t>Utilaje pentru transportul şi depozitarea hidrocarburilor</t>
  </si>
  <si>
    <t>Utilaje petroliere şi petrochimice</t>
  </si>
  <si>
    <t>Maşini şi echipamente miniere</t>
  </si>
  <si>
    <t>Topografie minieră</t>
  </si>
  <si>
    <t>Construcţii miniere</t>
  </si>
  <si>
    <t>BEIUŞ</t>
  </si>
  <si>
    <t>Ingineria sistemelor biotehnice şi ecologice</t>
  </si>
  <si>
    <t>Ingineria prelucrării lemnului</t>
  </si>
  <si>
    <t>Exploatări forestiere</t>
  </si>
  <si>
    <t>Arte textile - design textil</t>
  </si>
  <si>
    <t>Pedagogia artelor plastice şi decorative</t>
  </si>
  <si>
    <t>Artă murală</t>
  </si>
  <si>
    <t>Arte plastice (sculptură)</t>
  </si>
  <si>
    <t>Dirijat</t>
  </si>
  <si>
    <t>Compoziţie muzicală</t>
  </si>
  <si>
    <t>Muzicologie</t>
  </si>
  <si>
    <t>Artele spectacolului (actorie, păpuşi-marionete)</t>
  </si>
  <si>
    <t>Bioinginerie</t>
  </si>
  <si>
    <t>Teologie romano-catolică asistenţă socială</t>
  </si>
  <si>
    <t>Geografia mediului</t>
  </si>
  <si>
    <t>Geochimie</t>
  </si>
  <si>
    <t>Hidrologie şi meteorologie</t>
  </si>
  <si>
    <t>Biofizică</t>
  </si>
  <si>
    <t>Statistică şi previziune economică</t>
  </si>
  <si>
    <t>Biochimie tehnologică</t>
  </si>
  <si>
    <t>Tehnologia şi designul confecţiilor din piele şi înlocuitori</t>
  </si>
  <si>
    <t>Tehnologia şi designul produselor textile</t>
  </si>
  <si>
    <t>Tehnologie chimică textilă</t>
  </si>
  <si>
    <t>Tehnologia chimică a produselor din piele şi înlocuitori</t>
  </si>
  <si>
    <t>Îmbunătăţiri funciare şi dezvoltare rurală</t>
  </si>
  <si>
    <t>Instrumentaţie şi achiziţii de date</t>
  </si>
  <si>
    <t>Electronică de putere şi acţionări electrice</t>
  </si>
  <si>
    <t>Microelectronică, optoelectronică şi nanotehnologii</t>
  </si>
  <si>
    <t>Mecanică fină şi nanotehnologii</t>
  </si>
  <si>
    <t>Chimie alimentară şi tehnologii biochimice</t>
  </si>
  <si>
    <t>Ingineria fabricaţiei hârtiei</t>
  </si>
  <si>
    <t>Inginerie biochimică</t>
  </si>
  <si>
    <t>Ştiinţa şi ingineria polimerilor</t>
  </si>
  <si>
    <t>Pescuit şi industrializarea peştelui</t>
  </si>
  <si>
    <t>Ingineria şi managementul resurselor tehnologice în construcţii</t>
  </si>
  <si>
    <t>Utilaje tehnologice pentru construcţii</t>
  </si>
  <si>
    <t>Sisteme şi echipamente navale</t>
  </si>
  <si>
    <t>Chimia mediului</t>
  </si>
  <si>
    <t>Inginerie economică în domeniul transporturilor</t>
  </si>
  <si>
    <t>Instalaţii şi echipamente portuare şi marine</t>
  </si>
  <si>
    <t>Teologie romano-catolică didactică</t>
  </si>
  <si>
    <t>Teologie reformată didactică</t>
  </si>
  <si>
    <t>Teologie greco-catolică asistenţă socială</t>
  </si>
  <si>
    <t>Teologie greco-catolică didactică</t>
  </si>
  <si>
    <t>Teologie greco-catolică pastorală</t>
  </si>
  <si>
    <t>Administraţie europeană</t>
  </si>
  <si>
    <t>Etnologie</t>
  </si>
  <si>
    <t>Istoria artei</t>
  </si>
  <si>
    <t>Arheologie</t>
  </si>
  <si>
    <t>Limbă şi literatură maghiară - Limbă şi literatură clasică</t>
  </si>
  <si>
    <t>Ucraineană/Greaca veche</t>
  </si>
  <si>
    <t>Maghiară/Greaca veche</t>
  </si>
  <si>
    <t>Maghiară/Latină</t>
  </si>
  <si>
    <t>Biotehnologii industriale</t>
  </si>
  <si>
    <t>Ştiinţa şi ingineria materialelor oxidice şi nanomateriale</t>
  </si>
  <si>
    <t>Cinegetică</t>
  </si>
  <si>
    <t>Construcţii aerospaţiale</t>
  </si>
  <si>
    <t>Limbă şi literatură română</t>
  </si>
  <si>
    <t>Teologie penticostală didactică</t>
  </si>
  <si>
    <t>Cinematografie, fotografie, media (Regie de film şi TV)</t>
  </si>
  <si>
    <t>Scenografie</t>
  </si>
  <si>
    <t>Economie şi comunicare economică în afaceri</t>
  </si>
  <si>
    <t>Teologie baptistă asistenţă socială</t>
  </si>
  <si>
    <t>Limbă modernă/Rromani</t>
  </si>
  <si>
    <t>Limbă modernă/Neogreacă</t>
  </si>
  <si>
    <t>Neogreacă/Limbă modernă</t>
  </si>
  <si>
    <t>CĂLIMĂNEŞTI</t>
  </si>
  <si>
    <t>CĂLĂRAŞI</t>
  </si>
  <si>
    <t>Amenajarea şi planificarea peisajului</t>
  </si>
  <si>
    <t>Proiectare şi planificare urbană</t>
  </si>
  <si>
    <t>Arhitectură de interior</t>
  </si>
  <si>
    <t>Conservare şi restaurare de arhitectură</t>
  </si>
  <si>
    <t>Inginerie fizică</t>
  </si>
  <si>
    <t>Matematică şi informatică aplicată în inginerie</t>
  </si>
  <si>
    <t>Ingineria informaţiei</t>
  </si>
  <si>
    <t>Ingineria şi protecţia mediului în industria chimică şi petrochimică</t>
  </si>
  <si>
    <t>Ingineria elaborării materialelor metalice</t>
  </si>
  <si>
    <t>Navigaţie aeriană (Air Navigation)</t>
  </si>
  <si>
    <t>Inginerie şi management aeronautic</t>
  </si>
  <si>
    <t>Sisteme de propulsie</t>
  </si>
  <si>
    <t>Telecomenzi şi electronică în transporturi</t>
  </si>
  <si>
    <t>Nanotehnologii şi sisteme neconvenţionale</t>
  </si>
  <si>
    <t>Hidroenergetică</t>
  </si>
  <si>
    <t>Nomenclator RMU Universitate 2020</t>
  </si>
  <si>
    <t>Cod Universitate</t>
  </si>
  <si>
    <t>Judet</t>
  </si>
  <si>
    <t>ID Judet</t>
  </si>
  <si>
    <t>U01</t>
  </si>
  <si>
    <t>Bucureşti</t>
  </si>
  <si>
    <t>U02</t>
  </si>
  <si>
    <t>U03</t>
  </si>
  <si>
    <t>U04</t>
  </si>
  <si>
    <t>U05</t>
  </si>
  <si>
    <t>U06</t>
  </si>
  <si>
    <t>U07</t>
  </si>
  <si>
    <t>U08</t>
  </si>
  <si>
    <t>U09</t>
  </si>
  <si>
    <t>U10</t>
  </si>
  <si>
    <t>U11</t>
  </si>
  <si>
    <t>U12</t>
  </si>
  <si>
    <t>U13</t>
  </si>
  <si>
    <t>Alba</t>
  </si>
  <si>
    <t>U14</t>
  </si>
  <si>
    <t>Arad</t>
  </si>
  <si>
    <t>U15</t>
  </si>
  <si>
    <t>Bacău</t>
  </si>
  <si>
    <t>U17</t>
  </si>
  <si>
    <t>Braşov</t>
  </si>
  <si>
    <t>U18</t>
  </si>
  <si>
    <t>Cluj</t>
  </si>
  <si>
    <t>U19</t>
  </si>
  <si>
    <t>U20</t>
  </si>
  <si>
    <t>U21</t>
  </si>
  <si>
    <t>U22</t>
  </si>
  <si>
    <t>U23</t>
  </si>
  <si>
    <t>U24</t>
  </si>
  <si>
    <t>Constanţa</t>
  </si>
  <si>
    <t>U25</t>
  </si>
  <si>
    <t>U26</t>
  </si>
  <si>
    <t>Dolj</t>
  </si>
  <si>
    <t>U27</t>
  </si>
  <si>
    <t>U28</t>
  </si>
  <si>
    <t>Galaţi</t>
  </si>
  <si>
    <t>U29</t>
  </si>
  <si>
    <t>Iaşi</t>
  </si>
  <si>
    <t>U30</t>
  </si>
  <si>
    <t>U31</t>
  </si>
  <si>
    <t>U34</t>
  </si>
  <si>
    <t>Bihor</t>
  </si>
  <si>
    <t>U35</t>
  </si>
  <si>
    <t>Hunedoara</t>
  </si>
  <si>
    <t>U36</t>
  </si>
  <si>
    <t>Argeş</t>
  </si>
  <si>
    <t>U37</t>
  </si>
  <si>
    <t>Prahova</t>
  </si>
  <si>
    <t>U38</t>
  </si>
  <si>
    <t>Caraş-Severin</t>
  </si>
  <si>
    <t>U39</t>
  </si>
  <si>
    <t>Sibiu</t>
  </si>
  <si>
    <t>U40</t>
  </si>
  <si>
    <t>Suceava</t>
  </si>
  <si>
    <t>U41</t>
  </si>
  <si>
    <t>Dâmboviţa</t>
  </si>
  <si>
    <t>U42</t>
  </si>
  <si>
    <t>Gorj</t>
  </si>
  <si>
    <t>Universitatea "Petru Maior" din Târgu Mureş</t>
  </si>
  <si>
    <t>U43</t>
  </si>
  <si>
    <t>Mureş</t>
  </si>
  <si>
    <t>U45</t>
  </si>
  <si>
    <t>U46</t>
  </si>
  <si>
    <t>Timiş</t>
  </si>
  <si>
    <t>U47</t>
  </si>
  <si>
    <t>U48</t>
  </si>
  <si>
    <t>U49</t>
  </si>
  <si>
    <t>U51</t>
  </si>
  <si>
    <t>U52</t>
  </si>
  <si>
    <t>U53</t>
  </si>
  <si>
    <t>U54</t>
  </si>
  <si>
    <t>U55</t>
  </si>
  <si>
    <t>U56</t>
  </si>
  <si>
    <t>P01</t>
  </si>
  <si>
    <t>P02</t>
  </si>
  <si>
    <t>P03</t>
  </si>
  <si>
    <t>P04</t>
  </si>
  <si>
    <t>P05</t>
  </si>
  <si>
    <t>P06</t>
  </si>
  <si>
    <t>P07</t>
  </si>
  <si>
    <t>P08</t>
  </si>
  <si>
    <t>P09</t>
  </si>
  <si>
    <t>P10</t>
  </si>
  <si>
    <t>P11</t>
  </si>
  <si>
    <t>P13</t>
  </si>
  <si>
    <t>P14</t>
  </si>
  <si>
    <t>P15</t>
  </si>
  <si>
    <t>Universitatea "George Bariţiu" din Braşov</t>
  </si>
  <si>
    <t>P16</t>
  </si>
  <si>
    <t>P17</t>
  </si>
  <si>
    <t>P18</t>
  </si>
  <si>
    <t>P19</t>
  </si>
  <si>
    <t>P20</t>
  </si>
  <si>
    <t>P22</t>
  </si>
  <si>
    <t>P23</t>
  </si>
  <si>
    <t>P24</t>
  </si>
  <si>
    <t>P25</t>
  </si>
  <si>
    <t>P27</t>
  </si>
  <si>
    <t>Universitatea "Avram Iancu" din Cluj-Napoca</t>
  </si>
  <si>
    <t>P28</t>
  </si>
  <si>
    <t>P29</t>
  </si>
  <si>
    <t>P30</t>
  </si>
  <si>
    <t>P31</t>
  </si>
  <si>
    <t>P32</t>
  </si>
  <si>
    <t>P34</t>
  </si>
  <si>
    <t>P35</t>
  </si>
  <si>
    <t>PA04</t>
  </si>
  <si>
    <t>PA06</t>
  </si>
  <si>
    <t>Institutul Teologic Romano-Catolic din Iaşi</t>
  </si>
  <si>
    <t>PA07</t>
  </si>
  <si>
    <t>PA09</t>
  </si>
  <si>
    <t>PA10</t>
  </si>
  <si>
    <t>Neamţ</t>
  </si>
  <si>
    <t>PA13</t>
  </si>
  <si>
    <t>PA19</t>
  </si>
  <si>
    <t>PA20</t>
  </si>
  <si>
    <t>PA21</t>
  </si>
  <si>
    <t>U57</t>
  </si>
  <si>
    <t>U33</t>
  </si>
  <si>
    <t>PA03</t>
  </si>
  <si>
    <t>Ilfov</t>
  </si>
  <si>
    <t>U50</t>
  </si>
  <si>
    <t>U44</t>
  </si>
  <si>
    <t>U32</t>
  </si>
  <si>
    <t>Ramura stiinta</t>
  </si>
  <si>
    <t>Domeniu fundamental</t>
  </si>
  <si>
    <t>Ciclu de studii</t>
  </si>
  <si>
    <t>ID Ciclu de studii</t>
  </si>
  <si>
    <t>Matematică şi ştiinţe ale naturii</t>
  </si>
  <si>
    <t>Chimie şi inginerie chimică</t>
  </si>
  <si>
    <t>Radiochimie</t>
  </si>
  <si>
    <t>Chimie informatică</t>
  </si>
  <si>
    <t>Ştiinţe biologice şi biomedicale</t>
  </si>
  <si>
    <t>Ştiinţele pământului şi atmosferei</t>
  </si>
  <si>
    <t>Fizica mediului</t>
  </si>
  <si>
    <t>Ştiinţe umaniste şi arte</t>
  </si>
  <si>
    <t>Muzeologie</t>
  </si>
  <si>
    <t>Teologie pastorală</t>
  </si>
  <si>
    <t>Teologie didactică</t>
  </si>
  <si>
    <t>Arte</t>
  </si>
  <si>
    <t>Ştiinţe juridice</t>
  </si>
  <si>
    <t>Ştiinţe sociale</t>
  </si>
  <si>
    <t>Psihologie şi ştiinţe comportamentale</t>
  </si>
  <si>
    <t>Ştiinţe economice</t>
  </si>
  <si>
    <t>Economia mediului</t>
  </si>
  <si>
    <t>Economie internaţională</t>
  </si>
  <si>
    <t>Artele spectacolului</t>
  </si>
  <si>
    <t>Artă monumentală</t>
  </si>
  <si>
    <t>Arhitectură şi urbanism</t>
  </si>
  <si>
    <t>Arhitectura peisajului</t>
  </si>
  <si>
    <t>Tehnologie arhitecturală</t>
  </si>
  <si>
    <t>Ştiinţa Sportului şi Educaţiei Fizice</t>
  </si>
  <si>
    <t>Ingineria resurselor vegetale şi animale</t>
  </si>
  <si>
    <t>Ştiinţe inginereşti</t>
  </si>
  <si>
    <t>Ştiinţele solului</t>
  </si>
  <si>
    <t>Ingineria sistemelor, calculatoare şi tehnologia informaţiei</t>
  </si>
  <si>
    <t>Maşini şi utilaje de geniu</t>
  </si>
  <si>
    <t>Inginerie mecanică, mecatronică, inginerie industrială şi management</t>
  </si>
  <si>
    <t>Inginerie geologică, mine, petrol şi gaze</t>
  </si>
  <si>
    <t>Chimie militară</t>
  </si>
  <si>
    <t>Infrastructura transporturilor metropolitane</t>
  </si>
  <si>
    <t>Sisteme integrate de armament şi muniţie</t>
  </si>
  <si>
    <t>Inginerie electrică, electronică şi telecomunicaţii</t>
  </si>
  <si>
    <t>Geologia resurselor miniere</t>
  </si>
  <si>
    <t>Ingineria prelucrării materialelor polimerice, textile şi compozite</t>
  </si>
  <si>
    <t>Utilaje pentru textile şi pielărie</t>
  </si>
  <si>
    <t>Reconstrucţie ecologică</t>
  </si>
  <si>
    <t>Inginerie şi management forestier</t>
  </si>
  <si>
    <t>Ingineria sistemelor de circulaţie feroviară</t>
  </si>
  <si>
    <t>Ingineria sistemelor de circulaţie rutieră</t>
  </si>
  <si>
    <t>Prepararea substanţelor minerale utile</t>
  </si>
  <si>
    <t>Conducere militară</t>
  </si>
  <si>
    <t>Asistenţă dentară</t>
  </si>
  <si>
    <t>Audiologie şi protezare auditivă</t>
  </si>
  <si>
    <t>Teologie reformată pastorală</t>
  </si>
  <si>
    <t>Teologie baptistă didactică</t>
  </si>
  <si>
    <t>Teologie protestantă didactică</t>
  </si>
  <si>
    <t>Teologie adventistă didactică</t>
  </si>
  <si>
    <t>Teologie reformată asistenţă socială</t>
  </si>
  <si>
    <t>Teologie protestantă asistenţă socială</t>
  </si>
  <si>
    <t>Teologie penticostală asistenţă socială</t>
  </si>
  <si>
    <t>Teologie adventistă asistenţă socială</t>
  </si>
  <si>
    <t>Comunicare audiovizuală-multimedia</t>
  </si>
  <si>
    <t>Artele spectacolului (actorie, regie)</t>
  </si>
  <si>
    <t>Limbă şi literatură clasică - Limbă şi literatură romană</t>
  </si>
  <si>
    <t>Agronomie (trunchi comun)</t>
  </si>
  <si>
    <t>Asistenţă medicală generală şi moaşe (trunchi comun)</t>
  </si>
  <si>
    <t>Radiologie şi imagistică, Laborator clinic, Audiologie şi protezare auditivă (trunchi comun)</t>
  </si>
  <si>
    <t>Educaţie fizică şi sport (trunchi comun)</t>
  </si>
  <si>
    <t>Arheologie, studii antice şi antropologie istorică</t>
  </si>
  <si>
    <t>Turism cultural şi studii muzeale</t>
  </si>
  <si>
    <t>Teologie creştină după evanghelie asistenţă socială</t>
  </si>
  <si>
    <t>Teologie creştină după evanghelie didactică</t>
  </si>
  <si>
    <t>Biomedical Informatics/Informatică biomedicală</t>
  </si>
  <si>
    <t>Imagistică, bioinformatică şi sisteme complexe</t>
  </si>
  <si>
    <t>Obținerea, procesarea și caracterizarea nanomaterialelor metalice</t>
  </si>
  <si>
    <t>Ingineria mediului în energetică</t>
  </si>
  <si>
    <t>Tehnici avansate în domeniul sistemelor şi semnalelor</t>
  </si>
  <si>
    <t>Chimie alimentară</t>
  </si>
  <si>
    <t>Analiza și modelarea sistemelor electromagnetice</t>
  </si>
  <si>
    <t>Tehnologii multimedia pentru aplicaţii medicale</t>
  </si>
  <si>
    <t>Hidraulică tehnică și hidroenergetică</t>
  </si>
  <si>
    <t>Sisteme termoenergetice</t>
  </si>
  <si>
    <t>Reabilitarea structurilor, materialelor și mediului</t>
  </si>
  <si>
    <t>Inginerie economică şi managementul afacerilor</t>
  </si>
  <si>
    <t>Consilierea și managementul carierei în domeniul profesional și tehnic</t>
  </si>
  <si>
    <t>Științele vieții și ecologie</t>
  </si>
  <si>
    <t>Știinţe chimice în educaţie continuă</t>
  </si>
  <si>
    <t>Tehnologii optice</t>
  </si>
  <si>
    <t>Fotonică și materiale avansate</t>
  </si>
  <si>
    <t>Logică matematică și aplicații</t>
  </si>
  <si>
    <t>Ingenierie des systemes integres avances / Ingineria sistemelor integrate avansate</t>
  </si>
  <si>
    <t>Exploatarea sistemelor tehnice pentru agricultură</t>
  </si>
  <si>
    <t>Modelarea şi conservarea peisajului vegetal urban</t>
  </si>
  <si>
    <t>Proiectarea şi dezvoltarea fermelor zootehnice</t>
  </si>
  <si>
    <t>Aplicaţii moderne ale biotehnologiilor în agricultură</t>
  </si>
  <si>
    <t>Managementul formării continue în învăţământul agronomic (interdisciplinar cu domeniul: Inginerie şi management în agricultură și dezvoltare rurală)</t>
  </si>
  <si>
    <t>Administrarea resurselor instituţiilor culturale</t>
  </si>
  <si>
    <t>Managementul calității în laboratoarele medicale</t>
  </si>
  <si>
    <t>Biotehnologie microbiană şi genetică</t>
  </si>
  <si>
    <t>Fiziologie celulară şi biofizica membranelor</t>
  </si>
  <si>
    <t>Antropologie evoluţionistă</t>
  </si>
  <si>
    <t>Biologie sistemică</t>
  </si>
  <si>
    <t>Taxonomie si biodiversitate</t>
  </si>
  <si>
    <t>Poluarea chimică a mediului</t>
  </si>
  <si>
    <t>Riscurile mediului aerian în sănătate/ Air-environment risks and health response</t>
  </si>
  <si>
    <t>Abordarea integrată a ştiinţelor naturii (interdisciplinar cu domeniile: Biologie, Fizică)</t>
  </si>
  <si>
    <t>Dreptul urbanismului și al planificării teritoriale / Droit de l'urbanisme et de l'amenagement du territoire</t>
  </si>
  <si>
    <t>Estetici aplicate în arta teatrală</t>
  </si>
  <si>
    <t>Interacţiunea radiaţiei cu materia</t>
  </si>
  <si>
    <t>Materiale avansate cu aplicaţie în medicina dentară</t>
  </si>
  <si>
    <t>Ştiinţa conservării/restaurării operelor de patrimoniu prin metode fizice şi chimice avansate (interdisciplinar cu domeniul: Chimie)</t>
  </si>
  <si>
    <t>Fizică aplicată avansată</t>
  </si>
  <si>
    <t>Istorie şi civilizaţie</t>
  </si>
  <si>
    <t>Managementul bunurilor culturale şi turism cultural</t>
  </si>
  <si>
    <t>Diplomaţie şi politică sec XIX - XXI</t>
  </si>
  <si>
    <t>Comunicare corporativă</t>
  </si>
  <si>
    <t>Teoria literaturii şi literatură comparată</t>
  </si>
  <si>
    <t>Analiză matematică</t>
  </si>
  <si>
    <t>Criptografie şi teoria codurilor</t>
  </si>
  <si>
    <t>Geometrie</t>
  </si>
  <si>
    <t>Matematici aplicate în finanţe, asigurări şi biostatistică</t>
  </si>
  <si>
    <t>Algebră</t>
  </si>
  <si>
    <t>Modelare matematică în ştiinţele naturii şi ştiinţa materialelor</t>
  </si>
  <si>
    <t>Matematici financiare, analiză matematică și modelare matematică</t>
  </si>
  <si>
    <t>Biostatistică (interdisciplinar cu domeniile: Informatică, Farmacie)</t>
  </si>
  <si>
    <t>Comunicare, mass-media şi societate</t>
  </si>
  <si>
    <t>Comunicare interculturală</t>
  </si>
  <si>
    <t>Evaluarea, consilierea şi psihoterapia copilului, cuplului şi a familiei</t>
  </si>
  <si>
    <t>Managementul formării psihologilor în psihologia muncii, transporturilor şi serviciilor</t>
  </si>
  <si>
    <t>Sănătate ocupaţională şi performanţă în organizaţii</t>
  </si>
  <si>
    <t>Psihotraumatologie şi asistare psihologică</t>
  </si>
  <si>
    <t>Evaluare şi intervenţie psihologică în domeniul educaţional</t>
  </si>
  <si>
    <t>Strategii inovative de învăţare. Masterat didactic</t>
  </si>
  <si>
    <t>Consiliere şcolară</t>
  </si>
  <si>
    <t>Tehnologia informaţiei şi a comunicaţiilor în educaţie</t>
  </si>
  <si>
    <t>Cercetare în afaceri</t>
  </si>
  <si>
    <t>Managementul informatizat al proiectelor</t>
  </si>
  <si>
    <t>Economia proprietăţilor imobiliare</t>
  </si>
  <si>
    <t>Sisteme informaţionale în contabilitate şi audit</t>
  </si>
  <si>
    <t>Audit financiar şi consiliere</t>
  </si>
  <si>
    <t>Contabilitate şi audit în instituţii bancare şi financiare</t>
  </si>
  <si>
    <t>Tehnici contabile şi financiare de gestiune a afacerilor</t>
  </si>
  <si>
    <t>Managementul informaţiei contabile</t>
  </si>
  <si>
    <t>Cercetare în contabilitate şi informatică de gestiune</t>
  </si>
  <si>
    <t>Analize şi strategii economice</t>
  </si>
  <si>
    <t>Economia şi conducerea organizaţiilor educaţionale</t>
  </si>
  <si>
    <t>Bănci şi politici monetare</t>
  </si>
  <si>
    <t>Managementul riscului şi asigurări</t>
  </si>
  <si>
    <t>Finanţe şi opţiuni publice</t>
  </si>
  <si>
    <t>MBA în management financiar ASE-Unic</t>
  </si>
  <si>
    <t>Managementul şi evaluarea investiţiilor</t>
  </si>
  <si>
    <t>Dezvoltarea economică a întreprinderii</t>
  </si>
  <si>
    <t>Managementul relaţiilor cu clienţii</t>
  </si>
  <si>
    <t>Managementul relaţiilor cu clienţii - EUCOREM</t>
  </si>
  <si>
    <t>Comunicare de afaceri în limba franceză în context multicultural</t>
  </si>
  <si>
    <t>Managementul fondurilor structurale ale Uniunii Europene</t>
  </si>
  <si>
    <t>Managementul riscului în afaceri internaţionale - Tranzacţii comerciale</t>
  </si>
  <si>
    <t>Managementul riscului în afaceri internaţionale - Tranzacţii financiare</t>
  </si>
  <si>
    <t>Traductologie şi interpretariat în domeniul economic</t>
  </si>
  <si>
    <t>Politici de dezvoltare internaţională</t>
  </si>
  <si>
    <t>Istorie și metodologie în cercetarea imaginii</t>
  </si>
  <si>
    <t>Comunicare politică. Marketing politic şi electoral</t>
  </si>
  <si>
    <t>Comunicare şi comportament organizaţional</t>
  </si>
  <si>
    <t>Management, dezvoltarea afacerilor şi comunicare/ Management, business development and communication</t>
  </si>
  <si>
    <t>Comunicare interculturală şi practici ale organizaţiilor neguvernamentale</t>
  </si>
  <si>
    <t>Comunicare şi guvernanţă europeană</t>
  </si>
  <si>
    <t>Contabilitatea şi auditul în instituţiile publice</t>
  </si>
  <si>
    <t>Asistenţă managerială în sectoarele public şi privat</t>
  </si>
  <si>
    <t>Opera socială în instituţiile ecleziale</t>
  </si>
  <si>
    <t>Transilvania în istoria culturală a Europei Centrale</t>
  </si>
  <si>
    <t>Preistoria spaţiului carpato-dunărean în contextul arheologiei sistemice</t>
  </si>
  <si>
    <t>Muzeologie. Cercetarea şi protejarea patrimoniului cultural</t>
  </si>
  <si>
    <t>Cercetarea arheologică interdisciplinară</t>
  </si>
  <si>
    <t>Studii muzeale şi turism cultural</t>
  </si>
  <si>
    <t>Limbă, literatură şi cultură franceză în spaţiul francofon</t>
  </si>
  <si>
    <t>Limbă şi comunicare în administrarea afacerilor</t>
  </si>
  <si>
    <t>Interferenţe culturale şi literare româno-britanice şi româno-americane</t>
  </si>
  <si>
    <t>Confluenţe literare şi culturale româno-franceze</t>
  </si>
  <si>
    <t>Dimensiuni culturale în studierea limbii şi literaturii române</t>
  </si>
  <si>
    <t>Sisteme informatice de gestiune</t>
  </si>
  <si>
    <t>Analiză economică, evaluare de active şi afaceri</t>
  </si>
  <si>
    <t>Studii de limbă şi literatură în spaţiul anglo-saxon</t>
  </si>
  <si>
    <t>Chimia şi ingineria valorificării bioresurselor (interdisciplinar cu domeniul: Inginerie chimică)</t>
  </si>
  <si>
    <t>Materiale neconvenţionale în biotehnologii moderne</t>
  </si>
  <si>
    <t>Conducerea şi informatizarea proceselor termo şi electroenergetice</t>
  </si>
  <si>
    <t>Managementul ciclului de viaţă al produsului</t>
  </si>
  <si>
    <t>Managementul producţiei industriale</t>
  </si>
  <si>
    <t>Analiza structurilor mecanice (interdisciplinar cu domeniile: Inginerie industrială, Inginerie şi management)</t>
  </si>
  <si>
    <t>Culturi şi literaturi anglofone - Practici discursive</t>
  </si>
  <si>
    <t>Discurs şi comunicare</t>
  </si>
  <si>
    <t>Studii lingvistice în limba engleză</t>
  </si>
  <si>
    <t>Modele matematice şi sisteme informatice în domeniul financiar-bancar</t>
  </si>
  <si>
    <t>Informatica mediilor virtuale</t>
  </si>
  <si>
    <t>Dezvoltarea și optimizarea sistemelor tehnice și tehnologice agroalimentare și turistice</t>
  </si>
  <si>
    <t>Educaţie fizică și activități sportive de timp liber</t>
  </si>
  <si>
    <t>Activități sportiv-turistice și de timp liber</t>
  </si>
  <si>
    <t>Strategii de marketing</t>
  </si>
  <si>
    <t>Psihologia personalității</t>
  </si>
  <si>
    <t>Managementul infecțiilor nosocomiale</t>
  </si>
  <si>
    <t>Editarea și promovarea produselor culturale</t>
  </si>
  <si>
    <t>Scriere creatoare și traducere literară</t>
  </si>
  <si>
    <t>Ingineria calculatoarelor</t>
  </si>
  <si>
    <t>„ECO“ Infrastructuri pentru transporturi şi lucrări de artă</t>
  </si>
  <si>
    <t>Patologia şi reabilitarea construcţiilor</t>
  </si>
  <si>
    <t>Evaluarea proprietăţii</t>
  </si>
  <si>
    <t>Ingineria şi managementul întreprinderii sustenabile</t>
  </si>
  <si>
    <t>Procese de producţie inovative şi management tehnologic</t>
  </si>
  <si>
    <t>Sisteme moderne în acţionări electromecanice</t>
  </si>
  <si>
    <t>Logistica transporturilor rutiere</t>
  </si>
  <si>
    <t>Managementul mentenanţei sistemelor mecanice</t>
  </si>
  <si>
    <t>Proiectarea maşinilor şi echipamentelor</t>
  </si>
  <si>
    <t>Materiale, micro- şi nanotehnologii</t>
  </si>
  <si>
    <t>Metalurgia pulberilor şi materiale avansate</t>
  </si>
  <si>
    <t>Antreprenoriatul dezvoltării durabile</t>
  </si>
  <si>
    <t>Cultura tehnologică şi comunicarea în domeniul dezvoltării durabile</t>
  </si>
  <si>
    <t>Dinamica limbii române contemporane</t>
  </si>
  <si>
    <t>Etnologie şi antropologie socială</t>
  </si>
  <si>
    <t>Studii canadiene</t>
  </si>
  <si>
    <t>Matematici computaţionale şi tehnologii informatice</t>
  </si>
  <si>
    <t>Securitatea şi reabilitarea perimetrelor miniere</t>
  </si>
  <si>
    <t>Monitorizarea şi analiza funcţionării sistemelor electroenergetice</t>
  </si>
  <si>
    <t>Biologia agroecosistemelor</t>
  </si>
  <si>
    <t>Modelare interdisciplinară</t>
  </si>
  <si>
    <t>Biomateriale</t>
  </si>
  <si>
    <t>Ştiinţa şi tehnologia materialelor avansate</t>
  </si>
  <si>
    <t>Ştiinţe - masterat didactic (interdisciplinar cu domeniile: Chimie, Biologie)</t>
  </si>
  <si>
    <t>Controlul chimic al calităţii mediului şi tehnici de depoluare</t>
  </si>
  <si>
    <t>Biologie didactică</t>
  </si>
  <si>
    <t>Biotransformări celulare</t>
  </si>
  <si>
    <t>Utilizarea şi protecţia resurselor biologice</t>
  </si>
  <si>
    <t>Geologia bazinelor sedimentare</t>
  </si>
  <si>
    <t>Mineralogie aplicată şi petrologie</t>
  </si>
  <si>
    <t>Analiza şi amenajarea teritoriului</t>
  </si>
  <si>
    <t>Geografie fizică aplicată</t>
  </si>
  <si>
    <t>Evaluarea resurselor și dezvoltarea teritorială durabilă</t>
  </si>
  <si>
    <t>Evaluarea şi managementul mediului</t>
  </si>
  <si>
    <t>Schimbări climatice şi fenomene extreme de risc</t>
  </si>
  <si>
    <t>Statul de drept şi societate civilă/Etat de droit et societe-civile</t>
  </si>
  <si>
    <t>Lingvistică şi didactică. Analiza comunicării didactice în limbile moderne</t>
  </si>
  <si>
    <t>Literatura germană în Europa Centrală şi de Sud-Est</t>
  </si>
  <si>
    <t>Ştiinţă şi religie</t>
  </si>
  <si>
    <t>Etica profesională</t>
  </si>
  <si>
    <t>Investigaţii filosofice aplicate</t>
  </si>
  <si>
    <t>Managementul relaţiilor internaţionale şi politicilor europene</t>
  </si>
  <si>
    <t>Societate mediatică</t>
  </si>
  <si>
    <t>Studii politice europene comparate: Germania şi Europa de Est</t>
  </si>
  <si>
    <t>Diplomaţie culturală şi economii globale</t>
  </si>
  <si>
    <t>Politici de incluziune a romilor/Policies for roma inclusion</t>
  </si>
  <si>
    <t>Comunicare mediatică</t>
  </si>
  <si>
    <t>Comunicare socioculturală</t>
  </si>
  <si>
    <t>Comunicare politică</t>
  </si>
  <si>
    <t>Gen şi oportunităţi egale</t>
  </si>
  <si>
    <t>Marketing politic şi comunicare</t>
  </si>
  <si>
    <t>Studii globale</t>
  </si>
  <si>
    <t>Consiliere genetică</t>
  </si>
  <si>
    <t>Psihologie aplicată în organizații complexe</t>
  </si>
  <si>
    <t>Consiliere şi intervenţie în educaţie incluzivă</t>
  </si>
  <si>
    <t>Educaţie civică</t>
  </si>
  <si>
    <t>Auditul şi managementul financiar al fondurilor europene (60 studenţi/an pe perioada finanţării europene şi 50 studenţi/an după finalizarea proiectului)</t>
  </si>
  <si>
    <t>Economia resurselor naturale</t>
  </si>
  <si>
    <t>Strategia europeană a dezvoltării durabile</t>
  </si>
  <si>
    <t>Administrare şi comunicare internaţională în afaceri</t>
  </si>
  <si>
    <t>Antreprenoriat social</t>
  </si>
  <si>
    <t>Marketing şi gestiunea organizaţiei</t>
  </si>
  <si>
    <t>Managementul crizelor şi conflictelor</t>
  </si>
  <si>
    <t>Educație fizică, fitness şi agrement în turism</t>
  </si>
  <si>
    <t>Doctrina şi hermeneutica creştin ortodoxă</t>
  </si>
  <si>
    <t>Ortodoxie românească şi viaţa liturgică</t>
  </si>
  <si>
    <t>Pastoraţie şi duhovnicie</t>
  </si>
  <si>
    <t>Arheologie creştină</t>
  </si>
  <si>
    <t>Consilierea socio-spirituală a populaţiilor vulnerabile</t>
  </si>
  <si>
    <t>Consultant etic</t>
  </si>
  <si>
    <t>Teologie, cultură şi societate</t>
  </si>
  <si>
    <t>Actorie şi regie</t>
  </si>
  <si>
    <t>Teatru, film şi multimedia</t>
  </si>
  <si>
    <t>Forme farmaceutice moderne</t>
  </si>
  <si>
    <t>Pedagogie muzicală</t>
  </si>
  <si>
    <t>Limba franceză şi plurilingvism în spaţiul european</t>
  </si>
  <si>
    <t>Traductologie, terminologie, comunicare</t>
  </si>
  <si>
    <t>Jurnalism regional</t>
  </si>
  <si>
    <t>Istoria culturii şi civilizaţiei creştine  în sud-estul Europei</t>
  </si>
  <si>
    <t>Literatura patristică, limbi clasice şi slava veche</t>
  </si>
  <si>
    <t>Managementul instituţiilor de cercetare istorică şi socio-politică</t>
  </si>
  <si>
    <t>Politică mondială şi europeană</t>
  </si>
  <si>
    <t>Legislația privind siguranţa transporturilor</t>
  </si>
  <si>
    <t>Guvernare şi administraţie publică europeană</t>
  </si>
  <si>
    <t>Asistenţă managerială şi comunicare în organizaţiile publice</t>
  </si>
  <si>
    <t>Valorificarea principiilor bioactive din plante indigene</t>
  </si>
  <si>
    <t>Dezvoltarea durabilă în zona costieră şi valorificarea eco-turistică a spaţiului litoral</t>
  </si>
  <si>
    <t>Sisteme de agricultură şi monitorizarea zonelor vulnerabile la secetă</t>
  </si>
  <si>
    <t>Fizică şi tehnologia materiei condensate</t>
  </si>
  <si>
    <t>Informatică didactică</t>
  </si>
  <si>
    <t>Modelare matematică în finanţe şi analiza economică</t>
  </si>
  <si>
    <t>Administrarea afacerilor în întreprinderile mici şi mijlocii (master profesional bilingv - diplomă dublă)</t>
  </si>
  <si>
    <t>Ingineria şi managementul proiectelor de construcţii</t>
  </si>
  <si>
    <t>Ingineria sistemelor hidrotehnice</t>
  </si>
  <si>
    <t>Strategii de comunicare şi învăţare eficientă în învăţământul primar</t>
  </si>
  <si>
    <t>Chimie aplicată</t>
  </si>
  <si>
    <t>Fizica materialelor</t>
  </si>
  <si>
    <t>Fizică teoretică</t>
  </si>
  <si>
    <t>Limba franceză, didactică şi literaturi în spaţiul francofon</t>
  </si>
  <si>
    <t>Paradigme ale comunicării organizaţionale</t>
  </si>
  <si>
    <t>Perspective în studiul lingvistic al literaturii</t>
  </si>
  <si>
    <t>Filosofie contemporană</t>
  </si>
  <si>
    <t>Dezvoltare comunitară şi integrare europeană</t>
  </si>
  <si>
    <t>Valorificarea și protecția resurselor din mediul geografic</t>
  </si>
  <si>
    <t>Comunicarea socială a bisericii</t>
  </si>
  <si>
    <t>Management de caz în asistenţa socială</t>
  </si>
  <si>
    <t>Misiune şi pastoraţie</t>
  </si>
  <si>
    <t>Integrare europeană (interdisciplinar cu domeniul: Economie și afaceri internaționale)</t>
  </si>
  <si>
    <t>Audit şi management financiar-contabil</t>
  </si>
  <si>
    <t>Dezvoltare regională şi proiecte europene</t>
  </si>
  <si>
    <t>Finanțe aplicate</t>
  </si>
  <si>
    <t>Strategii financiare ale companiei şi consultanţă fiscală</t>
  </si>
  <si>
    <t>Management competitiv şi performanţă</t>
  </si>
  <si>
    <t>Administrarea afacerilor şi antreprenoriat</t>
  </si>
  <si>
    <t>Managementul resurselor ecologice şi naturale</t>
  </si>
  <si>
    <t>Inginerie electrică avansată</t>
  </si>
  <si>
    <t>Modelarea şi optimizarea echipamentelor electrice</t>
  </si>
  <si>
    <t>Gestiunea proceselor energetice</t>
  </si>
  <si>
    <t>Automatica sistemelor complexe</t>
  </si>
  <si>
    <t>Ingineria calculatoarelor şi comunicaţiilor/ Computer and Communication Engineering</t>
  </si>
  <si>
    <t>Viticultură-Oenologie</t>
  </si>
  <si>
    <t>Materiale şi ingineria fabricării</t>
  </si>
  <si>
    <t>Tehnologii avansate în construcţii navale</t>
  </si>
  <si>
    <t>Procese performante pentru calitatea materialelor şi a mediului în metalurgie</t>
  </si>
  <si>
    <t>Nanotehnologii şi materiale multifuncţionale</t>
  </si>
  <si>
    <t>Spaţiul românesc între Orient şi Occident</t>
  </si>
  <si>
    <t>Istorie şi spiritualitate filocalică</t>
  </si>
  <si>
    <t>Teatru muzical</t>
  </si>
  <si>
    <t>Sisteme şi control automat</t>
  </si>
  <si>
    <t>Protecţie anticorosivă şi electrochimie aplicată</t>
  </si>
  <si>
    <t>Cataliză şi materiale catalitice pentru mediu, energie şi sănătate</t>
  </si>
  <si>
    <t>Produse naturale</t>
  </si>
  <si>
    <t>Ştiinţa hârtiei şi a materialelor polimerice</t>
  </si>
  <si>
    <t>Materiale macromoleculare înalt performante</t>
  </si>
  <si>
    <t>Procesarea avansată a resurselor proteice</t>
  </si>
  <si>
    <t>Controlul calităţii mediului ambiant</t>
  </si>
  <si>
    <t>Design industrial textil</t>
  </si>
  <si>
    <t>Textile avansate</t>
  </si>
  <si>
    <t>Proiectarea circuitelor VLSI avansate</t>
  </si>
  <si>
    <t>Exploatarea tehnică a autovehiculelor rutiere</t>
  </si>
  <si>
    <t>Expertiza şi evaluarea fondului funciar</t>
  </si>
  <si>
    <t>Tehnologii alternative în agricultură</t>
  </si>
  <si>
    <t>Conservarea şi utlizarea resurselor genetice vegetale</t>
  </si>
  <si>
    <t>Management în agricultură</t>
  </si>
  <si>
    <t>Bioantropologie</t>
  </si>
  <si>
    <t>Biodiversitatea şi productivitatea ecosistemelor</t>
  </si>
  <si>
    <t>Biologia dezvoltării</t>
  </si>
  <si>
    <t>Biologia dezvoltării (masterat de cercetare ştiinţifică)</t>
  </si>
  <si>
    <t>Bioprocedee în domeniul agroalimentar</t>
  </si>
  <si>
    <t>Educaţie ecologică pentru dezvoltare durabilă</t>
  </si>
  <si>
    <t>Chimia în ştiinţele integrate</t>
  </si>
  <si>
    <t>Chimia şi biochimia heterociclurilor</t>
  </si>
  <si>
    <t>Chimie coordinativă aplicată</t>
  </si>
  <si>
    <t>Chimie pentru afaceri / Business chemistry</t>
  </si>
  <si>
    <t>Didactica chimiei</t>
  </si>
  <si>
    <t>Dinamica sistemelor chimice cu aplicaţii în chimia mediului</t>
  </si>
  <si>
    <t>Studii avansate în chimie</t>
  </si>
  <si>
    <t>Management în comerţ</t>
  </si>
  <si>
    <t>Managementul afacerilor agroalimentare şi de mediu</t>
  </si>
  <si>
    <t>Metode cantitative în economie</t>
  </si>
  <si>
    <t>Statistică şi econometrie</t>
  </si>
  <si>
    <t>Contabilitate, audit şi control de gestiune</t>
  </si>
  <si>
    <t>Sisteme informaţionale contabile</t>
  </si>
  <si>
    <t>Master de cercetare în economie şi afaceri (interdisciplinar cu domeniul: Administrarea afacerilor)</t>
  </si>
  <si>
    <t>Managementul mediului şi al resurselor naturale</t>
  </si>
  <si>
    <t>Asigurări şi reasigurări</t>
  </si>
  <si>
    <t>Gestiune financiară şi audit în instituţiile publice</t>
  </si>
  <si>
    <t>Marketing management</t>
  </si>
  <si>
    <t>Administraţie şi finanţe publice europene</t>
  </si>
  <si>
    <t>Guvernare modernă şi dezvoltare locală</t>
  </si>
  <si>
    <t>Filosofie şi ştiinte sociale (interdisciplinar cu domeniile: Sociologie, Ştiinţe politice)</t>
  </si>
  <si>
    <t>Tehnici de producţie editorială în presa scrisă, audiovizual şi multimedia</t>
  </si>
  <si>
    <t>Studii europene de integrare şi securitate</t>
  </si>
  <si>
    <t>Fizica plasmei, spectroscopie şi autoorganizare</t>
  </si>
  <si>
    <t>Fizică şi protecţia mediului</t>
  </si>
  <si>
    <t>Fizica didactică</t>
  </si>
  <si>
    <t>Materiale avansate. Nanotehnologii</t>
  </si>
  <si>
    <t>Geologie de sondă şi ambientală</t>
  </si>
  <si>
    <t>Istoria evreilor şi ebraistică</t>
  </si>
  <si>
    <t>Muzeologie şi restaurare</t>
  </si>
  <si>
    <t>Studii de istorie: izvoare, concepte, metodologii</t>
  </si>
  <si>
    <t>Studii egeo-mediteraneene</t>
  </si>
  <si>
    <t>Didactica limbii franceze ca limbă străină şi educaţie interculturală</t>
  </si>
  <si>
    <t>Limbă, literatură şi civilizaţie românească</t>
  </si>
  <si>
    <t>Lingvistică aplicată - Didactica limbii engleze</t>
  </si>
  <si>
    <t>Calcul ştiinţific şi ingineria programării</t>
  </si>
  <si>
    <t>Matematică didactică și de cercetare</t>
  </si>
  <si>
    <t>Modele matematice şi statistică aplicată</t>
  </si>
  <si>
    <t>Teoria riscurilor şi aplicaţii</t>
  </si>
  <si>
    <t>Masterat interdisciplinar de cercetare avansată în științe sociale</t>
  </si>
  <si>
    <t>Relaţii umane şi comunicare</t>
  </si>
  <si>
    <t>Terapii de cuplu şi familie</t>
  </si>
  <si>
    <t>Medierea conflictelor în educaţie</t>
  </si>
  <si>
    <t>Relaţii şi strategii interculturale</t>
  </si>
  <si>
    <t>Hermeneutică şi teologie biblică</t>
  </si>
  <si>
    <t>Patrimoniu cultural</t>
  </si>
  <si>
    <t>Teologie practică şi pastoral-misionară</t>
  </si>
  <si>
    <t>Teologie sistematică în context contemporan</t>
  </si>
  <si>
    <t>Viața bisericii - istorie şi actualitate</t>
  </si>
  <si>
    <t>Strategii ale carităţii creştine</t>
  </si>
  <si>
    <t>Principii de cercetare în medicina moleculară cu aplicabilitate în medicina clinică</t>
  </si>
  <si>
    <t>Management pentru sănătate</t>
  </si>
  <si>
    <t>Cercetare în politici de sănătate</t>
  </si>
  <si>
    <t>Metode de substituţie a funcţiei renale. Îngrijirea pacienţilor dializaţi</t>
  </si>
  <si>
    <t>Reabilitarea implanto-protetică a edentaţiei/ Implanto-prosthetic rehabilitation of edentulous</t>
  </si>
  <si>
    <t>Reabilitarea implanto-protetică a edentaţiei/ Rehabilitation implanto-prothetique de l'edentation</t>
  </si>
  <si>
    <t>Managementul asistenţei de profilaxie în medicina dentară</t>
  </si>
  <si>
    <t>Biotehnologii medicale avansate</t>
  </si>
  <si>
    <t>Bioingineria protezării</t>
  </si>
  <si>
    <t>Arte plastice (se adaugă după caz: pictură, sculptură, grafică, foto-video)</t>
  </si>
  <si>
    <t>Arte decorative (se adaugă după caz: artă murală, modă-design vestimentar)</t>
  </si>
  <si>
    <t>Pictură şi multimedia</t>
  </si>
  <si>
    <t>Sculptură şi ambient</t>
  </si>
  <si>
    <t>Gestiunea, evaluarea, conservarea şi protecţia mediului</t>
  </si>
  <si>
    <t>Securitatea sistemelor de calcul</t>
  </si>
  <si>
    <t>Sisteme informatice complexe</t>
  </si>
  <si>
    <t>Prelucrarea semnalelor în electronică şi telecomunicaţii</t>
  </si>
  <si>
    <t>Inginerie şi management în domeniul autovehiculelor</t>
  </si>
  <si>
    <t>Inginerie şi management în domeniul construcţiilor</t>
  </si>
  <si>
    <t>Politici noi de mediu privind integrarea europeană</t>
  </si>
  <si>
    <t>Factori de mediu în siguranţa alimentară şi sănătatea publică</t>
  </si>
  <si>
    <t>Dezvoltare durabilă - regională şi agroturistică</t>
  </si>
  <si>
    <t>Management în sistemul de învăţământ</t>
  </si>
  <si>
    <t>Politici publice în asistenţa socială</t>
  </si>
  <si>
    <t>Dezvoltare socială şi instituţională</t>
  </si>
  <si>
    <t>Teologie pastorală aplicată</t>
  </si>
  <si>
    <t>Evaluarea impactului asupra mediului şi reconstrucţia ecologică</t>
  </si>
  <si>
    <t>Conservarea şi protecţia naturii</t>
  </si>
  <si>
    <t>Aplicaţii ale biotehnologiilor în horticultura şi protecţia mediului (interdisciplinar cu domeniile: Biologie, Horticultură)</t>
  </si>
  <si>
    <t>Protecţia plantelor (interdisciplinar cu domeniile: Biologie, Știința mediului)</t>
  </si>
  <si>
    <t>Aplicaţii interdisciplinare în ştiinţele naturii (interdisciplinar cu domeniul: Biologie, Fizică)</t>
  </si>
  <si>
    <t>Tehnologii pentru dezvoltarea durabilă (interdisciplinar cu domeniul: Ştiinţa mediului)</t>
  </si>
  <si>
    <t>Limbi moderne şi comunicare internaţională</t>
  </si>
  <si>
    <t>Literatura română modernă şi contemporană</t>
  </si>
  <si>
    <t>Structura limbii române actuale</t>
  </si>
  <si>
    <t>Traductologie - Limba engleză</t>
  </si>
  <si>
    <t>Traductologie - Limba franceză</t>
  </si>
  <si>
    <t>Limbă, cultură și identitate în Europa</t>
  </si>
  <si>
    <t>Sisteme mecanice avansate cu aplicaţii în industria de autovehicule</t>
  </si>
  <si>
    <t>Trafic rutier şi evaluarea accidentelor de circulaţie</t>
  </si>
  <si>
    <t>Echipamente pentru reabilitare şi tehnologie asistivă</t>
  </si>
  <si>
    <t>Modelarea, simularea şi proiectarea sistemelor electromecanice</t>
  </si>
  <si>
    <t>Electronica surselor autonome de energie electrică</t>
  </si>
  <si>
    <t>Sisteme electronice de procesare paralelă şi distribuită</t>
  </si>
  <si>
    <t>Sisteme electronice pentru telemăsurare şi teleconducere</t>
  </si>
  <si>
    <t>Consiliere spirituală</t>
  </si>
  <si>
    <t>Sisteme bancare europene</t>
  </si>
  <si>
    <t>Managementul dezvoltării afacerilor în contextul globalizării</t>
  </si>
  <si>
    <t>Asistenţa juridică a întreprinderii</t>
  </si>
  <si>
    <t>Instituţii juridice europene şi internaţionale</t>
  </si>
  <si>
    <t>Jurislingvistică - Terminologie şi traducere juridică (interdisciplinar cu domeniul: Filologie)</t>
  </si>
  <si>
    <t>Sport, turism şi activităţi de timp liber</t>
  </si>
  <si>
    <t>Comunicare - Jurnalism sportiv</t>
  </si>
  <si>
    <t>Etica politicilor publice</t>
  </si>
  <si>
    <t>Didactica limbilor străine</t>
  </si>
  <si>
    <t>Mentorat pentru profesionalizarea carierei didactice</t>
  </si>
  <si>
    <t>Performanţă pentru pregătirea profesorilor în societatea cunoaşterii</t>
  </si>
  <si>
    <t>Applied biology</t>
  </si>
  <si>
    <t>Ecologie aplicată</t>
  </si>
  <si>
    <t>Europa Centrală şi de Sud-Est în primul mileniu al erei creştine</t>
  </si>
  <si>
    <t>Relaţiile internaţionale ale României în sec. XX</t>
  </si>
  <si>
    <t>Istoria regională a Europei Centrale şi de Sud-Est</t>
  </si>
  <si>
    <t>Burse şi asigurări</t>
  </si>
  <si>
    <t>Bănci</t>
  </si>
  <si>
    <t>Management în industria alimentară, alimentaţie publică şi nutriţie specială</t>
  </si>
  <si>
    <t>Managementul calității produselor alimentare și a mediului</t>
  </si>
  <si>
    <t>Ingineria calităţii şi securitatea muncii</t>
  </si>
  <si>
    <t>Tehnologii şi echipamente moderne de prelucrare</t>
  </si>
  <si>
    <t>Etică organizaţională şi audit etic</t>
  </si>
  <si>
    <t>Studii globale. Cultură și comunicare</t>
  </si>
  <si>
    <t>Conservarea biodiversității și certificarea pădurilor</t>
  </si>
  <si>
    <t>Managementul activităților de exploatare și prelucrare a lemnului</t>
  </si>
  <si>
    <t>Administrarea afacerilor europene</t>
  </si>
  <si>
    <t>Administrarea proiectelor europene</t>
  </si>
  <si>
    <t>Diagnostic și evaluare economico-financiară</t>
  </si>
  <si>
    <t>Gestiunea întreprinderii</t>
  </si>
  <si>
    <t>Managementul biodiversității</t>
  </si>
  <si>
    <t>Managementul organizațiilor de turism și servicii</t>
  </si>
  <si>
    <t>Muzeologia și conservarea patrimoniului în societatea contemporană</t>
  </si>
  <si>
    <t>Administrarea afacerilor în comerţ</t>
  </si>
  <si>
    <t>Turism cultural şi agroturism</t>
  </si>
  <si>
    <t>Finanţe şi politici financiare</t>
  </si>
  <si>
    <t>Analiza diagnostic şi evaluarea afacerilor</t>
  </si>
  <si>
    <t>Sisteme administrative şi relaţii internaţionale</t>
  </si>
  <si>
    <t>Managementul asigurării calității</t>
  </si>
  <si>
    <t>Tehnologii moderne de fabricaţie</t>
  </si>
  <si>
    <t>Ingineria şi managementul sistemelor de fabricaţie</t>
  </si>
  <si>
    <t>Managementul securităţii şi condiţiilor de asigurare a sănătăţii în muncă</t>
  </si>
  <si>
    <t>Studii anglo-americane. Perspective interculturale</t>
  </si>
  <si>
    <t>Consultanţă financiar-contabilă</t>
  </si>
  <si>
    <t>Masterat profesional european de administraţie publică</t>
  </si>
  <si>
    <t>Ingineria calculatoarelor/ Computer Engineering</t>
  </si>
  <si>
    <t>Modele matematice în inginerie</t>
  </si>
  <si>
    <t>Chimia şi ingineria produselor organice</t>
  </si>
  <si>
    <t>Chimie alimentară aplicată</t>
  </si>
  <si>
    <t>Ingineria compuşilor macromoleculari</t>
  </si>
  <si>
    <t>Ingineria materialelor oxidice</t>
  </si>
  <si>
    <t>Micro şi nanomateriale</t>
  </si>
  <si>
    <t>Ingineria proceselor chimice şi biochimice</t>
  </si>
  <si>
    <t>Modelare şi simulare în chimie şi inginerie chimică</t>
  </si>
  <si>
    <t>Tehnologia cauciucului</t>
  </si>
  <si>
    <t>Ingineria protecţiei mediului</t>
  </si>
  <si>
    <t>Inginerie şi reabilitare rurală durabilă</t>
  </si>
  <si>
    <t>Sisteme de fundare pentru construcţii speciale</t>
  </si>
  <si>
    <t>Structuri</t>
  </si>
  <si>
    <t>Evaluarea şi dezvoltarea proprietăţilor imobiliare</t>
  </si>
  <si>
    <t>Proiectarea avansată a structurilor metalice şi compozite</t>
  </si>
  <si>
    <t>Tehnologii avansate pentru tratarea apei</t>
  </si>
  <si>
    <t>Sustainable contructions under natural hazard and catastrophic events</t>
  </si>
  <si>
    <t>Prelucrarea semnalelor/ Traitement du signal</t>
  </si>
  <si>
    <t>Tehnici avansate în electronică</t>
  </si>
  <si>
    <t>Instrumentaţie electronică</t>
  </si>
  <si>
    <t>Procedee avansate de obţinere a materialelor metalice</t>
  </si>
  <si>
    <t>Procedee avansate de procesare a materialelor metalice</t>
  </si>
  <si>
    <t>Materiale şi tehnologii avansate/ Advanced materials and technologies</t>
  </si>
  <si>
    <t>Controlul calităţii şi procesării materialelor</t>
  </si>
  <si>
    <t>Design industrial şi sisteme de producţie CNC</t>
  </si>
  <si>
    <t>Managementul în ingineria sudării</t>
  </si>
  <si>
    <t>Sisteme de producere a furajelor</t>
  </si>
  <si>
    <t>Tehnici în proiectarea şi amenajarea peisajului</t>
  </si>
  <si>
    <t>Monitorizarea contaminării produselor de origine vegetală</t>
  </si>
  <si>
    <t>Manipularea genetică la plante</t>
  </si>
  <si>
    <t>Reproducere asistată la animale</t>
  </si>
  <si>
    <t>Sisteme de procesare ecologică multifuncţională integrată a principiilor bioactive naturale - SPE</t>
  </si>
  <si>
    <t>Tehnologii avansate de procesare a materiilor prime agricole – TAP</t>
  </si>
  <si>
    <t>Managementul producțiilor din acvacultură</t>
  </si>
  <si>
    <t>Grafică - Materie şi concept</t>
  </si>
  <si>
    <t>Pedagogia artei: creativitate, informație și imaginar</t>
  </si>
  <si>
    <t>Arte textile - interferențe stilistice</t>
  </si>
  <si>
    <t>Biologia dezvoltării (embriologie) și teratologie</t>
  </si>
  <si>
    <t>Studiul transdisciplinar al protecţiei mediului</t>
  </si>
  <si>
    <t>Tehnici de analiză chimică cu aplicaţii în industria alimentară, cosmetică și farmaceutică</t>
  </si>
  <si>
    <t>Chimia compușilor farmaceutici și materiale biocompatibile</t>
  </si>
  <si>
    <t>Drept comunitar</t>
  </si>
  <si>
    <t>Drept penal și științe penale</t>
  </si>
  <si>
    <t>Administrarea și dezvoltarea întreprinderii de turism și servicii</t>
  </si>
  <si>
    <t>Sisteme informatice financiar-bancare</t>
  </si>
  <si>
    <t>Contabilitate și sisteme informatice integrate în corporații</t>
  </si>
  <si>
    <t>Studii europene și relații internaționale</t>
  </si>
  <si>
    <t>Economie europeană și politici aplicate</t>
  </si>
  <si>
    <t>Managementul riscurilor în afaceri internaţionale</t>
  </si>
  <si>
    <t>Administrare fiscală</t>
  </si>
  <si>
    <t>Monedă și bănci</t>
  </si>
  <si>
    <t>Piețe financiare</t>
  </si>
  <si>
    <t>Managementul instituțiilor de ordine și siguranță publică</t>
  </si>
  <si>
    <t>Administrarea financiară a afacerilor</t>
  </si>
  <si>
    <t>Administrarea și evaluarea proprietăților imobiliare</t>
  </si>
  <si>
    <t>Managementul dezvoltării regionale durabile</t>
  </si>
  <si>
    <t>Management în retail</t>
  </si>
  <si>
    <t>Marketing strategic și cercetări de marketing</t>
  </si>
  <si>
    <t>Comunismul în România din perspectiva interferențelor central și sud-est europene</t>
  </si>
  <si>
    <t>Creative writing</t>
  </si>
  <si>
    <t>Istorie şi interconfesionalism</t>
  </si>
  <si>
    <t>Statistică aplicată şi informatică</t>
  </si>
  <si>
    <t>Antropologie socială</t>
  </si>
  <si>
    <t>Consiliere psihopedagogică şi integrare educaţională</t>
  </si>
  <si>
    <t>Management de proces şi de sistem în organizaţiile educaţionale</t>
  </si>
  <si>
    <t>Master european în educaţia adulţilor</t>
  </si>
  <si>
    <t>Psihologie educaţională şi consiliere psihopedagogică</t>
  </si>
  <si>
    <t>Managementul crizelor şi operaţii multinaţionale</t>
  </si>
  <si>
    <t>NATO senior executiv master course</t>
  </si>
  <si>
    <t>Modelarea termohidraulică în procese de ardere şi stingere a incendiilor</t>
  </si>
  <si>
    <t>Limbi vechi şi paleografii</t>
  </si>
  <si>
    <t>Turism rural şi calitatea mediului înconjurător</t>
  </si>
  <si>
    <t>Instituţii de drept administrativ</t>
  </si>
  <si>
    <t>Medierea conflictelor</t>
  </si>
  <si>
    <t>Relaţii internaţionale şi comunicare</t>
  </si>
  <si>
    <t>Finanţe şi gestiunea afacerilor</t>
  </si>
  <si>
    <t>Integrare şi afaceri europene</t>
  </si>
  <si>
    <t>Managementul accesării și gestionării fondurilor europene</t>
  </si>
  <si>
    <t>Instituţii şi politici de prevenirea conflictelor şi gestionarea crizelor (sfârşitul secolului XX-începutul secolului XXI)</t>
  </si>
  <si>
    <t>Sud-estul european şi centrele de putere</t>
  </si>
  <si>
    <t>Studii interculturale anglo-americane</t>
  </si>
  <si>
    <t>Drept internațional și european</t>
  </si>
  <si>
    <t>Medierea conflictelor în drept</t>
  </si>
  <si>
    <t>Managementul finanțării proiectelor europene</t>
  </si>
  <si>
    <t>Politici financiare de întreprindere</t>
  </si>
  <si>
    <t>Metodologie și psihometrie</t>
  </si>
  <si>
    <t>Tehnici financiare și contabile pentru gestiunea afacerilor (interdisciplinar cu domeniile: Finanțe, Contabilitate)</t>
  </si>
  <si>
    <t>Drept internaţional şi comunitar</t>
  </si>
  <si>
    <t>Finanţe şi asigurări</t>
  </si>
  <si>
    <t>Finanţe publice şi politici fiscale, comunitare şi naţionale</t>
  </si>
  <si>
    <t>Management finanicar bancar şi bursier</t>
  </si>
  <si>
    <t>Finanţarea proiectelor de mediu</t>
  </si>
  <si>
    <t>Gestiunea afacerilor financiar-bancare interne și internaționale</t>
  </si>
  <si>
    <t>Administrarea, finanțarea și controlul afacerilor</t>
  </si>
  <si>
    <t>Politici și practici fiscale</t>
  </si>
  <si>
    <t>Economie și afaceri în industria ospitalității</t>
  </si>
  <si>
    <t>Sisteme informatice manageriale</t>
  </si>
  <si>
    <t>Informatică aplicată în management</t>
  </si>
  <si>
    <t>Drept și relații internaționale</t>
  </si>
  <si>
    <t>Management financiar-contabil şi auditul afacerilor</t>
  </si>
  <si>
    <t>Contabilitatea şi gestiunea fiscală a firmei</t>
  </si>
  <si>
    <t>Mass-Media și comunicarea</t>
  </si>
  <si>
    <t>Limbă şi literatură română - modernizare şi modernitate</t>
  </si>
  <si>
    <t>Modernitatea în literatură europeană</t>
  </si>
  <si>
    <t>Analiza şi expertiza riscurilor de mediu</t>
  </si>
  <si>
    <t>Matematici aplicate în economie</t>
  </si>
  <si>
    <t>Marketing şi management turistic</t>
  </si>
  <si>
    <t>Marketingul și managementul operațiunilor logistice</t>
  </si>
  <si>
    <t>Managementul activităţilor financiar-bancare</t>
  </si>
  <si>
    <t>Finanţe, bănci şi asigurări</t>
  </si>
  <si>
    <t>România în istoria relaţiilor internaţionale</t>
  </si>
  <si>
    <t>Dialogul social și comunicarea în relațiile de muncă</t>
  </si>
  <si>
    <t>Educaţia timpurie şi învăţământ primar (interdisciplinar cu domeniul: Științe ale educației)</t>
  </si>
  <si>
    <t>Familia în societatea contemporană</t>
  </si>
  <si>
    <t>Management organizaţional şi al resurselor umane</t>
  </si>
  <si>
    <t>Managementul strategic al organizaţiei</t>
  </si>
  <si>
    <t>Conducere și organizare judiciară</t>
  </si>
  <si>
    <t>Ingineria și managementul integrat al mediului în activități industriale</t>
  </si>
  <si>
    <t>Mediere, negociere și comunicare în rezolvarea conflictelor</t>
  </si>
  <si>
    <t>Integrare economică europeană</t>
  </si>
  <si>
    <t>Spectacolul coregrafic contemporan</t>
  </si>
  <si>
    <t>Eficienţă şi riscuri în activitatea bancară, asigurări şi pieţe de capital</t>
  </si>
  <si>
    <t>Administrarea şi eficienţa în afaceri</t>
  </si>
  <si>
    <t>Finanţe-bănci şi pieţe de capital</t>
  </si>
  <si>
    <t>Managementul întreprinderilor mici şi mijlocii</t>
  </si>
  <si>
    <t>Management financiar contabil</t>
  </si>
  <si>
    <t>Diagnostic financiar şi auditul firmei</t>
  </si>
  <si>
    <t>Management-marketing</t>
  </si>
  <si>
    <t>Drept comunitar și politici de integrare europeană</t>
  </si>
  <si>
    <t>Drept civil aprofundat</t>
  </si>
  <si>
    <t>Administrarea afacerilor din turism</t>
  </si>
  <si>
    <t>Contabilitate, audit și consultanță contabilă</t>
  </si>
  <si>
    <t>Managementul bioeconomiei în contextul creșterii durabile</t>
  </si>
  <si>
    <t>Mediere şi consiliere psihosocială în probaţiune şi securitate privată (interdisciplinar cu domeniul: Psihologie)</t>
  </si>
  <si>
    <t>Psihologie politică şi leadership (interdisciplinar cu domeniul: Psihologie)</t>
  </si>
  <si>
    <t>Filosofie - Filosofie politică contemporană</t>
  </si>
  <si>
    <t>Filosofie - Filosofie și artă în spațiul public</t>
  </si>
  <si>
    <t>Teologie - Studii religioase</t>
  </si>
  <si>
    <t>Muzică - Artă muzicală în cultura audiovizuală</t>
  </si>
  <si>
    <t>Marketingul serviciilor</t>
  </si>
  <si>
    <t>Business to business marketing</t>
  </si>
  <si>
    <t>Gestiunea financiară și contabilă (interdisciplinar: Finanțe)</t>
  </si>
  <si>
    <t>Comunicare managerială şi relaţii publice</t>
  </si>
  <si>
    <t>Mass-media şi comunicarea în sport</t>
  </si>
  <si>
    <t>Finanțarea, guvernanța și gestiunea riscurilor în organizațiile publice</t>
  </si>
  <si>
    <t>Tehnologii informatice ale societăţii cunoaşterii</t>
  </si>
  <si>
    <t>Zootehnie (trunchi comun)</t>
  </si>
  <si>
    <t>Guvernanţă organizaţională şi managementul riscului</t>
  </si>
  <si>
    <t>Studii literare şi comunicare interculturală</t>
  </si>
  <si>
    <t>Informatică aplicată în ingineria sistemelor</t>
  </si>
  <si>
    <t>Exploatarea durabilă a resurselor minerale / Sustainable exploitation of the mineral resources</t>
  </si>
  <si>
    <t>Criminologie economico-financiară</t>
  </si>
  <si>
    <t>Informatică aplicată în imagistică medicală (interdisciplinar cu domeniul: Medicină)</t>
  </si>
  <si>
    <t>Metodologii avansate de prelucrare a informaţiei</t>
  </si>
  <si>
    <t>Sisteme inteligente</t>
  </si>
  <si>
    <t>Optimizarea modelelor informatice</t>
  </si>
  <si>
    <t>Modelare şi simulare</t>
  </si>
  <si>
    <t>Metode formale în programare</t>
  </si>
  <si>
    <t>Tehnologii  informatice (interdisciplinar cu domeniul: Matematică)</t>
  </si>
  <si>
    <t>Programare declarativă</t>
  </si>
  <si>
    <t>Baze de date şi tehnologii WEB</t>
  </si>
  <si>
    <t>Algoritmi şi bioinformatică</t>
  </si>
  <si>
    <t>Studii comparate în culturi şi civilizaţii europene/ Comparative studies in european cultures and civilisation</t>
  </si>
  <si>
    <t>Instalaţii şi echipamente de proces în minerit/ Process installations and equipment in mining</t>
  </si>
  <si>
    <t>Informatică şi inginerie software/ Computer science and software engineering</t>
  </si>
  <si>
    <t>Structuri teatrale aplicative</t>
  </si>
  <si>
    <t>Practica asistenţei sociale orientată spiritual</t>
  </si>
  <si>
    <t>Supervizări în servicii sociale de sănătate mintală</t>
  </si>
  <si>
    <t>Prevenirea violenţei împotriva copilului în familie şi societate</t>
  </si>
  <si>
    <t>Management în asistenţă socială</t>
  </si>
  <si>
    <t>Politici şi servicii sociale</t>
  </si>
  <si>
    <t>Asistenţă socială bazată pe dovezi</t>
  </si>
  <si>
    <t>Consiliere în asistenţa socială</t>
  </si>
  <si>
    <t>Management şi administrarea afacerilor</t>
  </si>
  <si>
    <t>Sociologie și managementul îmbătrânirii (interdisciplinar cu Asistență socială)</t>
  </si>
  <si>
    <t>Aliment - Nutriţie umană/ Food - Human nutrition</t>
  </si>
  <si>
    <t>Studii cu privire la regiunea Europei Central-Răsăritene/ East Central Europe Region Studies</t>
  </si>
  <si>
    <t>Nomenclator RMU Domeniu Studiu 2020</t>
  </si>
  <si>
    <t>ID Domeniu fundamental</t>
  </si>
  <si>
    <t>ID Ramura stiinta</t>
  </si>
  <si>
    <t>isLicenta</t>
  </si>
  <si>
    <t>isMaster</t>
  </si>
  <si>
    <t>isDoctorat</t>
  </si>
  <si>
    <t>Nomenclator RMU Domeniu Fundamental 2020</t>
  </si>
  <si>
    <t>Nomenclator RMU Ramura Stiinta</t>
  </si>
  <si>
    <t>Domeniu Fundamental</t>
  </si>
  <si>
    <t>Nomenclator RMU PROGRAME STUDIU 2020</t>
  </si>
  <si>
    <t>Nomenclator RMU Program 2020</t>
  </si>
  <si>
    <t>https://upb.ro/</t>
  </si>
  <si>
    <t>https://utcb.ro/</t>
  </si>
  <si>
    <t>https://www.uauim.ro/</t>
  </si>
  <si>
    <t>https://www.usamv.ro/index.php/ro/</t>
  </si>
  <si>
    <t>https://unibuc.ro/</t>
  </si>
  <si>
    <t>https://umfcd.ro/</t>
  </si>
  <si>
    <t>https://www.ase.ro/</t>
  </si>
  <si>
    <t>https://www.unmb.ro/</t>
  </si>
  <si>
    <t>http://unarte.org/</t>
  </si>
  <si>
    <t>https://www.unatc.ro/prezentare/index.php</t>
  </si>
  <si>
    <t>https://unefsb.ro/</t>
  </si>
  <si>
    <t>http://snspa.ro/</t>
  </si>
  <si>
    <t>http://www.uab.ro/</t>
  </si>
  <si>
    <t>https://www.uav.ro/</t>
  </si>
  <si>
    <t>https://www.ub.ro/</t>
  </si>
  <si>
    <t>https://www.unitbv.ro/</t>
  </si>
  <si>
    <t>https://www.utcluj.ro/</t>
  </si>
  <si>
    <t>https://www.usamvcluj.ro/</t>
  </si>
  <si>
    <t>https://www.ubbcluj.ro/ro/</t>
  </si>
  <si>
    <t>http://www.umfcluj.ro/</t>
  </si>
  <si>
    <t>http://anmgd.ro/</t>
  </si>
  <si>
    <t>http://www.uad.ro/</t>
  </si>
  <si>
    <t>https://www.univ-ovidius.ro/</t>
  </si>
  <si>
    <t>https://cmu-edu.eu/</t>
  </si>
  <si>
    <t>https://www.ucv.ro/</t>
  </si>
  <si>
    <t>http://www.umfcv.ro/</t>
  </si>
  <si>
    <t>https://www.ugal.ro/</t>
  </si>
  <si>
    <t>https://www.tuiasi.ro/</t>
  </si>
  <si>
    <t>https://www.uaiasi.ro/</t>
  </si>
  <si>
    <t>https://www.uaic.ro/</t>
  </si>
  <si>
    <t>https://www.uoradea.ro/Universitatea+din+Oradea</t>
  </si>
  <si>
    <t>https://www.upet.ro/</t>
  </si>
  <si>
    <t>https://www.upit.ro/</t>
  </si>
  <si>
    <t>https://www.upg-ploiesti.ro/</t>
  </si>
  <si>
    <t>https://uem.ro/</t>
  </si>
  <si>
    <t>https://www.ulbsibiu.ro/ro/</t>
  </si>
  <si>
    <t>https://usv.ro/</t>
  </si>
  <si>
    <t>https://www.valahia.ro/ro/</t>
  </si>
  <si>
    <t>https://www.utgjiu.ro/</t>
  </si>
  <si>
    <t>https://old.upm.ro/</t>
  </si>
  <si>
    <t>https://www.uat.ro/acasa</t>
  </si>
  <si>
    <t>https://www.upt.ro/</t>
  </si>
  <si>
    <t>https://www.usab-tm.ro/ro</t>
  </si>
  <si>
    <t>https://www.uvt.ro/ro/</t>
  </si>
  <si>
    <t>http://www.umft.ro/</t>
  </si>
  <si>
    <t>https://www.unap.ro/</t>
  </si>
  <si>
    <t>https://animv.ro/</t>
  </si>
  <si>
    <t>https://www.academiadepolitie.ro/</t>
  </si>
  <si>
    <t>http://www.afahc.ro/</t>
  </si>
  <si>
    <t>https://www.anmb.ro/#gsc.tab=0</t>
  </si>
  <si>
    <t>https://www.armyacademy.ro/</t>
  </si>
  <si>
    <t>https://www.ucdc.ro/</t>
  </si>
  <si>
    <t>https://www.utm.ro/</t>
  </si>
  <si>
    <t>https://www.univnt.ro/</t>
  </si>
  <si>
    <t>https://www.rau.ro/</t>
  </si>
  <si>
    <t>https://www.hyperion.ro/</t>
  </si>
  <si>
    <t>https://www.spiruharet.ro/</t>
  </si>
  <si>
    <t>https://bioterra.ro/</t>
  </si>
  <si>
    <t>https://www.ueb.ro/</t>
  </si>
  <si>
    <t>http://ugc.ro</t>
  </si>
  <si>
    <t>http://nou.univath.ro/</t>
  </si>
  <si>
    <t>https://www.artifex.org.ro/</t>
  </si>
  <si>
    <t>https://itb.ro/</t>
  </si>
  <si>
    <t>https://www.uvvg.ro/site/</t>
  </si>
  <si>
    <t>https://www.ugb.ro/</t>
  </si>
  <si>
    <t>http://www.ubv.ro/</t>
  </si>
  <si>
    <t>https://andreisaguna.ro/</t>
  </si>
  <si>
    <t>https://www.univ-danubius.ro/</t>
  </si>
  <si>
    <t>http://www.universitateaeuropeanadragan.ro/</t>
  </si>
  <si>
    <t>https://www.emanuel.ro/</t>
  </si>
  <si>
    <t>http://www.univcb.ro/</t>
  </si>
  <si>
    <t>http://www.roger-univ.ro/</t>
  </si>
  <si>
    <t>https://cantemir.ro/</t>
  </si>
  <si>
    <t>https://www.tibiscus.ro/</t>
  </si>
  <si>
    <t>www.uai-cluj.ro</t>
  </si>
  <si>
    <t>https://www.itpbucuresti.ro/</t>
  </si>
  <si>
    <t>https://www.partium.ro/ro</t>
  </si>
  <si>
    <t>http://www.upa.ro/</t>
  </si>
  <si>
    <t>https://www.univapollonia.ro/</t>
  </si>
  <si>
    <t>http://www.asebuss.ro</t>
  </si>
  <si>
    <t>https://proteo.cj.edu.ro/ro</t>
  </si>
  <si>
    <t>http://www.sapientia.ro/ro/facultati/cluj-napoca</t>
  </si>
  <si>
    <t>http://www.univ-st-lupascu.ro/</t>
  </si>
  <si>
    <t>https://itrciasi.ro/homepage</t>
  </si>
  <si>
    <t>http://univagora.ro/</t>
  </si>
  <si>
    <t>https://itrcf.ofmconv.ro/</t>
  </si>
  <si>
    <t>http://ns2.islavici.ro/</t>
  </si>
  <si>
    <t>https://www.univ-tomis.ro/</t>
  </si>
  <si>
    <t>http://timotheus.ro/</t>
  </si>
  <si>
    <t>www.lumina.org/ro</t>
  </si>
  <si>
    <t>https://acad.ro/</t>
  </si>
  <si>
    <t>http://www.arteiasi.ro/</t>
  </si>
  <si>
    <t>http://www.imar.ro/~snsb/</t>
  </si>
  <si>
    <t>https://uadventus.ro/</t>
  </si>
  <si>
    <t>https://mta.ro/</t>
  </si>
  <si>
    <t>https://www.umfst.ro/home.html</t>
  </si>
  <si>
    <t>https://www.umfiasi.ro/ro</t>
  </si>
  <si>
    <t>Adresa we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sz val="12"/>
      <color rgb="FF666666"/>
      <name val="Arial"/>
      <family val="2"/>
    </font>
    <font>
      <sz val="9"/>
      <color rgb="FF333333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0" fillId="0" borderId="0" xfId="0" applyAlignment="1">
      <alignment horizontal="center"/>
    </xf>
    <xf numFmtId="0" fontId="1" fillId="0" borderId="0" xfId="0" applyFont="1"/>
    <xf numFmtId="0" fontId="2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01"/>
  <sheetViews>
    <sheetView tabSelected="1" workbookViewId="0">
      <selection activeCell="J4" sqref="J4"/>
    </sheetView>
  </sheetViews>
  <sheetFormatPr defaultRowHeight="15" x14ac:dyDescent="0.25"/>
  <cols>
    <col min="2" max="2" width="41.28515625" customWidth="1"/>
    <col min="3" max="3" width="15.140625" customWidth="1"/>
    <col min="4" max="4" width="13.28515625" bestFit="1" customWidth="1"/>
    <col min="6" max="6" width="22.140625" customWidth="1"/>
    <col min="7" max="7" width="12.140625" customWidth="1"/>
    <col min="9" max="9" width="27.28515625" customWidth="1"/>
  </cols>
  <sheetData>
    <row r="1" spans="1:9" x14ac:dyDescent="0.25">
      <c r="C1" t="s">
        <v>4032</v>
      </c>
    </row>
    <row r="3" spans="1:9" x14ac:dyDescent="0.25">
      <c r="A3" t="s">
        <v>1</v>
      </c>
      <c r="B3" t="s">
        <v>2</v>
      </c>
      <c r="C3" t="s">
        <v>4033</v>
      </c>
      <c r="D3" t="s">
        <v>4034</v>
      </c>
      <c r="E3" t="s">
        <v>4035</v>
      </c>
      <c r="F3" t="s">
        <v>635</v>
      </c>
      <c r="G3" t="s">
        <v>636</v>
      </c>
      <c r="H3" t="s">
        <v>6</v>
      </c>
      <c r="I3" t="s">
        <v>4936</v>
      </c>
    </row>
    <row r="4" spans="1:9" x14ac:dyDescent="0.25">
      <c r="A4">
        <v>1</v>
      </c>
      <c r="B4" t="s">
        <v>226</v>
      </c>
      <c r="C4" t="s">
        <v>4036</v>
      </c>
      <c r="D4" t="s">
        <v>4037</v>
      </c>
      <c r="E4">
        <v>4</v>
      </c>
      <c r="F4" t="s">
        <v>658</v>
      </c>
      <c r="G4">
        <v>13755</v>
      </c>
      <c r="H4">
        <v>2020</v>
      </c>
      <c r="I4" t="s">
        <v>4839</v>
      </c>
    </row>
    <row r="5" spans="1:9" x14ac:dyDescent="0.25">
      <c r="A5">
        <v>2</v>
      </c>
      <c r="B5" t="s">
        <v>110</v>
      </c>
      <c r="C5" t="s">
        <v>4038</v>
      </c>
      <c r="D5" t="s">
        <v>4037</v>
      </c>
      <c r="E5">
        <v>4</v>
      </c>
      <c r="F5" t="s">
        <v>658</v>
      </c>
      <c r="G5">
        <v>13755</v>
      </c>
      <c r="H5">
        <v>2020</v>
      </c>
      <c r="I5" t="s">
        <v>4840</v>
      </c>
    </row>
    <row r="6" spans="1:9" x14ac:dyDescent="0.25">
      <c r="A6">
        <v>3</v>
      </c>
      <c r="B6" t="s">
        <v>84</v>
      </c>
      <c r="C6" t="s">
        <v>4039</v>
      </c>
      <c r="D6" t="s">
        <v>4037</v>
      </c>
      <c r="E6">
        <v>4</v>
      </c>
      <c r="F6" t="s">
        <v>658</v>
      </c>
      <c r="G6">
        <v>13755</v>
      </c>
      <c r="H6">
        <v>2020</v>
      </c>
      <c r="I6" t="s">
        <v>4841</v>
      </c>
    </row>
    <row r="7" spans="1:9" x14ac:dyDescent="0.25">
      <c r="A7">
        <v>4</v>
      </c>
      <c r="B7" t="s">
        <v>183</v>
      </c>
      <c r="C7" t="s">
        <v>4040</v>
      </c>
      <c r="D7" t="s">
        <v>4037</v>
      </c>
      <c r="E7">
        <v>4</v>
      </c>
      <c r="F7" t="s">
        <v>658</v>
      </c>
      <c r="G7">
        <v>13755</v>
      </c>
      <c r="H7">
        <v>2020</v>
      </c>
      <c r="I7" t="s">
        <v>4842</v>
      </c>
    </row>
    <row r="8" spans="1:9" x14ac:dyDescent="0.25">
      <c r="A8">
        <v>5</v>
      </c>
      <c r="B8" t="s">
        <v>16</v>
      </c>
      <c r="C8" t="s">
        <v>4041</v>
      </c>
      <c r="D8" t="s">
        <v>4037</v>
      </c>
      <c r="E8">
        <v>4</v>
      </c>
      <c r="F8" t="s">
        <v>658</v>
      </c>
      <c r="G8">
        <v>13755</v>
      </c>
      <c r="H8">
        <v>2020</v>
      </c>
      <c r="I8" t="s">
        <v>4843</v>
      </c>
    </row>
    <row r="9" spans="1:9" x14ac:dyDescent="0.25">
      <c r="A9">
        <v>6</v>
      </c>
      <c r="B9" t="s">
        <v>202</v>
      </c>
      <c r="C9" t="s">
        <v>4042</v>
      </c>
      <c r="D9" t="s">
        <v>4037</v>
      </c>
      <c r="E9">
        <v>4</v>
      </c>
      <c r="F9" t="s">
        <v>658</v>
      </c>
      <c r="G9">
        <v>13755</v>
      </c>
      <c r="H9">
        <v>2020</v>
      </c>
      <c r="I9" t="s">
        <v>4844</v>
      </c>
    </row>
    <row r="10" spans="1:9" x14ac:dyDescent="0.25">
      <c r="A10">
        <v>7</v>
      </c>
      <c r="B10" t="s">
        <v>12</v>
      </c>
      <c r="C10" t="s">
        <v>4043</v>
      </c>
      <c r="D10" t="s">
        <v>4037</v>
      </c>
      <c r="E10">
        <v>4</v>
      </c>
      <c r="F10" t="s">
        <v>658</v>
      </c>
      <c r="G10">
        <v>13755</v>
      </c>
      <c r="H10">
        <v>2020</v>
      </c>
      <c r="I10" t="s">
        <v>4845</v>
      </c>
    </row>
    <row r="11" spans="1:9" x14ac:dyDescent="0.25">
      <c r="A11">
        <v>8</v>
      </c>
      <c r="B11" t="s">
        <v>123</v>
      </c>
      <c r="C11" t="s">
        <v>4044</v>
      </c>
      <c r="D11" t="s">
        <v>4037</v>
      </c>
      <c r="E11">
        <v>4</v>
      </c>
      <c r="F11" t="s">
        <v>658</v>
      </c>
      <c r="G11">
        <v>13755</v>
      </c>
      <c r="H11">
        <v>2020</v>
      </c>
      <c r="I11" t="s">
        <v>4846</v>
      </c>
    </row>
    <row r="12" spans="1:9" x14ac:dyDescent="0.25">
      <c r="A12">
        <v>9</v>
      </c>
      <c r="B12" t="s">
        <v>127</v>
      </c>
      <c r="C12" t="s">
        <v>4045</v>
      </c>
      <c r="D12" t="s">
        <v>4037</v>
      </c>
      <c r="E12">
        <v>4</v>
      </c>
      <c r="F12" t="s">
        <v>658</v>
      </c>
      <c r="G12">
        <v>13755</v>
      </c>
      <c r="H12">
        <v>2020</v>
      </c>
      <c r="I12" t="s">
        <v>4847</v>
      </c>
    </row>
    <row r="13" spans="1:9" x14ac:dyDescent="0.25">
      <c r="A13">
        <v>10</v>
      </c>
      <c r="B13" t="s">
        <v>129</v>
      </c>
      <c r="C13" t="s">
        <v>4046</v>
      </c>
      <c r="D13" t="s">
        <v>4037</v>
      </c>
      <c r="E13">
        <v>4</v>
      </c>
      <c r="F13" t="s">
        <v>658</v>
      </c>
      <c r="G13">
        <v>13755</v>
      </c>
      <c r="H13">
        <v>2020</v>
      </c>
      <c r="I13" t="s">
        <v>4848</v>
      </c>
    </row>
    <row r="14" spans="1:9" x14ac:dyDescent="0.25">
      <c r="A14">
        <v>11</v>
      </c>
      <c r="B14" t="s">
        <v>125</v>
      </c>
      <c r="C14" t="s">
        <v>4047</v>
      </c>
      <c r="D14" t="s">
        <v>4037</v>
      </c>
      <c r="E14">
        <v>4</v>
      </c>
      <c r="F14" t="s">
        <v>658</v>
      </c>
      <c r="G14">
        <v>13755</v>
      </c>
      <c r="H14">
        <v>2020</v>
      </c>
      <c r="I14" t="s">
        <v>4849</v>
      </c>
    </row>
    <row r="15" spans="1:9" x14ac:dyDescent="0.25">
      <c r="A15">
        <v>12</v>
      </c>
      <c r="B15" t="s">
        <v>289</v>
      </c>
      <c r="C15" t="s">
        <v>4048</v>
      </c>
      <c r="D15" t="s">
        <v>4037</v>
      </c>
      <c r="E15">
        <v>4</v>
      </c>
      <c r="F15" t="s">
        <v>658</v>
      </c>
      <c r="G15">
        <v>13755</v>
      </c>
      <c r="H15">
        <v>2020</v>
      </c>
      <c r="I15" t="s">
        <v>4850</v>
      </c>
    </row>
    <row r="16" spans="1:9" x14ac:dyDescent="0.25">
      <c r="A16">
        <v>13</v>
      </c>
      <c r="B16" t="s">
        <v>108</v>
      </c>
      <c r="C16" t="s">
        <v>4049</v>
      </c>
      <c r="D16" t="s">
        <v>4050</v>
      </c>
      <c r="E16">
        <v>1</v>
      </c>
      <c r="F16" t="s">
        <v>854</v>
      </c>
      <c r="G16">
        <v>1</v>
      </c>
      <c r="H16">
        <v>2020</v>
      </c>
      <c r="I16" t="s">
        <v>4851</v>
      </c>
    </row>
    <row r="17" spans="1:9" x14ac:dyDescent="0.25">
      <c r="A17">
        <v>14</v>
      </c>
      <c r="B17" t="s">
        <v>20</v>
      </c>
      <c r="C17" t="s">
        <v>4051</v>
      </c>
      <c r="D17" t="s">
        <v>4052</v>
      </c>
      <c r="E17">
        <v>3</v>
      </c>
      <c r="F17" t="s">
        <v>681</v>
      </c>
      <c r="G17">
        <v>717</v>
      </c>
      <c r="H17">
        <v>2020</v>
      </c>
      <c r="I17" t="s">
        <v>4852</v>
      </c>
    </row>
    <row r="18" spans="1:9" x14ac:dyDescent="0.25">
      <c r="A18">
        <v>15</v>
      </c>
      <c r="B18" t="s">
        <v>213</v>
      </c>
      <c r="C18" t="s">
        <v>4053</v>
      </c>
      <c r="D18" t="s">
        <v>4054</v>
      </c>
      <c r="E18">
        <v>13</v>
      </c>
      <c r="F18" t="s">
        <v>741</v>
      </c>
      <c r="G18">
        <v>1585</v>
      </c>
      <c r="H18">
        <v>2020</v>
      </c>
      <c r="I18" t="s">
        <v>4853</v>
      </c>
    </row>
    <row r="19" spans="1:9" x14ac:dyDescent="0.25">
      <c r="A19">
        <v>17</v>
      </c>
      <c r="B19" t="s">
        <v>218</v>
      </c>
      <c r="C19" t="s">
        <v>4055</v>
      </c>
      <c r="D19" t="s">
        <v>4056</v>
      </c>
      <c r="E19">
        <v>18</v>
      </c>
      <c r="F19" t="s">
        <v>744</v>
      </c>
      <c r="G19">
        <v>3143</v>
      </c>
      <c r="H19">
        <v>2020</v>
      </c>
      <c r="I19" t="s">
        <v>4854</v>
      </c>
    </row>
    <row r="20" spans="1:9" x14ac:dyDescent="0.25">
      <c r="A20">
        <v>18</v>
      </c>
      <c r="B20" t="s">
        <v>30</v>
      </c>
      <c r="C20" t="s">
        <v>4057</v>
      </c>
      <c r="D20" t="s">
        <v>4058</v>
      </c>
      <c r="E20">
        <v>20</v>
      </c>
      <c r="F20" t="s">
        <v>739</v>
      </c>
      <c r="G20">
        <v>4413</v>
      </c>
      <c r="H20">
        <v>2020</v>
      </c>
      <c r="I20" t="s">
        <v>4855</v>
      </c>
    </row>
    <row r="21" spans="1:9" x14ac:dyDescent="0.25">
      <c r="A21">
        <v>19</v>
      </c>
      <c r="B21" t="s">
        <v>192</v>
      </c>
      <c r="C21" t="s">
        <v>4059</v>
      </c>
      <c r="D21" t="s">
        <v>4058</v>
      </c>
      <c r="E21">
        <v>20</v>
      </c>
      <c r="F21" t="s">
        <v>739</v>
      </c>
      <c r="G21">
        <v>4413</v>
      </c>
      <c r="H21">
        <v>2020</v>
      </c>
      <c r="I21" t="s">
        <v>4856</v>
      </c>
    </row>
    <row r="22" spans="1:9" x14ac:dyDescent="0.25">
      <c r="A22">
        <v>20</v>
      </c>
      <c r="B22" t="s">
        <v>14</v>
      </c>
      <c r="C22" t="s">
        <v>4060</v>
      </c>
      <c r="D22" t="s">
        <v>4058</v>
      </c>
      <c r="E22">
        <v>20</v>
      </c>
      <c r="F22" t="s">
        <v>739</v>
      </c>
      <c r="G22">
        <v>4413</v>
      </c>
      <c r="H22">
        <v>2020</v>
      </c>
      <c r="I22" t="s">
        <v>4857</v>
      </c>
    </row>
    <row r="23" spans="1:9" x14ac:dyDescent="0.25">
      <c r="A23">
        <v>21</v>
      </c>
      <c r="B23" t="s">
        <v>198</v>
      </c>
      <c r="C23" t="s">
        <v>4061</v>
      </c>
      <c r="D23" t="s">
        <v>4058</v>
      </c>
      <c r="E23">
        <v>20</v>
      </c>
      <c r="F23" t="s">
        <v>739</v>
      </c>
      <c r="G23">
        <v>4413</v>
      </c>
      <c r="H23">
        <v>2020</v>
      </c>
      <c r="I23" t="s">
        <v>4858</v>
      </c>
    </row>
    <row r="24" spans="1:9" x14ac:dyDescent="0.25">
      <c r="A24">
        <v>22</v>
      </c>
      <c r="B24" t="s">
        <v>305</v>
      </c>
      <c r="C24" t="s">
        <v>4062</v>
      </c>
      <c r="D24" t="s">
        <v>4058</v>
      </c>
      <c r="E24">
        <v>20</v>
      </c>
      <c r="F24" t="s">
        <v>739</v>
      </c>
      <c r="G24">
        <v>4413</v>
      </c>
      <c r="H24">
        <v>2020</v>
      </c>
      <c r="I24" t="s">
        <v>4859</v>
      </c>
    </row>
    <row r="25" spans="1:9" x14ac:dyDescent="0.25">
      <c r="A25">
        <v>23</v>
      </c>
      <c r="B25" t="s">
        <v>210</v>
      </c>
      <c r="C25" t="s">
        <v>4063</v>
      </c>
      <c r="D25" t="s">
        <v>4058</v>
      </c>
      <c r="E25">
        <v>20</v>
      </c>
      <c r="F25" t="s">
        <v>739</v>
      </c>
      <c r="G25">
        <v>4413</v>
      </c>
      <c r="H25">
        <v>2020</v>
      </c>
      <c r="I25" t="s">
        <v>4860</v>
      </c>
    </row>
    <row r="26" spans="1:9" x14ac:dyDescent="0.25">
      <c r="A26">
        <v>24</v>
      </c>
      <c r="B26" t="s">
        <v>32</v>
      </c>
      <c r="C26" t="s">
        <v>4064</v>
      </c>
      <c r="D26" t="s">
        <v>4065</v>
      </c>
      <c r="E26">
        <v>23</v>
      </c>
      <c r="F26" t="s">
        <v>747</v>
      </c>
      <c r="G26">
        <v>4847</v>
      </c>
      <c r="H26">
        <v>2020</v>
      </c>
      <c r="I26" t="s">
        <v>4861</v>
      </c>
    </row>
    <row r="27" spans="1:9" x14ac:dyDescent="0.25">
      <c r="A27">
        <v>25</v>
      </c>
      <c r="B27" t="s">
        <v>104</v>
      </c>
      <c r="C27" t="s">
        <v>4066</v>
      </c>
      <c r="D27" t="s">
        <v>4065</v>
      </c>
      <c r="E27">
        <v>23</v>
      </c>
      <c r="F27" t="s">
        <v>747</v>
      </c>
      <c r="G27">
        <v>4847</v>
      </c>
      <c r="H27">
        <v>2020</v>
      </c>
      <c r="I27" t="s">
        <v>4862</v>
      </c>
    </row>
    <row r="28" spans="1:9" x14ac:dyDescent="0.25">
      <c r="A28">
        <v>26</v>
      </c>
      <c r="B28" t="s">
        <v>95</v>
      </c>
      <c r="C28" t="s">
        <v>4067</v>
      </c>
      <c r="D28" t="s">
        <v>4068</v>
      </c>
      <c r="E28">
        <v>26</v>
      </c>
      <c r="F28" t="s">
        <v>833</v>
      </c>
      <c r="G28">
        <v>5562</v>
      </c>
      <c r="H28">
        <v>2020</v>
      </c>
      <c r="I28" t="s">
        <v>4863</v>
      </c>
    </row>
    <row r="29" spans="1:9" x14ac:dyDescent="0.25">
      <c r="A29">
        <v>27</v>
      </c>
      <c r="B29" t="s">
        <v>195</v>
      </c>
      <c r="C29" t="s">
        <v>4069</v>
      </c>
      <c r="D29" t="s">
        <v>4068</v>
      </c>
      <c r="E29">
        <v>26</v>
      </c>
      <c r="F29" t="s">
        <v>833</v>
      </c>
      <c r="G29">
        <v>5562</v>
      </c>
      <c r="H29">
        <v>2020</v>
      </c>
      <c r="I29" t="s">
        <v>4864</v>
      </c>
    </row>
    <row r="30" spans="1:9" x14ac:dyDescent="0.25">
      <c r="A30">
        <v>28</v>
      </c>
      <c r="B30" t="s">
        <v>22</v>
      </c>
      <c r="C30" t="s">
        <v>4070</v>
      </c>
      <c r="D30" t="s">
        <v>4071</v>
      </c>
      <c r="E30">
        <v>28</v>
      </c>
      <c r="F30" t="s">
        <v>675</v>
      </c>
      <c r="G30">
        <v>5952</v>
      </c>
      <c r="H30">
        <v>2020</v>
      </c>
      <c r="I30" t="s">
        <v>4865</v>
      </c>
    </row>
    <row r="31" spans="1:9" x14ac:dyDescent="0.25">
      <c r="A31">
        <v>29</v>
      </c>
      <c r="B31" t="s">
        <v>112</v>
      </c>
      <c r="C31" t="s">
        <v>4072</v>
      </c>
      <c r="D31" t="s">
        <v>4073</v>
      </c>
      <c r="E31">
        <v>34</v>
      </c>
      <c r="F31" t="s">
        <v>719</v>
      </c>
      <c r="G31">
        <v>7630</v>
      </c>
      <c r="H31">
        <v>2020</v>
      </c>
      <c r="I31" t="s">
        <v>4866</v>
      </c>
    </row>
    <row r="32" spans="1:9" x14ac:dyDescent="0.25">
      <c r="A32">
        <v>30</v>
      </c>
      <c r="B32" t="s">
        <v>189</v>
      </c>
      <c r="C32" t="s">
        <v>4074</v>
      </c>
      <c r="D32" t="s">
        <v>4073</v>
      </c>
      <c r="E32">
        <v>34</v>
      </c>
      <c r="F32" t="s">
        <v>719</v>
      </c>
      <c r="G32">
        <v>7630</v>
      </c>
      <c r="H32">
        <v>2020</v>
      </c>
      <c r="I32" t="s">
        <v>4867</v>
      </c>
    </row>
    <row r="33" spans="1:9" x14ac:dyDescent="0.25">
      <c r="A33">
        <v>31</v>
      </c>
      <c r="B33" t="s">
        <v>18</v>
      </c>
      <c r="C33" t="s">
        <v>4075</v>
      </c>
      <c r="D33" t="s">
        <v>4073</v>
      </c>
      <c r="E33">
        <v>34</v>
      </c>
      <c r="F33" t="s">
        <v>719</v>
      </c>
      <c r="G33">
        <v>7630</v>
      </c>
      <c r="H33">
        <v>2020</v>
      </c>
      <c r="I33" t="s">
        <v>4868</v>
      </c>
    </row>
    <row r="34" spans="1:9" x14ac:dyDescent="0.25">
      <c r="A34">
        <v>34</v>
      </c>
      <c r="B34" t="s">
        <v>140</v>
      </c>
      <c r="C34" t="s">
        <v>4076</v>
      </c>
      <c r="D34" t="s">
        <v>4077</v>
      </c>
      <c r="E34">
        <v>14</v>
      </c>
      <c r="F34" t="s">
        <v>652</v>
      </c>
      <c r="G34">
        <v>2094</v>
      </c>
      <c r="H34">
        <v>2020</v>
      </c>
      <c r="I34" t="s">
        <v>4869</v>
      </c>
    </row>
    <row r="35" spans="1:9" x14ac:dyDescent="0.25">
      <c r="A35">
        <v>35</v>
      </c>
      <c r="B35" t="s">
        <v>138</v>
      </c>
      <c r="C35" t="s">
        <v>4078</v>
      </c>
      <c r="D35" t="s">
        <v>4079</v>
      </c>
      <c r="E35">
        <v>30</v>
      </c>
      <c r="F35" t="s">
        <v>1054</v>
      </c>
      <c r="G35">
        <v>7022</v>
      </c>
      <c r="H35">
        <v>2020</v>
      </c>
      <c r="I35" t="s">
        <v>4870</v>
      </c>
    </row>
    <row r="36" spans="1:9" x14ac:dyDescent="0.25">
      <c r="A36">
        <v>36</v>
      </c>
      <c r="B36" t="s">
        <v>69</v>
      </c>
      <c r="C36" t="s">
        <v>4080</v>
      </c>
      <c r="D36" t="s">
        <v>4081</v>
      </c>
      <c r="E36">
        <v>2</v>
      </c>
      <c r="F36" t="s">
        <v>732</v>
      </c>
      <c r="G36">
        <v>1000</v>
      </c>
      <c r="H36">
        <v>2020</v>
      </c>
      <c r="I36" t="s">
        <v>4871</v>
      </c>
    </row>
    <row r="37" spans="1:9" x14ac:dyDescent="0.25">
      <c r="A37">
        <v>37</v>
      </c>
      <c r="B37" t="s">
        <v>242</v>
      </c>
      <c r="C37" t="s">
        <v>4082</v>
      </c>
      <c r="D37" t="s">
        <v>4083</v>
      </c>
      <c r="E37">
        <v>40</v>
      </c>
      <c r="F37" t="s">
        <v>821</v>
      </c>
      <c r="G37">
        <v>10029</v>
      </c>
      <c r="H37">
        <v>2020</v>
      </c>
      <c r="I37" t="s">
        <v>4872</v>
      </c>
    </row>
    <row r="38" spans="1:9" x14ac:dyDescent="0.25">
      <c r="A38">
        <v>38</v>
      </c>
      <c r="B38" t="s">
        <v>249</v>
      </c>
      <c r="C38" t="s">
        <v>4084</v>
      </c>
      <c r="D38" t="s">
        <v>4085</v>
      </c>
      <c r="E38">
        <v>22</v>
      </c>
      <c r="F38" t="s">
        <v>713</v>
      </c>
      <c r="G38">
        <v>3939</v>
      </c>
      <c r="H38">
        <v>2020</v>
      </c>
      <c r="I38" t="s">
        <v>4873</v>
      </c>
    </row>
    <row r="39" spans="1:9" x14ac:dyDescent="0.25">
      <c r="A39">
        <v>39</v>
      </c>
      <c r="B39" t="s">
        <v>247</v>
      </c>
      <c r="C39" t="s">
        <v>4086</v>
      </c>
      <c r="D39" t="s">
        <v>4087</v>
      </c>
      <c r="E39">
        <v>41</v>
      </c>
      <c r="F39" t="s">
        <v>817</v>
      </c>
      <c r="G39">
        <v>11010</v>
      </c>
      <c r="H39">
        <v>2020</v>
      </c>
      <c r="I39" t="s">
        <v>4874</v>
      </c>
    </row>
    <row r="40" spans="1:9" x14ac:dyDescent="0.25">
      <c r="A40">
        <v>40</v>
      </c>
      <c r="B40" t="s">
        <v>74</v>
      </c>
      <c r="C40" t="s">
        <v>4088</v>
      </c>
      <c r="D40" t="s">
        <v>4089</v>
      </c>
      <c r="E40">
        <v>44</v>
      </c>
      <c r="F40" t="s">
        <v>697</v>
      </c>
      <c r="G40">
        <v>11198</v>
      </c>
      <c r="H40">
        <v>2020</v>
      </c>
      <c r="I40" t="s">
        <v>4875</v>
      </c>
    </row>
    <row r="41" spans="1:9" x14ac:dyDescent="0.25">
      <c r="A41">
        <v>41</v>
      </c>
      <c r="B41" t="s">
        <v>215</v>
      </c>
      <c r="C41" t="s">
        <v>4090</v>
      </c>
      <c r="D41" t="s">
        <v>4091</v>
      </c>
      <c r="E41">
        <v>25</v>
      </c>
      <c r="F41" t="s">
        <v>1207</v>
      </c>
      <c r="G41">
        <v>5188</v>
      </c>
      <c r="H41">
        <v>2020</v>
      </c>
      <c r="I41" t="s">
        <v>4876</v>
      </c>
    </row>
    <row r="42" spans="1:9" x14ac:dyDescent="0.25">
      <c r="A42">
        <v>42</v>
      </c>
      <c r="B42" t="s">
        <v>59</v>
      </c>
      <c r="C42" t="s">
        <v>4092</v>
      </c>
      <c r="D42" t="s">
        <v>4093</v>
      </c>
      <c r="E42">
        <v>27</v>
      </c>
      <c r="F42" t="s">
        <v>1060</v>
      </c>
      <c r="G42">
        <v>6305</v>
      </c>
      <c r="H42">
        <v>2020</v>
      </c>
      <c r="I42" t="s">
        <v>4877</v>
      </c>
    </row>
    <row r="43" spans="1:9" x14ac:dyDescent="0.25">
      <c r="A43">
        <v>43</v>
      </c>
      <c r="B43" t="s">
        <v>4094</v>
      </c>
      <c r="C43" t="s">
        <v>4095</v>
      </c>
      <c r="D43" t="s">
        <v>4096</v>
      </c>
      <c r="E43">
        <v>37</v>
      </c>
      <c r="F43" t="s">
        <v>666</v>
      </c>
      <c r="G43">
        <v>8767</v>
      </c>
      <c r="H43">
        <v>2020</v>
      </c>
      <c r="I43" t="s">
        <v>4878</v>
      </c>
    </row>
    <row r="44" spans="1:9" x14ac:dyDescent="0.25">
      <c r="A44">
        <v>45</v>
      </c>
      <c r="B44" t="s">
        <v>204</v>
      </c>
      <c r="C44" t="s">
        <v>4097</v>
      </c>
      <c r="D44" t="s">
        <v>4096</v>
      </c>
      <c r="E44">
        <v>37</v>
      </c>
      <c r="F44" t="s">
        <v>666</v>
      </c>
      <c r="G44">
        <v>8767</v>
      </c>
      <c r="H44">
        <v>2020</v>
      </c>
      <c r="I44" t="s">
        <v>4879</v>
      </c>
    </row>
    <row r="45" spans="1:9" x14ac:dyDescent="0.25">
      <c r="A45">
        <v>46</v>
      </c>
      <c r="B45" t="s">
        <v>224</v>
      </c>
      <c r="C45" t="s">
        <v>4098</v>
      </c>
      <c r="D45" t="s">
        <v>4099</v>
      </c>
      <c r="E45">
        <v>46</v>
      </c>
      <c r="F45" t="s">
        <v>773</v>
      </c>
      <c r="G45">
        <v>11846</v>
      </c>
      <c r="H45">
        <v>2020</v>
      </c>
      <c r="I45" t="s">
        <v>4880</v>
      </c>
    </row>
    <row r="46" spans="1:9" x14ac:dyDescent="0.25">
      <c r="A46">
        <v>47</v>
      </c>
      <c r="B46" t="s">
        <v>186</v>
      </c>
      <c r="C46" t="s">
        <v>4100</v>
      </c>
      <c r="D46" t="s">
        <v>4099</v>
      </c>
      <c r="E46">
        <v>46</v>
      </c>
      <c r="F46" t="s">
        <v>773</v>
      </c>
      <c r="G46">
        <v>11846</v>
      </c>
      <c r="H46">
        <v>2020</v>
      </c>
      <c r="I46" t="s">
        <v>4881</v>
      </c>
    </row>
    <row r="47" spans="1:9" x14ac:dyDescent="0.25">
      <c r="A47">
        <v>48</v>
      </c>
      <c r="B47" t="s">
        <v>93</v>
      </c>
      <c r="C47" t="s">
        <v>4101</v>
      </c>
      <c r="D47" t="s">
        <v>4099</v>
      </c>
      <c r="E47">
        <v>46</v>
      </c>
      <c r="F47" t="s">
        <v>773</v>
      </c>
      <c r="G47">
        <v>11846</v>
      </c>
      <c r="H47">
        <v>2020</v>
      </c>
      <c r="I47" t="s">
        <v>4882</v>
      </c>
    </row>
    <row r="48" spans="1:9" x14ac:dyDescent="0.25">
      <c r="A48">
        <v>49</v>
      </c>
      <c r="B48" t="s">
        <v>28</v>
      </c>
      <c r="C48" t="s">
        <v>4102</v>
      </c>
      <c r="D48" t="s">
        <v>4099</v>
      </c>
      <c r="E48">
        <v>46</v>
      </c>
      <c r="F48" t="s">
        <v>773</v>
      </c>
      <c r="G48">
        <v>11846</v>
      </c>
      <c r="H48">
        <v>2020</v>
      </c>
      <c r="I48" t="s">
        <v>4883</v>
      </c>
    </row>
    <row r="49" spans="1:9" x14ac:dyDescent="0.25">
      <c r="A49">
        <v>51</v>
      </c>
      <c r="B49" t="s">
        <v>131</v>
      </c>
      <c r="C49" t="s">
        <v>4103</v>
      </c>
      <c r="D49" t="s">
        <v>4037</v>
      </c>
      <c r="E49">
        <v>4</v>
      </c>
      <c r="F49" t="s">
        <v>658</v>
      </c>
      <c r="G49">
        <v>13755</v>
      </c>
      <c r="H49">
        <v>2020</v>
      </c>
      <c r="I49" t="s">
        <v>4884</v>
      </c>
    </row>
    <row r="50" spans="1:9" x14ac:dyDescent="0.25">
      <c r="A50">
        <v>52</v>
      </c>
      <c r="B50" t="s">
        <v>293</v>
      </c>
      <c r="C50" t="s">
        <v>4104</v>
      </c>
      <c r="D50" t="s">
        <v>4037</v>
      </c>
      <c r="E50">
        <v>4</v>
      </c>
      <c r="F50" t="s">
        <v>658</v>
      </c>
      <c r="G50">
        <v>13755</v>
      </c>
      <c r="H50">
        <v>2020</v>
      </c>
      <c r="I50" t="s">
        <v>4885</v>
      </c>
    </row>
    <row r="51" spans="1:9" x14ac:dyDescent="0.25">
      <c r="A51">
        <v>53</v>
      </c>
      <c r="B51" t="s">
        <v>303</v>
      </c>
      <c r="C51" t="s">
        <v>4105</v>
      </c>
      <c r="D51" t="s">
        <v>4037</v>
      </c>
      <c r="E51">
        <v>4</v>
      </c>
      <c r="F51" t="s">
        <v>658</v>
      </c>
      <c r="G51">
        <v>13755</v>
      </c>
      <c r="H51">
        <v>2020</v>
      </c>
      <c r="I51" t="s">
        <v>4886</v>
      </c>
    </row>
    <row r="52" spans="1:9" x14ac:dyDescent="0.25">
      <c r="A52">
        <v>54</v>
      </c>
      <c r="B52" t="s">
        <v>48</v>
      </c>
      <c r="C52" t="s">
        <v>4106</v>
      </c>
      <c r="D52" t="s">
        <v>4056</v>
      </c>
      <c r="E52">
        <v>18</v>
      </c>
      <c r="F52" t="s">
        <v>744</v>
      </c>
      <c r="G52">
        <v>3143</v>
      </c>
      <c r="H52">
        <v>2020</v>
      </c>
      <c r="I52" t="s">
        <v>4887</v>
      </c>
    </row>
    <row r="53" spans="1:9" x14ac:dyDescent="0.25">
      <c r="A53">
        <v>55</v>
      </c>
      <c r="B53" t="s">
        <v>340</v>
      </c>
      <c r="C53" t="s">
        <v>4107</v>
      </c>
      <c r="D53" t="s">
        <v>4065</v>
      </c>
      <c r="E53">
        <v>23</v>
      </c>
      <c r="F53" t="s">
        <v>747</v>
      </c>
      <c r="G53">
        <v>4847</v>
      </c>
      <c r="H53">
        <v>2020</v>
      </c>
      <c r="I53" t="s">
        <v>4888</v>
      </c>
    </row>
    <row r="54" spans="1:9" x14ac:dyDescent="0.25">
      <c r="A54">
        <v>56</v>
      </c>
      <c r="B54" t="s">
        <v>50</v>
      </c>
      <c r="C54" t="s">
        <v>4108</v>
      </c>
      <c r="D54" t="s">
        <v>4087</v>
      </c>
      <c r="E54">
        <v>41</v>
      </c>
      <c r="F54" t="s">
        <v>817</v>
      </c>
      <c r="G54">
        <v>11010</v>
      </c>
      <c r="H54">
        <v>2020</v>
      </c>
      <c r="I54" t="s">
        <v>4889</v>
      </c>
    </row>
    <row r="55" spans="1:9" x14ac:dyDescent="0.25">
      <c r="A55">
        <v>57</v>
      </c>
      <c r="B55" t="s">
        <v>10</v>
      </c>
      <c r="C55" t="s">
        <v>4109</v>
      </c>
      <c r="D55" t="s">
        <v>4037</v>
      </c>
      <c r="E55">
        <v>4</v>
      </c>
      <c r="F55" t="s">
        <v>658</v>
      </c>
      <c r="G55">
        <v>13755</v>
      </c>
      <c r="H55">
        <v>2020</v>
      </c>
      <c r="I55" t="s">
        <v>4890</v>
      </c>
    </row>
    <row r="56" spans="1:9" x14ac:dyDescent="0.25">
      <c r="A56">
        <v>58</v>
      </c>
      <c r="B56" t="s">
        <v>63</v>
      </c>
      <c r="C56" t="s">
        <v>4110</v>
      </c>
      <c r="D56" t="s">
        <v>4037</v>
      </c>
      <c r="E56">
        <v>4</v>
      </c>
      <c r="F56" t="s">
        <v>658</v>
      </c>
      <c r="G56">
        <v>13755</v>
      </c>
      <c r="H56">
        <v>2020</v>
      </c>
      <c r="I56" t="s">
        <v>4891</v>
      </c>
    </row>
    <row r="57" spans="1:9" x14ac:dyDescent="0.25">
      <c r="A57">
        <v>59</v>
      </c>
      <c r="B57" t="s">
        <v>287</v>
      </c>
      <c r="C57" t="s">
        <v>4111</v>
      </c>
      <c r="D57" t="s">
        <v>4037</v>
      </c>
      <c r="E57">
        <v>4</v>
      </c>
      <c r="F57" t="s">
        <v>658</v>
      </c>
      <c r="G57">
        <v>13755</v>
      </c>
      <c r="H57">
        <v>2020</v>
      </c>
      <c r="I57" t="s">
        <v>4892</v>
      </c>
    </row>
    <row r="58" spans="1:9" x14ac:dyDescent="0.25">
      <c r="A58">
        <v>60</v>
      </c>
      <c r="B58" t="s">
        <v>53</v>
      </c>
      <c r="C58" t="s">
        <v>4112</v>
      </c>
      <c r="D58" t="s">
        <v>4037</v>
      </c>
      <c r="E58">
        <v>4</v>
      </c>
      <c r="F58" t="s">
        <v>658</v>
      </c>
      <c r="G58">
        <v>13755</v>
      </c>
      <c r="H58">
        <v>2020</v>
      </c>
      <c r="I58" t="s">
        <v>4893</v>
      </c>
    </row>
    <row r="59" spans="1:9" x14ac:dyDescent="0.25">
      <c r="A59">
        <v>61</v>
      </c>
      <c r="B59" t="s">
        <v>76</v>
      </c>
      <c r="C59" t="s">
        <v>4113</v>
      </c>
      <c r="D59" t="s">
        <v>4037</v>
      </c>
      <c r="E59">
        <v>4</v>
      </c>
      <c r="F59" t="s">
        <v>658</v>
      </c>
      <c r="G59">
        <v>13755</v>
      </c>
      <c r="H59">
        <v>2020</v>
      </c>
      <c r="I59" t="s">
        <v>4894</v>
      </c>
    </row>
    <row r="60" spans="1:9" x14ac:dyDescent="0.25">
      <c r="A60">
        <v>62</v>
      </c>
      <c r="B60" t="s">
        <v>67</v>
      </c>
      <c r="C60" t="s">
        <v>4114</v>
      </c>
      <c r="D60" t="s">
        <v>4037</v>
      </c>
      <c r="E60">
        <v>4</v>
      </c>
      <c r="F60" t="s">
        <v>658</v>
      </c>
      <c r="G60">
        <v>13755</v>
      </c>
      <c r="H60">
        <v>2020</v>
      </c>
      <c r="I60" t="s">
        <v>4895</v>
      </c>
    </row>
    <row r="61" spans="1:9" x14ac:dyDescent="0.25">
      <c r="A61">
        <v>63</v>
      </c>
      <c r="B61" t="s">
        <v>24</v>
      </c>
      <c r="C61" t="s">
        <v>4115</v>
      </c>
      <c r="D61" t="s">
        <v>4037</v>
      </c>
      <c r="E61">
        <v>4</v>
      </c>
      <c r="F61" t="s">
        <v>658</v>
      </c>
      <c r="G61">
        <v>13755</v>
      </c>
      <c r="H61">
        <v>2020</v>
      </c>
      <c r="I61" t="s">
        <v>4896</v>
      </c>
    </row>
    <row r="62" spans="1:9" x14ac:dyDescent="0.25">
      <c r="A62">
        <v>64</v>
      </c>
      <c r="B62" t="s">
        <v>414</v>
      </c>
      <c r="C62" t="s">
        <v>4116</v>
      </c>
      <c r="D62" t="s">
        <v>4037</v>
      </c>
      <c r="E62">
        <v>4</v>
      </c>
      <c r="F62" t="s">
        <v>658</v>
      </c>
      <c r="G62">
        <v>13755</v>
      </c>
      <c r="H62">
        <v>2020</v>
      </c>
      <c r="I62" t="s">
        <v>4897</v>
      </c>
    </row>
    <row r="63" spans="1:9" ht="15.75" x14ac:dyDescent="0.25">
      <c r="A63">
        <v>65</v>
      </c>
      <c r="B63" t="s">
        <v>411</v>
      </c>
      <c r="C63" t="s">
        <v>4117</v>
      </c>
      <c r="D63" t="s">
        <v>4037</v>
      </c>
      <c r="E63">
        <v>4</v>
      </c>
      <c r="F63" t="s">
        <v>658</v>
      </c>
      <c r="G63">
        <v>13755</v>
      </c>
      <c r="H63">
        <v>2020</v>
      </c>
      <c r="I63" s="2" t="s">
        <v>4898</v>
      </c>
    </row>
    <row r="64" spans="1:9" x14ac:dyDescent="0.25">
      <c r="A64">
        <v>66</v>
      </c>
      <c r="B64" t="s">
        <v>409</v>
      </c>
      <c r="C64" t="s">
        <v>4118</v>
      </c>
      <c r="D64" t="s">
        <v>4037</v>
      </c>
      <c r="E64">
        <v>4</v>
      </c>
      <c r="F64" t="s">
        <v>658</v>
      </c>
      <c r="G64">
        <v>13755</v>
      </c>
      <c r="H64">
        <v>2020</v>
      </c>
      <c r="I64" t="s">
        <v>4899</v>
      </c>
    </row>
    <row r="65" spans="1:9" x14ac:dyDescent="0.25">
      <c r="A65">
        <v>67</v>
      </c>
      <c r="B65" t="s">
        <v>406</v>
      </c>
      <c r="C65" t="s">
        <v>4119</v>
      </c>
      <c r="D65" t="s">
        <v>4037</v>
      </c>
      <c r="E65">
        <v>4</v>
      </c>
      <c r="F65" t="s">
        <v>658</v>
      </c>
      <c r="G65">
        <v>13755</v>
      </c>
      <c r="H65">
        <v>2020</v>
      </c>
      <c r="I65" t="s">
        <v>4900</v>
      </c>
    </row>
    <row r="66" spans="1:9" x14ac:dyDescent="0.25">
      <c r="A66">
        <v>69</v>
      </c>
      <c r="B66" t="s">
        <v>404</v>
      </c>
      <c r="C66" t="s">
        <v>4120</v>
      </c>
      <c r="D66" t="s">
        <v>4037</v>
      </c>
      <c r="E66">
        <v>4</v>
      </c>
      <c r="F66" t="s">
        <v>658</v>
      </c>
      <c r="G66">
        <v>13755</v>
      </c>
      <c r="H66">
        <v>2020</v>
      </c>
      <c r="I66" t="s">
        <v>4901</v>
      </c>
    </row>
    <row r="67" spans="1:9" x14ac:dyDescent="0.25">
      <c r="A67">
        <v>70</v>
      </c>
      <c r="B67" t="s">
        <v>180</v>
      </c>
      <c r="C67" t="s">
        <v>4121</v>
      </c>
      <c r="D67" t="s">
        <v>4052</v>
      </c>
      <c r="E67">
        <v>3</v>
      </c>
      <c r="F67" t="s">
        <v>681</v>
      </c>
      <c r="G67">
        <v>717</v>
      </c>
      <c r="H67">
        <v>2020</v>
      </c>
      <c r="I67" t="s">
        <v>4902</v>
      </c>
    </row>
    <row r="68" spans="1:9" x14ac:dyDescent="0.25">
      <c r="A68">
        <v>71</v>
      </c>
      <c r="B68" t="s">
        <v>338</v>
      </c>
      <c r="C68" t="s">
        <v>4122</v>
      </c>
      <c r="D68" t="s">
        <v>4054</v>
      </c>
      <c r="E68">
        <v>13</v>
      </c>
      <c r="F68" t="s">
        <v>741</v>
      </c>
      <c r="G68">
        <v>1585</v>
      </c>
      <c r="H68">
        <v>2020</v>
      </c>
      <c r="I68" t="s">
        <v>4903</v>
      </c>
    </row>
    <row r="69" spans="1:9" x14ac:dyDescent="0.25">
      <c r="A69">
        <v>72</v>
      </c>
      <c r="B69" t="s">
        <v>4123</v>
      </c>
      <c r="C69" t="s">
        <v>4124</v>
      </c>
      <c r="D69" t="s">
        <v>4056</v>
      </c>
      <c r="E69">
        <v>18</v>
      </c>
      <c r="F69" t="s">
        <v>744</v>
      </c>
      <c r="G69">
        <v>3143</v>
      </c>
      <c r="H69">
        <v>2020</v>
      </c>
    </row>
    <row r="70" spans="1:9" x14ac:dyDescent="0.25">
      <c r="A70">
        <v>73</v>
      </c>
      <c r="B70" t="s">
        <v>403</v>
      </c>
      <c r="C70" t="s">
        <v>4125</v>
      </c>
      <c r="D70" t="s">
        <v>4058</v>
      </c>
      <c r="E70">
        <v>20</v>
      </c>
      <c r="F70" t="s">
        <v>739</v>
      </c>
      <c r="G70">
        <v>4413</v>
      </c>
      <c r="H70">
        <v>2020</v>
      </c>
      <c r="I70" t="s">
        <v>4904</v>
      </c>
    </row>
    <row r="71" spans="1:9" x14ac:dyDescent="0.25">
      <c r="A71">
        <v>74</v>
      </c>
      <c r="B71" t="s">
        <v>399</v>
      </c>
      <c r="C71" t="s">
        <v>4126</v>
      </c>
      <c r="D71" t="s">
        <v>4065</v>
      </c>
      <c r="E71">
        <v>23</v>
      </c>
      <c r="F71" t="s">
        <v>747</v>
      </c>
      <c r="G71">
        <v>4847</v>
      </c>
      <c r="H71">
        <v>2020</v>
      </c>
      <c r="I71" t="s">
        <v>4905</v>
      </c>
    </row>
    <row r="72" spans="1:9" x14ac:dyDescent="0.25">
      <c r="A72">
        <v>75</v>
      </c>
      <c r="B72" t="s">
        <v>8</v>
      </c>
      <c r="C72" t="s">
        <v>4127</v>
      </c>
      <c r="D72" t="s">
        <v>4071</v>
      </c>
      <c r="E72">
        <v>28</v>
      </c>
      <c r="F72" t="s">
        <v>675</v>
      </c>
      <c r="G72">
        <v>5952</v>
      </c>
      <c r="H72">
        <v>2020</v>
      </c>
      <c r="I72" t="s">
        <v>4906</v>
      </c>
    </row>
    <row r="73" spans="1:9" x14ac:dyDescent="0.25">
      <c r="A73">
        <v>76</v>
      </c>
      <c r="B73" t="s">
        <v>398</v>
      </c>
      <c r="C73" t="s">
        <v>4128</v>
      </c>
      <c r="D73" t="s">
        <v>4099</v>
      </c>
      <c r="E73">
        <v>46</v>
      </c>
      <c r="F73" t="s">
        <v>1935</v>
      </c>
      <c r="G73">
        <v>11847</v>
      </c>
      <c r="H73">
        <v>2020</v>
      </c>
      <c r="I73" t="s">
        <v>4907</v>
      </c>
    </row>
    <row r="74" spans="1:9" x14ac:dyDescent="0.25">
      <c r="A74">
        <v>78</v>
      </c>
      <c r="B74" t="s">
        <v>397</v>
      </c>
      <c r="C74" t="s">
        <v>4129</v>
      </c>
      <c r="D74" t="s">
        <v>4077</v>
      </c>
      <c r="E74">
        <v>14</v>
      </c>
      <c r="F74" t="s">
        <v>652</v>
      </c>
      <c r="G74">
        <v>2094</v>
      </c>
      <c r="H74">
        <v>2020</v>
      </c>
      <c r="I74" t="s">
        <v>4908</v>
      </c>
    </row>
    <row r="75" spans="1:9" x14ac:dyDescent="0.25">
      <c r="A75">
        <v>79</v>
      </c>
      <c r="B75" t="s">
        <v>391</v>
      </c>
      <c r="C75" t="s">
        <v>4130</v>
      </c>
      <c r="D75" t="s">
        <v>4081</v>
      </c>
      <c r="E75">
        <v>2</v>
      </c>
      <c r="F75" t="s">
        <v>732</v>
      </c>
      <c r="G75">
        <v>1000</v>
      </c>
      <c r="H75">
        <v>2020</v>
      </c>
      <c r="I75" t="s">
        <v>4909</v>
      </c>
    </row>
    <row r="76" spans="1:9" x14ac:dyDescent="0.25">
      <c r="A76">
        <v>80</v>
      </c>
      <c r="B76" t="s">
        <v>388</v>
      </c>
      <c r="C76" t="s">
        <v>4131</v>
      </c>
      <c r="D76" t="s">
        <v>4087</v>
      </c>
      <c r="E76">
        <v>41</v>
      </c>
      <c r="F76" t="s">
        <v>817</v>
      </c>
      <c r="G76">
        <v>11010</v>
      </c>
      <c r="H76">
        <v>2020</v>
      </c>
      <c r="I76" t="s">
        <v>4910</v>
      </c>
    </row>
    <row r="77" spans="1:9" x14ac:dyDescent="0.25">
      <c r="A77">
        <v>81</v>
      </c>
      <c r="B77" t="s">
        <v>55</v>
      </c>
      <c r="C77" t="s">
        <v>4132</v>
      </c>
      <c r="D77" t="s">
        <v>4096</v>
      </c>
      <c r="E77">
        <v>37</v>
      </c>
      <c r="F77" t="s">
        <v>666</v>
      </c>
      <c r="G77">
        <v>8767</v>
      </c>
      <c r="H77">
        <v>2020</v>
      </c>
      <c r="I77" t="s">
        <v>4911</v>
      </c>
    </row>
    <row r="78" spans="1:9" x14ac:dyDescent="0.25">
      <c r="A78">
        <v>83</v>
      </c>
      <c r="B78" t="s">
        <v>383</v>
      </c>
      <c r="C78" t="s">
        <v>4133</v>
      </c>
      <c r="D78" t="s">
        <v>4099</v>
      </c>
      <c r="E78">
        <v>46</v>
      </c>
      <c r="F78" t="s">
        <v>773</v>
      </c>
      <c r="G78">
        <v>11846</v>
      </c>
      <c r="H78">
        <v>2020</v>
      </c>
      <c r="I78" t="s">
        <v>4912</v>
      </c>
    </row>
    <row r="79" spans="1:9" x14ac:dyDescent="0.25">
      <c r="A79">
        <v>84</v>
      </c>
      <c r="B79" t="s">
        <v>4134</v>
      </c>
      <c r="C79" t="s">
        <v>4135</v>
      </c>
      <c r="D79" t="s">
        <v>4058</v>
      </c>
      <c r="E79">
        <v>20</v>
      </c>
      <c r="F79" t="s">
        <v>739</v>
      </c>
      <c r="G79">
        <v>4413</v>
      </c>
      <c r="H79">
        <v>2020</v>
      </c>
      <c r="I79" t="s">
        <v>4913</v>
      </c>
    </row>
    <row r="80" spans="1:9" x14ac:dyDescent="0.25">
      <c r="A80">
        <v>85</v>
      </c>
      <c r="B80" t="s">
        <v>381</v>
      </c>
      <c r="C80" t="s">
        <v>4136</v>
      </c>
      <c r="D80" t="s">
        <v>4037</v>
      </c>
      <c r="E80">
        <v>4</v>
      </c>
      <c r="F80" t="s">
        <v>658</v>
      </c>
      <c r="G80">
        <v>13755</v>
      </c>
      <c r="H80">
        <v>2020</v>
      </c>
      <c r="I80" t="s">
        <v>4914</v>
      </c>
    </row>
    <row r="81" spans="1:9" x14ac:dyDescent="0.25">
      <c r="A81">
        <v>86</v>
      </c>
      <c r="B81" t="s">
        <v>79</v>
      </c>
      <c r="C81" t="s">
        <v>4137</v>
      </c>
      <c r="D81" t="s">
        <v>4077</v>
      </c>
      <c r="E81">
        <v>14</v>
      </c>
      <c r="F81" t="s">
        <v>652</v>
      </c>
      <c r="G81">
        <v>2094</v>
      </c>
      <c r="H81">
        <v>2020</v>
      </c>
      <c r="I81" t="s">
        <v>4915</v>
      </c>
    </row>
    <row r="82" spans="1:9" x14ac:dyDescent="0.25">
      <c r="A82">
        <v>87</v>
      </c>
      <c r="B82" t="s">
        <v>61</v>
      </c>
      <c r="C82" t="s">
        <v>4138</v>
      </c>
      <c r="D82" t="s">
        <v>4073</v>
      </c>
      <c r="E82">
        <v>34</v>
      </c>
      <c r="F82" t="s">
        <v>719</v>
      </c>
      <c r="G82">
        <v>7630</v>
      </c>
      <c r="H82">
        <v>2020</v>
      </c>
      <c r="I82" t="s">
        <v>4916</v>
      </c>
    </row>
    <row r="83" spans="1:9" x14ac:dyDescent="0.25">
      <c r="A83">
        <v>88</v>
      </c>
      <c r="B83" t="s">
        <v>377</v>
      </c>
      <c r="C83" t="s">
        <v>4139</v>
      </c>
      <c r="D83" t="s">
        <v>4073</v>
      </c>
      <c r="E83">
        <v>34</v>
      </c>
      <c r="F83" t="s">
        <v>719</v>
      </c>
      <c r="G83">
        <v>7630</v>
      </c>
      <c r="H83">
        <v>2020</v>
      </c>
      <c r="I83" t="s">
        <v>4917</v>
      </c>
    </row>
    <row r="84" spans="1:9" x14ac:dyDescent="0.25">
      <c r="A84">
        <v>90</v>
      </c>
      <c r="B84" t="s">
        <v>375</v>
      </c>
      <c r="C84" t="s">
        <v>4140</v>
      </c>
      <c r="D84" t="s">
        <v>4037</v>
      </c>
      <c r="E84">
        <v>4</v>
      </c>
      <c r="F84" t="s">
        <v>658</v>
      </c>
      <c r="G84">
        <v>13755</v>
      </c>
      <c r="H84">
        <v>2020</v>
      </c>
      <c r="I84" s="3" t="s">
        <v>4918</v>
      </c>
    </row>
    <row r="85" spans="1:9" x14ac:dyDescent="0.25">
      <c r="A85">
        <v>91</v>
      </c>
      <c r="B85" t="s">
        <v>91</v>
      </c>
      <c r="C85" t="s">
        <v>4141</v>
      </c>
      <c r="D85" t="s">
        <v>4058</v>
      </c>
      <c r="E85">
        <v>20</v>
      </c>
      <c r="F85" t="s">
        <v>739</v>
      </c>
      <c r="G85">
        <v>4413</v>
      </c>
      <c r="H85">
        <v>2020</v>
      </c>
      <c r="I85" t="s">
        <v>4919</v>
      </c>
    </row>
    <row r="86" spans="1:9" x14ac:dyDescent="0.25">
      <c r="A86">
        <v>95</v>
      </c>
      <c r="B86" t="s">
        <v>318</v>
      </c>
      <c r="C86" t="s">
        <v>4142</v>
      </c>
      <c r="D86" t="s">
        <v>4058</v>
      </c>
      <c r="E86">
        <v>20</v>
      </c>
      <c r="F86" t="s">
        <v>739</v>
      </c>
      <c r="G86">
        <v>4413</v>
      </c>
      <c r="H86">
        <v>2020</v>
      </c>
      <c r="I86" t="s">
        <v>4920</v>
      </c>
    </row>
    <row r="87" spans="1:9" x14ac:dyDescent="0.25">
      <c r="A87">
        <v>97</v>
      </c>
      <c r="B87" t="s">
        <v>371</v>
      </c>
      <c r="C87" t="s">
        <v>4143</v>
      </c>
      <c r="D87" t="s">
        <v>4073</v>
      </c>
      <c r="E87">
        <v>34</v>
      </c>
      <c r="F87" t="s">
        <v>719</v>
      </c>
      <c r="G87">
        <v>7630</v>
      </c>
      <c r="H87">
        <v>2020</v>
      </c>
      <c r="I87" t="s">
        <v>4921</v>
      </c>
    </row>
    <row r="88" spans="1:9" x14ac:dyDescent="0.25">
      <c r="A88">
        <v>98</v>
      </c>
      <c r="B88" t="s">
        <v>4144</v>
      </c>
      <c r="C88" t="s">
        <v>4145</v>
      </c>
      <c r="D88" t="s">
        <v>4073</v>
      </c>
      <c r="E88">
        <v>34</v>
      </c>
      <c r="F88" t="s">
        <v>719</v>
      </c>
      <c r="G88">
        <v>7630</v>
      </c>
      <c r="H88">
        <v>2020</v>
      </c>
      <c r="I88" t="s">
        <v>4922</v>
      </c>
    </row>
    <row r="89" spans="1:9" x14ac:dyDescent="0.25">
      <c r="A89">
        <v>100</v>
      </c>
      <c r="B89" t="s">
        <v>324</v>
      </c>
      <c r="C89" t="s">
        <v>4146</v>
      </c>
      <c r="D89" t="s">
        <v>4077</v>
      </c>
      <c r="E89">
        <v>14</v>
      </c>
      <c r="F89" t="s">
        <v>652</v>
      </c>
      <c r="G89">
        <v>2094</v>
      </c>
      <c r="H89">
        <v>2020</v>
      </c>
      <c r="I89" t="s">
        <v>4923</v>
      </c>
    </row>
    <row r="90" spans="1:9" x14ac:dyDescent="0.25">
      <c r="A90">
        <v>101</v>
      </c>
      <c r="B90" t="s">
        <v>370</v>
      </c>
      <c r="C90" t="s">
        <v>4147</v>
      </c>
      <c r="D90" t="s">
        <v>4148</v>
      </c>
      <c r="E90">
        <v>38</v>
      </c>
      <c r="F90" t="s">
        <v>3891</v>
      </c>
      <c r="G90">
        <v>9284</v>
      </c>
      <c r="H90">
        <v>2020</v>
      </c>
      <c r="I90" t="s">
        <v>4924</v>
      </c>
    </row>
    <row r="91" spans="1:9" x14ac:dyDescent="0.25">
      <c r="A91">
        <v>104</v>
      </c>
      <c r="B91" t="s">
        <v>369</v>
      </c>
      <c r="C91" t="s">
        <v>4149</v>
      </c>
      <c r="D91" t="s">
        <v>4099</v>
      </c>
      <c r="E91">
        <v>46</v>
      </c>
      <c r="F91" t="s">
        <v>773</v>
      </c>
      <c r="G91">
        <v>11846</v>
      </c>
      <c r="H91">
        <v>2020</v>
      </c>
      <c r="I91" t="s">
        <v>4925</v>
      </c>
    </row>
    <row r="92" spans="1:9" x14ac:dyDescent="0.25">
      <c r="A92">
        <v>110</v>
      </c>
      <c r="B92" t="s">
        <v>367</v>
      </c>
      <c r="C92" t="s">
        <v>4150</v>
      </c>
      <c r="D92" t="s">
        <v>4065</v>
      </c>
      <c r="E92">
        <v>23</v>
      </c>
      <c r="F92" t="s">
        <v>747</v>
      </c>
      <c r="G92">
        <v>4847</v>
      </c>
      <c r="H92">
        <v>2020</v>
      </c>
      <c r="I92" t="s">
        <v>4926</v>
      </c>
    </row>
    <row r="93" spans="1:9" x14ac:dyDescent="0.25">
      <c r="A93">
        <v>111</v>
      </c>
      <c r="B93" t="s">
        <v>366</v>
      </c>
      <c r="C93" t="s">
        <v>4151</v>
      </c>
      <c r="D93" t="s">
        <v>4037</v>
      </c>
      <c r="E93">
        <v>4</v>
      </c>
      <c r="F93" t="s">
        <v>658</v>
      </c>
      <c r="G93">
        <v>13755</v>
      </c>
      <c r="H93">
        <v>2020</v>
      </c>
      <c r="I93" t="s">
        <v>4927</v>
      </c>
    </row>
    <row r="94" spans="1:9" x14ac:dyDescent="0.25">
      <c r="A94">
        <v>112</v>
      </c>
      <c r="B94" t="s">
        <v>364</v>
      </c>
      <c r="C94" t="s">
        <v>4152</v>
      </c>
      <c r="D94" t="s">
        <v>4037</v>
      </c>
      <c r="E94">
        <v>4</v>
      </c>
      <c r="F94" t="s">
        <v>658</v>
      </c>
      <c r="G94">
        <v>13755</v>
      </c>
      <c r="H94">
        <v>2020</v>
      </c>
      <c r="I94" t="s">
        <v>4928</v>
      </c>
    </row>
    <row r="95" spans="1:9" x14ac:dyDescent="0.25">
      <c r="A95">
        <v>500</v>
      </c>
      <c r="B95" t="s">
        <v>291</v>
      </c>
      <c r="C95" t="s">
        <v>4153</v>
      </c>
      <c r="D95" t="s">
        <v>4037</v>
      </c>
      <c r="E95">
        <v>4</v>
      </c>
      <c r="F95" t="s">
        <v>658</v>
      </c>
      <c r="G95">
        <v>13755</v>
      </c>
      <c r="H95">
        <v>2020</v>
      </c>
      <c r="I95" t="s">
        <v>4929</v>
      </c>
    </row>
    <row r="96" spans="1:9" x14ac:dyDescent="0.25">
      <c r="A96">
        <v>33</v>
      </c>
      <c r="B96" t="s">
        <v>206</v>
      </c>
      <c r="C96" t="s">
        <v>4154</v>
      </c>
      <c r="D96" t="s">
        <v>4073</v>
      </c>
      <c r="E96">
        <v>34</v>
      </c>
      <c r="F96" t="s">
        <v>719</v>
      </c>
      <c r="G96">
        <v>7630</v>
      </c>
      <c r="H96">
        <v>2020</v>
      </c>
      <c r="I96" t="s">
        <v>4930</v>
      </c>
    </row>
    <row r="97" spans="1:9" x14ac:dyDescent="0.25">
      <c r="A97">
        <v>506</v>
      </c>
      <c r="B97" t="s">
        <v>57</v>
      </c>
      <c r="D97" t="s">
        <v>4037</v>
      </c>
      <c r="E97">
        <v>4</v>
      </c>
      <c r="F97" t="s">
        <v>658</v>
      </c>
      <c r="G97">
        <v>13755</v>
      </c>
      <c r="H97">
        <v>2020</v>
      </c>
      <c r="I97" t="s">
        <v>4931</v>
      </c>
    </row>
    <row r="98" spans="1:9" x14ac:dyDescent="0.25">
      <c r="A98">
        <v>94</v>
      </c>
      <c r="B98" t="s">
        <v>373</v>
      </c>
      <c r="C98" t="s">
        <v>4155</v>
      </c>
      <c r="D98" t="s">
        <v>4156</v>
      </c>
      <c r="E98">
        <v>32</v>
      </c>
      <c r="F98" t="s">
        <v>3894</v>
      </c>
      <c r="G98">
        <v>15929</v>
      </c>
      <c r="H98">
        <v>2020</v>
      </c>
      <c r="I98" t="s">
        <v>4932</v>
      </c>
    </row>
    <row r="99" spans="1:9" x14ac:dyDescent="0.25">
      <c r="A99">
        <v>50</v>
      </c>
      <c r="B99" t="s">
        <v>37</v>
      </c>
      <c r="C99" t="s">
        <v>4157</v>
      </c>
      <c r="D99" t="s">
        <v>4037</v>
      </c>
      <c r="E99">
        <v>4</v>
      </c>
      <c r="F99" t="s">
        <v>658</v>
      </c>
      <c r="G99">
        <v>13755</v>
      </c>
      <c r="H99">
        <v>2020</v>
      </c>
      <c r="I99" t="s">
        <v>4933</v>
      </c>
    </row>
    <row r="100" spans="1:9" x14ac:dyDescent="0.25">
      <c r="A100">
        <v>44</v>
      </c>
      <c r="B100" t="s">
        <v>26</v>
      </c>
      <c r="C100" t="s">
        <v>4158</v>
      </c>
      <c r="D100" t="s">
        <v>4096</v>
      </c>
      <c r="E100">
        <v>37</v>
      </c>
      <c r="F100" t="s">
        <v>666</v>
      </c>
      <c r="G100">
        <v>8767</v>
      </c>
      <c r="H100">
        <v>2020</v>
      </c>
      <c r="I100" t="s">
        <v>4934</v>
      </c>
    </row>
    <row r="101" spans="1:9" x14ac:dyDescent="0.25">
      <c r="A101">
        <v>32</v>
      </c>
      <c r="B101" t="s">
        <v>200</v>
      </c>
      <c r="C101" t="s">
        <v>4159</v>
      </c>
      <c r="D101" t="s">
        <v>4073</v>
      </c>
      <c r="E101">
        <v>34</v>
      </c>
      <c r="F101" t="s">
        <v>719</v>
      </c>
      <c r="G101">
        <v>7630</v>
      </c>
      <c r="H101">
        <v>2020</v>
      </c>
      <c r="I101" t="s">
        <v>4935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734"/>
  <sheetViews>
    <sheetView workbookViewId="0">
      <selection activeCell="C23" sqref="C23"/>
    </sheetView>
  </sheetViews>
  <sheetFormatPr defaultRowHeight="15" x14ac:dyDescent="0.25"/>
  <cols>
    <col min="2" max="2" width="53" customWidth="1"/>
    <col min="3" max="3" width="65" customWidth="1"/>
    <col min="4" max="4" width="14.28515625" bestFit="1" customWidth="1"/>
    <col min="5" max="5" width="19" bestFit="1" customWidth="1"/>
  </cols>
  <sheetData>
    <row r="1" spans="1:6" x14ac:dyDescent="0.25">
      <c r="C1" t="s">
        <v>0</v>
      </c>
    </row>
    <row r="3" spans="1:6" x14ac:dyDescent="0.25">
      <c r="A3" t="s">
        <v>1</v>
      </c>
      <c r="B3" t="s">
        <v>2</v>
      </c>
      <c r="C3" t="s">
        <v>3</v>
      </c>
      <c r="D3" t="s">
        <v>4</v>
      </c>
      <c r="E3" t="s">
        <v>5</v>
      </c>
      <c r="F3" t="s">
        <v>6</v>
      </c>
    </row>
    <row r="4" spans="1:6" x14ac:dyDescent="0.25">
      <c r="A4">
        <v>1382</v>
      </c>
      <c r="B4" t="s">
        <v>7</v>
      </c>
      <c r="C4" t="s">
        <v>8</v>
      </c>
      <c r="D4">
        <v>75</v>
      </c>
      <c r="E4">
        <v>0</v>
      </c>
      <c r="F4">
        <v>2020</v>
      </c>
    </row>
    <row r="5" spans="1:6" x14ac:dyDescent="0.25">
      <c r="A5">
        <v>1385</v>
      </c>
      <c r="B5" t="s">
        <v>9</v>
      </c>
      <c r="C5" t="s">
        <v>10</v>
      </c>
      <c r="D5">
        <v>57</v>
      </c>
      <c r="E5">
        <v>0</v>
      </c>
      <c r="F5">
        <v>2020</v>
      </c>
    </row>
    <row r="6" spans="1:6" x14ac:dyDescent="0.25">
      <c r="A6">
        <v>1391</v>
      </c>
      <c r="B6" t="s">
        <v>11</v>
      </c>
      <c r="C6" t="s">
        <v>12</v>
      </c>
      <c r="D6">
        <v>7</v>
      </c>
      <c r="E6">
        <v>0</v>
      </c>
      <c r="F6">
        <v>2020</v>
      </c>
    </row>
    <row r="7" spans="1:6" x14ac:dyDescent="0.25">
      <c r="A7">
        <v>1379</v>
      </c>
      <c r="B7" t="s">
        <v>13</v>
      </c>
      <c r="C7" t="s">
        <v>14</v>
      </c>
      <c r="D7">
        <v>20</v>
      </c>
      <c r="E7">
        <v>1</v>
      </c>
      <c r="F7">
        <v>2020</v>
      </c>
    </row>
    <row r="8" spans="1:6" x14ac:dyDescent="0.25">
      <c r="A8">
        <v>1376</v>
      </c>
      <c r="B8" t="s">
        <v>15</v>
      </c>
      <c r="C8" t="s">
        <v>16</v>
      </c>
      <c r="D8">
        <v>5</v>
      </c>
      <c r="E8">
        <v>1</v>
      </c>
      <c r="F8">
        <v>2020</v>
      </c>
    </row>
    <row r="9" spans="1:6" x14ac:dyDescent="0.25">
      <c r="A9">
        <v>1375</v>
      </c>
      <c r="B9" t="s">
        <v>17</v>
      </c>
      <c r="C9" t="s">
        <v>18</v>
      </c>
      <c r="D9">
        <v>31</v>
      </c>
      <c r="E9">
        <v>1</v>
      </c>
      <c r="F9">
        <v>2020</v>
      </c>
    </row>
    <row r="10" spans="1:6" x14ac:dyDescent="0.25">
      <c r="A10">
        <v>1372</v>
      </c>
      <c r="B10" t="s">
        <v>19</v>
      </c>
      <c r="C10" t="s">
        <v>20</v>
      </c>
      <c r="D10">
        <v>14</v>
      </c>
      <c r="E10">
        <v>1</v>
      </c>
      <c r="F10">
        <v>2020</v>
      </c>
    </row>
    <row r="11" spans="1:6" x14ac:dyDescent="0.25">
      <c r="A11">
        <v>1369</v>
      </c>
      <c r="B11" t="s">
        <v>21</v>
      </c>
      <c r="C11" t="s">
        <v>22</v>
      </c>
      <c r="D11">
        <v>28</v>
      </c>
      <c r="E11">
        <v>1</v>
      </c>
      <c r="F11">
        <v>2020</v>
      </c>
    </row>
    <row r="12" spans="1:6" x14ac:dyDescent="0.25">
      <c r="A12">
        <v>1366</v>
      </c>
      <c r="B12" t="s">
        <v>23</v>
      </c>
      <c r="C12" t="s">
        <v>24</v>
      </c>
      <c r="D12">
        <v>63</v>
      </c>
      <c r="E12">
        <v>0</v>
      </c>
      <c r="F12">
        <v>2020</v>
      </c>
    </row>
    <row r="13" spans="1:6" x14ac:dyDescent="0.25">
      <c r="A13">
        <v>1363</v>
      </c>
      <c r="B13" t="s">
        <v>25</v>
      </c>
      <c r="C13" t="s">
        <v>26</v>
      </c>
      <c r="D13">
        <v>44</v>
      </c>
      <c r="E13">
        <v>0</v>
      </c>
      <c r="F13">
        <v>2020</v>
      </c>
    </row>
    <row r="14" spans="1:6" x14ac:dyDescent="0.25">
      <c r="A14">
        <v>1359</v>
      </c>
      <c r="B14" t="s">
        <v>27</v>
      </c>
      <c r="C14" t="s">
        <v>28</v>
      </c>
      <c r="D14">
        <v>49</v>
      </c>
      <c r="E14">
        <v>1</v>
      </c>
      <c r="F14">
        <v>2020</v>
      </c>
    </row>
    <row r="15" spans="1:6" x14ac:dyDescent="0.25">
      <c r="A15">
        <v>1354</v>
      </c>
      <c r="B15" t="s">
        <v>29</v>
      </c>
      <c r="C15" t="s">
        <v>30</v>
      </c>
      <c r="D15">
        <v>18</v>
      </c>
      <c r="E15">
        <v>1</v>
      </c>
      <c r="F15">
        <v>2020</v>
      </c>
    </row>
    <row r="16" spans="1:6" x14ac:dyDescent="0.25">
      <c r="A16">
        <v>1353</v>
      </c>
      <c r="B16" t="s">
        <v>31</v>
      </c>
      <c r="C16" t="s">
        <v>32</v>
      </c>
      <c r="D16">
        <v>24</v>
      </c>
      <c r="E16">
        <v>1</v>
      </c>
      <c r="F16">
        <v>2020</v>
      </c>
    </row>
    <row r="17" spans="1:6" x14ac:dyDescent="0.25">
      <c r="A17">
        <v>1348</v>
      </c>
      <c r="B17" t="s">
        <v>33</v>
      </c>
      <c r="C17" t="s">
        <v>18</v>
      </c>
      <c r="D17">
        <v>31</v>
      </c>
      <c r="E17">
        <v>1</v>
      </c>
      <c r="F17">
        <v>2020</v>
      </c>
    </row>
    <row r="18" spans="1:6" x14ac:dyDescent="0.25">
      <c r="A18">
        <v>1345</v>
      </c>
      <c r="B18" t="s">
        <v>34</v>
      </c>
      <c r="C18" t="s">
        <v>18</v>
      </c>
      <c r="D18">
        <v>31</v>
      </c>
      <c r="E18">
        <v>1</v>
      </c>
      <c r="F18">
        <v>2020</v>
      </c>
    </row>
    <row r="19" spans="1:6" x14ac:dyDescent="0.25">
      <c r="A19">
        <v>1342</v>
      </c>
      <c r="B19" t="s">
        <v>35</v>
      </c>
      <c r="C19" t="s">
        <v>18</v>
      </c>
      <c r="D19">
        <v>31</v>
      </c>
      <c r="E19">
        <v>1</v>
      </c>
      <c r="F19">
        <v>2020</v>
      </c>
    </row>
    <row r="20" spans="1:6" x14ac:dyDescent="0.25">
      <c r="A20">
        <v>1336</v>
      </c>
      <c r="B20" t="s">
        <v>36</v>
      </c>
      <c r="C20" t="s">
        <v>37</v>
      </c>
      <c r="D20">
        <v>50</v>
      </c>
      <c r="E20">
        <v>1</v>
      </c>
      <c r="F20">
        <v>2020</v>
      </c>
    </row>
    <row r="21" spans="1:6" x14ac:dyDescent="0.25">
      <c r="A21">
        <v>1331</v>
      </c>
      <c r="B21" t="s">
        <v>38</v>
      </c>
      <c r="C21" t="s">
        <v>37</v>
      </c>
      <c r="D21">
        <v>50</v>
      </c>
      <c r="E21">
        <v>0</v>
      </c>
      <c r="F21">
        <v>2020</v>
      </c>
    </row>
    <row r="22" spans="1:6" x14ac:dyDescent="0.25">
      <c r="A22">
        <v>1328</v>
      </c>
      <c r="B22" t="s">
        <v>39</v>
      </c>
      <c r="C22" t="s">
        <v>37</v>
      </c>
      <c r="D22">
        <v>50</v>
      </c>
      <c r="E22">
        <v>0</v>
      </c>
      <c r="F22">
        <v>2020</v>
      </c>
    </row>
    <row r="23" spans="1:6" x14ac:dyDescent="0.25">
      <c r="A23">
        <v>1325</v>
      </c>
      <c r="B23" t="s">
        <v>40</v>
      </c>
      <c r="C23" t="s">
        <v>37</v>
      </c>
      <c r="D23">
        <v>50</v>
      </c>
      <c r="E23">
        <v>0</v>
      </c>
      <c r="F23">
        <v>2020</v>
      </c>
    </row>
    <row r="24" spans="1:6" x14ac:dyDescent="0.25">
      <c r="A24">
        <v>1322</v>
      </c>
      <c r="B24" t="s">
        <v>41</v>
      </c>
      <c r="C24" t="s">
        <v>37</v>
      </c>
      <c r="D24">
        <v>50</v>
      </c>
      <c r="E24">
        <v>0</v>
      </c>
      <c r="F24">
        <v>2020</v>
      </c>
    </row>
    <row r="25" spans="1:6" x14ac:dyDescent="0.25">
      <c r="A25">
        <v>1319</v>
      </c>
      <c r="B25" t="s">
        <v>42</v>
      </c>
      <c r="C25" t="s">
        <v>22</v>
      </c>
      <c r="D25">
        <v>28</v>
      </c>
      <c r="E25">
        <v>1</v>
      </c>
      <c r="F25">
        <v>2020</v>
      </c>
    </row>
    <row r="26" spans="1:6" x14ac:dyDescent="0.25">
      <c r="A26">
        <v>1316</v>
      </c>
      <c r="B26" t="s">
        <v>43</v>
      </c>
      <c r="C26" t="s">
        <v>22</v>
      </c>
      <c r="D26">
        <v>28</v>
      </c>
      <c r="E26">
        <v>1</v>
      </c>
      <c r="F26">
        <v>2020</v>
      </c>
    </row>
    <row r="27" spans="1:6" x14ac:dyDescent="0.25">
      <c r="A27">
        <v>1313</v>
      </c>
      <c r="B27" t="s">
        <v>44</v>
      </c>
      <c r="C27" t="s">
        <v>14</v>
      </c>
      <c r="D27">
        <v>20</v>
      </c>
      <c r="E27">
        <v>1</v>
      </c>
      <c r="F27">
        <v>2020</v>
      </c>
    </row>
    <row r="28" spans="1:6" x14ac:dyDescent="0.25">
      <c r="A28">
        <v>1309</v>
      </c>
      <c r="B28" t="s">
        <v>45</v>
      </c>
      <c r="C28" t="s">
        <v>22</v>
      </c>
      <c r="D28">
        <v>28</v>
      </c>
      <c r="E28">
        <v>0</v>
      </c>
      <c r="F28">
        <v>2020</v>
      </c>
    </row>
    <row r="29" spans="1:6" x14ac:dyDescent="0.25">
      <c r="A29">
        <v>1308</v>
      </c>
      <c r="B29" t="s">
        <v>46</v>
      </c>
      <c r="C29" t="s">
        <v>30</v>
      </c>
      <c r="D29">
        <v>18</v>
      </c>
      <c r="E29">
        <v>0</v>
      </c>
      <c r="F29">
        <v>2020</v>
      </c>
    </row>
    <row r="30" spans="1:6" x14ac:dyDescent="0.25">
      <c r="A30">
        <v>1307</v>
      </c>
      <c r="B30" t="s">
        <v>47</v>
      </c>
      <c r="C30" t="s">
        <v>48</v>
      </c>
      <c r="D30">
        <v>54</v>
      </c>
      <c r="E30">
        <v>0</v>
      </c>
      <c r="F30">
        <v>2020</v>
      </c>
    </row>
    <row r="31" spans="1:6" x14ac:dyDescent="0.25">
      <c r="A31">
        <v>1304</v>
      </c>
      <c r="B31" t="s">
        <v>49</v>
      </c>
      <c r="C31" t="s">
        <v>50</v>
      </c>
      <c r="D31">
        <v>56</v>
      </c>
      <c r="E31">
        <v>0</v>
      </c>
      <c r="F31">
        <v>2020</v>
      </c>
    </row>
    <row r="32" spans="1:6" x14ac:dyDescent="0.25">
      <c r="A32">
        <v>1301</v>
      </c>
      <c r="B32" t="s">
        <v>51</v>
      </c>
      <c r="C32" t="s">
        <v>24</v>
      </c>
      <c r="D32">
        <v>63</v>
      </c>
      <c r="E32">
        <v>0</v>
      </c>
      <c r="F32">
        <v>2020</v>
      </c>
    </row>
    <row r="33" spans="1:6" x14ac:dyDescent="0.25">
      <c r="A33">
        <v>1298</v>
      </c>
      <c r="B33" t="s">
        <v>52</v>
      </c>
      <c r="C33" t="s">
        <v>53</v>
      </c>
      <c r="D33">
        <v>60</v>
      </c>
      <c r="E33">
        <v>0</v>
      </c>
      <c r="F33">
        <v>2020</v>
      </c>
    </row>
    <row r="34" spans="1:6" x14ac:dyDescent="0.25">
      <c r="A34">
        <v>1295</v>
      </c>
      <c r="B34" t="s">
        <v>54</v>
      </c>
      <c r="C34" t="s">
        <v>55</v>
      </c>
      <c r="D34">
        <v>81</v>
      </c>
      <c r="E34">
        <v>0</v>
      </c>
      <c r="F34">
        <v>2020</v>
      </c>
    </row>
    <row r="35" spans="1:6" x14ac:dyDescent="0.25">
      <c r="A35">
        <v>1292</v>
      </c>
      <c r="B35" t="s">
        <v>56</v>
      </c>
      <c r="C35" t="s">
        <v>55</v>
      </c>
      <c r="D35">
        <v>81</v>
      </c>
      <c r="E35">
        <v>0</v>
      </c>
      <c r="F35">
        <v>2020</v>
      </c>
    </row>
    <row r="36" spans="1:6" x14ac:dyDescent="0.25">
      <c r="A36">
        <v>1289</v>
      </c>
      <c r="B36" t="s">
        <v>57</v>
      </c>
      <c r="C36" t="s">
        <v>57</v>
      </c>
      <c r="D36">
        <v>506</v>
      </c>
      <c r="E36">
        <v>0</v>
      </c>
      <c r="F36">
        <v>2020</v>
      </c>
    </row>
    <row r="37" spans="1:6" x14ac:dyDescent="0.25">
      <c r="A37">
        <v>1283</v>
      </c>
      <c r="B37" t="s">
        <v>58</v>
      </c>
      <c r="C37" t="s">
        <v>59</v>
      </c>
      <c r="D37">
        <v>42</v>
      </c>
      <c r="E37">
        <v>0</v>
      </c>
      <c r="F37">
        <v>2020</v>
      </c>
    </row>
    <row r="38" spans="1:6" x14ac:dyDescent="0.25">
      <c r="A38">
        <v>1280</v>
      </c>
      <c r="B38" t="s">
        <v>60</v>
      </c>
      <c r="C38" t="s">
        <v>61</v>
      </c>
      <c r="D38">
        <v>87</v>
      </c>
      <c r="E38">
        <v>0</v>
      </c>
      <c r="F38">
        <v>2020</v>
      </c>
    </row>
    <row r="39" spans="1:6" x14ac:dyDescent="0.25">
      <c r="A39">
        <v>1274</v>
      </c>
      <c r="B39" t="s">
        <v>62</v>
      </c>
      <c r="C39" t="s">
        <v>63</v>
      </c>
      <c r="D39">
        <v>58</v>
      </c>
      <c r="E39">
        <v>0</v>
      </c>
      <c r="F39">
        <v>2020</v>
      </c>
    </row>
    <row r="40" spans="1:6" x14ac:dyDescent="0.25">
      <c r="A40">
        <v>1268</v>
      </c>
      <c r="B40" t="s">
        <v>64</v>
      </c>
      <c r="C40" t="s">
        <v>63</v>
      </c>
      <c r="D40">
        <v>58</v>
      </c>
      <c r="E40">
        <v>1</v>
      </c>
      <c r="F40">
        <v>2020</v>
      </c>
    </row>
    <row r="41" spans="1:6" x14ac:dyDescent="0.25">
      <c r="A41">
        <v>1265</v>
      </c>
      <c r="B41" t="s">
        <v>65</v>
      </c>
      <c r="C41" t="s">
        <v>12</v>
      </c>
      <c r="D41">
        <v>7</v>
      </c>
      <c r="E41">
        <v>1</v>
      </c>
      <c r="F41">
        <v>2020</v>
      </c>
    </row>
    <row r="42" spans="1:6" x14ac:dyDescent="0.25">
      <c r="A42">
        <v>1263</v>
      </c>
      <c r="B42" t="s">
        <v>66</v>
      </c>
      <c r="C42" t="s">
        <v>67</v>
      </c>
      <c r="D42">
        <v>62</v>
      </c>
      <c r="E42">
        <v>0</v>
      </c>
      <c r="F42">
        <v>2020</v>
      </c>
    </row>
    <row r="43" spans="1:6" x14ac:dyDescent="0.25">
      <c r="A43">
        <v>1260</v>
      </c>
      <c r="B43" t="s">
        <v>68</v>
      </c>
      <c r="C43" t="s">
        <v>69</v>
      </c>
      <c r="D43">
        <v>36</v>
      </c>
      <c r="E43">
        <v>0</v>
      </c>
      <c r="F43">
        <v>2020</v>
      </c>
    </row>
    <row r="44" spans="1:6" x14ac:dyDescent="0.25">
      <c r="A44">
        <v>1257</v>
      </c>
      <c r="B44" t="s">
        <v>70</v>
      </c>
      <c r="C44" t="s">
        <v>69</v>
      </c>
      <c r="D44">
        <v>36</v>
      </c>
      <c r="E44">
        <v>0</v>
      </c>
      <c r="F44">
        <v>2020</v>
      </c>
    </row>
    <row r="45" spans="1:6" x14ac:dyDescent="0.25">
      <c r="A45">
        <v>1254</v>
      </c>
      <c r="B45" t="s">
        <v>71</v>
      </c>
      <c r="C45" t="s">
        <v>69</v>
      </c>
      <c r="D45">
        <v>36</v>
      </c>
      <c r="E45">
        <v>0</v>
      </c>
      <c r="F45">
        <v>2020</v>
      </c>
    </row>
    <row r="46" spans="1:6" x14ac:dyDescent="0.25">
      <c r="A46">
        <v>1251</v>
      </c>
      <c r="B46" t="s">
        <v>72</v>
      </c>
      <c r="C46" t="s">
        <v>69</v>
      </c>
      <c r="D46">
        <v>36</v>
      </c>
      <c r="E46">
        <v>0</v>
      </c>
      <c r="F46">
        <v>2020</v>
      </c>
    </row>
    <row r="47" spans="1:6" x14ac:dyDescent="0.25">
      <c r="A47">
        <v>1248</v>
      </c>
      <c r="B47" t="s">
        <v>73</v>
      </c>
      <c r="C47" t="s">
        <v>74</v>
      </c>
      <c r="D47">
        <v>40</v>
      </c>
      <c r="E47">
        <v>0</v>
      </c>
      <c r="F47">
        <v>2020</v>
      </c>
    </row>
    <row r="48" spans="1:6" x14ac:dyDescent="0.25">
      <c r="A48">
        <v>1245</v>
      </c>
      <c r="B48" t="s">
        <v>75</v>
      </c>
      <c r="C48" t="s">
        <v>76</v>
      </c>
      <c r="D48">
        <v>61</v>
      </c>
      <c r="E48">
        <v>0</v>
      </c>
      <c r="F48">
        <v>2020</v>
      </c>
    </row>
    <row r="49" spans="1:6" x14ac:dyDescent="0.25">
      <c r="A49">
        <v>1242</v>
      </c>
      <c r="B49" t="s">
        <v>77</v>
      </c>
      <c r="C49" t="s">
        <v>76</v>
      </c>
      <c r="D49">
        <v>61</v>
      </c>
      <c r="E49">
        <v>0</v>
      </c>
      <c r="F49">
        <v>2020</v>
      </c>
    </row>
    <row r="50" spans="1:6" x14ac:dyDescent="0.25">
      <c r="A50">
        <v>1239</v>
      </c>
      <c r="B50" t="s">
        <v>78</v>
      </c>
      <c r="C50" t="s">
        <v>79</v>
      </c>
      <c r="D50">
        <v>86</v>
      </c>
      <c r="E50">
        <v>0</v>
      </c>
      <c r="F50">
        <v>2020</v>
      </c>
    </row>
    <row r="51" spans="1:6" x14ac:dyDescent="0.25">
      <c r="A51">
        <v>1236</v>
      </c>
      <c r="B51" t="s">
        <v>80</v>
      </c>
      <c r="C51" t="s">
        <v>79</v>
      </c>
      <c r="D51">
        <v>86</v>
      </c>
      <c r="E51">
        <v>0</v>
      </c>
      <c r="F51">
        <v>2020</v>
      </c>
    </row>
    <row r="52" spans="1:6" x14ac:dyDescent="0.25">
      <c r="A52">
        <v>1233</v>
      </c>
      <c r="B52" t="s">
        <v>81</v>
      </c>
      <c r="C52" t="s">
        <v>12</v>
      </c>
      <c r="D52">
        <v>7</v>
      </c>
      <c r="E52">
        <v>1</v>
      </c>
      <c r="F52">
        <v>2020</v>
      </c>
    </row>
    <row r="53" spans="1:6" x14ac:dyDescent="0.25">
      <c r="A53">
        <v>1230</v>
      </c>
      <c r="B53" t="s">
        <v>82</v>
      </c>
      <c r="C53" t="s">
        <v>12</v>
      </c>
      <c r="D53">
        <v>7</v>
      </c>
      <c r="E53">
        <v>1</v>
      </c>
      <c r="F53">
        <v>2020</v>
      </c>
    </row>
    <row r="54" spans="1:6" x14ac:dyDescent="0.25">
      <c r="A54">
        <v>1227</v>
      </c>
      <c r="B54" t="s">
        <v>83</v>
      </c>
      <c r="C54" t="s">
        <v>84</v>
      </c>
      <c r="D54">
        <v>3</v>
      </c>
      <c r="E54">
        <v>1</v>
      </c>
      <c r="F54">
        <v>2020</v>
      </c>
    </row>
    <row r="55" spans="1:6" x14ac:dyDescent="0.25">
      <c r="A55">
        <v>1224</v>
      </c>
      <c r="B55" t="s">
        <v>85</v>
      </c>
      <c r="C55" t="s">
        <v>14</v>
      </c>
      <c r="D55">
        <v>20</v>
      </c>
      <c r="E55">
        <v>1</v>
      </c>
      <c r="F55">
        <v>2020</v>
      </c>
    </row>
    <row r="56" spans="1:6" x14ac:dyDescent="0.25">
      <c r="A56">
        <v>1221</v>
      </c>
      <c r="B56" t="s">
        <v>86</v>
      </c>
      <c r="C56" t="s">
        <v>14</v>
      </c>
      <c r="D56">
        <v>20</v>
      </c>
      <c r="E56">
        <v>1</v>
      </c>
      <c r="F56">
        <v>2020</v>
      </c>
    </row>
    <row r="57" spans="1:6" x14ac:dyDescent="0.25">
      <c r="A57">
        <v>1218</v>
      </c>
      <c r="B57" t="s">
        <v>87</v>
      </c>
      <c r="C57" t="s">
        <v>69</v>
      </c>
      <c r="D57">
        <v>36</v>
      </c>
      <c r="E57">
        <v>1</v>
      </c>
      <c r="F57">
        <v>2020</v>
      </c>
    </row>
    <row r="58" spans="1:6" x14ac:dyDescent="0.25">
      <c r="A58">
        <v>1215</v>
      </c>
      <c r="B58" t="s">
        <v>88</v>
      </c>
      <c r="C58" t="s">
        <v>69</v>
      </c>
      <c r="D58">
        <v>36</v>
      </c>
      <c r="E58">
        <v>1</v>
      </c>
      <c r="F58">
        <v>2020</v>
      </c>
    </row>
    <row r="59" spans="1:6" x14ac:dyDescent="0.25">
      <c r="A59">
        <v>1212</v>
      </c>
      <c r="B59" t="s">
        <v>89</v>
      </c>
      <c r="C59" t="s">
        <v>69</v>
      </c>
      <c r="D59">
        <v>36</v>
      </c>
      <c r="E59">
        <v>1</v>
      </c>
      <c r="F59">
        <v>2020</v>
      </c>
    </row>
    <row r="60" spans="1:6" x14ac:dyDescent="0.25">
      <c r="A60">
        <v>1209</v>
      </c>
      <c r="B60" t="s">
        <v>90</v>
      </c>
      <c r="C60" t="s">
        <v>91</v>
      </c>
      <c r="D60">
        <v>91</v>
      </c>
      <c r="E60">
        <v>1</v>
      </c>
      <c r="F60">
        <v>2020</v>
      </c>
    </row>
    <row r="61" spans="1:6" x14ac:dyDescent="0.25">
      <c r="A61">
        <v>1206</v>
      </c>
      <c r="B61" t="s">
        <v>92</v>
      </c>
      <c r="C61" t="s">
        <v>93</v>
      </c>
      <c r="D61">
        <v>48</v>
      </c>
      <c r="E61">
        <v>1</v>
      </c>
      <c r="F61">
        <v>2020</v>
      </c>
    </row>
    <row r="62" spans="1:6" x14ac:dyDescent="0.25">
      <c r="A62">
        <v>1204</v>
      </c>
      <c r="B62" t="s">
        <v>94</v>
      </c>
      <c r="C62" t="s">
        <v>95</v>
      </c>
      <c r="D62">
        <v>26</v>
      </c>
      <c r="E62">
        <v>1</v>
      </c>
      <c r="F62">
        <v>2020</v>
      </c>
    </row>
    <row r="63" spans="1:6" x14ac:dyDescent="0.25">
      <c r="A63">
        <v>1203</v>
      </c>
      <c r="B63" t="s">
        <v>96</v>
      </c>
      <c r="C63" t="s">
        <v>95</v>
      </c>
      <c r="D63">
        <v>26</v>
      </c>
      <c r="E63">
        <v>1</v>
      </c>
      <c r="F63">
        <v>2020</v>
      </c>
    </row>
    <row r="64" spans="1:6" x14ac:dyDescent="0.25">
      <c r="A64">
        <v>1202</v>
      </c>
      <c r="B64" t="s">
        <v>97</v>
      </c>
      <c r="C64" t="s">
        <v>95</v>
      </c>
      <c r="D64">
        <v>26</v>
      </c>
      <c r="E64">
        <v>1</v>
      </c>
      <c r="F64">
        <v>2020</v>
      </c>
    </row>
    <row r="65" spans="1:6" x14ac:dyDescent="0.25">
      <c r="A65">
        <v>1201</v>
      </c>
      <c r="B65" t="s">
        <v>98</v>
      </c>
      <c r="C65" t="s">
        <v>95</v>
      </c>
      <c r="D65">
        <v>26</v>
      </c>
      <c r="E65">
        <v>1</v>
      </c>
      <c r="F65">
        <v>2020</v>
      </c>
    </row>
    <row r="66" spans="1:6" x14ac:dyDescent="0.25">
      <c r="A66">
        <v>1200</v>
      </c>
      <c r="B66" t="s">
        <v>99</v>
      </c>
      <c r="C66" t="s">
        <v>95</v>
      </c>
      <c r="D66">
        <v>26</v>
      </c>
      <c r="E66">
        <v>1</v>
      </c>
      <c r="F66">
        <v>2020</v>
      </c>
    </row>
    <row r="67" spans="1:6" x14ac:dyDescent="0.25">
      <c r="A67">
        <v>1199</v>
      </c>
      <c r="B67" t="s">
        <v>100</v>
      </c>
      <c r="C67" t="s">
        <v>95</v>
      </c>
      <c r="D67">
        <v>26</v>
      </c>
      <c r="E67">
        <v>1</v>
      </c>
      <c r="F67">
        <v>2020</v>
      </c>
    </row>
    <row r="68" spans="1:6" x14ac:dyDescent="0.25">
      <c r="A68">
        <v>1198</v>
      </c>
      <c r="B68" t="s">
        <v>101</v>
      </c>
      <c r="C68" t="s">
        <v>95</v>
      </c>
      <c r="D68">
        <v>26</v>
      </c>
      <c r="E68">
        <v>1</v>
      </c>
      <c r="F68">
        <v>2020</v>
      </c>
    </row>
    <row r="69" spans="1:6" x14ac:dyDescent="0.25">
      <c r="A69">
        <v>1197</v>
      </c>
      <c r="B69" t="s">
        <v>102</v>
      </c>
      <c r="C69" t="s">
        <v>95</v>
      </c>
      <c r="D69">
        <v>26</v>
      </c>
      <c r="E69">
        <v>1</v>
      </c>
      <c r="F69">
        <v>2020</v>
      </c>
    </row>
    <row r="70" spans="1:6" x14ac:dyDescent="0.25">
      <c r="A70">
        <v>1196</v>
      </c>
      <c r="B70" t="s">
        <v>103</v>
      </c>
      <c r="C70" t="s">
        <v>104</v>
      </c>
      <c r="D70">
        <v>25</v>
      </c>
      <c r="E70">
        <v>1</v>
      </c>
      <c r="F70">
        <v>2020</v>
      </c>
    </row>
    <row r="71" spans="1:6" x14ac:dyDescent="0.25">
      <c r="A71">
        <v>1195</v>
      </c>
      <c r="B71" t="s">
        <v>105</v>
      </c>
      <c r="C71" t="s">
        <v>14</v>
      </c>
      <c r="D71">
        <v>20</v>
      </c>
      <c r="E71">
        <v>1</v>
      </c>
      <c r="F71">
        <v>2020</v>
      </c>
    </row>
    <row r="72" spans="1:6" x14ac:dyDescent="0.25">
      <c r="A72">
        <v>1194</v>
      </c>
      <c r="B72" t="s">
        <v>106</v>
      </c>
      <c r="C72" t="s">
        <v>14</v>
      </c>
      <c r="D72">
        <v>20</v>
      </c>
      <c r="E72">
        <v>1</v>
      </c>
      <c r="F72">
        <v>2020</v>
      </c>
    </row>
    <row r="73" spans="1:6" x14ac:dyDescent="0.25">
      <c r="A73">
        <v>1193</v>
      </c>
      <c r="B73" t="s">
        <v>107</v>
      </c>
      <c r="C73" t="s">
        <v>108</v>
      </c>
      <c r="D73">
        <v>13</v>
      </c>
      <c r="E73">
        <v>1</v>
      </c>
      <c r="F73">
        <v>2020</v>
      </c>
    </row>
    <row r="74" spans="1:6" x14ac:dyDescent="0.25">
      <c r="A74">
        <v>1182</v>
      </c>
      <c r="B74" t="s">
        <v>109</v>
      </c>
      <c r="C74" t="s">
        <v>110</v>
      </c>
      <c r="D74">
        <v>2</v>
      </c>
      <c r="E74">
        <v>1</v>
      </c>
      <c r="F74">
        <v>2020</v>
      </c>
    </row>
    <row r="75" spans="1:6" x14ac:dyDescent="0.25">
      <c r="A75">
        <v>1181</v>
      </c>
      <c r="B75" t="s">
        <v>111</v>
      </c>
      <c r="C75" t="s">
        <v>112</v>
      </c>
      <c r="D75">
        <v>29</v>
      </c>
      <c r="E75">
        <v>1</v>
      </c>
      <c r="F75">
        <v>2020</v>
      </c>
    </row>
    <row r="76" spans="1:6" x14ac:dyDescent="0.25">
      <c r="A76">
        <v>1180</v>
      </c>
      <c r="B76" t="s">
        <v>113</v>
      </c>
      <c r="C76" t="s">
        <v>112</v>
      </c>
      <c r="D76">
        <v>29</v>
      </c>
      <c r="E76">
        <v>1</v>
      </c>
      <c r="F76">
        <v>2020</v>
      </c>
    </row>
    <row r="77" spans="1:6" x14ac:dyDescent="0.25">
      <c r="A77">
        <v>1178</v>
      </c>
      <c r="B77" t="s">
        <v>114</v>
      </c>
      <c r="C77" t="s">
        <v>112</v>
      </c>
      <c r="D77">
        <v>29</v>
      </c>
      <c r="E77">
        <v>1</v>
      </c>
      <c r="F77">
        <v>2020</v>
      </c>
    </row>
    <row r="78" spans="1:6" x14ac:dyDescent="0.25">
      <c r="A78">
        <v>1177</v>
      </c>
      <c r="B78" t="s">
        <v>115</v>
      </c>
      <c r="C78" t="s">
        <v>112</v>
      </c>
      <c r="D78">
        <v>29</v>
      </c>
      <c r="E78">
        <v>1</v>
      </c>
      <c r="F78">
        <v>2020</v>
      </c>
    </row>
    <row r="79" spans="1:6" x14ac:dyDescent="0.25">
      <c r="A79">
        <v>1176</v>
      </c>
      <c r="B79" t="s">
        <v>116</v>
      </c>
      <c r="C79" t="s">
        <v>112</v>
      </c>
      <c r="D79">
        <v>29</v>
      </c>
      <c r="E79">
        <v>1</v>
      </c>
      <c r="F79">
        <v>2020</v>
      </c>
    </row>
    <row r="80" spans="1:6" x14ac:dyDescent="0.25">
      <c r="A80">
        <v>1175</v>
      </c>
      <c r="B80" t="s">
        <v>117</v>
      </c>
      <c r="C80" t="s">
        <v>112</v>
      </c>
      <c r="D80">
        <v>29</v>
      </c>
      <c r="E80">
        <v>1</v>
      </c>
      <c r="F80">
        <v>2020</v>
      </c>
    </row>
    <row r="81" spans="1:6" x14ac:dyDescent="0.25">
      <c r="A81">
        <v>1174</v>
      </c>
      <c r="B81" t="s">
        <v>118</v>
      </c>
      <c r="C81" t="s">
        <v>112</v>
      </c>
      <c r="D81">
        <v>29</v>
      </c>
      <c r="E81">
        <v>1</v>
      </c>
      <c r="F81">
        <v>2020</v>
      </c>
    </row>
    <row r="82" spans="1:6" x14ac:dyDescent="0.25">
      <c r="A82">
        <v>1173</v>
      </c>
      <c r="B82" t="s">
        <v>119</v>
      </c>
      <c r="C82" t="s">
        <v>112</v>
      </c>
      <c r="D82">
        <v>29</v>
      </c>
      <c r="E82">
        <v>1</v>
      </c>
      <c r="F82">
        <v>2020</v>
      </c>
    </row>
    <row r="83" spans="1:6" x14ac:dyDescent="0.25">
      <c r="A83">
        <v>1172</v>
      </c>
      <c r="B83" t="s">
        <v>120</v>
      </c>
      <c r="C83" t="s">
        <v>112</v>
      </c>
      <c r="D83">
        <v>29</v>
      </c>
      <c r="E83">
        <v>1</v>
      </c>
      <c r="F83">
        <v>2020</v>
      </c>
    </row>
    <row r="84" spans="1:6" x14ac:dyDescent="0.25">
      <c r="A84">
        <v>1171</v>
      </c>
      <c r="B84" t="s">
        <v>121</v>
      </c>
      <c r="C84" t="s">
        <v>112</v>
      </c>
      <c r="D84">
        <v>29</v>
      </c>
      <c r="E84">
        <v>1</v>
      </c>
      <c r="F84">
        <v>2020</v>
      </c>
    </row>
    <row r="85" spans="1:6" x14ac:dyDescent="0.25">
      <c r="A85">
        <v>1170</v>
      </c>
      <c r="B85" t="s">
        <v>122</v>
      </c>
      <c r="C85" t="s">
        <v>123</v>
      </c>
      <c r="D85">
        <v>8</v>
      </c>
      <c r="E85">
        <v>1</v>
      </c>
      <c r="F85">
        <v>2020</v>
      </c>
    </row>
    <row r="86" spans="1:6" x14ac:dyDescent="0.25">
      <c r="A86">
        <v>1169</v>
      </c>
      <c r="B86" t="s">
        <v>124</v>
      </c>
      <c r="C86" t="s">
        <v>125</v>
      </c>
      <c r="D86">
        <v>11</v>
      </c>
      <c r="E86">
        <v>1</v>
      </c>
      <c r="F86">
        <v>2020</v>
      </c>
    </row>
    <row r="87" spans="1:6" x14ac:dyDescent="0.25">
      <c r="A87">
        <v>1168</v>
      </c>
      <c r="B87" t="s">
        <v>126</v>
      </c>
      <c r="C87" t="s">
        <v>127</v>
      </c>
      <c r="D87">
        <v>9</v>
      </c>
      <c r="E87">
        <v>1</v>
      </c>
      <c r="F87">
        <v>2020</v>
      </c>
    </row>
    <row r="88" spans="1:6" x14ac:dyDescent="0.25">
      <c r="A88">
        <v>1167</v>
      </c>
      <c r="B88" t="s">
        <v>128</v>
      </c>
      <c r="C88" t="s">
        <v>129</v>
      </c>
      <c r="D88">
        <v>10</v>
      </c>
      <c r="E88">
        <v>1</v>
      </c>
      <c r="F88">
        <v>2020</v>
      </c>
    </row>
    <row r="89" spans="1:6" x14ac:dyDescent="0.25">
      <c r="A89">
        <v>1166</v>
      </c>
      <c r="B89" t="s">
        <v>130</v>
      </c>
      <c r="C89" t="s">
        <v>131</v>
      </c>
      <c r="D89">
        <v>51</v>
      </c>
      <c r="E89">
        <v>1</v>
      </c>
      <c r="F89">
        <v>2020</v>
      </c>
    </row>
    <row r="90" spans="1:6" x14ac:dyDescent="0.25">
      <c r="A90">
        <v>1165</v>
      </c>
      <c r="B90" t="s">
        <v>132</v>
      </c>
      <c r="C90" t="s">
        <v>104</v>
      </c>
      <c r="D90">
        <v>25</v>
      </c>
      <c r="E90">
        <v>1</v>
      </c>
      <c r="F90">
        <v>2020</v>
      </c>
    </row>
    <row r="91" spans="1:6" x14ac:dyDescent="0.25">
      <c r="A91">
        <v>1164</v>
      </c>
      <c r="B91" t="s">
        <v>133</v>
      </c>
      <c r="C91" t="s">
        <v>69</v>
      </c>
      <c r="D91">
        <v>36</v>
      </c>
      <c r="E91">
        <v>1</v>
      </c>
      <c r="F91">
        <v>2020</v>
      </c>
    </row>
    <row r="92" spans="1:6" x14ac:dyDescent="0.25">
      <c r="A92">
        <v>1163</v>
      </c>
      <c r="B92" t="s">
        <v>15</v>
      </c>
      <c r="C92" t="s">
        <v>69</v>
      </c>
      <c r="D92">
        <v>36</v>
      </c>
      <c r="E92">
        <v>1</v>
      </c>
      <c r="F92">
        <v>2020</v>
      </c>
    </row>
    <row r="93" spans="1:6" x14ac:dyDescent="0.25">
      <c r="A93">
        <v>1162</v>
      </c>
      <c r="B93" t="s">
        <v>134</v>
      </c>
      <c r="C93" t="s">
        <v>69</v>
      </c>
      <c r="D93">
        <v>36</v>
      </c>
      <c r="E93">
        <v>1</v>
      </c>
      <c r="F93">
        <v>2020</v>
      </c>
    </row>
    <row r="94" spans="1:6" x14ac:dyDescent="0.25">
      <c r="A94">
        <v>1161</v>
      </c>
      <c r="B94" t="s">
        <v>135</v>
      </c>
      <c r="C94" t="s">
        <v>69</v>
      </c>
      <c r="D94">
        <v>36</v>
      </c>
      <c r="E94">
        <v>1</v>
      </c>
      <c r="F94">
        <v>2020</v>
      </c>
    </row>
    <row r="95" spans="1:6" x14ac:dyDescent="0.25">
      <c r="A95">
        <v>1160</v>
      </c>
      <c r="B95" t="s">
        <v>136</v>
      </c>
      <c r="C95" t="s">
        <v>69</v>
      </c>
      <c r="D95">
        <v>36</v>
      </c>
      <c r="E95">
        <v>1</v>
      </c>
      <c r="F95">
        <v>2020</v>
      </c>
    </row>
    <row r="96" spans="1:6" x14ac:dyDescent="0.25">
      <c r="A96">
        <v>1159</v>
      </c>
      <c r="B96" t="s">
        <v>137</v>
      </c>
      <c r="C96" t="s">
        <v>138</v>
      </c>
      <c r="D96">
        <v>35</v>
      </c>
      <c r="E96">
        <v>1</v>
      </c>
      <c r="F96">
        <v>2020</v>
      </c>
    </row>
    <row r="97" spans="1:6" x14ac:dyDescent="0.25">
      <c r="A97">
        <v>1158</v>
      </c>
      <c r="B97" t="s">
        <v>139</v>
      </c>
      <c r="C97" t="s">
        <v>140</v>
      </c>
      <c r="D97">
        <v>34</v>
      </c>
      <c r="E97">
        <v>1</v>
      </c>
      <c r="F97">
        <v>2020</v>
      </c>
    </row>
    <row r="98" spans="1:6" x14ac:dyDescent="0.25">
      <c r="A98">
        <v>1157</v>
      </c>
      <c r="B98" t="s">
        <v>141</v>
      </c>
      <c r="C98" t="s">
        <v>140</v>
      </c>
      <c r="D98">
        <v>34</v>
      </c>
      <c r="E98">
        <v>1</v>
      </c>
      <c r="F98">
        <v>2020</v>
      </c>
    </row>
    <row r="99" spans="1:6" x14ac:dyDescent="0.25">
      <c r="A99">
        <v>1156</v>
      </c>
      <c r="B99" t="s">
        <v>142</v>
      </c>
      <c r="C99" t="s">
        <v>140</v>
      </c>
      <c r="D99">
        <v>34</v>
      </c>
      <c r="E99">
        <v>1</v>
      </c>
      <c r="F99">
        <v>2020</v>
      </c>
    </row>
    <row r="100" spans="1:6" x14ac:dyDescent="0.25">
      <c r="A100">
        <v>1155</v>
      </c>
      <c r="B100" t="s">
        <v>143</v>
      </c>
      <c r="C100" t="s">
        <v>140</v>
      </c>
      <c r="D100">
        <v>34</v>
      </c>
      <c r="E100">
        <v>1</v>
      </c>
      <c r="F100">
        <v>2020</v>
      </c>
    </row>
    <row r="101" spans="1:6" x14ac:dyDescent="0.25">
      <c r="A101">
        <v>1154</v>
      </c>
      <c r="B101" t="s">
        <v>144</v>
      </c>
      <c r="C101" t="s">
        <v>140</v>
      </c>
      <c r="D101">
        <v>34</v>
      </c>
      <c r="E101">
        <v>1</v>
      </c>
      <c r="F101">
        <v>2020</v>
      </c>
    </row>
    <row r="102" spans="1:6" x14ac:dyDescent="0.25">
      <c r="A102">
        <v>1153</v>
      </c>
      <c r="B102" t="s">
        <v>145</v>
      </c>
      <c r="C102" t="s">
        <v>140</v>
      </c>
      <c r="D102">
        <v>34</v>
      </c>
      <c r="E102">
        <v>1</v>
      </c>
      <c r="F102">
        <v>2020</v>
      </c>
    </row>
    <row r="103" spans="1:6" x14ac:dyDescent="0.25">
      <c r="A103">
        <v>1152</v>
      </c>
      <c r="B103" t="s">
        <v>146</v>
      </c>
      <c r="C103" t="s">
        <v>140</v>
      </c>
      <c r="D103">
        <v>34</v>
      </c>
      <c r="E103">
        <v>1</v>
      </c>
      <c r="F103">
        <v>2020</v>
      </c>
    </row>
    <row r="104" spans="1:6" x14ac:dyDescent="0.25">
      <c r="A104">
        <v>1151</v>
      </c>
      <c r="B104" t="s">
        <v>147</v>
      </c>
      <c r="C104" t="s">
        <v>95</v>
      </c>
      <c r="D104">
        <v>26</v>
      </c>
      <c r="E104">
        <v>1</v>
      </c>
      <c r="F104">
        <v>2020</v>
      </c>
    </row>
    <row r="105" spans="1:6" x14ac:dyDescent="0.25">
      <c r="A105">
        <v>1149</v>
      </c>
      <c r="B105" t="s">
        <v>148</v>
      </c>
      <c r="C105" t="s">
        <v>95</v>
      </c>
      <c r="D105">
        <v>26</v>
      </c>
      <c r="E105">
        <v>1</v>
      </c>
      <c r="F105">
        <v>2020</v>
      </c>
    </row>
    <row r="106" spans="1:6" x14ac:dyDescent="0.25">
      <c r="A106">
        <v>1148</v>
      </c>
      <c r="B106" t="s">
        <v>149</v>
      </c>
      <c r="C106" t="s">
        <v>16</v>
      </c>
      <c r="D106">
        <v>5</v>
      </c>
      <c r="E106">
        <v>1</v>
      </c>
      <c r="F106">
        <v>2020</v>
      </c>
    </row>
    <row r="107" spans="1:6" x14ac:dyDescent="0.25">
      <c r="A107">
        <v>1147</v>
      </c>
      <c r="B107" t="s">
        <v>150</v>
      </c>
      <c r="C107" t="s">
        <v>16</v>
      </c>
      <c r="D107">
        <v>5</v>
      </c>
      <c r="E107">
        <v>1</v>
      </c>
      <c r="F107">
        <v>2020</v>
      </c>
    </row>
    <row r="108" spans="1:6" x14ac:dyDescent="0.25">
      <c r="A108">
        <v>1146</v>
      </c>
      <c r="B108" t="s">
        <v>151</v>
      </c>
      <c r="C108" t="s">
        <v>16</v>
      </c>
      <c r="D108">
        <v>5</v>
      </c>
      <c r="E108">
        <v>1</v>
      </c>
      <c r="F108">
        <v>2020</v>
      </c>
    </row>
    <row r="109" spans="1:6" x14ac:dyDescent="0.25">
      <c r="A109">
        <v>1145</v>
      </c>
      <c r="B109" t="s">
        <v>152</v>
      </c>
      <c r="C109" t="s">
        <v>16</v>
      </c>
      <c r="D109">
        <v>5</v>
      </c>
      <c r="E109">
        <v>1</v>
      </c>
      <c r="F109">
        <v>2020</v>
      </c>
    </row>
    <row r="110" spans="1:6" x14ac:dyDescent="0.25">
      <c r="A110">
        <v>1144</v>
      </c>
      <c r="B110" t="s">
        <v>153</v>
      </c>
      <c r="C110" t="s">
        <v>16</v>
      </c>
      <c r="D110">
        <v>5</v>
      </c>
      <c r="E110">
        <v>1</v>
      </c>
      <c r="F110">
        <v>2020</v>
      </c>
    </row>
    <row r="111" spans="1:6" x14ac:dyDescent="0.25">
      <c r="A111">
        <v>1143</v>
      </c>
      <c r="B111" t="s">
        <v>154</v>
      </c>
      <c r="C111" t="s">
        <v>16</v>
      </c>
      <c r="D111">
        <v>5</v>
      </c>
      <c r="E111">
        <v>1</v>
      </c>
      <c r="F111">
        <v>2020</v>
      </c>
    </row>
    <row r="112" spans="1:6" x14ac:dyDescent="0.25">
      <c r="A112">
        <v>1142</v>
      </c>
      <c r="B112" t="s">
        <v>155</v>
      </c>
      <c r="C112" t="s">
        <v>16</v>
      </c>
      <c r="D112">
        <v>5</v>
      </c>
      <c r="E112">
        <v>1</v>
      </c>
      <c r="F112">
        <v>2020</v>
      </c>
    </row>
    <row r="113" spans="1:6" x14ac:dyDescent="0.25">
      <c r="A113">
        <v>1141</v>
      </c>
      <c r="B113" t="s">
        <v>156</v>
      </c>
      <c r="C113" t="s">
        <v>16</v>
      </c>
      <c r="D113">
        <v>5</v>
      </c>
      <c r="E113">
        <v>1</v>
      </c>
      <c r="F113">
        <v>2020</v>
      </c>
    </row>
    <row r="114" spans="1:6" x14ac:dyDescent="0.25">
      <c r="A114">
        <v>1140</v>
      </c>
      <c r="B114" t="s">
        <v>157</v>
      </c>
      <c r="C114" t="s">
        <v>16</v>
      </c>
      <c r="D114">
        <v>5</v>
      </c>
      <c r="E114">
        <v>1</v>
      </c>
      <c r="F114">
        <v>2020</v>
      </c>
    </row>
    <row r="115" spans="1:6" x14ac:dyDescent="0.25">
      <c r="A115">
        <v>1139</v>
      </c>
      <c r="B115" t="s">
        <v>158</v>
      </c>
      <c r="C115" t="s">
        <v>16</v>
      </c>
      <c r="D115">
        <v>5</v>
      </c>
      <c r="E115">
        <v>1</v>
      </c>
      <c r="F115">
        <v>2020</v>
      </c>
    </row>
    <row r="116" spans="1:6" x14ac:dyDescent="0.25">
      <c r="A116">
        <v>1137</v>
      </c>
      <c r="B116" t="s">
        <v>159</v>
      </c>
      <c r="C116" t="s">
        <v>16</v>
      </c>
      <c r="D116">
        <v>5</v>
      </c>
      <c r="E116">
        <v>1</v>
      </c>
      <c r="F116">
        <v>2020</v>
      </c>
    </row>
    <row r="117" spans="1:6" x14ac:dyDescent="0.25">
      <c r="A117">
        <v>1136</v>
      </c>
      <c r="B117" t="s">
        <v>160</v>
      </c>
      <c r="C117" t="s">
        <v>16</v>
      </c>
      <c r="D117">
        <v>5</v>
      </c>
      <c r="E117">
        <v>1</v>
      </c>
      <c r="F117">
        <v>2020</v>
      </c>
    </row>
    <row r="118" spans="1:6" x14ac:dyDescent="0.25">
      <c r="A118">
        <v>1135</v>
      </c>
      <c r="B118" t="s">
        <v>161</v>
      </c>
      <c r="C118" t="s">
        <v>16</v>
      </c>
      <c r="D118">
        <v>5</v>
      </c>
      <c r="E118">
        <v>1</v>
      </c>
      <c r="F118">
        <v>2020</v>
      </c>
    </row>
    <row r="119" spans="1:6" x14ac:dyDescent="0.25">
      <c r="A119">
        <v>1134</v>
      </c>
      <c r="B119" t="s">
        <v>162</v>
      </c>
      <c r="C119" t="s">
        <v>16</v>
      </c>
      <c r="D119">
        <v>5</v>
      </c>
      <c r="E119">
        <v>1</v>
      </c>
      <c r="F119">
        <v>2020</v>
      </c>
    </row>
    <row r="120" spans="1:6" x14ac:dyDescent="0.25">
      <c r="A120">
        <v>1133</v>
      </c>
      <c r="B120" t="s">
        <v>163</v>
      </c>
      <c r="C120" t="s">
        <v>16</v>
      </c>
      <c r="D120">
        <v>5</v>
      </c>
      <c r="E120">
        <v>1</v>
      </c>
      <c r="F120">
        <v>2020</v>
      </c>
    </row>
    <row r="121" spans="1:6" x14ac:dyDescent="0.25">
      <c r="A121">
        <v>1132</v>
      </c>
      <c r="B121" t="s">
        <v>164</v>
      </c>
      <c r="C121" t="s">
        <v>16</v>
      </c>
      <c r="D121">
        <v>5</v>
      </c>
      <c r="E121">
        <v>1</v>
      </c>
      <c r="F121">
        <v>2020</v>
      </c>
    </row>
    <row r="122" spans="1:6" x14ac:dyDescent="0.25">
      <c r="A122">
        <v>1131</v>
      </c>
      <c r="B122" t="s">
        <v>165</v>
      </c>
      <c r="C122" t="s">
        <v>16</v>
      </c>
      <c r="D122">
        <v>5</v>
      </c>
      <c r="E122">
        <v>1</v>
      </c>
      <c r="F122">
        <v>2020</v>
      </c>
    </row>
    <row r="123" spans="1:6" x14ac:dyDescent="0.25">
      <c r="A123">
        <v>1130</v>
      </c>
      <c r="B123" t="s">
        <v>166</v>
      </c>
      <c r="C123" t="s">
        <v>16</v>
      </c>
      <c r="D123">
        <v>5</v>
      </c>
      <c r="E123">
        <v>1</v>
      </c>
      <c r="F123">
        <v>2020</v>
      </c>
    </row>
    <row r="124" spans="1:6" x14ac:dyDescent="0.25">
      <c r="A124">
        <v>1129</v>
      </c>
      <c r="B124" t="s">
        <v>167</v>
      </c>
      <c r="C124" t="s">
        <v>16</v>
      </c>
      <c r="D124">
        <v>5</v>
      </c>
      <c r="E124">
        <v>1</v>
      </c>
      <c r="F124">
        <v>2020</v>
      </c>
    </row>
    <row r="125" spans="1:6" x14ac:dyDescent="0.25">
      <c r="A125">
        <v>1128</v>
      </c>
      <c r="B125" t="s">
        <v>168</v>
      </c>
      <c r="C125" t="s">
        <v>16</v>
      </c>
      <c r="D125">
        <v>5</v>
      </c>
      <c r="E125">
        <v>1</v>
      </c>
      <c r="F125">
        <v>2020</v>
      </c>
    </row>
    <row r="126" spans="1:6" x14ac:dyDescent="0.25">
      <c r="A126">
        <v>1127</v>
      </c>
      <c r="B126" t="s">
        <v>169</v>
      </c>
      <c r="C126" t="s">
        <v>16</v>
      </c>
      <c r="D126">
        <v>5</v>
      </c>
      <c r="E126">
        <v>1</v>
      </c>
      <c r="F126">
        <v>2020</v>
      </c>
    </row>
    <row r="127" spans="1:6" x14ac:dyDescent="0.25">
      <c r="A127">
        <v>1126</v>
      </c>
      <c r="B127" t="s">
        <v>170</v>
      </c>
      <c r="C127" t="s">
        <v>93</v>
      </c>
      <c r="D127">
        <v>48</v>
      </c>
      <c r="E127">
        <v>1</v>
      </c>
      <c r="F127">
        <v>2020</v>
      </c>
    </row>
    <row r="128" spans="1:6" x14ac:dyDescent="0.25">
      <c r="A128">
        <v>1125</v>
      </c>
      <c r="B128" t="s">
        <v>171</v>
      </c>
      <c r="C128" t="s">
        <v>93</v>
      </c>
      <c r="D128">
        <v>48</v>
      </c>
      <c r="E128">
        <v>1</v>
      </c>
      <c r="F128">
        <v>2020</v>
      </c>
    </row>
    <row r="129" spans="1:6" x14ac:dyDescent="0.25">
      <c r="A129">
        <v>1124</v>
      </c>
      <c r="B129" t="s">
        <v>172</v>
      </c>
      <c r="C129" t="s">
        <v>93</v>
      </c>
      <c r="D129">
        <v>48</v>
      </c>
      <c r="E129">
        <v>1</v>
      </c>
      <c r="F129">
        <v>2020</v>
      </c>
    </row>
    <row r="130" spans="1:6" x14ac:dyDescent="0.25">
      <c r="A130">
        <v>1123</v>
      </c>
      <c r="B130" t="s">
        <v>31</v>
      </c>
      <c r="C130" t="s">
        <v>93</v>
      </c>
      <c r="D130">
        <v>48</v>
      </c>
      <c r="E130">
        <v>1</v>
      </c>
      <c r="F130">
        <v>2020</v>
      </c>
    </row>
    <row r="131" spans="1:6" x14ac:dyDescent="0.25">
      <c r="A131">
        <v>1122</v>
      </c>
      <c r="B131" t="s">
        <v>173</v>
      </c>
      <c r="C131" t="s">
        <v>93</v>
      </c>
      <c r="D131">
        <v>48</v>
      </c>
      <c r="E131">
        <v>1</v>
      </c>
      <c r="F131">
        <v>2020</v>
      </c>
    </row>
    <row r="132" spans="1:6" x14ac:dyDescent="0.25">
      <c r="A132">
        <v>1121</v>
      </c>
      <c r="B132" t="s">
        <v>145</v>
      </c>
      <c r="C132" t="s">
        <v>93</v>
      </c>
      <c r="D132">
        <v>48</v>
      </c>
      <c r="E132">
        <v>1</v>
      </c>
      <c r="F132">
        <v>2020</v>
      </c>
    </row>
    <row r="133" spans="1:6" x14ac:dyDescent="0.25">
      <c r="A133">
        <v>1120</v>
      </c>
      <c r="B133" t="s">
        <v>174</v>
      </c>
      <c r="C133" t="s">
        <v>93</v>
      </c>
      <c r="D133">
        <v>48</v>
      </c>
      <c r="E133">
        <v>1</v>
      </c>
      <c r="F133">
        <v>2020</v>
      </c>
    </row>
    <row r="134" spans="1:6" x14ac:dyDescent="0.25">
      <c r="A134">
        <v>1119</v>
      </c>
      <c r="B134" t="s">
        <v>175</v>
      </c>
      <c r="C134" t="s">
        <v>93</v>
      </c>
      <c r="D134">
        <v>48</v>
      </c>
      <c r="E134">
        <v>1</v>
      </c>
      <c r="F134">
        <v>2020</v>
      </c>
    </row>
    <row r="135" spans="1:6" x14ac:dyDescent="0.25">
      <c r="A135">
        <v>1118</v>
      </c>
      <c r="B135" t="s">
        <v>176</v>
      </c>
      <c r="C135" t="s">
        <v>93</v>
      </c>
      <c r="D135">
        <v>48</v>
      </c>
      <c r="E135">
        <v>1</v>
      </c>
      <c r="F135">
        <v>2020</v>
      </c>
    </row>
    <row r="136" spans="1:6" x14ac:dyDescent="0.25">
      <c r="A136">
        <v>1117</v>
      </c>
      <c r="B136" t="s">
        <v>177</v>
      </c>
      <c r="C136" t="s">
        <v>93</v>
      </c>
      <c r="D136">
        <v>48</v>
      </c>
      <c r="E136">
        <v>1</v>
      </c>
      <c r="F136">
        <v>2020</v>
      </c>
    </row>
    <row r="137" spans="1:6" x14ac:dyDescent="0.25">
      <c r="A137">
        <v>1116</v>
      </c>
      <c r="B137" t="s">
        <v>178</v>
      </c>
      <c r="C137" t="s">
        <v>93</v>
      </c>
      <c r="D137">
        <v>48</v>
      </c>
      <c r="E137">
        <v>1</v>
      </c>
      <c r="F137">
        <v>2020</v>
      </c>
    </row>
    <row r="138" spans="1:6" x14ac:dyDescent="0.25">
      <c r="A138">
        <v>1115</v>
      </c>
      <c r="B138" t="s">
        <v>179</v>
      </c>
      <c r="C138" t="s">
        <v>180</v>
      </c>
      <c r="D138">
        <v>70</v>
      </c>
      <c r="E138">
        <v>1</v>
      </c>
      <c r="F138">
        <v>2020</v>
      </c>
    </row>
    <row r="139" spans="1:6" x14ac:dyDescent="0.25">
      <c r="A139">
        <v>1114</v>
      </c>
      <c r="B139" t="s">
        <v>181</v>
      </c>
      <c r="C139" t="s">
        <v>180</v>
      </c>
      <c r="D139">
        <v>70</v>
      </c>
      <c r="E139">
        <v>1</v>
      </c>
      <c r="F139">
        <v>2020</v>
      </c>
    </row>
    <row r="140" spans="1:6" x14ac:dyDescent="0.25">
      <c r="A140">
        <v>1113</v>
      </c>
      <c r="B140" t="s">
        <v>182</v>
      </c>
      <c r="C140" t="s">
        <v>183</v>
      </c>
      <c r="D140">
        <v>4</v>
      </c>
      <c r="E140">
        <v>1</v>
      </c>
      <c r="F140">
        <v>2020</v>
      </c>
    </row>
    <row r="141" spans="1:6" x14ac:dyDescent="0.25">
      <c r="A141">
        <v>1112</v>
      </c>
      <c r="B141" t="s">
        <v>184</v>
      </c>
      <c r="C141" t="s">
        <v>183</v>
      </c>
      <c r="D141">
        <v>4</v>
      </c>
      <c r="E141">
        <v>1</v>
      </c>
      <c r="F141">
        <v>2020</v>
      </c>
    </row>
    <row r="142" spans="1:6" x14ac:dyDescent="0.25">
      <c r="A142">
        <v>1111</v>
      </c>
      <c r="B142" t="s">
        <v>185</v>
      </c>
      <c r="C142" t="s">
        <v>186</v>
      </c>
      <c r="D142">
        <v>47</v>
      </c>
      <c r="E142">
        <v>1</v>
      </c>
      <c r="F142">
        <v>2020</v>
      </c>
    </row>
    <row r="143" spans="1:6" x14ac:dyDescent="0.25">
      <c r="A143">
        <v>1110</v>
      </c>
      <c r="B143" t="s">
        <v>187</v>
      </c>
      <c r="C143" t="s">
        <v>186</v>
      </c>
      <c r="D143">
        <v>47</v>
      </c>
      <c r="E143">
        <v>1</v>
      </c>
      <c r="F143">
        <v>2020</v>
      </c>
    </row>
    <row r="144" spans="1:6" x14ac:dyDescent="0.25">
      <c r="A144">
        <v>1109</v>
      </c>
      <c r="B144" t="s">
        <v>188</v>
      </c>
      <c r="C144" t="s">
        <v>189</v>
      </c>
      <c r="D144">
        <v>30</v>
      </c>
      <c r="E144">
        <v>1</v>
      </c>
      <c r="F144">
        <v>2020</v>
      </c>
    </row>
    <row r="145" spans="1:6" x14ac:dyDescent="0.25">
      <c r="A145">
        <v>1108</v>
      </c>
      <c r="B145" t="s">
        <v>190</v>
      </c>
      <c r="C145" t="s">
        <v>189</v>
      </c>
      <c r="D145">
        <v>30</v>
      </c>
      <c r="E145">
        <v>1</v>
      </c>
      <c r="F145">
        <v>2020</v>
      </c>
    </row>
    <row r="146" spans="1:6" x14ac:dyDescent="0.25">
      <c r="A146">
        <v>1107</v>
      </c>
      <c r="B146" t="s">
        <v>191</v>
      </c>
      <c r="C146" t="s">
        <v>192</v>
      </c>
      <c r="D146">
        <v>19</v>
      </c>
      <c r="E146">
        <v>1</v>
      </c>
      <c r="F146">
        <v>2020</v>
      </c>
    </row>
    <row r="147" spans="1:6" x14ac:dyDescent="0.25">
      <c r="A147">
        <v>1106</v>
      </c>
      <c r="B147" t="s">
        <v>188</v>
      </c>
      <c r="C147" t="s">
        <v>192</v>
      </c>
      <c r="D147">
        <v>19</v>
      </c>
      <c r="E147">
        <v>1</v>
      </c>
      <c r="F147">
        <v>2020</v>
      </c>
    </row>
    <row r="148" spans="1:6" x14ac:dyDescent="0.25">
      <c r="A148">
        <v>1105</v>
      </c>
      <c r="B148" t="s">
        <v>193</v>
      </c>
      <c r="C148" t="s">
        <v>26</v>
      </c>
      <c r="D148">
        <v>44</v>
      </c>
      <c r="E148">
        <v>1</v>
      </c>
      <c r="F148">
        <v>2020</v>
      </c>
    </row>
    <row r="149" spans="1:6" x14ac:dyDescent="0.25">
      <c r="A149">
        <v>1104</v>
      </c>
      <c r="B149" t="s">
        <v>194</v>
      </c>
      <c r="C149" t="s">
        <v>195</v>
      </c>
      <c r="D149">
        <v>27</v>
      </c>
      <c r="E149">
        <v>1</v>
      </c>
      <c r="F149">
        <v>2020</v>
      </c>
    </row>
    <row r="150" spans="1:6" x14ac:dyDescent="0.25">
      <c r="A150">
        <v>1103</v>
      </c>
      <c r="B150" t="s">
        <v>196</v>
      </c>
      <c r="C150" t="s">
        <v>28</v>
      </c>
      <c r="D150">
        <v>49</v>
      </c>
      <c r="E150">
        <v>1</v>
      </c>
      <c r="F150">
        <v>2020</v>
      </c>
    </row>
    <row r="151" spans="1:6" x14ac:dyDescent="0.25">
      <c r="A151">
        <v>1102</v>
      </c>
      <c r="B151" t="s">
        <v>197</v>
      </c>
      <c r="C151" t="s">
        <v>198</v>
      </c>
      <c r="D151">
        <v>21</v>
      </c>
      <c r="E151">
        <v>1</v>
      </c>
      <c r="F151">
        <v>2020</v>
      </c>
    </row>
    <row r="152" spans="1:6" x14ac:dyDescent="0.25">
      <c r="A152">
        <v>1101</v>
      </c>
      <c r="B152" t="s">
        <v>199</v>
      </c>
      <c r="C152" t="s">
        <v>200</v>
      </c>
      <c r="D152">
        <v>32</v>
      </c>
      <c r="E152">
        <v>1</v>
      </c>
      <c r="F152">
        <v>2020</v>
      </c>
    </row>
    <row r="153" spans="1:6" x14ac:dyDescent="0.25">
      <c r="A153">
        <v>1100</v>
      </c>
      <c r="B153" t="s">
        <v>201</v>
      </c>
      <c r="C153" t="s">
        <v>202</v>
      </c>
      <c r="D153">
        <v>6</v>
      </c>
      <c r="E153">
        <v>1</v>
      </c>
      <c r="F153">
        <v>2020</v>
      </c>
    </row>
    <row r="154" spans="1:6" x14ac:dyDescent="0.25">
      <c r="A154">
        <v>1099</v>
      </c>
      <c r="B154" t="s">
        <v>203</v>
      </c>
      <c r="C154" t="s">
        <v>204</v>
      </c>
      <c r="D154">
        <v>45</v>
      </c>
      <c r="E154">
        <v>1</v>
      </c>
      <c r="F154">
        <v>2020</v>
      </c>
    </row>
    <row r="155" spans="1:6" x14ac:dyDescent="0.25">
      <c r="A155">
        <v>1098</v>
      </c>
      <c r="B155" t="s">
        <v>205</v>
      </c>
      <c r="C155" t="s">
        <v>206</v>
      </c>
      <c r="D155">
        <v>33</v>
      </c>
      <c r="E155">
        <v>1</v>
      </c>
      <c r="F155">
        <v>2020</v>
      </c>
    </row>
    <row r="156" spans="1:6" x14ac:dyDescent="0.25">
      <c r="A156">
        <v>1097</v>
      </c>
      <c r="B156" t="s">
        <v>207</v>
      </c>
      <c r="C156" t="s">
        <v>206</v>
      </c>
      <c r="D156">
        <v>33</v>
      </c>
      <c r="E156">
        <v>1</v>
      </c>
      <c r="F156">
        <v>2020</v>
      </c>
    </row>
    <row r="157" spans="1:6" x14ac:dyDescent="0.25">
      <c r="A157">
        <v>1096</v>
      </c>
      <c r="B157" t="s">
        <v>208</v>
      </c>
      <c r="C157" t="s">
        <v>206</v>
      </c>
      <c r="D157">
        <v>33</v>
      </c>
      <c r="E157">
        <v>1</v>
      </c>
      <c r="F157">
        <v>2020</v>
      </c>
    </row>
    <row r="158" spans="1:6" x14ac:dyDescent="0.25">
      <c r="A158">
        <v>1095</v>
      </c>
      <c r="B158" t="s">
        <v>209</v>
      </c>
      <c r="C158" t="s">
        <v>210</v>
      </c>
      <c r="D158">
        <v>23</v>
      </c>
      <c r="E158">
        <v>1</v>
      </c>
      <c r="F158">
        <v>2020</v>
      </c>
    </row>
    <row r="159" spans="1:6" x14ac:dyDescent="0.25">
      <c r="A159">
        <v>1094</v>
      </c>
      <c r="B159" t="s">
        <v>211</v>
      </c>
      <c r="C159" t="s">
        <v>84</v>
      </c>
      <c r="D159">
        <v>3</v>
      </c>
      <c r="E159">
        <v>1</v>
      </c>
      <c r="F159">
        <v>2020</v>
      </c>
    </row>
    <row r="160" spans="1:6" x14ac:dyDescent="0.25">
      <c r="A160">
        <v>1092</v>
      </c>
      <c r="B160" t="s">
        <v>212</v>
      </c>
      <c r="C160" t="s">
        <v>213</v>
      </c>
      <c r="D160">
        <v>15</v>
      </c>
      <c r="E160">
        <v>1</v>
      </c>
      <c r="F160">
        <v>2020</v>
      </c>
    </row>
    <row r="161" spans="1:6" x14ac:dyDescent="0.25">
      <c r="A161">
        <v>1091</v>
      </c>
      <c r="B161" t="s">
        <v>214</v>
      </c>
      <c r="C161" t="s">
        <v>215</v>
      </c>
      <c r="D161">
        <v>41</v>
      </c>
      <c r="E161">
        <v>1</v>
      </c>
      <c r="F161">
        <v>2020</v>
      </c>
    </row>
    <row r="162" spans="1:6" x14ac:dyDescent="0.25">
      <c r="A162">
        <v>1090</v>
      </c>
      <c r="B162" t="s">
        <v>216</v>
      </c>
      <c r="C162" t="s">
        <v>215</v>
      </c>
      <c r="D162">
        <v>41</v>
      </c>
      <c r="E162">
        <v>1</v>
      </c>
      <c r="F162">
        <v>2020</v>
      </c>
    </row>
    <row r="163" spans="1:6" x14ac:dyDescent="0.25">
      <c r="A163">
        <v>1089</v>
      </c>
      <c r="B163" t="s">
        <v>217</v>
      </c>
      <c r="C163" t="s">
        <v>218</v>
      </c>
      <c r="D163">
        <v>17</v>
      </c>
      <c r="E163">
        <v>1</v>
      </c>
      <c r="F163">
        <v>2020</v>
      </c>
    </row>
    <row r="164" spans="1:6" x14ac:dyDescent="0.25">
      <c r="A164">
        <v>1088</v>
      </c>
      <c r="B164" t="s">
        <v>219</v>
      </c>
      <c r="C164" t="s">
        <v>63</v>
      </c>
      <c r="D164">
        <v>58</v>
      </c>
      <c r="E164">
        <v>1</v>
      </c>
      <c r="F164">
        <v>2020</v>
      </c>
    </row>
    <row r="165" spans="1:6" x14ac:dyDescent="0.25">
      <c r="A165">
        <v>1087</v>
      </c>
      <c r="B165" t="s">
        <v>220</v>
      </c>
      <c r="C165" t="s">
        <v>63</v>
      </c>
      <c r="D165">
        <v>58</v>
      </c>
      <c r="E165">
        <v>1</v>
      </c>
      <c r="F165">
        <v>2020</v>
      </c>
    </row>
    <row r="166" spans="1:6" x14ac:dyDescent="0.25">
      <c r="A166">
        <v>1086</v>
      </c>
      <c r="B166" t="s">
        <v>221</v>
      </c>
      <c r="C166" t="s">
        <v>74</v>
      </c>
      <c r="D166">
        <v>40</v>
      </c>
      <c r="E166">
        <v>1</v>
      </c>
      <c r="F166">
        <v>2020</v>
      </c>
    </row>
    <row r="167" spans="1:6" x14ac:dyDescent="0.25">
      <c r="A167">
        <v>1085</v>
      </c>
      <c r="B167" t="s">
        <v>222</v>
      </c>
      <c r="C167" t="s">
        <v>74</v>
      </c>
      <c r="D167">
        <v>40</v>
      </c>
      <c r="E167">
        <v>1</v>
      </c>
      <c r="F167">
        <v>2020</v>
      </c>
    </row>
    <row r="168" spans="1:6" x14ac:dyDescent="0.25">
      <c r="A168">
        <v>1084</v>
      </c>
      <c r="B168" t="s">
        <v>223</v>
      </c>
      <c r="C168" t="s">
        <v>224</v>
      </c>
      <c r="D168">
        <v>46</v>
      </c>
      <c r="E168">
        <v>1</v>
      </c>
      <c r="F168">
        <v>2020</v>
      </c>
    </row>
    <row r="169" spans="1:6" x14ac:dyDescent="0.25">
      <c r="A169">
        <v>1083</v>
      </c>
      <c r="B169" t="s">
        <v>225</v>
      </c>
      <c r="C169" t="s">
        <v>226</v>
      </c>
      <c r="D169">
        <v>1</v>
      </c>
      <c r="E169">
        <v>1</v>
      </c>
      <c r="F169">
        <v>2020</v>
      </c>
    </row>
    <row r="170" spans="1:6" x14ac:dyDescent="0.25">
      <c r="A170">
        <v>1082</v>
      </c>
      <c r="B170" t="s">
        <v>227</v>
      </c>
      <c r="C170" t="s">
        <v>226</v>
      </c>
      <c r="D170">
        <v>1</v>
      </c>
      <c r="E170">
        <v>1</v>
      </c>
      <c r="F170">
        <v>2020</v>
      </c>
    </row>
    <row r="171" spans="1:6" x14ac:dyDescent="0.25">
      <c r="A171">
        <v>1081</v>
      </c>
      <c r="B171" t="s">
        <v>228</v>
      </c>
      <c r="C171" t="s">
        <v>226</v>
      </c>
      <c r="D171">
        <v>1</v>
      </c>
      <c r="E171">
        <v>1</v>
      </c>
      <c r="F171">
        <v>2020</v>
      </c>
    </row>
    <row r="172" spans="1:6" x14ac:dyDescent="0.25">
      <c r="A172">
        <v>1080</v>
      </c>
      <c r="B172" t="s">
        <v>229</v>
      </c>
      <c r="C172" t="s">
        <v>226</v>
      </c>
      <c r="D172">
        <v>1</v>
      </c>
      <c r="E172">
        <v>1</v>
      </c>
      <c r="F172">
        <v>2020</v>
      </c>
    </row>
    <row r="173" spans="1:6" x14ac:dyDescent="0.25">
      <c r="A173">
        <v>1079</v>
      </c>
      <c r="B173" t="s">
        <v>230</v>
      </c>
      <c r="C173" t="s">
        <v>226</v>
      </c>
      <c r="D173">
        <v>1</v>
      </c>
      <c r="E173">
        <v>1</v>
      </c>
      <c r="F173">
        <v>2020</v>
      </c>
    </row>
    <row r="174" spans="1:6" x14ac:dyDescent="0.25">
      <c r="A174">
        <v>1078</v>
      </c>
      <c r="B174" t="s">
        <v>231</v>
      </c>
      <c r="C174" t="s">
        <v>226</v>
      </c>
      <c r="D174">
        <v>1</v>
      </c>
      <c r="E174">
        <v>1</v>
      </c>
      <c r="F174">
        <v>2020</v>
      </c>
    </row>
    <row r="175" spans="1:6" x14ac:dyDescent="0.25">
      <c r="A175">
        <v>1077</v>
      </c>
      <c r="B175" t="s">
        <v>232</v>
      </c>
      <c r="C175" t="s">
        <v>226</v>
      </c>
      <c r="D175">
        <v>1</v>
      </c>
      <c r="E175">
        <v>1</v>
      </c>
      <c r="F175">
        <v>2020</v>
      </c>
    </row>
    <row r="176" spans="1:6" x14ac:dyDescent="0.25">
      <c r="A176">
        <v>1076</v>
      </c>
      <c r="B176" t="s">
        <v>233</v>
      </c>
      <c r="C176" t="s">
        <v>226</v>
      </c>
      <c r="D176">
        <v>1</v>
      </c>
      <c r="E176">
        <v>1</v>
      </c>
      <c r="F176">
        <v>2020</v>
      </c>
    </row>
    <row r="177" spans="1:6" x14ac:dyDescent="0.25">
      <c r="A177">
        <v>1075</v>
      </c>
      <c r="B177" t="s">
        <v>234</v>
      </c>
      <c r="C177" t="s">
        <v>226</v>
      </c>
      <c r="D177">
        <v>1</v>
      </c>
      <c r="E177">
        <v>1</v>
      </c>
      <c r="F177">
        <v>2020</v>
      </c>
    </row>
    <row r="178" spans="1:6" x14ac:dyDescent="0.25">
      <c r="A178">
        <v>1074</v>
      </c>
      <c r="B178" t="s">
        <v>235</v>
      </c>
      <c r="C178" t="s">
        <v>226</v>
      </c>
      <c r="D178">
        <v>1</v>
      </c>
      <c r="E178">
        <v>1</v>
      </c>
      <c r="F178">
        <v>2020</v>
      </c>
    </row>
    <row r="179" spans="1:6" x14ac:dyDescent="0.25">
      <c r="A179">
        <v>1073</v>
      </c>
      <c r="B179" t="s">
        <v>236</v>
      </c>
      <c r="C179" t="s">
        <v>226</v>
      </c>
      <c r="D179">
        <v>1</v>
      </c>
      <c r="E179">
        <v>1</v>
      </c>
      <c r="F179">
        <v>2020</v>
      </c>
    </row>
    <row r="180" spans="1:6" x14ac:dyDescent="0.25">
      <c r="A180">
        <v>1072</v>
      </c>
      <c r="B180" t="s">
        <v>237</v>
      </c>
      <c r="C180" t="s">
        <v>226</v>
      </c>
      <c r="D180">
        <v>1</v>
      </c>
      <c r="E180">
        <v>1</v>
      </c>
      <c r="F180">
        <v>2020</v>
      </c>
    </row>
    <row r="181" spans="1:6" x14ac:dyDescent="0.25">
      <c r="A181">
        <v>1071</v>
      </c>
      <c r="B181" t="s">
        <v>238</v>
      </c>
      <c r="C181" t="s">
        <v>226</v>
      </c>
      <c r="D181">
        <v>1</v>
      </c>
      <c r="E181">
        <v>1</v>
      </c>
      <c r="F181">
        <v>2020</v>
      </c>
    </row>
    <row r="182" spans="1:6" x14ac:dyDescent="0.25">
      <c r="A182">
        <v>1070</v>
      </c>
      <c r="B182" t="s">
        <v>239</v>
      </c>
      <c r="C182" t="s">
        <v>226</v>
      </c>
      <c r="D182">
        <v>1</v>
      </c>
      <c r="E182">
        <v>1</v>
      </c>
      <c r="F182">
        <v>2020</v>
      </c>
    </row>
    <row r="183" spans="1:6" x14ac:dyDescent="0.25">
      <c r="A183">
        <v>1069</v>
      </c>
      <c r="B183" t="s">
        <v>240</v>
      </c>
      <c r="C183" t="s">
        <v>26</v>
      </c>
      <c r="D183">
        <v>44</v>
      </c>
      <c r="E183">
        <v>1</v>
      </c>
      <c r="F183">
        <v>2020</v>
      </c>
    </row>
    <row r="184" spans="1:6" x14ac:dyDescent="0.25">
      <c r="A184">
        <v>1068</v>
      </c>
      <c r="B184" t="s">
        <v>241</v>
      </c>
      <c r="C184" t="s">
        <v>242</v>
      </c>
      <c r="D184">
        <v>37</v>
      </c>
      <c r="E184">
        <v>1</v>
      </c>
      <c r="F184">
        <v>2020</v>
      </c>
    </row>
    <row r="185" spans="1:6" x14ac:dyDescent="0.25">
      <c r="A185">
        <v>1067</v>
      </c>
      <c r="B185" t="s">
        <v>243</v>
      </c>
      <c r="C185" t="s">
        <v>32</v>
      </c>
      <c r="D185">
        <v>24</v>
      </c>
      <c r="E185">
        <v>1</v>
      </c>
      <c r="F185">
        <v>2020</v>
      </c>
    </row>
    <row r="186" spans="1:6" x14ac:dyDescent="0.25">
      <c r="A186">
        <v>1066</v>
      </c>
      <c r="B186" t="s">
        <v>171</v>
      </c>
      <c r="C186" t="s">
        <v>32</v>
      </c>
      <c r="D186">
        <v>24</v>
      </c>
      <c r="E186">
        <v>1</v>
      </c>
      <c r="F186">
        <v>2020</v>
      </c>
    </row>
    <row r="187" spans="1:6" x14ac:dyDescent="0.25">
      <c r="A187">
        <v>1065</v>
      </c>
      <c r="B187" t="s">
        <v>244</v>
      </c>
      <c r="C187" t="s">
        <v>32</v>
      </c>
      <c r="D187">
        <v>24</v>
      </c>
      <c r="E187">
        <v>1</v>
      </c>
      <c r="F187">
        <v>2020</v>
      </c>
    </row>
    <row r="188" spans="1:6" x14ac:dyDescent="0.25">
      <c r="A188">
        <v>1064</v>
      </c>
      <c r="B188" t="s">
        <v>245</v>
      </c>
      <c r="C188" t="s">
        <v>32</v>
      </c>
      <c r="D188">
        <v>24</v>
      </c>
      <c r="E188">
        <v>1</v>
      </c>
      <c r="F188">
        <v>2020</v>
      </c>
    </row>
    <row r="189" spans="1:6" x14ac:dyDescent="0.25">
      <c r="A189">
        <v>1063</v>
      </c>
      <c r="B189" t="s">
        <v>246</v>
      </c>
      <c r="C189" t="s">
        <v>247</v>
      </c>
      <c r="D189">
        <v>39</v>
      </c>
      <c r="E189">
        <v>1</v>
      </c>
      <c r="F189">
        <v>2020</v>
      </c>
    </row>
    <row r="190" spans="1:6" x14ac:dyDescent="0.25">
      <c r="A190">
        <v>1062</v>
      </c>
      <c r="B190" t="s">
        <v>248</v>
      </c>
      <c r="C190" t="s">
        <v>249</v>
      </c>
      <c r="D190">
        <v>38</v>
      </c>
      <c r="E190">
        <v>1</v>
      </c>
      <c r="F190">
        <v>2020</v>
      </c>
    </row>
    <row r="191" spans="1:6" x14ac:dyDescent="0.25">
      <c r="A191">
        <v>1061</v>
      </c>
      <c r="B191" t="s">
        <v>250</v>
      </c>
      <c r="C191" t="s">
        <v>22</v>
      </c>
      <c r="D191">
        <v>28</v>
      </c>
      <c r="E191">
        <v>1</v>
      </c>
      <c r="F191">
        <v>2020</v>
      </c>
    </row>
    <row r="192" spans="1:6" x14ac:dyDescent="0.25">
      <c r="A192">
        <v>1059</v>
      </c>
      <c r="B192" t="s">
        <v>251</v>
      </c>
      <c r="C192" t="s">
        <v>14</v>
      </c>
      <c r="D192">
        <v>20</v>
      </c>
      <c r="E192">
        <v>1</v>
      </c>
      <c r="F192">
        <v>2020</v>
      </c>
    </row>
    <row r="193" spans="1:6" x14ac:dyDescent="0.25">
      <c r="A193">
        <v>1058</v>
      </c>
      <c r="B193" t="s">
        <v>252</v>
      </c>
      <c r="C193" t="s">
        <v>14</v>
      </c>
      <c r="D193">
        <v>20</v>
      </c>
      <c r="E193">
        <v>1</v>
      </c>
      <c r="F193">
        <v>2020</v>
      </c>
    </row>
    <row r="194" spans="1:6" x14ac:dyDescent="0.25">
      <c r="A194">
        <v>1057</v>
      </c>
      <c r="B194" t="s">
        <v>253</v>
      </c>
      <c r="C194" t="s">
        <v>14</v>
      </c>
      <c r="D194">
        <v>20</v>
      </c>
      <c r="E194">
        <v>1</v>
      </c>
      <c r="F194">
        <v>2020</v>
      </c>
    </row>
    <row r="195" spans="1:6" x14ac:dyDescent="0.25">
      <c r="A195">
        <v>1056</v>
      </c>
      <c r="B195" t="s">
        <v>254</v>
      </c>
      <c r="C195" t="s">
        <v>14</v>
      </c>
      <c r="D195">
        <v>20</v>
      </c>
      <c r="E195">
        <v>1</v>
      </c>
      <c r="F195">
        <v>2020</v>
      </c>
    </row>
    <row r="196" spans="1:6" x14ac:dyDescent="0.25">
      <c r="A196">
        <v>1055</v>
      </c>
      <c r="B196" t="s">
        <v>255</v>
      </c>
      <c r="C196" t="s">
        <v>14</v>
      </c>
      <c r="D196">
        <v>20</v>
      </c>
      <c r="E196">
        <v>1</v>
      </c>
      <c r="F196">
        <v>2020</v>
      </c>
    </row>
    <row r="197" spans="1:6" x14ac:dyDescent="0.25">
      <c r="A197">
        <v>1054</v>
      </c>
      <c r="B197" t="s">
        <v>256</v>
      </c>
      <c r="C197" t="s">
        <v>14</v>
      </c>
      <c r="D197">
        <v>20</v>
      </c>
      <c r="E197">
        <v>1</v>
      </c>
      <c r="F197">
        <v>2020</v>
      </c>
    </row>
    <row r="198" spans="1:6" x14ac:dyDescent="0.25">
      <c r="A198">
        <v>1053</v>
      </c>
      <c r="B198" t="s">
        <v>257</v>
      </c>
      <c r="C198" t="s">
        <v>14</v>
      </c>
      <c r="D198">
        <v>20</v>
      </c>
      <c r="E198">
        <v>1</v>
      </c>
      <c r="F198">
        <v>2020</v>
      </c>
    </row>
    <row r="199" spans="1:6" x14ac:dyDescent="0.25">
      <c r="A199">
        <v>1052</v>
      </c>
      <c r="B199" t="s">
        <v>258</v>
      </c>
      <c r="C199" t="s">
        <v>14</v>
      </c>
      <c r="D199">
        <v>20</v>
      </c>
      <c r="E199">
        <v>1</v>
      </c>
      <c r="F199">
        <v>2020</v>
      </c>
    </row>
    <row r="200" spans="1:6" x14ac:dyDescent="0.25">
      <c r="A200">
        <v>1051</v>
      </c>
      <c r="B200" t="s">
        <v>259</v>
      </c>
      <c r="C200" t="s">
        <v>14</v>
      </c>
      <c r="D200">
        <v>20</v>
      </c>
      <c r="E200">
        <v>1</v>
      </c>
      <c r="F200">
        <v>2020</v>
      </c>
    </row>
    <row r="201" spans="1:6" x14ac:dyDescent="0.25">
      <c r="A201">
        <v>1050</v>
      </c>
      <c r="B201" t="s">
        <v>260</v>
      </c>
      <c r="C201" t="s">
        <v>14</v>
      </c>
      <c r="D201">
        <v>20</v>
      </c>
      <c r="E201">
        <v>1</v>
      </c>
      <c r="F201">
        <v>2020</v>
      </c>
    </row>
    <row r="202" spans="1:6" x14ac:dyDescent="0.25">
      <c r="A202">
        <v>1049</v>
      </c>
      <c r="B202" t="s">
        <v>261</v>
      </c>
      <c r="C202" t="s">
        <v>14</v>
      </c>
      <c r="D202">
        <v>20</v>
      </c>
      <c r="E202">
        <v>1</v>
      </c>
      <c r="F202">
        <v>2020</v>
      </c>
    </row>
    <row r="203" spans="1:6" x14ac:dyDescent="0.25">
      <c r="A203">
        <v>1048</v>
      </c>
      <c r="B203" t="s">
        <v>262</v>
      </c>
      <c r="C203" t="s">
        <v>14</v>
      </c>
      <c r="D203">
        <v>20</v>
      </c>
      <c r="E203">
        <v>1</v>
      </c>
      <c r="F203">
        <v>2020</v>
      </c>
    </row>
    <row r="204" spans="1:6" x14ac:dyDescent="0.25">
      <c r="A204">
        <v>1047</v>
      </c>
      <c r="B204" t="s">
        <v>263</v>
      </c>
      <c r="C204" t="s">
        <v>14</v>
      </c>
      <c r="D204">
        <v>20</v>
      </c>
      <c r="E204">
        <v>1</v>
      </c>
      <c r="F204">
        <v>2020</v>
      </c>
    </row>
    <row r="205" spans="1:6" x14ac:dyDescent="0.25">
      <c r="A205">
        <v>1046</v>
      </c>
      <c r="B205" t="s">
        <v>264</v>
      </c>
      <c r="C205" t="s">
        <v>14</v>
      </c>
      <c r="D205">
        <v>20</v>
      </c>
      <c r="E205">
        <v>1</v>
      </c>
      <c r="F205">
        <v>2020</v>
      </c>
    </row>
    <row r="206" spans="1:6" x14ac:dyDescent="0.25">
      <c r="A206">
        <v>1045</v>
      </c>
      <c r="B206" t="s">
        <v>265</v>
      </c>
      <c r="C206" t="s">
        <v>14</v>
      </c>
      <c r="D206">
        <v>20</v>
      </c>
      <c r="E206">
        <v>1</v>
      </c>
      <c r="F206">
        <v>2020</v>
      </c>
    </row>
    <row r="207" spans="1:6" x14ac:dyDescent="0.25">
      <c r="A207">
        <v>1044</v>
      </c>
      <c r="B207" t="s">
        <v>266</v>
      </c>
      <c r="C207" t="s">
        <v>14</v>
      </c>
      <c r="D207">
        <v>20</v>
      </c>
      <c r="E207">
        <v>1</v>
      </c>
      <c r="F207">
        <v>2020</v>
      </c>
    </row>
    <row r="208" spans="1:6" x14ac:dyDescent="0.25">
      <c r="A208">
        <v>1043</v>
      </c>
      <c r="B208" t="s">
        <v>267</v>
      </c>
      <c r="C208" t="s">
        <v>14</v>
      </c>
      <c r="D208">
        <v>20</v>
      </c>
      <c r="E208">
        <v>1</v>
      </c>
      <c r="F208">
        <v>2020</v>
      </c>
    </row>
    <row r="209" spans="1:6" x14ac:dyDescent="0.25">
      <c r="A209">
        <v>1042</v>
      </c>
      <c r="B209" t="s">
        <v>268</v>
      </c>
      <c r="C209" t="s">
        <v>14</v>
      </c>
      <c r="D209">
        <v>20</v>
      </c>
      <c r="E209">
        <v>1</v>
      </c>
      <c r="F209">
        <v>2020</v>
      </c>
    </row>
    <row r="210" spans="1:6" x14ac:dyDescent="0.25">
      <c r="A210">
        <v>1041</v>
      </c>
      <c r="B210" t="s">
        <v>269</v>
      </c>
      <c r="C210" t="s">
        <v>14</v>
      </c>
      <c r="D210">
        <v>20</v>
      </c>
      <c r="E210">
        <v>1</v>
      </c>
      <c r="F210">
        <v>2020</v>
      </c>
    </row>
    <row r="211" spans="1:6" x14ac:dyDescent="0.25">
      <c r="A211">
        <v>1040</v>
      </c>
      <c r="B211" t="s">
        <v>270</v>
      </c>
      <c r="C211" t="s">
        <v>14</v>
      </c>
      <c r="D211">
        <v>20</v>
      </c>
      <c r="E211">
        <v>1</v>
      </c>
      <c r="F211">
        <v>2020</v>
      </c>
    </row>
    <row r="212" spans="1:6" x14ac:dyDescent="0.25">
      <c r="A212">
        <v>1039</v>
      </c>
      <c r="B212" t="s">
        <v>271</v>
      </c>
      <c r="C212" t="s">
        <v>14</v>
      </c>
      <c r="D212">
        <v>20</v>
      </c>
      <c r="E212">
        <v>1</v>
      </c>
      <c r="F212">
        <v>2020</v>
      </c>
    </row>
    <row r="213" spans="1:6" x14ac:dyDescent="0.25">
      <c r="A213">
        <v>1038</v>
      </c>
      <c r="B213" t="s">
        <v>272</v>
      </c>
      <c r="C213" t="s">
        <v>14</v>
      </c>
      <c r="D213">
        <v>20</v>
      </c>
      <c r="E213">
        <v>1</v>
      </c>
      <c r="F213">
        <v>2020</v>
      </c>
    </row>
    <row r="214" spans="1:6" x14ac:dyDescent="0.25">
      <c r="A214">
        <v>1037</v>
      </c>
      <c r="B214" t="s">
        <v>273</v>
      </c>
      <c r="C214" t="s">
        <v>14</v>
      </c>
      <c r="D214">
        <v>20</v>
      </c>
      <c r="E214">
        <v>1</v>
      </c>
      <c r="F214">
        <v>2020</v>
      </c>
    </row>
    <row r="215" spans="1:6" x14ac:dyDescent="0.25">
      <c r="A215">
        <v>1036</v>
      </c>
      <c r="B215" t="s">
        <v>274</v>
      </c>
      <c r="C215" t="s">
        <v>14</v>
      </c>
      <c r="D215">
        <v>20</v>
      </c>
      <c r="E215">
        <v>1</v>
      </c>
      <c r="F215">
        <v>2020</v>
      </c>
    </row>
    <row r="216" spans="1:6" x14ac:dyDescent="0.25">
      <c r="A216">
        <v>1033</v>
      </c>
      <c r="B216" t="s">
        <v>275</v>
      </c>
      <c r="C216" t="s">
        <v>18</v>
      </c>
      <c r="D216">
        <v>31</v>
      </c>
      <c r="E216">
        <v>1</v>
      </c>
      <c r="F216">
        <v>2020</v>
      </c>
    </row>
    <row r="217" spans="1:6" x14ac:dyDescent="0.25">
      <c r="A217">
        <v>1032</v>
      </c>
      <c r="B217" t="s">
        <v>276</v>
      </c>
      <c r="C217" t="s">
        <v>18</v>
      </c>
      <c r="D217">
        <v>31</v>
      </c>
      <c r="E217">
        <v>1</v>
      </c>
      <c r="F217">
        <v>2020</v>
      </c>
    </row>
    <row r="218" spans="1:6" x14ac:dyDescent="0.25">
      <c r="A218">
        <v>1031</v>
      </c>
      <c r="B218" t="s">
        <v>277</v>
      </c>
      <c r="C218" t="s">
        <v>18</v>
      </c>
      <c r="D218">
        <v>31</v>
      </c>
      <c r="E218">
        <v>1</v>
      </c>
      <c r="F218">
        <v>2020</v>
      </c>
    </row>
    <row r="219" spans="1:6" x14ac:dyDescent="0.25">
      <c r="A219">
        <v>1030</v>
      </c>
      <c r="B219" t="s">
        <v>278</v>
      </c>
      <c r="C219" t="s">
        <v>18</v>
      </c>
      <c r="D219">
        <v>31</v>
      </c>
      <c r="E219">
        <v>1</v>
      </c>
      <c r="F219">
        <v>2020</v>
      </c>
    </row>
    <row r="220" spans="1:6" x14ac:dyDescent="0.25">
      <c r="A220">
        <v>1029</v>
      </c>
      <c r="B220" t="s">
        <v>279</v>
      </c>
      <c r="C220" t="s">
        <v>18</v>
      </c>
      <c r="D220">
        <v>31</v>
      </c>
      <c r="E220">
        <v>1</v>
      </c>
      <c r="F220">
        <v>2020</v>
      </c>
    </row>
    <row r="221" spans="1:6" x14ac:dyDescent="0.25">
      <c r="A221">
        <v>1028</v>
      </c>
      <c r="B221" t="s">
        <v>280</v>
      </c>
      <c r="C221" t="s">
        <v>18</v>
      </c>
      <c r="D221">
        <v>31</v>
      </c>
      <c r="E221">
        <v>1</v>
      </c>
      <c r="F221">
        <v>2020</v>
      </c>
    </row>
    <row r="222" spans="1:6" x14ac:dyDescent="0.25">
      <c r="A222">
        <v>1027</v>
      </c>
      <c r="B222" t="s">
        <v>281</v>
      </c>
      <c r="C222" t="s">
        <v>18</v>
      </c>
      <c r="D222">
        <v>31</v>
      </c>
      <c r="E222">
        <v>1</v>
      </c>
      <c r="F222">
        <v>2020</v>
      </c>
    </row>
    <row r="223" spans="1:6" x14ac:dyDescent="0.25">
      <c r="A223">
        <v>1026</v>
      </c>
      <c r="B223" t="s">
        <v>282</v>
      </c>
      <c r="C223" t="s">
        <v>18</v>
      </c>
      <c r="D223">
        <v>31</v>
      </c>
      <c r="E223">
        <v>1</v>
      </c>
      <c r="F223">
        <v>2020</v>
      </c>
    </row>
    <row r="224" spans="1:6" x14ac:dyDescent="0.25">
      <c r="A224">
        <v>1025</v>
      </c>
      <c r="B224" t="s">
        <v>283</v>
      </c>
      <c r="C224" t="s">
        <v>18</v>
      </c>
      <c r="D224">
        <v>31</v>
      </c>
      <c r="E224">
        <v>1</v>
      </c>
      <c r="F224">
        <v>2020</v>
      </c>
    </row>
    <row r="225" spans="1:6" x14ac:dyDescent="0.25">
      <c r="A225">
        <v>1024</v>
      </c>
      <c r="B225" t="s">
        <v>284</v>
      </c>
      <c r="C225" t="s">
        <v>18</v>
      </c>
      <c r="D225">
        <v>31</v>
      </c>
      <c r="E225">
        <v>1</v>
      </c>
      <c r="F225">
        <v>2020</v>
      </c>
    </row>
    <row r="226" spans="1:6" x14ac:dyDescent="0.25">
      <c r="A226">
        <v>1022</v>
      </c>
      <c r="B226" t="s">
        <v>144</v>
      </c>
      <c r="C226" t="s">
        <v>108</v>
      </c>
      <c r="D226">
        <v>13</v>
      </c>
      <c r="E226">
        <v>1</v>
      </c>
      <c r="F226">
        <v>2020</v>
      </c>
    </row>
    <row r="227" spans="1:6" x14ac:dyDescent="0.25">
      <c r="A227">
        <v>1021</v>
      </c>
      <c r="B227" t="s">
        <v>136</v>
      </c>
      <c r="C227" t="s">
        <v>108</v>
      </c>
      <c r="D227">
        <v>13</v>
      </c>
      <c r="E227">
        <v>1</v>
      </c>
      <c r="F227">
        <v>2020</v>
      </c>
    </row>
    <row r="228" spans="1:6" x14ac:dyDescent="0.25">
      <c r="A228">
        <v>1020</v>
      </c>
      <c r="B228" t="s">
        <v>285</v>
      </c>
      <c r="C228" t="s">
        <v>108</v>
      </c>
      <c r="D228">
        <v>13</v>
      </c>
      <c r="E228">
        <v>1</v>
      </c>
      <c r="F228">
        <v>2020</v>
      </c>
    </row>
    <row r="229" spans="1:6" x14ac:dyDescent="0.25">
      <c r="A229">
        <v>1019</v>
      </c>
      <c r="B229" t="s">
        <v>286</v>
      </c>
      <c r="C229" t="s">
        <v>287</v>
      </c>
      <c r="D229">
        <v>59</v>
      </c>
      <c r="E229">
        <v>1</v>
      </c>
      <c r="F229">
        <v>2020</v>
      </c>
    </row>
    <row r="230" spans="1:6" x14ac:dyDescent="0.25">
      <c r="A230">
        <v>1018</v>
      </c>
      <c r="B230" t="s">
        <v>288</v>
      </c>
      <c r="C230" t="s">
        <v>289</v>
      </c>
      <c r="D230">
        <v>12</v>
      </c>
      <c r="E230">
        <v>1</v>
      </c>
      <c r="F230">
        <v>2020</v>
      </c>
    </row>
    <row r="231" spans="1:6" x14ac:dyDescent="0.25">
      <c r="A231">
        <v>1014</v>
      </c>
      <c r="B231" t="s">
        <v>290</v>
      </c>
      <c r="C231" t="s">
        <v>291</v>
      </c>
      <c r="D231">
        <v>500</v>
      </c>
      <c r="E231">
        <v>1</v>
      </c>
      <c r="F231">
        <v>2020</v>
      </c>
    </row>
    <row r="232" spans="1:6" x14ac:dyDescent="0.25">
      <c r="A232">
        <v>1013</v>
      </c>
      <c r="B232" t="s">
        <v>292</v>
      </c>
      <c r="C232" t="s">
        <v>293</v>
      </c>
      <c r="D232">
        <v>52</v>
      </c>
      <c r="E232">
        <v>1</v>
      </c>
      <c r="F232">
        <v>2020</v>
      </c>
    </row>
    <row r="233" spans="1:6" x14ac:dyDescent="0.25">
      <c r="A233">
        <v>1012</v>
      </c>
      <c r="B233" t="s">
        <v>294</v>
      </c>
      <c r="C233" t="s">
        <v>12</v>
      </c>
      <c r="D233">
        <v>7</v>
      </c>
      <c r="E233">
        <v>1</v>
      </c>
      <c r="F233">
        <v>2020</v>
      </c>
    </row>
    <row r="234" spans="1:6" x14ac:dyDescent="0.25">
      <c r="A234">
        <v>1011</v>
      </c>
      <c r="B234" t="s">
        <v>295</v>
      </c>
      <c r="C234" t="s">
        <v>12</v>
      </c>
      <c r="D234">
        <v>7</v>
      </c>
      <c r="E234">
        <v>1</v>
      </c>
      <c r="F234">
        <v>2020</v>
      </c>
    </row>
    <row r="235" spans="1:6" x14ac:dyDescent="0.25">
      <c r="A235">
        <v>1010</v>
      </c>
      <c r="B235" t="s">
        <v>296</v>
      </c>
      <c r="C235" t="s">
        <v>12</v>
      </c>
      <c r="D235">
        <v>7</v>
      </c>
      <c r="E235">
        <v>1</v>
      </c>
      <c r="F235">
        <v>2020</v>
      </c>
    </row>
    <row r="236" spans="1:6" x14ac:dyDescent="0.25">
      <c r="A236">
        <v>1009</v>
      </c>
      <c r="B236" t="s">
        <v>297</v>
      </c>
      <c r="C236" t="s">
        <v>12</v>
      </c>
      <c r="D236">
        <v>7</v>
      </c>
      <c r="E236">
        <v>1</v>
      </c>
      <c r="F236">
        <v>2020</v>
      </c>
    </row>
    <row r="237" spans="1:6" x14ac:dyDescent="0.25">
      <c r="A237">
        <v>1008</v>
      </c>
      <c r="B237" t="s">
        <v>298</v>
      </c>
      <c r="C237" t="s">
        <v>12</v>
      </c>
      <c r="D237">
        <v>7</v>
      </c>
      <c r="E237">
        <v>1</v>
      </c>
      <c r="F237">
        <v>2020</v>
      </c>
    </row>
    <row r="238" spans="1:6" x14ac:dyDescent="0.25">
      <c r="A238">
        <v>1006</v>
      </c>
      <c r="B238" t="s">
        <v>299</v>
      </c>
      <c r="C238" t="s">
        <v>12</v>
      </c>
      <c r="D238">
        <v>7</v>
      </c>
      <c r="E238">
        <v>1</v>
      </c>
      <c r="F238">
        <v>2020</v>
      </c>
    </row>
    <row r="239" spans="1:6" x14ac:dyDescent="0.25">
      <c r="A239">
        <v>1005</v>
      </c>
      <c r="B239" t="s">
        <v>300</v>
      </c>
      <c r="C239" t="s">
        <v>12</v>
      </c>
      <c r="D239">
        <v>7</v>
      </c>
      <c r="E239">
        <v>1</v>
      </c>
      <c r="F239">
        <v>2020</v>
      </c>
    </row>
    <row r="240" spans="1:6" x14ac:dyDescent="0.25">
      <c r="A240">
        <v>1004</v>
      </c>
      <c r="B240" t="s">
        <v>301</v>
      </c>
      <c r="C240" t="s">
        <v>12</v>
      </c>
      <c r="D240">
        <v>7</v>
      </c>
      <c r="E240">
        <v>1</v>
      </c>
      <c r="F240">
        <v>2020</v>
      </c>
    </row>
    <row r="241" spans="1:6" x14ac:dyDescent="0.25">
      <c r="A241">
        <v>1003</v>
      </c>
      <c r="B241" t="s">
        <v>302</v>
      </c>
      <c r="C241" t="s">
        <v>303</v>
      </c>
      <c r="D241">
        <v>53</v>
      </c>
      <c r="E241">
        <v>1</v>
      </c>
      <c r="F241">
        <v>2020</v>
      </c>
    </row>
    <row r="242" spans="1:6" x14ac:dyDescent="0.25">
      <c r="A242">
        <v>1002</v>
      </c>
      <c r="B242" t="s">
        <v>65</v>
      </c>
      <c r="C242" t="s">
        <v>303</v>
      </c>
      <c r="D242">
        <v>53</v>
      </c>
      <c r="E242">
        <v>1</v>
      </c>
      <c r="F242">
        <v>2020</v>
      </c>
    </row>
    <row r="243" spans="1:6" x14ac:dyDescent="0.25">
      <c r="A243">
        <v>1001</v>
      </c>
      <c r="B243" t="s">
        <v>304</v>
      </c>
      <c r="C243" t="s">
        <v>305</v>
      </c>
      <c r="D243">
        <v>22</v>
      </c>
      <c r="E243">
        <v>1</v>
      </c>
      <c r="F243">
        <v>2020</v>
      </c>
    </row>
    <row r="244" spans="1:6" x14ac:dyDescent="0.25">
      <c r="A244">
        <v>688</v>
      </c>
      <c r="B244" t="s">
        <v>306</v>
      </c>
      <c r="C244" t="s">
        <v>12</v>
      </c>
      <c r="D244">
        <v>7</v>
      </c>
      <c r="E244">
        <v>0</v>
      </c>
      <c r="F244">
        <v>2020</v>
      </c>
    </row>
    <row r="245" spans="1:6" x14ac:dyDescent="0.25">
      <c r="A245">
        <v>686</v>
      </c>
      <c r="B245" t="s">
        <v>307</v>
      </c>
      <c r="C245" t="s">
        <v>18</v>
      </c>
      <c r="D245">
        <v>31</v>
      </c>
      <c r="E245">
        <v>0</v>
      </c>
      <c r="F245">
        <v>2020</v>
      </c>
    </row>
    <row r="246" spans="1:6" x14ac:dyDescent="0.25">
      <c r="A246">
        <v>684</v>
      </c>
      <c r="B246" t="s">
        <v>308</v>
      </c>
      <c r="C246" t="s">
        <v>289</v>
      </c>
      <c r="D246">
        <v>12</v>
      </c>
      <c r="E246">
        <v>0</v>
      </c>
      <c r="F246">
        <v>2020</v>
      </c>
    </row>
    <row r="247" spans="1:6" x14ac:dyDescent="0.25">
      <c r="A247">
        <v>682</v>
      </c>
      <c r="B247" t="s">
        <v>309</v>
      </c>
      <c r="C247" t="s">
        <v>10</v>
      </c>
      <c r="D247">
        <v>57</v>
      </c>
      <c r="E247">
        <v>0</v>
      </c>
      <c r="F247">
        <v>2020</v>
      </c>
    </row>
    <row r="248" spans="1:6" x14ac:dyDescent="0.25">
      <c r="A248">
        <v>680</v>
      </c>
      <c r="B248" t="s">
        <v>310</v>
      </c>
      <c r="C248" t="s">
        <v>131</v>
      </c>
      <c r="D248">
        <v>51</v>
      </c>
      <c r="E248">
        <v>0</v>
      </c>
      <c r="F248">
        <v>2020</v>
      </c>
    </row>
    <row r="249" spans="1:6" x14ac:dyDescent="0.25">
      <c r="A249">
        <v>678</v>
      </c>
      <c r="B249" t="s">
        <v>309</v>
      </c>
      <c r="C249" t="s">
        <v>110</v>
      </c>
      <c r="D249">
        <v>2</v>
      </c>
      <c r="E249">
        <v>0</v>
      </c>
      <c r="F249">
        <v>2020</v>
      </c>
    </row>
    <row r="250" spans="1:6" x14ac:dyDescent="0.25">
      <c r="A250">
        <v>674</v>
      </c>
      <c r="B250" t="s">
        <v>311</v>
      </c>
      <c r="C250" t="s">
        <v>67</v>
      </c>
      <c r="D250">
        <v>62</v>
      </c>
      <c r="E250">
        <v>0</v>
      </c>
      <c r="F250">
        <v>2020</v>
      </c>
    </row>
    <row r="251" spans="1:6" x14ac:dyDescent="0.25">
      <c r="A251">
        <v>673</v>
      </c>
      <c r="B251" t="s">
        <v>312</v>
      </c>
      <c r="C251" t="s">
        <v>67</v>
      </c>
      <c r="D251">
        <v>62</v>
      </c>
      <c r="E251">
        <v>0</v>
      </c>
      <c r="F251">
        <v>2020</v>
      </c>
    </row>
    <row r="252" spans="1:6" x14ac:dyDescent="0.25">
      <c r="A252">
        <v>671</v>
      </c>
      <c r="B252" t="s">
        <v>313</v>
      </c>
      <c r="C252" t="s">
        <v>67</v>
      </c>
      <c r="D252">
        <v>62</v>
      </c>
      <c r="E252">
        <v>0</v>
      </c>
      <c r="F252">
        <v>2020</v>
      </c>
    </row>
    <row r="253" spans="1:6" x14ac:dyDescent="0.25">
      <c r="A253">
        <v>670</v>
      </c>
      <c r="B253" t="s">
        <v>314</v>
      </c>
      <c r="C253" t="s">
        <v>67</v>
      </c>
      <c r="D253">
        <v>62</v>
      </c>
      <c r="E253">
        <v>0</v>
      </c>
      <c r="F253">
        <v>2020</v>
      </c>
    </row>
    <row r="254" spans="1:6" x14ac:dyDescent="0.25">
      <c r="A254">
        <v>669</v>
      </c>
      <c r="B254" t="s">
        <v>315</v>
      </c>
      <c r="C254" t="s">
        <v>67</v>
      </c>
      <c r="D254">
        <v>62</v>
      </c>
      <c r="E254">
        <v>0</v>
      </c>
      <c r="F254">
        <v>2020</v>
      </c>
    </row>
    <row r="255" spans="1:6" x14ac:dyDescent="0.25">
      <c r="A255">
        <v>668</v>
      </c>
      <c r="B255" t="s">
        <v>316</v>
      </c>
      <c r="C255" t="s">
        <v>67</v>
      </c>
      <c r="D255">
        <v>62</v>
      </c>
      <c r="E255">
        <v>0</v>
      </c>
      <c r="F255">
        <v>2020</v>
      </c>
    </row>
    <row r="256" spans="1:6" x14ac:dyDescent="0.25">
      <c r="A256">
        <v>667</v>
      </c>
      <c r="B256" t="s">
        <v>317</v>
      </c>
      <c r="C256" t="s">
        <v>318</v>
      </c>
      <c r="D256">
        <v>95</v>
      </c>
      <c r="E256">
        <v>0</v>
      </c>
      <c r="F256">
        <v>2020</v>
      </c>
    </row>
    <row r="257" spans="1:6" x14ac:dyDescent="0.25">
      <c r="A257">
        <v>664</v>
      </c>
      <c r="B257" t="s">
        <v>319</v>
      </c>
      <c r="C257" t="s">
        <v>180</v>
      </c>
      <c r="D257">
        <v>70</v>
      </c>
      <c r="E257">
        <v>0</v>
      </c>
      <c r="F257">
        <v>2020</v>
      </c>
    </row>
    <row r="258" spans="1:6" x14ac:dyDescent="0.25">
      <c r="A258">
        <v>663</v>
      </c>
      <c r="B258" t="s">
        <v>320</v>
      </c>
      <c r="C258" t="s">
        <v>180</v>
      </c>
      <c r="D258">
        <v>70</v>
      </c>
      <c r="E258">
        <v>0</v>
      </c>
      <c r="F258">
        <v>2020</v>
      </c>
    </row>
    <row r="259" spans="1:6" x14ac:dyDescent="0.25">
      <c r="A259">
        <v>662</v>
      </c>
      <c r="B259" t="s">
        <v>54</v>
      </c>
      <c r="C259" t="s">
        <v>180</v>
      </c>
      <c r="D259">
        <v>70</v>
      </c>
      <c r="E259">
        <v>0</v>
      </c>
      <c r="F259">
        <v>2020</v>
      </c>
    </row>
    <row r="260" spans="1:6" x14ac:dyDescent="0.25">
      <c r="A260">
        <v>661</v>
      </c>
      <c r="B260" t="s">
        <v>321</v>
      </c>
      <c r="C260" t="s">
        <v>180</v>
      </c>
      <c r="D260">
        <v>70</v>
      </c>
      <c r="E260">
        <v>0</v>
      </c>
      <c r="F260">
        <v>2020</v>
      </c>
    </row>
    <row r="261" spans="1:6" x14ac:dyDescent="0.25">
      <c r="A261">
        <v>660</v>
      </c>
      <c r="B261" t="s">
        <v>322</v>
      </c>
      <c r="C261" t="s">
        <v>180</v>
      </c>
      <c r="D261">
        <v>70</v>
      </c>
      <c r="E261">
        <v>0</v>
      </c>
      <c r="F261">
        <v>2020</v>
      </c>
    </row>
    <row r="262" spans="1:6" x14ac:dyDescent="0.25">
      <c r="A262">
        <v>659</v>
      </c>
      <c r="B262" t="s">
        <v>323</v>
      </c>
      <c r="C262" t="s">
        <v>324</v>
      </c>
      <c r="D262">
        <v>100</v>
      </c>
      <c r="E262">
        <v>0</v>
      </c>
      <c r="F262">
        <v>2020</v>
      </c>
    </row>
    <row r="263" spans="1:6" x14ac:dyDescent="0.25">
      <c r="A263">
        <v>658</v>
      </c>
      <c r="B263" t="s">
        <v>316</v>
      </c>
      <c r="C263" t="s">
        <v>324</v>
      </c>
      <c r="D263">
        <v>100</v>
      </c>
      <c r="E263">
        <v>0</v>
      </c>
      <c r="F263">
        <v>2020</v>
      </c>
    </row>
    <row r="264" spans="1:6" x14ac:dyDescent="0.25">
      <c r="A264">
        <v>657</v>
      </c>
      <c r="B264" t="s">
        <v>325</v>
      </c>
      <c r="C264" t="s">
        <v>293</v>
      </c>
      <c r="D264">
        <v>52</v>
      </c>
      <c r="E264">
        <v>0</v>
      </c>
      <c r="F264">
        <v>2020</v>
      </c>
    </row>
    <row r="265" spans="1:6" x14ac:dyDescent="0.25">
      <c r="A265">
        <v>656</v>
      </c>
      <c r="B265" t="s">
        <v>326</v>
      </c>
      <c r="C265" t="s">
        <v>50</v>
      </c>
      <c r="D265">
        <v>56</v>
      </c>
      <c r="E265">
        <v>0</v>
      </c>
      <c r="F265">
        <v>2020</v>
      </c>
    </row>
    <row r="266" spans="1:6" x14ac:dyDescent="0.25">
      <c r="A266">
        <v>655</v>
      </c>
      <c r="B266" t="s">
        <v>323</v>
      </c>
      <c r="C266" t="s">
        <v>303</v>
      </c>
      <c r="D266">
        <v>53</v>
      </c>
      <c r="E266">
        <v>0</v>
      </c>
      <c r="F266">
        <v>2020</v>
      </c>
    </row>
    <row r="267" spans="1:6" x14ac:dyDescent="0.25">
      <c r="A267">
        <v>654</v>
      </c>
      <c r="B267" t="s">
        <v>327</v>
      </c>
      <c r="C267" t="s">
        <v>303</v>
      </c>
      <c r="D267">
        <v>53</v>
      </c>
      <c r="E267">
        <v>0</v>
      </c>
      <c r="F267">
        <v>2020</v>
      </c>
    </row>
    <row r="268" spans="1:6" x14ac:dyDescent="0.25">
      <c r="A268">
        <v>653</v>
      </c>
      <c r="B268" t="s">
        <v>328</v>
      </c>
      <c r="C268" t="s">
        <v>303</v>
      </c>
      <c r="D268">
        <v>53</v>
      </c>
      <c r="E268">
        <v>0</v>
      </c>
      <c r="F268">
        <v>2020</v>
      </c>
    </row>
    <row r="269" spans="1:6" x14ac:dyDescent="0.25">
      <c r="A269">
        <v>652</v>
      </c>
      <c r="B269" t="s">
        <v>329</v>
      </c>
      <c r="C269" t="s">
        <v>95</v>
      </c>
      <c r="D269">
        <v>26</v>
      </c>
      <c r="E269">
        <v>0</v>
      </c>
      <c r="F269">
        <v>2020</v>
      </c>
    </row>
    <row r="270" spans="1:6" x14ac:dyDescent="0.25">
      <c r="A270">
        <v>651</v>
      </c>
      <c r="B270" t="s">
        <v>330</v>
      </c>
      <c r="C270" t="s">
        <v>95</v>
      </c>
      <c r="D270">
        <v>26</v>
      </c>
      <c r="E270">
        <v>0</v>
      </c>
      <c r="F270">
        <v>2020</v>
      </c>
    </row>
    <row r="271" spans="1:6" x14ac:dyDescent="0.25">
      <c r="A271">
        <v>650</v>
      </c>
      <c r="B271" t="s">
        <v>331</v>
      </c>
      <c r="C271" t="s">
        <v>95</v>
      </c>
      <c r="D271">
        <v>26</v>
      </c>
      <c r="E271">
        <v>0</v>
      </c>
      <c r="F271">
        <v>2020</v>
      </c>
    </row>
    <row r="272" spans="1:6" x14ac:dyDescent="0.25">
      <c r="A272">
        <v>649</v>
      </c>
      <c r="B272" t="s">
        <v>11</v>
      </c>
      <c r="C272" t="s">
        <v>95</v>
      </c>
      <c r="D272">
        <v>26</v>
      </c>
      <c r="E272">
        <v>0</v>
      </c>
      <c r="F272">
        <v>2020</v>
      </c>
    </row>
    <row r="273" spans="1:6" x14ac:dyDescent="0.25">
      <c r="A273">
        <v>648</v>
      </c>
      <c r="B273" t="s">
        <v>332</v>
      </c>
      <c r="C273" t="s">
        <v>76</v>
      </c>
      <c r="D273">
        <v>61</v>
      </c>
      <c r="E273">
        <v>0</v>
      </c>
      <c r="F273">
        <v>2020</v>
      </c>
    </row>
    <row r="274" spans="1:6" x14ac:dyDescent="0.25">
      <c r="A274">
        <v>647</v>
      </c>
      <c r="B274" t="s">
        <v>333</v>
      </c>
      <c r="C274" t="s">
        <v>63</v>
      </c>
      <c r="D274">
        <v>58</v>
      </c>
      <c r="E274">
        <v>0</v>
      </c>
      <c r="F274">
        <v>2020</v>
      </c>
    </row>
    <row r="275" spans="1:6" x14ac:dyDescent="0.25">
      <c r="A275">
        <v>646</v>
      </c>
      <c r="B275" t="s">
        <v>334</v>
      </c>
      <c r="C275" t="s">
        <v>10</v>
      </c>
      <c r="D275">
        <v>57</v>
      </c>
      <c r="E275">
        <v>0</v>
      </c>
      <c r="F275">
        <v>2020</v>
      </c>
    </row>
    <row r="276" spans="1:6" x14ac:dyDescent="0.25">
      <c r="A276">
        <v>645</v>
      </c>
      <c r="B276" t="s">
        <v>335</v>
      </c>
      <c r="C276" t="s">
        <v>215</v>
      </c>
      <c r="D276">
        <v>41</v>
      </c>
      <c r="E276">
        <v>0</v>
      </c>
      <c r="F276">
        <v>2020</v>
      </c>
    </row>
    <row r="277" spans="1:6" x14ac:dyDescent="0.25">
      <c r="A277">
        <v>644</v>
      </c>
      <c r="B277" t="s">
        <v>336</v>
      </c>
      <c r="C277" t="s">
        <v>108</v>
      </c>
      <c r="D277">
        <v>13</v>
      </c>
      <c r="E277">
        <v>0</v>
      </c>
      <c r="F277">
        <v>2020</v>
      </c>
    </row>
    <row r="278" spans="1:6" x14ac:dyDescent="0.25">
      <c r="A278">
        <v>643</v>
      </c>
      <c r="B278" t="s">
        <v>337</v>
      </c>
      <c r="C278" t="s">
        <v>338</v>
      </c>
      <c r="D278">
        <v>71</v>
      </c>
      <c r="E278">
        <v>0</v>
      </c>
      <c r="F278">
        <v>2020</v>
      </c>
    </row>
    <row r="279" spans="1:6" x14ac:dyDescent="0.25">
      <c r="A279">
        <v>642</v>
      </c>
      <c r="B279" t="s">
        <v>321</v>
      </c>
      <c r="C279" t="s">
        <v>63</v>
      </c>
      <c r="D279">
        <v>58</v>
      </c>
      <c r="E279">
        <v>0</v>
      </c>
      <c r="F279">
        <v>2020</v>
      </c>
    </row>
    <row r="280" spans="1:6" x14ac:dyDescent="0.25">
      <c r="A280">
        <v>641</v>
      </c>
      <c r="B280" t="s">
        <v>339</v>
      </c>
      <c r="C280" t="s">
        <v>340</v>
      </c>
      <c r="D280">
        <v>55</v>
      </c>
      <c r="E280">
        <v>0</v>
      </c>
      <c r="F280">
        <v>2020</v>
      </c>
    </row>
    <row r="281" spans="1:6" x14ac:dyDescent="0.25">
      <c r="A281">
        <v>640</v>
      </c>
      <c r="B281" t="s">
        <v>341</v>
      </c>
      <c r="C281" t="s">
        <v>340</v>
      </c>
      <c r="D281">
        <v>55</v>
      </c>
      <c r="E281">
        <v>0</v>
      </c>
      <c r="F281">
        <v>2020</v>
      </c>
    </row>
    <row r="282" spans="1:6" x14ac:dyDescent="0.25">
      <c r="A282">
        <v>636</v>
      </c>
      <c r="B282" t="s">
        <v>342</v>
      </c>
      <c r="C282" t="s">
        <v>215</v>
      </c>
      <c r="D282">
        <v>41</v>
      </c>
      <c r="E282">
        <v>0</v>
      </c>
      <c r="F282">
        <v>2020</v>
      </c>
    </row>
    <row r="283" spans="1:6" x14ac:dyDescent="0.25">
      <c r="A283">
        <v>635</v>
      </c>
      <c r="B283" t="s">
        <v>330</v>
      </c>
      <c r="C283" t="s">
        <v>249</v>
      </c>
      <c r="D283">
        <v>38</v>
      </c>
      <c r="E283">
        <v>0</v>
      </c>
      <c r="F283">
        <v>2020</v>
      </c>
    </row>
    <row r="284" spans="1:6" x14ac:dyDescent="0.25">
      <c r="A284">
        <v>631</v>
      </c>
      <c r="B284" t="s">
        <v>343</v>
      </c>
      <c r="C284" t="s">
        <v>318</v>
      </c>
      <c r="D284">
        <v>95</v>
      </c>
      <c r="E284">
        <v>0</v>
      </c>
      <c r="F284">
        <v>2020</v>
      </c>
    </row>
    <row r="285" spans="1:6" x14ac:dyDescent="0.25">
      <c r="A285">
        <v>628</v>
      </c>
      <c r="B285" t="s">
        <v>344</v>
      </c>
      <c r="C285" t="s">
        <v>318</v>
      </c>
      <c r="D285">
        <v>95</v>
      </c>
      <c r="E285">
        <v>0</v>
      </c>
      <c r="F285">
        <v>2020</v>
      </c>
    </row>
    <row r="286" spans="1:6" x14ac:dyDescent="0.25">
      <c r="A286">
        <v>626</v>
      </c>
      <c r="B286" t="s">
        <v>345</v>
      </c>
      <c r="C286" t="s">
        <v>24</v>
      </c>
      <c r="D286">
        <v>63</v>
      </c>
      <c r="E286">
        <v>0</v>
      </c>
      <c r="F286">
        <v>2020</v>
      </c>
    </row>
    <row r="287" spans="1:6" x14ac:dyDescent="0.25">
      <c r="A287">
        <v>624</v>
      </c>
      <c r="B287" t="s">
        <v>346</v>
      </c>
      <c r="C287" t="s">
        <v>76</v>
      </c>
      <c r="D287">
        <v>61</v>
      </c>
      <c r="E287">
        <v>0</v>
      </c>
      <c r="F287">
        <v>2020</v>
      </c>
    </row>
    <row r="288" spans="1:6" x14ac:dyDescent="0.25">
      <c r="A288">
        <v>623</v>
      </c>
      <c r="B288" t="s">
        <v>336</v>
      </c>
      <c r="C288" t="s">
        <v>76</v>
      </c>
      <c r="D288">
        <v>61</v>
      </c>
      <c r="E288">
        <v>0</v>
      </c>
      <c r="F288">
        <v>2020</v>
      </c>
    </row>
    <row r="289" spans="1:6" x14ac:dyDescent="0.25">
      <c r="A289">
        <v>622</v>
      </c>
      <c r="B289" t="s">
        <v>347</v>
      </c>
      <c r="C289" t="s">
        <v>131</v>
      </c>
      <c r="D289">
        <v>51</v>
      </c>
      <c r="E289">
        <v>0</v>
      </c>
      <c r="F289">
        <v>2020</v>
      </c>
    </row>
    <row r="290" spans="1:6" x14ac:dyDescent="0.25">
      <c r="A290">
        <v>618</v>
      </c>
      <c r="B290" t="s">
        <v>348</v>
      </c>
      <c r="C290" t="s">
        <v>206</v>
      </c>
      <c r="D290">
        <v>33</v>
      </c>
      <c r="E290">
        <v>0</v>
      </c>
      <c r="F290">
        <v>2020</v>
      </c>
    </row>
    <row r="291" spans="1:6" x14ac:dyDescent="0.25">
      <c r="A291">
        <v>617</v>
      </c>
      <c r="B291" t="s">
        <v>349</v>
      </c>
      <c r="C291" t="s">
        <v>206</v>
      </c>
      <c r="D291">
        <v>33</v>
      </c>
      <c r="E291">
        <v>0</v>
      </c>
      <c r="F291">
        <v>2020</v>
      </c>
    </row>
    <row r="292" spans="1:6" x14ac:dyDescent="0.25">
      <c r="A292">
        <v>616</v>
      </c>
      <c r="B292" t="s">
        <v>350</v>
      </c>
      <c r="C292" t="s">
        <v>192</v>
      </c>
      <c r="D292">
        <v>19</v>
      </c>
      <c r="E292">
        <v>0</v>
      </c>
      <c r="F292">
        <v>2020</v>
      </c>
    </row>
    <row r="293" spans="1:6" x14ac:dyDescent="0.25">
      <c r="A293">
        <v>613</v>
      </c>
      <c r="B293" t="s">
        <v>351</v>
      </c>
      <c r="C293" t="s">
        <v>8</v>
      </c>
      <c r="D293">
        <v>75</v>
      </c>
      <c r="E293">
        <v>0</v>
      </c>
      <c r="F293">
        <v>2020</v>
      </c>
    </row>
    <row r="294" spans="1:6" x14ac:dyDescent="0.25">
      <c r="A294">
        <v>610</v>
      </c>
      <c r="B294" t="s">
        <v>352</v>
      </c>
      <c r="C294" t="s">
        <v>63</v>
      </c>
      <c r="D294">
        <v>58</v>
      </c>
      <c r="E294">
        <v>0</v>
      </c>
      <c r="F294">
        <v>2020</v>
      </c>
    </row>
    <row r="295" spans="1:6" x14ac:dyDescent="0.25">
      <c r="A295">
        <v>609</v>
      </c>
      <c r="B295" t="s">
        <v>54</v>
      </c>
      <c r="C295" t="s">
        <v>63</v>
      </c>
      <c r="D295">
        <v>58</v>
      </c>
      <c r="E295">
        <v>0</v>
      </c>
      <c r="F295">
        <v>2020</v>
      </c>
    </row>
    <row r="296" spans="1:6" x14ac:dyDescent="0.25">
      <c r="A296">
        <v>608</v>
      </c>
      <c r="B296" t="s">
        <v>322</v>
      </c>
      <c r="C296" t="s">
        <v>63</v>
      </c>
      <c r="D296">
        <v>58</v>
      </c>
      <c r="E296">
        <v>0</v>
      </c>
      <c r="F296">
        <v>2020</v>
      </c>
    </row>
    <row r="297" spans="1:6" x14ac:dyDescent="0.25">
      <c r="A297">
        <v>607</v>
      </c>
      <c r="B297" t="s">
        <v>353</v>
      </c>
      <c r="C297" t="s">
        <v>10</v>
      </c>
      <c r="D297">
        <v>57</v>
      </c>
      <c r="E297">
        <v>0</v>
      </c>
      <c r="F297">
        <v>2020</v>
      </c>
    </row>
    <row r="298" spans="1:6" x14ac:dyDescent="0.25">
      <c r="A298">
        <v>605</v>
      </c>
      <c r="B298" t="s">
        <v>354</v>
      </c>
      <c r="C298" t="s">
        <v>204</v>
      </c>
      <c r="D298">
        <v>45</v>
      </c>
      <c r="E298">
        <v>0</v>
      </c>
      <c r="F298">
        <v>2020</v>
      </c>
    </row>
    <row r="299" spans="1:6" x14ac:dyDescent="0.25">
      <c r="A299">
        <v>604</v>
      </c>
      <c r="B299" t="s">
        <v>355</v>
      </c>
      <c r="C299" t="s">
        <v>204</v>
      </c>
      <c r="D299">
        <v>45</v>
      </c>
      <c r="E299">
        <v>0</v>
      </c>
      <c r="F299">
        <v>2020</v>
      </c>
    </row>
    <row r="300" spans="1:6" x14ac:dyDescent="0.25">
      <c r="A300">
        <v>602</v>
      </c>
      <c r="B300" t="s">
        <v>311</v>
      </c>
      <c r="C300" t="s">
        <v>247</v>
      </c>
      <c r="D300">
        <v>39</v>
      </c>
      <c r="E300">
        <v>0</v>
      </c>
      <c r="F300">
        <v>2020</v>
      </c>
    </row>
    <row r="301" spans="1:6" x14ac:dyDescent="0.25">
      <c r="A301">
        <v>599</v>
      </c>
      <c r="B301" t="s">
        <v>356</v>
      </c>
      <c r="C301" t="s">
        <v>249</v>
      </c>
      <c r="D301">
        <v>38</v>
      </c>
      <c r="E301">
        <v>0</v>
      </c>
      <c r="F301">
        <v>2020</v>
      </c>
    </row>
    <row r="302" spans="1:6" x14ac:dyDescent="0.25">
      <c r="A302">
        <v>596</v>
      </c>
      <c r="B302" t="s">
        <v>316</v>
      </c>
      <c r="C302" t="s">
        <v>249</v>
      </c>
      <c r="D302">
        <v>38</v>
      </c>
      <c r="E302">
        <v>0</v>
      </c>
      <c r="F302">
        <v>2020</v>
      </c>
    </row>
    <row r="303" spans="1:6" x14ac:dyDescent="0.25">
      <c r="A303">
        <v>595</v>
      </c>
      <c r="B303" t="s">
        <v>357</v>
      </c>
      <c r="C303" t="s">
        <v>140</v>
      </c>
      <c r="D303">
        <v>34</v>
      </c>
      <c r="E303">
        <v>0</v>
      </c>
      <c r="F303">
        <v>2020</v>
      </c>
    </row>
    <row r="304" spans="1:6" x14ac:dyDescent="0.25">
      <c r="A304">
        <v>594</v>
      </c>
      <c r="B304" t="s">
        <v>358</v>
      </c>
      <c r="C304" t="s">
        <v>140</v>
      </c>
      <c r="D304">
        <v>34</v>
      </c>
      <c r="E304">
        <v>0</v>
      </c>
      <c r="F304">
        <v>2020</v>
      </c>
    </row>
    <row r="305" spans="1:6" x14ac:dyDescent="0.25">
      <c r="A305">
        <v>593</v>
      </c>
      <c r="B305" t="s">
        <v>359</v>
      </c>
      <c r="C305" t="s">
        <v>140</v>
      </c>
      <c r="D305">
        <v>34</v>
      </c>
      <c r="E305">
        <v>0</v>
      </c>
      <c r="F305">
        <v>2020</v>
      </c>
    </row>
    <row r="306" spans="1:6" x14ac:dyDescent="0.25">
      <c r="A306">
        <v>592</v>
      </c>
      <c r="B306" t="s">
        <v>360</v>
      </c>
      <c r="C306" t="s">
        <v>140</v>
      </c>
      <c r="D306">
        <v>34</v>
      </c>
      <c r="E306">
        <v>0</v>
      </c>
      <c r="F306">
        <v>2020</v>
      </c>
    </row>
    <row r="307" spans="1:6" x14ac:dyDescent="0.25">
      <c r="A307">
        <v>590</v>
      </c>
      <c r="B307" t="s">
        <v>361</v>
      </c>
      <c r="C307" t="s">
        <v>95</v>
      </c>
      <c r="D307">
        <v>26</v>
      </c>
      <c r="E307">
        <v>0</v>
      </c>
      <c r="F307">
        <v>2020</v>
      </c>
    </row>
    <row r="308" spans="1:6" x14ac:dyDescent="0.25">
      <c r="A308">
        <v>588</v>
      </c>
      <c r="B308" t="s">
        <v>362</v>
      </c>
      <c r="C308" t="s">
        <v>95</v>
      </c>
      <c r="D308">
        <v>26</v>
      </c>
      <c r="E308">
        <v>0</v>
      </c>
      <c r="F308">
        <v>2020</v>
      </c>
    </row>
    <row r="309" spans="1:6" x14ac:dyDescent="0.25">
      <c r="A309">
        <v>568</v>
      </c>
      <c r="B309" t="s">
        <v>363</v>
      </c>
      <c r="C309" t="s">
        <v>364</v>
      </c>
      <c r="D309">
        <v>112</v>
      </c>
      <c r="E309">
        <v>0</v>
      </c>
      <c r="F309">
        <v>2020</v>
      </c>
    </row>
    <row r="310" spans="1:6" x14ac:dyDescent="0.25">
      <c r="A310">
        <v>567</v>
      </c>
      <c r="B310" t="s">
        <v>365</v>
      </c>
      <c r="C310" t="s">
        <v>366</v>
      </c>
      <c r="D310">
        <v>111</v>
      </c>
      <c r="E310">
        <v>0</v>
      </c>
      <c r="F310">
        <v>2020</v>
      </c>
    </row>
    <row r="311" spans="1:6" x14ac:dyDescent="0.25">
      <c r="A311">
        <v>566</v>
      </c>
      <c r="B311" t="s">
        <v>367</v>
      </c>
      <c r="C311" t="s">
        <v>367</v>
      </c>
      <c r="D311">
        <v>110</v>
      </c>
      <c r="E311">
        <v>0</v>
      </c>
      <c r="F311">
        <v>2020</v>
      </c>
    </row>
    <row r="312" spans="1:6" x14ac:dyDescent="0.25">
      <c r="A312">
        <v>560</v>
      </c>
      <c r="B312" t="s">
        <v>368</v>
      </c>
      <c r="C312" t="s">
        <v>369</v>
      </c>
      <c r="D312">
        <v>104</v>
      </c>
      <c r="E312">
        <v>0</v>
      </c>
      <c r="F312">
        <v>2020</v>
      </c>
    </row>
    <row r="313" spans="1:6" x14ac:dyDescent="0.25">
      <c r="A313">
        <v>557</v>
      </c>
      <c r="B313" t="s">
        <v>370</v>
      </c>
      <c r="C313" t="s">
        <v>370</v>
      </c>
      <c r="D313">
        <v>101</v>
      </c>
      <c r="E313">
        <v>0</v>
      </c>
      <c r="F313">
        <v>2020</v>
      </c>
    </row>
    <row r="314" spans="1:6" x14ac:dyDescent="0.25">
      <c r="A314">
        <v>553</v>
      </c>
      <c r="B314" t="s">
        <v>371</v>
      </c>
      <c r="C314" t="s">
        <v>371</v>
      </c>
      <c r="D314">
        <v>97</v>
      </c>
      <c r="E314">
        <v>0</v>
      </c>
      <c r="F314">
        <v>2020</v>
      </c>
    </row>
    <row r="315" spans="1:6" x14ac:dyDescent="0.25">
      <c r="A315">
        <v>550</v>
      </c>
      <c r="B315" t="s">
        <v>372</v>
      </c>
      <c r="C315" t="s">
        <v>373</v>
      </c>
      <c r="D315">
        <v>94</v>
      </c>
      <c r="E315">
        <v>0</v>
      </c>
      <c r="F315">
        <v>2020</v>
      </c>
    </row>
    <row r="316" spans="1:6" x14ac:dyDescent="0.25">
      <c r="A316">
        <v>547</v>
      </c>
      <c r="B316" t="s">
        <v>374</v>
      </c>
      <c r="C316" t="s">
        <v>91</v>
      </c>
      <c r="D316">
        <v>91</v>
      </c>
      <c r="E316">
        <v>0</v>
      </c>
      <c r="F316">
        <v>2020</v>
      </c>
    </row>
    <row r="317" spans="1:6" x14ac:dyDescent="0.25">
      <c r="A317">
        <v>546</v>
      </c>
      <c r="B317" t="s">
        <v>375</v>
      </c>
      <c r="C317" t="s">
        <v>375</v>
      </c>
      <c r="D317">
        <v>90</v>
      </c>
      <c r="E317">
        <v>0</v>
      </c>
      <c r="F317">
        <v>2020</v>
      </c>
    </row>
    <row r="318" spans="1:6" x14ac:dyDescent="0.25">
      <c r="A318">
        <v>544</v>
      </c>
      <c r="B318" t="s">
        <v>376</v>
      </c>
      <c r="C318" t="s">
        <v>377</v>
      </c>
      <c r="D318">
        <v>88</v>
      </c>
      <c r="E318">
        <v>0</v>
      </c>
      <c r="F318">
        <v>2020</v>
      </c>
    </row>
    <row r="319" spans="1:6" x14ac:dyDescent="0.25">
      <c r="A319">
        <v>543</v>
      </c>
      <c r="B319" t="s">
        <v>54</v>
      </c>
      <c r="C319" t="s">
        <v>377</v>
      </c>
      <c r="D319">
        <v>88</v>
      </c>
      <c r="E319">
        <v>0</v>
      </c>
      <c r="F319">
        <v>2020</v>
      </c>
    </row>
    <row r="320" spans="1:6" x14ac:dyDescent="0.25">
      <c r="A320">
        <v>542</v>
      </c>
      <c r="B320" t="s">
        <v>11</v>
      </c>
      <c r="C320" t="s">
        <v>61</v>
      </c>
      <c r="D320">
        <v>87</v>
      </c>
      <c r="E320">
        <v>0</v>
      </c>
      <c r="F320">
        <v>2020</v>
      </c>
    </row>
    <row r="321" spans="1:6" x14ac:dyDescent="0.25">
      <c r="A321">
        <v>541</v>
      </c>
      <c r="B321" t="s">
        <v>378</v>
      </c>
      <c r="C321" t="s">
        <v>61</v>
      </c>
      <c r="D321">
        <v>87</v>
      </c>
      <c r="E321">
        <v>0</v>
      </c>
      <c r="F321">
        <v>2020</v>
      </c>
    </row>
    <row r="322" spans="1:6" x14ac:dyDescent="0.25">
      <c r="A322">
        <v>540</v>
      </c>
      <c r="B322" t="s">
        <v>379</v>
      </c>
      <c r="C322" t="s">
        <v>61</v>
      </c>
      <c r="D322">
        <v>87</v>
      </c>
      <c r="E322">
        <v>0</v>
      </c>
      <c r="F322">
        <v>2020</v>
      </c>
    </row>
    <row r="323" spans="1:6" x14ac:dyDescent="0.25">
      <c r="A323">
        <v>534</v>
      </c>
      <c r="B323" t="s">
        <v>380</v>
      </c>
      <c r="C323" t="s">
        <v>381</v>
      </c>
      <c r="D323">
        <v>85</v>
      </c>
      <c r="E323">
        <v>0</v>
      </c>
      <c r="F323">
        <v>2020</v>
      </c>
    </row>
    <row r="324" spans="1:6" x14ac:dyDescent="0.25">
      <c r="A324">
        <v>530</v>
      </c>
      <c r="B324" t="s">
        <v>382</v>
      </c>
      <c r="C324" t="s">
        <v>383</v>
      </c>
      <c r="D324">
        <v>83</v>
      </c>
      <c r="E324">
        <v>0</v>
      </c>
      <c r="F324">
        <v>2020</v>
      </c>
    </row>
    <row r="325" spans="1:6" x14ac:dyDescent="0.25">
      <c r="A325">
        <v>527</v>
      </c>
      <c r="B325" t="s">
        <v>384</v>
      </c>
      <c r="C325" t="s">
        <v>383</v>
      </c>
      <c r="D325">
        <v>83</v>
      </c>
      <c r="E325">
        <v>0</v>
      </c>
      <c r="F325">
        <v>2020</v>
      </c>
    </row>
    <row r="326" spans="1:6" x14ac:dyDescent="0.25">
      <c r="A326">
        <v>525</v>
      </c>
      <c r="B326" t="s">
        <v>385</v>
      </c>
      <c r="C326" t="s">
        <v>383</v>
      </c>
      <c r="D326">
        <v>83</v>
      </c>
      <c r="E326">
        <v>0</v>
      </c>
      <c r="F326">
        <v>2020</v>
      </c>
    </row>
    <row r="327" spans="1:6" x14ac:dyDescent="0.25">
      <c r="A327">
        <v>523</v>
      </c>
      <c r="B327" t="s">
        <v>316</v>
      </c>
      <c r="C327" t="s">
        <v>383</v>
      </c>
      <c r="D327">
        <v>83</v>
      </c>
      <c r="E327">
        <v>0</v>
      </c>
      <c r="F327">
        <v>2020</v>
      </c>
    </row>
    <row r="328" spans="1:6" x14ac:dyDescent="0.25">
      <c r="A328">
        <v>519</v>
      </c>
      <c r="B328" t="s">
        <v>386</v>
      </c>
      <c r="C328" t="s">
        <v>55</v>
      </c>
      <c r="D328">
        <v>81</v>
      </c>
      <c r="E328">
        <v>0</v>
      </c>
      <c r="F328">
        <v>2020</v>
      </c>
    </row>
    <row r="329" spans="1:6" x14ac:dyDescent="0.25">
      <c r="A329">
        <v>518</v>
      </c>
      <c r="B329" t="s">
        <v>387</v>
      </c>
      <c r="C329" t="s">
        <v>55</v>
      </c>
      <c r="D329">
        <v>81</v>
      </c>
      <c r="E329">
        <v>0</v>
      </c>
      <c r="F329">
        <v>2020</v>
      </c>
    </row>
    <row r="330" spans="1:6" x14ac:dyDescent="0.25">
      <c r="A330">
        <v>517</v>
      </c>
      <c r="B330" t="s">
        <v>316</v>
      </c>
      <c r="C330" t="s">
        <v>55</v>
      </c>
      <c r="D330">
        <v>81</v>
      </c>
      <c r="E330">
        <v>0</v>
      </c>
      <c r="F330">
        <v>2020</v>
      </c>
    </row>
    <row r="331" spans="1:6" x14ac:dyDescent="0.25">
      <c r="A331">
        <v>516</v>
      </c>
      <c r="B331" t="s">
        <v>11</v>
      </c>
      <c r="C331" t="s">
        <v>55</v>
      </c>
      <c r="D331">
        <v>81</v>
      </c>
      <c r="E331">
        <v>0</v>
      </c>
      <c r="F331">
        <v>2020</v>
      </c>
    </row>
    <row r="332" spans="1:6" x14ac:dyDescent="0.25">
      <c r="A332">
        <v>515</v>
      </c>
      <c r="B332" t="s">
        <v>316</v>
      </c>
      <c r="C332" t="s">
        <v>388</v>
      </c>
      <c r="D332">
        <v>80</v>
      </c>
      <c r="E332">
        <v>0</v>
      </c>
      <c r="F332">
        <v>2020</v>
      </c>
    </row>
    <row r="333" spans="1:6" x14ac:dyDescent="0.25">
      <c r="A333">
        <v>514</v>
      </c>
      <c r="B333" t="s">
        <v>389</v>
      </c>
      <c r="C333" t="s">
        <v>388</v>
      </c>
      <c r="D333">
        <v>80</v>
      </c>
      <c r="E333">
        <v>0</v>
      </c>
      <c r="F333">
        <v>2020</v>
      </c>
    </row>
    <row r="334" spans="1:6" x14ac:dyDescent="0.25">
      <c r="A334">
        <v>513</v>
      </c>
      <c r="B334" t="s">
        <v>390</v>
      </c>
      <c r="C334" t="s">
        <v>391</v>
      </c>
      <c r="D334">
        <v>79</v>
      </c>
      <c r="E334">
        <v>0</v>
      </c>
      <c r="F334">
        <v>2020</v>
      </c>
    </row>
    <row r="335" spans="1:6" x14ac:dyDescent="0.25">
      <c r="A335">
        <v>511</v>
      </c>
      <c r="B335" t="s">
        <v>392</v>
      </c>
      <c r="C335" t="s">
        <v>391</v>
      </c>
      <c r="D335">
        <v>79</v>
      </c>
      <c r="E335">
        <v>0</v>
      </c>
      <c r="F335">
        <v>2020</v>
      </c>
    </row>
    <row r="336" spans="1:6" x14ac:dyDescent="0.25">
      <c r="A336">
        <v>510</v>
      </c>
      <c r="B336" t="s">
        <v>393</v>
      </c>
      <c r="C336" t="s">
        <v>391</v>
      </c>
      <c r="D336">
        <v>79</v>
      </c>
      <c r="E336">
        <v>0</v>
      </c>
      <c r="F336">
        <v>2020</v>
      </c>
    </row>
    <row r="337" spans="1:6" x14ac:dyDescent="0.25">
      <c r="A337">
        <v>509</v>
      </c>
      <c r="B337" t="s">
        <v>394</v>
      </c>
      <c r="C337" t="s">
        <v>391</v>
      </c>
      <c r="D337">
        <v>79</v>
      </c>
      <c r="E337">
        <v>0</v>
      </c>
      <c r="F337">
        <v>2020</v>
      </c>
    </row>
    <row r="338" spans="1:6" x14ac:dyDescent="0.25">
      <c r="A338">
        <v>508</v>
      </c>
      <c r="B338" t="s">
        <v>395</v>
      </c>
      <c r="C338" t="s">
        <v>391</v>
      </c>
      <c r="D338">
        <v>79</v>
      </c>
      <c r="E338">
        <v>0</v>
      </c>
      <c r="F338">
        <v>2020</v>
      </c>
    </row>
    <row r="339" spans="1:6" x14ac:dyDescent="0.25">
      <c r="A339">
        <v>507</v>
      </c>
      <c r="B339" t="s">
        <v>396</v>
      </c>
      <c r="C339" t="s">
        <v>397</v>
      </c>
      <c r="D339">
        <v>78</v>
      </c>
      <c r="E339">
        <v>0</v>
      </c>
      <c r="F339">
        <v>2020</v>
      </c>
    </row>
    <row r="340" spans="1:6" x14ac:dyDescent="0.25">
      <c r="A340">
        <v>506</v>
      </c>
      <c r="B340" t="s">
        <v>374</v>
      </c>
      <c r="C340" t="s">
        <v>397</v>
      </c>
      <c r="D340">
        <v>78</v>
      </c>
      <c r="E340">
        <v>0</v>
      </c>
      <c r="F340">
        <v>2020</v>
      </c>
    </row>
    <row r="341" spans="1:6" x14ac:dyDescent="0.25">
      <c r="A341">
        <v>504</v>
      </c>
      <c r="B341" t="s">
        <v>316</v>
      </c>
      <c r="C341" t="s">
        <v>398</v>
      </c>
      <c r="D341">
        <v>76</v>
      </c>
      <c r="E341">
        <v>0</v>
      </c>
      <c r="F341">
        <v>2020</v>
      </c>
    </row>
    <row r="342" spans="1:6" x14ac:dyDescent="0.25">
      <c r="A342">
        <v>503</v>
      </c>
      <c r="B342" t="s">
        <v>11</v>
      </c>
      <c r="C342" t="s">
        <v>398</v>
      </c>
      <c r="D342">
        <v>76</v>
      </c>
      <c r="E342">
        <v>0</v>
      </c>
      <c r="F342">
        <v>2020</v>
      </c>
    </row>
    <row r="343" spans="1:6" x14ac:dyDescent="0.25">
      <c r="A343">
        <v>499</v>
      </c>
      <c r="B343" t="s">
        <v>316</v>
      </c>
      <c r="C343" t="s">
        <v>8</v>
      </c>
      <c r="D343">
        <v>75</v>
      </c>
      <c r="E343">
        <v>0</v>
      </c>
      <c r="F343">
        <v>2020</v>
      </c>
    </row>
    <row r="344" spans="1:6" x14ac:dyDescent="0.25">
      <c r="A344">
        <v>498</v>
      </c>
      <c r="B344" t="s">
        <v>11</v>
      </c>
      <c r="C344" t="s">
        <v>8</v>
      </c>
      <c r="D344">
        <v>75</v>
      </c>
      <c r="E344">
        <v>0</v>
      </c>
      <c r="F344">
        <v>2020</v>
      </c>
    </row>
    <row r="345" spans="1:6" x14ac:dyDescent="0.25">
      <c r="A345">
        <v>496</v>
      </c>
      <c r="B345" t="s">
        <v>316</v>
      </c>
      <c r="C345" t="s">
        <v>399</v>
      </c>
      <c r="D345">
        <v>74</v>
      </c>
      <c r="E345">
        <v>0</v>
      </c>
      <c r="F345">
        <v>2020</v>
      </c>
    </row>
    <row r="346" spans="1:6" x14ac:dyDescent="0.25">
      <c r="A346">
        <v>495</v>
      </c>
      <c r="B346" t="s">
        <v>400</v>
      </c>
      <c r="C346" t="s">
        <v>399</v>
      </c>
      <c r="D346">
        <v>74</v>
      </c>
      <c r="E346">
        <v>0</v>
      </c>
      <c r="F346">
        <v>2020</v>
      </c>
    </row>
    <row r="347" spans="1:6" x14ac:dyDescent="0.25">
      <c r="A347">
        <v>494</v>
      </c>
      <c r="B347" t="s">
        <v>401</v>
      </c>
      <c r="C347" t="s">
        <v>399</v>
      </c>
      <c r="D347">
        <v>74</v>
      </c>
      <c r="E347">
        <v>0</v>
      </c>
      <c r="F347">
        <v>2020</v>
      </c>
    </row>
    <row r="348" spans="1:6" x14ac:dyDescent="0.25">
      <c r="A348">
        <v>493</v>
      </c>
      <c r="B348" t="s">
        <v>389</v>
      </c>
      <c r="C348" t="s">
        <v>399</v>
      </c>
      <c r="D348">
        <v>74</v>
      </c>
      <c r="E348">
        <v>0</v>
      </c>
      <c r="F348">
        <v>2020</v>
      </c>
    </row>
    <row r="349" spans="1:6" x14ac:dyDescent="0.25">
      <c r="A349">
        <v>492</v>
      </c>
      <c r="B349" t="s">
        <v>402</v>
      </c>
      <c r="C349" t="s">
        <v>403</v>
      </c>
      <c r="D349">
        <v>73</v>
      </c>
      <c r="E349">
        <v>0</v>
      </c>
      <c r="F349">
        <v>2020</v>
      </c>
    </row>
    <row r="350" spans="1:6" x14ac:dyDescent="0.25">
      <c r="A350">
        <v>491</v>
      </c>
      <c r="B350" t="s">
        <v>11</v>
      </c>
      <c r="C350" t="s">
        <v>403</v>
      </c>
      <c r="D350">
        <v>73</v>
      </c>
      <c r="E350">
        <v>0</v>
      </c>
      <c r="F350">
        <v>2020</v>
      </c>
    </row>
    <row r="351" spans="1:6" x14ac:dyDescent="0.25">
      <c r="A351">
        <v>490</v>
      </c>
      <c r="B351" t="s">
        <v>316</v>
      </c>
      <c r="C351" t="s">
        <v>403</v>
      </c>
      <c r="D351">
        <v>73</v>
      </c>
      <c r="E351">
        <v>0</v>
      </c>
      <c r="F351">
        <v>2020</v>
      </c>
    </row>
    <row r="352" spans="1:6" x14ac:dyDescent="0.25">
      <c r="A352">
        <v>473</v>
      </c>
      <c r="B352" t="s">
        <v>332</v>
      </c>
      <c r="C352" t="s">
        <v>180</v>
      </c>
      <c r="D352">
        <v>70</v>
      </c>
      <c r="E352">
        <v>0</v>
      </c>
      <c r="F352">
        <v>2020</v>
      </c>
    </row>
    <row r="353" spans="1:6" x14ac:dyDescent="0.25">
      <c r="A353">
        <v>472</v>
      </c>
      <c r="B353" t="s">
        <v>374</v>
      </c>
      <c r="C353" t="s">
        <v>404</v>
      </c>
      <c r="D353">
        <v>69</v>
      </c>
      <c r="E353">
        <v>0</v>
      </c>
      <c r="F353">
        <v>2020</v>
      </c>
    </row>
    <row r="354" spans="1:6" x14ac:dyDescent="0.25">
      <c r="A354">
        <v>470</v>
      </c>
      <c r="B354" t="s">
        <v>405</v>
      </c>
      <c r="C354" t="s">
        <v>406</v>
      </c>
      <c r="D354">
        <v>67</v>
      </c>
      <c r="E354">
        <v>0</v>
      </c>
      <c r="F354">
        <v>2020</v>
      </c>
    </row>
    <row r="355" spans="1:6" x14ac:dyDescent="0.25">
      <c r="A355">
        <v>469</v>
      </c>
      <c r="B355" t="s">
        <v>407</v>
      </c>
      <c r="C355" t="s">
        <v>406</v>
      </c>
      <c r="D355">
        <v>67</v>
      </c>
      <c r="E355">
        <v>0</v>
      </c>
      <c r="F355">
        <v>2020</v>
      </c>
    </row>
    <row r="356" spans="1:6" x14ac:dyDescent="0.25">
      <c r="A356">
        <v>468</v>
      </c>
      <c r="B356" t="s">
        <v>408</v>
      </c>
      <c r="C356" t="s">
        <v>409</v>
      </c>
      <c r="D356">
        <v>66</v>
      </c>
      <c r="E356">
        <v>0</v>
      </c>
      <c r="F356">
        <v>2020</v>
      </c>
    </row>
    <row r="357" spans="1:6" x14ac:dyDescent="0.25">
      <c r="A357">
        <v>467</v>
      </c>
      <c r="B357" t="s">
        <v>316</v>
      </c>
      <c r="C357" t="s">
        <v>409</v>
      </c>
      <c r="D357">
        <v>66</v>
      </c>
      <c r="E357">
        <v>0</v>
      </c>
      <c r="F357">
        <v>2020</v>
      </c>
    </row>
    <row r="358" spans="1:6" x14ac:dyDescent="0.25">
      <c r="A358">
        <v>466</v>
      </c>
      <c r="B358" t="s">
        <v>410</v>
      </c>
      <c r="C358" t="s">
        <v>411</v>
      </c>
      <c r="D358">
        <v>65</v>
      </c>
      <c r="E358">
        <v>0</v>
      </c>
      <c r="F358">
        <v>2020</v>
      </c>
    </row>
    <row r="359" spans="1:6" x14ac:dyDescent="0.25">
      <c r="A359">
        <v>465</v>
      </c>
      <c r="B359" t="s">
        <v>412</v>
      </c>
      <c r="C359" t="s">
        <v>411</v>
      </c>
      <c r="D359">
        <v>65</v>
      </c>
      <c r="E359">
        <v>0</v>
      </c>
      <c r="F359">
        <v>2020</v>
      </c>
    </row>
    <row r="360" spans="1:6" x14ac:dyDescent="0.25">
      <c r="A360">
        <v>464</v>
      </c>
      <c r="B360" t="s">
        <v>413</v>
      </c>
      <c r="C360" t="s">
        <v>414</v>
      </c>
      <c r="D360">
        <v>64</v>
      </c>
      <c r="E360">
        <v>0</v>
      </c>
      <c r="F360">
        <v>2020</v>
      </c>
    </row>
    <row r="361" spans="1:6" x14ac:dyDescent="0.25">
      <c r="A361">
        <v>463</v>
      </c>
      <c r="B361" t="s">
        <v>382</v>
      </c>
      <c r="C361" t="s">
        <v>414</v>
      </c>
      <c r="D361">
        <v>64</v>
      </c>
      <c r="E361">
        <v>0</v>
      </c>
      <c r="F361">
        <v>2020</v>
      </c>
    </row>
    <row r="362" spans="1:6" x14ac:dyDescent="0.25">
      <c r="A362">
        <v>462</v>
      </c>
      <c r="B362" t="s">
        <v>415</v>
      </c>
      <c r="C362" t="s">
        <v>414</v>
      </c>
      <c r="D362">
        <v>64</v>
      </c>
      <c r="E362">
        <v>0</v>
      </c>
      <c r="F362">
        <v>2020</v>
      </c>
    </row>
    <row r="363" spans="1:6" x14ac:dyDescent="0.25">
      <c r="A363">
        <v>461</v>
      </c>
      <c r="B363" t="s">
        <v>416</v>
      </c>
      <c r="C363" t="s">
        <v>414</v>
      </c>
      <c r="D363">
        <v>64</v>
      </c>
      <c r="E363">
        <v>0</v>
      </c>
      <c r="F363">
        <v>2020</v>
      </c>
    </row>
    <row r="364" spans="1:6" x14ac:dyDescent="0.25">
      <c r="A364">
        <v>460</v>
      </c>
      <c r="B364" t="s">
        <v>417</v>
      </c>
      <c r="C364" t="s">
        <v>414</v>
      </c>
      <c r="D364">
        <v>64</v>
      </c>
      <c r="E364">
        <v>0</v>
      </c>
      <c r="F364">
        <v>2020</v>
      </c>
    </row>
    <row r="365" spans="1:6" x14ac:dyDescent="0.25">
      <c r="A365">
        <v>459</v>
      </c>
      <c r="B365" t="s">
        <v>402</v>
      </c>
      <c r="C365" t="s">
        <v>414</v>
      </c>
      <c r="D365">
        <v>64</v>
      </c>
      <c r="E365">
        <v>0</v>
      </c>
      <c r="F365">
        <v>2020</v>
      </c>
    </row>
    <row r="366" spans="1:6" x14ac:dyDescent="0.25">
      <c r="A366">
        <v>458</v>
      </c>
      <c r="B366" t="s">
        <v>11</v>
      </c>
      <c r="C366" t="s">
        <v>414</v>
      </c>
      <c r="D366">
        <v>64</v>
      </c>
      <c r="E366">
        <v>0</v>
      </c>
      <c r="F366">
        <v>2020</v>
      </c>
    </row>
    <row r="367" spans="1:6" x14ac:dyDescent="0.25">
      <c r="A367">
        <v>457</v>
      </c>
      <c r="B367" t="s">
        <v>418</v>
      </c>
      <c r="C367" t="s">
        <v>24</v>
      </c>
      <c r="D367">
        <v>63</v>
      </c>
      <c r="E367">
        <v>0</v>
      </c>
      <c r="F367">
        <v>2020</v>
      </c>
    </row>
    <row r="368" spans="1:6" x14ac:dyDescent="0.25">
      <c r="A368">
        <v>454</v>
      </c>
      <c r="B368" t="s">
        <v>419</v>
      </c>
      <c r="C368" t="s">
        <v>24</v>
      </c>
      <c r="D368">
        <v>63</v>
      </c>
      <c r="E368">
        <v>0</v>
      </c>
      <c r="F368">
        <v>2020</v>
      </c>
    </row>
    <row r="369" spans="1:6" x14ac:dyDescent="0.25">
      <c r="A369">
        <v>453</v>
      </c>
      <c r="B369" t="s">
        <v>11</v>
      </c>
      <c r="C369" t="s">
        <v>24</v>
      </c>
      <c r="D369">
        <v>63</v>
      </c>
      <c r="E369">
        <v>0</v>
      </c>
      <c r="F369">
        <v>2020</v>
      </c>
    </row>
    <row r="370" spans="1:6" x14ac:dyDescent="0.25">
      <c r="A370">
        <v>448</v>
      </c>
      <c r="B370" t="s">
        <v>420</v>
      </c>
      <c r="C370" t="s">
        <v>24</v>
      </c>
      <c r="D370">
        <v>63</v>
      </c>
      <c r="E370">
        <v>0</v>
      </c>
      <c r="F370">
        <v>2020</v>
      </c>
    </row>
    <row r="371" spans="1:6" x14ac:dyDescent="0.25">
      <c r="A371">
        <v>447</v>
      </c>
      <c r="B371" t="s">
        <v>421</v>
      </c>
      <c r="C371" t="s">
        <v>67</v>
      </c>
      <c r="D371">
        <v>62</v>
      </c>
      <c r="E371">
        <v>0</v>
      </c>
      <c r="F371">
        <v>2020</v>
      </c>
    </row>
    <row r="372" spans="1:6" x14ac:dyDescent="0.25">
      <c r="A372">
        <v>446</v>
      </c>
      <c r="B372" t="s">
        <v>402</v>
      </c>
      <c r="C372" t="s">
        <v>67</v>
      </c>
      <c r="D372">
        <v>62</v>
      </c>
      <c r="E372">
        <v>0</v>
      </c>
      <c r="F372">
        <v>2020</v>
      </c>
    </row>
    <row r="373" spans="1:6" x14ac:dyDescent="0.25">
      <c r="A373">
        <v>445</v>
      </c>
      <c r="B373" t="s">
        <v>422</v>
      </c>
      <c r="C373" t="s">
        <v>67</v>
      </c>
      <c r="D373">
        <v>62</v>
      </c>
      <c r="E373">
        <v>0</v>
      </c>
      <c r="F373">
        <v>2020</v>
      </c>
    </row>
    <row r="374" spans="1:6" x14ac:dyDescent="0.25">
      <c r="A374">
        <v>440</v>
      </c>
      <c r="B374" t="s">
        <v>423</v>
      </c>
      <c r="C374" t="s">
        <v>67</v>
      </c>
      <c r="D374">
        <v>62</v>
      </c>
      <c r="E374">
        <v>0</v>
      </c>
      <c r="F374">
        <v>2020</v>
      </c>
    </row>
    <row r="375" spans="1:6" x14ac:dyDescent="0.25">
      <c r="A375">
        <v>433</v>
      </c>
      <c r="B375" t="s">
        <v>424</v>
      </c>
      <c r="C375" t="s">
        <v>67</v>
      </c>
      <c r="D375">
        <v>62</v>
      </c>
      <c r="E375">
        <v>0</v>
      </c>
      <c r="F375">
        <v>2020</v>
      </c>
    </row>
    <row r="376" spans="1:6" x14ac:dyDescent="0.25">
      <c r="A376">
        <v>432</v>
      </c>
      <c r="B376" t="s">
        <v>425</v>
      </c>
      <c r="C376" t="s">
        <v>67</v>
      </c>
      <c r="D376">
        <v>62</v>
      </c>
      <c r="E376">
        <v>0</v>
      </c>
      <c r="F376">
        <v>2020</v>
      </c>
    </row>
    <row r="377" spans="1:6" x14ac:dyDescent="0.25">
      <c r="A377">
        <v>425</v>
      </c>
      <c r="B377" t="s">
        <v>426</v>
      </c>
      <c r="C377" t="s">
        <v>67</v>
      </c>
      <c r="D377">
        <v>62</v>
      </c>
      <c r="E377">
        <v>0</v>
      </c>
      <c r="F377">
        <v>2020</v>
      </c>
    </row>
    <row r="378" spans="1:6" x14ac:dyDescent="0.25">
      <c r="A378">
        <v>421</v>
      </c>
      <c r="B378" t="s">
        <v>360</v>
      </c>
      <c r="C378" t="s">
        <v>76</v>
      </c>
      <c r="D378">
        <v>61</v>
      </c>
      <c r="E378">
        <v>0</v>
      </c>
      <c r="F378">
        <v>2020</v>
      </c>
    </row>
    <row r="379" spans="1:6" x14ac:dyDescent="0.25">
      <c r="A379">
        <v>420</v>
      </c>
      <c r="B379" t="s">
        <v>316</v>
      </c>
      <c r="C379" t="s">
        <v>76</v>
      </c>
      <c r="D379">
        <v>61</v>
      </c>
      <c r="E379">
        <v>0</v>
      </c>
      <c r="F379">
        <v>2020</v>
      </c>
    </row>
    <row r="380" spans="1:6" x14ac:dyDescent="0.25">
      <c r="A380">
        <v>411</v>
      </c>
      <c r="B380" t="s">
        <v>427</v>
      </c>
      <c r="C380" t="s">
        <v>53</v>
      </c>
      <c r="D380">
        <v>60</v>
      </c>
      <c r="E380">
        <v>0</v>
      </c>
      <c r="F380">
        <v>2020</v>
      </c>
    </row>
    <row r="381" spans="1:6" x14ac:dyDescent="0.25">
      <c r="A381">
        <v>410</v>
      </c>
      <c r="B381" t="s">
        <v>428</v>
      </c>
      <c r="C381" t="s">
        <v>53</v>
      </c>
      <c r="D381">
        <v>60</v>
      </c>
      <c r="E381">
        <v>0</v>
      </c>
      <c r="F381">
        <v>2020</v>
      </c>
    </row>
    <row r="382" spans="1:6" x14ac:dyDescent="0.25">
      <c r="A382">
        <v>409</v>
      </c>
      <c r="B382" t="s">
        <v>405</v>
      </c>
      <c r="C382" t="s">
        <v>53</v>
      </c>
      <c r="D382">
        <v>60</v>
      </c>
      <c r="E382">
        <v>0</v>
      </c>
      <c r="F382">
        <v>2020</v>
      </c>
    </row>
    <row r="383" spans="1:6" x14ac:dyDescent="0.25">
      <c r="A383">
        <v>408</v>
      </c>
      <c r="B383" t="s">
        <v>429</v>
      </c>
      <c r="C383" t="s">
        <v>53</v>
      </c>
      <c r="D383">
        <v>60</v>
      </c>
      <c r="E383">
        <v>0</v>
      </c>
      <c r="F383">
        <v>2020</v>
      </c>
    </row>
    <row r="384" spans="1:6" x14ac:dyDescent="0.25">
      <c r="A384">
        <v>407</v>
      </c>
      <c r="B384" t="s">
        <v>430</v>
      </c>
      <c r="C384" t="s">
        <v>53</v>
      </c>
      <c r="D384">
        <v>60</v>
      </c>
      <c r="E384">
        <v>0</v>
      </c>
      <c r="F384">
        <v>2020</v>
      </c>
    </row>
    <row r="385" spans="1:6" x14ac:dyDescent="0.25">
      <c r="A385">
        <v>406</v>
      </c>
      <c r="B385" t="s">
        <v>11</v>
      </c>
      <c r="C385" t="s">
        <v>53</v>
      </c>
      <c r="D385">
        <v>60</v>
      </c>
      <c r="E385">
        <v>0</v>
      </c>
      <c r="F385">
        <v>2020</v>
      </c>
    </row>
    <row r="386" spans="1:6" x14ac:dyDescent="0.25">
      <c r="A386">
        <v>405</v>
      </c>
      <c r="B386" t="s">
        <v>431</v>
      </c>
      <c r="C386" t="s">
        <v>287</v>
      </c>
      <c r="D386">
        <v>59</v>
      </c>
      <c r="E386">
        <v>0</v>
      </c>
      <c r="F386">
        <v>2020</v>
      </c>
    </row>
    <row r="387" spans="1:6" x14ac:dyDescent="0.25">
      <c r="A387">
        <v>404</v>
      </c>
      <c r="B387" t="s">
        <v>9</v>
      </c>
      <c r="C387" t="s">
        <v>287</v>
      </c>
      <c r="D387">
        <v>59</v>
      </c>
      <c r="E387">
        <v>0</v>
      </c>
      <c r="F387">
        <v>2020</v>
      </c>
    </row>
    <row r="388" spans="1:6" x14ac:dyDescent="0.25">
      <c r="A388">
        <v>403</v>
      </c>
      <c r="B388" t="s">
        <v>11</v>
      </c>
      <c r="C388" t="s">
        <v>287</v>
      </c>
      <c r="D388">
        <v>59</v>
      </c>
      <c r="E388">
        <v>0</v>
      </c>
      <c r="F388">
        <v>2020</v>
      </c>
    </row>
    <row r="389" spans="1:6" x14ac:dyDescent="0.25">
      <c r="A389">
        <v>401</v>
      </c>
      <c r="B389" t="s">
        <v>23</v>
      </c>
      <c r="C389" t="s">
        <v>63</v>
      </c>
      <c r="D389">
        <v>58</v>
      </c>
      <c r="E389">
        <v>0</v>
      </c>
      <c r="F389">
        <v>2020</v>
      </c>
    </row>
    <row r="390" spans="1:6" x14ac:dyDescent="0.25">
      <c r="A390">
        <v>400</v>
      </c>
      <c r="B390" t="s">
        <v>382</v>
      </c>
      <c r="C390" t="s">
        <v>63</v>
      </c>
      <c r="D390">
        <v>58</v>
      </c>
      <c r="E390">
        <v>0</v>
      </c>
      <c r="F390">
        <v>2020</v>
      </c>
    </row>
    <row r="391" spans="1:6" x14ac:dyDescent="0.25">
      <c r="A391">
        <v>398</v>
      </c>
      <c r="B391" t="s">
        <v>432</v>
      </c>
      <c r="C391" t="s">
        <v>63</v>
      </c>
      <c r="D391">
        <v>58</v>
      </c>
      <c r="E391">
        <v>0</v>
      </c>
      <c r="F391">
        <v>2020</v>
      </c>
    </row>
    <row r="392" spans="1:6" x14ac:dyDescent="0.25">
      <c r="A392">
        <v>396</v>
      </c>
      <c r="B392" t="s">
        <v>11</v>
      </c>
      <c r="C392" t="s">
        <v>63</v>
      </c>
      <c r="D392">
        <v>58</v>
      </c>
      <c r="E392">
        <v>0</v>
      </c>
      <c r="F392">
        <v>2020</v>
      </c>
    </row>
    <row r="393" spans="1:6" x14ac:dyDescent="0.25">
      <c r="A393">
        <v>395</v>
      </c>
      <c r="B393" t="s">
        <v>433</v>
      </c>
      <c r="C393" t="s">
        <v>10</v>
      </c>
      <c r="D393">
        <v>57</v>
      </c>
      <c r="E393">
        <v>0</v>
      </c>
      <c r="F393">
        <v>2020</v>
      </c>
    </row>
    <row r="394" spans="1:6" x14ac:dyDescent="0.25">
      <c r="A394">
        <v>392</v>
      </c>
      <c r="B394" t="s">
        <v>434</v>
      </c>
      <c r="C394" t="s">
        <v>10</v>
      </c>
      <c r="D394">
        <v>57</v>
      </c>
      <c r="E394">
        <v>0</v>
      </c>
      <c r="F394">
        <v>2020</v>
      </c>
    </row>
    <row r="395" spans="1:6" x14ac:dyDescent="0.25">
      <c r="A395">
        <v>391</v>
      </c>
      <c r="B395" t="s">
        <v>435</v>
      </c>
      <c r="C395" t="s">
        <v>10</v>
      </c>
      <c r="D395">
        <v>57</v>
      </c>
      <c r="E395">
        <v>0</v>
      </c>
      <c r="F395">
        <v>2020</v>
      </c>
    </row>
    <row r="396" spans="1:6" x14ac:dyDescent="0.25">
      <c r="A396">
        <v>390</v>
      </c>
      <c r="B396" t="s">
        <v>436</v>
      </c>
      <c r="C396" t="s">
        <v>10</v>
      </c>
      <c r="D396">
        <v>57</v>
      </c>
      <c r="E396">
        <v>0</v>
      </c>
      <c r="F396">
        <v>2020</v>
      </c>
    </row>
    <row r="397" spans="1:6" x14ac:dyDescent="0.25">
      <c r="A397">
        <v>389</v>
      </c>
      <c r="B397" t="s">
        <v>437</v>
      </c>
      <c r="C397" t="s">
        <v>10</v>
      </c>
      <c r="D397">
        <v>57</v>
      </c>
      <c r="E397">
        <v>0</v>
      </c>
      <c r="F397">
        <v>2020</v>
      </c>
    </row>
    <row r="398" spans="1:6" x14ac:dyDescent="0.25">
      <c r="A398">
        <v>388</v>
      </c>
      <c r="B398" t="s">
        <v>438</v>
      </c>
      <c r="C398" t="s">
        <v>10</v>
      </c>
      <c r="D398">
        <v>57</v>
      </c>
      <c r="E398">
        <v>0</v>
      </c>
      <c r="F398">
        <v>2020</v>
      </c>
    </row>
    <row r="399" spans="1:6" x14ac:dyDescent="0.25">
      <c r="A399">
        <v>387</v>
      </c>
      <c r="B399" t="s">
        <v>439</v>
      </c>
      <c r="C399" t="s">
        <v>10</v>
      </c>
      <c r="D399">
        <v>57</v>
      </c>
      <c r="E399">
        <v>0</v>
      </c>
      <c r="F399">
        <v>2020</v>
      </c>
    </row>
    <row r="400" spans="1:6" x14ac:dyDescent="0.25">
      <c r="A400">
        <v>386</v>
      </c>
      <c r="B400" t="s">
        <v>440</v>
      </c>
      <c r="C400" t="s">
        <v>10</v>
      </c>
      <c r="D400">
        <v>57</v>
      </c>
      <c r="E400">
        <v>0</v>
      </c>
      <c r="F400">
        <v>2020</v>
      </c>
    </row>
    <row r="401" spans="1:6" x14ac:dyDescent="0.25">
      <c r="A401">
        <v>383</v>
      </c>
      <c r="B401" t="s">
        <v>441</v>
      </c>
      <c r="C401" t="s">
        <v>10</v>
      </c>
      <c r="D401">
        <v>57</v>
      </c>
      <c r="E401">
        <v>0</v>
      </c>
      <c r="F401">
        <v>2020</v>
      </c>
    </row>
    <row r="402" spans="1:6" x14ac:dyDescent="0.25">
      <c r="A402">
        <v>382</v>
      </c>
      <c r="B402" t="s">
        <v>442</v>
      </c>
      <c r="C402" t="s">
        <v>10</v>
      </c>
      <c r="D402">
        <v>57</v>
      </c>
      <c r="E402">
        <v>0</v>
      </c>
      <c r="F402">
        <v>2020</v>
      </c>
    </row>
    <row r="403" spans="1:6" x14ac:dyDescent="0.25">
      <c r="A403">
        <v>381</v>
      </c>
      <c r="B403" t="s">
        <v>323</v>
      </c>
      <c r="C403" t="s">
        <v>10</v>
      </c>
      <c r="D403">
        <v>57</v>
      </c>
      <c r="E403">
        <v>0</v>
      </c>
      <c r="F403">
        <v>2020</v>
      </c>
    </row>
    <row r="404" spans="1:6" x14ac:dyDescent="0.25">
      <c r="A404">
        <v>380</v>
      </c>
      <c r="B404" t="s">
        <v>443</v>
      </c>
      <c r="C404" t="s">
        <v>50</v>
      </c>
      <c r="D404">
        <v>56</v>
      </c>
      <c r="E404">
        <v>0</v>
      </c>
      <c r="F404">
        <v>2020</v>
      </c>
    </row>
    <row r="405" spans="1:6" x14ac:dyDescent="0.25">
      <c r="A405">
        <v>377</v>
      </c>
      <c r="B405" t="s">
        <v>444</v>
      </c>
      <c r="C405" t="s">
        <v>48</v>
      </c>
      <c r="D405">
        <v>54</v>
      </c>
      <c r="E405">
        <v>0</v>
      </c>
      <c r="F405">
        <v>2020</v>
      </c>
    </row>
    <row r="406" spans="1:6" x14ac:dyDescent="0.25">
      <c r="A406">
        <v>376</v>
      </c>
      <c r="B406" t="s">
        <v>445</v>
      </c>
      <c r="C406" t="s">
        <v>303</v>
      </c>
      <c r="D406">
        <v>53</v>
      </c>
      <c r="E406">
        <v>0</v>
      </c>
      <c r="F406">
        <v>2020</v>
      </c>
    </row>
    <row r="407" spans="1:6" x14ac:dyDescent="0.25">
      <c r="A407">
        <v>375</v>
      </c>
      <c r="B407" t="s">
        <v>446</v>
      </c>
      <c r="C407" t="s">
        <v>303</v>
      </c>
      <c r="D407">
        <v>53</v>
      </c>
      <c r="E407">
        <v>0</v>
      </c>
      <c r="F407">
        <v>2020</v>
      </c>
    </row>
    <row r="408" spans="1:6" x14ac:dyDescent="0.25">
      <c r="A408">
        <v>374</v>
      </c>
      <c r="B408" t="s">
        <v>447</v>
      </c>
      <c r="C408" t="s">
        <v>303</v>
      </c>
      <c r="D408">
        <v>53</v>
      </c>
      <c r="E408">
        <v>0</v>
      </c>
      <c r="F408">
        <v>2020</v>
      </c>
    </row>
    <row r="409" spans="1:6" x14ac:dyDescent="0.25">
      <c r="A409">
        <v>373</v>
      </c>
      <c r="B409" t="s">
        <v>448</v>
      </c>
      <c r="C409" t="s">
        <v>293</v>
      </c>
      <c r="D409">
        <v>52</v>
      </c>
      <c r="E409">
        <v>0</v>
      </c>
      <c r="F409">
        <v>2020</v>
      </c>
    </row>
    <row r="410" spans="1:6" x14ac:dyDescent="0.25">
      <c r="A410">
        <v>372</v>
      </c>
      <c r="B410" t="s">
        <v>449</v>
      </c>
      <c r="C410" t="s">
        <v>131</v>
      </c>
      <c r="D410">
        <v>51</v>
      </c>
      <c r="E410">
        <v>0</v>
      </c>
      <c r="F410">
        <v>2020</v>
      </c>
    </row>
    <row r="411" spans="1:6" x14ac:dyDescent="0.25">
      <c r="A411">
        <v>369</v>
      </c>
      <c r="B411" t="s">
        <v>321</v>
      </c>
      <c r="C411" t="s">
        <v>28</v>
      </c>
      <c r="D411">
        <v>49</v>
      </c>
      <c r="E411">
        <v>0</v>
      </c>
      <c r="F411">
        <v>2020</v>
      </c>
    </row>
    <row r="412" spans="1:6" x14ac:dyDescent="0.25">
      <c r="A412">
        <v>368</v>
      </c>
      <c r="B412" t="s">
        <v>54</v>
      </c>
      <c r="C412" t="s">
        <v>28</v>
      </c>
      <c r="D412">
        <v>49</v>
      </c>
      <c r="E412">
        <v>0</v>
      </c>
      <c r="F412">
        <v>2020</v>
      </c>
    </row>
    <row r="413" spans="1:6" x14ac:dyDescent="0.25">
      <c r="A413">
        <v>367</v>
      </c>
      <c r="B413" t="s">
        <v>322</v>
      </c>
      <c r="C413" t="s">
        <v>28</v>
      </c>
      <c r="D413">
        <v>49</v>
      </c>
      <c r="E413">
        <v>0</v>
      </c>
      <c r="F413">
        <v>2020</v>
      </c>
    </row>
    <row r="414" spans="1:6" x14ac:dyDescent="0.25">
      <c r="A414">
        <v>366</v>
      </c>
      <c r="B414" t="s">
        <v>402</v>
      </c>
      <c r="C414" t="s">
        <v>93</v>
      </c>
      <c r="D414">
        <v>48</v>
      </c>
      <c r="E414">
        <v>0</v>
      </c>
      <c r="F414">
        <v>2020</v>
      </c>
    </row>
    <row r="415" spans="1:6" x14ac:dyDescent="0.25">
      <c r="A415">
        <v>365</v>
      </c>
      <c r="B415" t="s">
        <v>450</v>
      </c>
      <c r="C415" t="s">
        <v>93</v>
      </c>
      <c r="D415">
        <v>48</v>
      </c>
      <c r="E415">
        <v>0</v>
      </c>
      <c r="F415">
        <v>2020</v>
      </c>
    </row>
    <row r="416" spans="1:6" x14ac:dyDescent="0.25">
      <c r="A416">
        <v>364</v>
      </c>
      <c r="B416" t="s">
        <v>451</v>
      </c>
      <c r="C416" t="s">
        <v>93</v>
      </c>
      <c r="D416">
        <v>48</v>
      </c>
      <c r="E416">
        <v>0</v>
      </c>
      <c r="F416">
        <v>2020</v>
      </c>
    </row>
    <row r="417" spans="1:6" x14ac:dyDescent="0.25">
      <c r="A417">
        <v>363</v>
      </c>
      <c r="B417" t="s">
        <v>452</v>
      </c>
      <c r="C417" t="s">
        <v>93</v>
      </c>
      <c r="D417">
        <v>48</v>
      </c>
      <c r="E417">
        <v>0</v>
      </c>
      <c r="F417">
        <v>2020</v>
      </c>
    </row>
    <row r="418" spans="1:6" x14ac:dyDescent="0.25">
      <c r="A418">
        <v>362</v>
      </c>
      <c r="B418" t="s">
        <v>453</v>
      </c>
      <c r="C418" t="s">
        <v>93</v>
      </c>
      <c r="D418">
        <v>48</v>
      </c>
      <c r="E418">
        <v>0</v>
      </c>
      <c r="F418">
        <v>2020</v>
      </c>
    </row>
    <row r="419" spans="1:6" x14ac:dyDescent="0.25">
      <c r="A419">
        <v>361</v>
      </c>
      <c r="B419" t="s">
        <v>11</v>
      </c>
      <c r="C419" t="s">
        <v>93</v>
      </c>
      <c r="D419">
        <v>48</v>
      </c>
      <c r="E419">
        <v>0</v>
      </c>
      <c r="F419">
        <v>2020</v>
      </c>
    </row>
    <row r="420" spans="1:6" x14ac:dyDescent="0.25">
      <c r="A420">
        <v>360</v>
      </c>
      <c r="B420" t="s">
        <v>454</v>
      </c>
      <c r="C420" t="s">
        <v>93</v>
      </c>
      <c r="D420">
        <v>48</v>
      </c>
      <c r="E420">
        <v>0</v>
      </c>
      <c r="F420">
        <v>2020</v>
      </c>
    </row>
    <row r="421" spans="1:6" x14ac:dyDescent="0.25">
      <c r="A421">
        <v>359</v>
      </c>
      <c r="B421" t="s">
        <v>455</v>
      </c>
      <c r="C421" t="s">
        <v>93</v>
      </c>
      <c r="D421">
        <v>48</v>
      </c>
      <c r="E421">
        <v>0</v>
      </c>
      <c r="F421">
        <v>2020</v>
      </c>
    </row>
    <row r="422" spans="1:6" x14ac:dyDescent="0.25">
      <c r="A422">
        <v>358</v>
      </c>
      <c r="B422" t="s">
        <v>456</v>
      </c>
      <c r="C422" t="s">
        <v>93</v>
      </c>
      <c r="D422">
        <v>48</v>
      </c>
      <c r="E422">
        <v>0</v>
      </c>
      <c r="F422">
        <v>2020</v>
      </c>
    </row>
    <row r="423" spans="1:6" x14ac:dyDescent="0.25">
      <c r="A423">
        <v>357</v>
      </c>
      <c r="B423" t="s">
        <v>457</v>
      </c>
      <c r="C423" t="s">
        <v>93</v>
      </c>
      <c r="D423">
        <v>48</v>
      </c>
      <c r="E423">
        <v>0</v>
      </c>
      <c r="F423">
        <v>2020</v>
      </c>
    </row>
    <row r="424" spans="1:6" x14ac:dyDescent="0.25">
      <c r="A424">
        <v>356</v>
      </c>
      <c r="B424" t="s">
        <v>458</v>
      </c>
      <c r="C424" t="s">
        <v>93</v>
      </c>
      <c r="D424">
        <v>48</v>
      </c>
      <c r="E424">
        <v>0</v>
      </c>
      <c r="F424">
        <v>2020</v>
      </c>
    </row>
    <row r="425" spans="1:6" x14ac:dyDescent="0.25">
      <c r="A425">
        <v>355</v>
      </c>
      <c r="B425" t="s">
        <v>459</v>
      </c>
      <c r="C425" t="s">
        <v>186</v>
      </c>
      <c r="D425">
        <v>47</v>
      </c>
      <c r="E425">
        <v>0</v>
      </c>
      <c r="F425">
        <v>2020</v>
      </c>
    </row>
    <row r="426" spans="1:6" x14ac:dyDescent="0.25">
      <c r="A426">
        <v>354</v>
      </c>
      <c r="B426" t="s">
        <v>460</v>
      </c>
      <c r="C426" t="s">
        <v>186</v>
      </c>
      <c r="D426">
        <v>47</v>
      </c>
      <c r="E426">
        <v>0</v>
      </c>
      <c r="F426">
        <v>2020</v>
      </c>
    </row>
    <row r="427" spans="1:6" x14ac:dyDescent="0.25">
      <c r="A427">
        <v>353</v>
      </c>
      <c r="B427" t="s">
        <v>421</v>
      </c>
      <c r="C427" t="s">
        <v>186</v>
      </c>
      <c r="D427">
        <v>47</v>
      </c>
      <c r="E427">
        <v>0</v>
      </c>
      <c r="F427">
        <v>2020</v>
      </c>
    </row>
    <row r="428" spans="1:6" x14ac:dyDescent="0.25">
      <c r="A428">
        <v>352</v>
      </c>
      <c r="B428" t="s">
        <v>461</v>
      </c>
      <c r="C428" t="s">
        <v>186</v>
      </c>
      <c r="D428">
        <v>47</v>
      </c>
      <c r="E428">
        <v>0</v>
      </c>
      <c r="F428">
        <v>2020</v>
      </c>
    </row>
    <row r="429" spans="1:6" x14ac:dyDescent="0.25">
      <c r="A429">
        <v>351</v>
      </c>
      <c r="B429" t="s">
        <v>462</v>
      </c>
      <c r="C429" t="s">
        <v>186</v>
      </c>
      <c r="D429">
        <v>47</v>
      </c>
      <c r="E429">
        <v>0</v>
      </c>
      <c r="F429">
        <v>2020</v>
      </c>
    </row>
    <row r="430" spans="1:6" x14ac:dyDescent="0.25">
      <c r="A430">
        <v>350</v>
      </c>
      <c r="B430" t="s">
        <v>463</v>
      </c>
      <c r="C430" t="s">
        <v>186</v>
      </c>
      <c r="D430">
        <v>47</v>
      </c>
      <c r="E430">
        <v>0</v>
      </c>
      <c r="F430">
        <v>2020</v>
      </c>
    </row>
    <row r="431" spans="1:6" x14ac:dyDescent="0.25">
      <c r="A431">
        <v>349</v>
      </c>
      <c r="B431" t="s">
        <v>464</v>
      </c>
      <c r="C431" t="s">
        <v>224</v>
      </c>
      <c r="D431">
        <v>46</v>
      </c>
      <c r="E431">
        <v>0</v>
      </c>
      <c r="F431">
        <v>2020</v>
      </c>
    </row>
    <row r="432" spans="1:6" x14ac:dyDescent="0.25">
      <c r="A432">
        <v>348</v>
      </c>
      <c r="B432" t="s">
        <v>440</v>
      </c>
      <c r="C432" t="s">
        <v>224</v>
      </c>
      <c r="D432">
        <v>46</v>
      </c>
      <c r="E432">
        <v>0</v>
      </c>
      <c r="F432">
        <v>2020</v>
      </c>
    </row>
    <row r="433" spans="1:6" x14ac:dyDescent="0.25">
      <c r="A433">
        <v>347</v>
      </c>
      <c r="B433" t="s">
        <v>465</v>
      </c>
      <c r="C433" t="s">
        <v>224</v>
      </c>
      <c r="D433">
        <v>46</v>
      </c>
      <c r="E433">
        <v>0</v>
      </c>
      <c r="F433">
        <v>2020</v>
      </c>
    </row>
    <row r="434" spans="1:6" x14ac:dyDescent="0.25">
      <c r="A434">
        <v>346</v>
      </c>
      <c r="B434" t="s">
        <v>466</v>
      </c>
      <c r="C434" t="s">
        <v>224</v>
      </c>
      <c r="D434">
        <v>46</v>
      </c>
      <c r="E434">
        <v>0</v>
      </c>
      <c r="F434">
        <v>2020</v>
      </c>
    </row>
    <row r="435" spans="1:6" x14ac:dyDescent="0.25">
      <c r="A435">
        <v>344</v>
      </c>
      <c r="B435" t="s">
        <v>467</v>
      </c>
      <c r="C435" t="s">
        <v>224</v>
      </c>
      <c r="D435">
        <v>46</v>
      </c>
      <c r="E435">
        <v>0</v>
      </c>
      <c r="F435">
        <v>2020</v>
      </c>
    </row>
    <row r="436" spans="1:6" x14ac:dyDescent="0.25">
      <c r="A436">
        <v>343</v>
      </c>
      <c r="B436" t="s">
        <v>468</v>
      </c>
      <c r="C436" t="s">
        <v>224</v>
      </c>
      <c r="D436">
        <v>46</v>
      </c>
      <c r="E436">
        <v>0</v>
      </c>
      <c r="F436">
        <v>2020</v>
      </c>
    </row>
    <row r="437" spans="1:6" x14ac:dyDescent="0.25">
      <c r="A437">
        <v>342</v>
      </c>
      <c r="B437" t="s">
        <v>469</v>
      </c>
      <c r="C437" t="s">
        <v>224</v>
      </c>
      <c r="D437">
        <v>46</v>
      </c>
      <c r="E437">
        <v>0</v>
      </c>
      <c r="F437">
        <v>2020</v>
      </c>
    </row>
    <row r="438" spans="1:6" x14ac:dyDescent="0.25">
      <c r="A438">
        <v>341</v>
      </c>
      <c r="B438" t="s">
        <v>470</v>
      </c>
      <c r="C438" t="s">
        <v>224</v>
      </c>
      <c r="D438">
        <v>46</v>
      </c>
      <c r="E438">
        <v>0</v>
      </c>
      <c r="F438">
        <v>2020</v>
      </c>
    </row>
    <row r="439" spans="1:6" x14ac:dyDescent="0.25">
      <c r="A439">
        <v>340</v>
      </c>
      <c r="B439" t="s">
        <v>471</v>
      </c>
      <c r="C439" t="s">
        <v>224</v>
      </c>
      <c r="D439">
        <v>46</v>
      </c>
      <c r="E439">
        <v>0</v>
      </c>
      <c r="F439">
        <v>2020</v>
      </c>
    </row>
    <row r="440" spans="1:6" x14ac:dyDescent="0.25">
      <c r="A440">
        <v>339</v>
      </c>
      <c r="B440" t="s">
        <v>472</v>
      </c>
      <c r="C440" t="s">
        <v>224</v>
      </c>
      <c r="D440">
        <v>46</v>
      </c>
      <c r="E440">
        <v>0</v>
      </c>
      <c r="F440">
        <v>2020</v>
      </c>
    </row>
    <row r="441" spans="1:6" x14ac:dyDescent="0.25">
      <c r="A441">
        <v>336</v>
      </c>
      <c r="B441" t="s">
        <v>321</v>
      </c>
      <c r="C441" t="s">
        <v>26</v>
      </c>
      <c r="D441">
        <v>44</v>
      </c>
      <c r="E441">
        <v>0</v>
      </c>
      <c r="F441">
        <v>2020</v>
      </c>
    </row>
    <row r="442" spans="1:6" x14ac:dyDescent="0.25">
      <c r="A442">
        <v>335</v>
      </c>
      <c r="B442" t="s">
        <v>54</v>
      </c>
      <c r="C442" t="s">
        <v>26</v>
      </c>
      <c r="D442">
        <v>44</v>
      </c>
      <c r="E442">
        <v>0</v>
      </c>
      <c r="F442">
        <v>2020</v>
      </c>
    </row>
    <row r="443" spans="1:6" x14ac:dyDescent="0.25">
      <c r="A443">
        <v>334</v>
      </c>
      <c r="B443" t="s">
        <v>322</v>
      </c>
      <c r="C443" t="s">
        <v>26</v>
      </c>
      <c r="D443">
        <v>44</v>
      </c>
      <c r="E443">
        <v>0</v>
      </c>
      <c r="F443">
        <v>2020</v>
      </c>
    </row>
    <row r="444" spans="1:6" x14ac:dyDescent="0.25">
      <c r="A444">
        <v>333</v>
      </c>
      <c r="B444" t="s">
        <v>473</v>
      </c>
      <c r="C444" t="s">
        <v>26</v>
      </c>
      <c r="D444">
        <v>44</v>
      </c>
      <c r="E444">
        <v>0</v>
      </c>
      <c r="F444">
        <v>2020</v>
      </c>
    </row>
    <row r="445" spans="1:6" x14ac:dyDescent="0.25">
      <c r="A445">
        <v>332</v>
      </c>
      <c r="B445" t="s">
        <v>474</v>
      </c>
      <c r="C445" t="s">
        <v>26</v>
      </c>
      <c r="D445">
        <v>44</v>
      </c>
      <c r="E445">
        <v>0</v>
      </c>
      <c r="F445">
        <v>2020</v>
      </c>
    </row>
    <row r="446" spans="1:6" x14ac:dyDescent="0.25">
      <c r="A446">
        <v>331</v>
      </c>
      <c r="B446" t="s">
        <v>475</v>
      </c>
      <c r="C446" t="s">
        <v>26</v>
      </c>
      <c r="D446">
        <v>44</v>
      </c>
      <c r="E446">
        <v>0</v>
      </c>
      <c r="F446">
        <v>2020</v>
      </c>
    </row>
    <row r="447" spans="1:6" x14ac:dyDescent="0.25">
      <c r="A447">
        <v>330</v>
      </c>
      <c r="B447" t="s">
        <v>476</v>
      </c>
      <c r="C447" t="s">
        <v>59</v>
      </c>
      <c r="D447">
        <v>42</v>
      </c>
      <c r="E447">
        <v>0</v>
      </c>
      <c r="F447">
        <v>2020</v>
      </c>
    </row>
    <row r="448" spans="1:6" x14ac:dyDescent="0.25">
      <c r="A448">
        <v>327</v>
      </c>
      <c r="B448" t="s">
        <v>316</v>
      </c>
      <c r="C448" t="s">
        <v>59</v>
      </c>
      <c r="D448">
        <v>42</v>
      </c>
      <c r="E448">
        <v>0</v>
      </c>
      <c r="F448">
        <v>2020</v>
      </c>
    </row>
    <row r="449" spans="1:6" x14ac:dyDescent="0.25">
      <c r="A449">
        <v>326</v>
      </c>
      <c r="B449" t="s">
        <v>477</v>
      </c>
      <c r="C449" t="s">
        <v>59</v>
      </c>
      <c r="D449">
        <v>42</v>
      </c>
      <c r="E449">
        <v>0</v>
      </c>
      <c r="F449">
        <v>2020</v>
      </c>
    </row>
    <row r="450" spans="1:6" x14ac:dyDescent="0.25">
      <c r="A450">
        <v>325</v>
      </c>
      <c r="B450" t="s">
        <v>478</v>
      </c>
      <c r="C450" t="s">
        <v>215</v>
      </c>
      <c r="D450">
        <v>41</v>
      </c>
      <c r="E450">
        <v>0</v>
      </c>
      <c r="F450">
        <v>2020</v>
      </c>
    </row>
    <row r="451" spans="1:6" x14ac:dyDescent="0.25">
      <c r="A451">
        <v>324</v>
      </c>
      <c r="B451" t="s">
        <v>479</v>
      </c>
      <c r="C451" t="s">
        <v>215</v>
      </c>
      <c r="D451">
        <v>41</v>
      </c>
      <c r="E451">
        <v>0</v>
      </c>
      <c r="F451">
        <v>2020</v>
      </c>
    </row>
    <row r="452" spans="1:6" x14ac:dyDescent="0.25">
      <c r="A452">
        <v>323</v>
      </c>
      <c r="B452" t="s">
        <v>480</v>
      </c>
      <c r="C452" t="s">
        <v>215</v>
      </c>
      <c r="D452">
        <v>41</v>
      </c>
      <c r="E452">
        <v>0</v>
      </c>
      <c r="F452">
        <v>2020</v>
      </c>
    </row>
    <row r="453" spans="1:6" x14ac:dyDescent="0.25">
      <c r="A453">
        <v>322</v>
      </c>
      <c r="B453" t="s">
        <v>344</v>
      </c>
      <c r="C453" t="s">
        <v>215</v>
      </c>
      <c r="D453">
        <v>41</v>
      </c>
      <c r="E453">
        <v>0</v>
      </c>
      <c r="F453">
        <v>2020</v>
      </c>
    </row>
    <row r="454" spans="1:6" x14ac:dyDescent="0.25">
      <c r="A454">
        <v>321</v>
      </c>
      <c r="B454" t="s">
        <v>481</v>
      </c>
      <c r="C454" t="s">
        <v>215</v>
      </c>
      <c r="D454">
        <v>41</v>
      </c>
      <c r="E454">
        <v>0</v>
      </c>
      <c r="F454">
        <v>2020</v>
      </c>
    </row>
    <row r="455" spans="1:6" x14ac:dyDescent="0.25">
      <c r="A455">
        <v>320</v>
      </c>
      <c r="B455" t="s">
        <v>482</v>
      </c>
      <c r="C455" t="s">
        <v>215</v>
      </c>
      <c r="D455">
        <v>41</v>
      </c>
      <c r="E455">
        <v>0</v>
      </c>
      <c r="F455">
        <v>2020</v>
      </c>
    </row>
    <row r="456" spans="1:6" x14ac:dyDescent="0.25">
      <c r="A456">
        <v>319</v>
      </c>
      <c r="B456" t="s">
        <v>389</v>
      </c>
      <c r="C456" t="s">
        <v>215</v>
      </c>
      <c r="D456">
        <v>41</v>
      </c>
      <c r="E456">
        <v>0</v>
      </c>
      <c r="F456">
        <v>2020</v>
      </c>
    </row>
    <row r="457" spans="1:6" x14ac:dyDescent="0.25">
      <c r="A457">
        <v>318</v>
      </c>
      <c r="B457" t="s">
        <v>316</v>
      </c>
      <c r="C457" t="s">
        <v>215</v>
      </c>
      <c r="D457">
        <v>41</v>
      </c>
      <c r="E457">
        <v>0</v>
      </c>
      <c r="F457">
        <v>2020</v>
      </c>
    </row>
    <row r="458" spans="1:6" x14ac:dyDescent="0.25">
      <c r="A458">
        <v>317</v>
      </c>
      <c r="B458" t="s">
        <v>353</v>
      </c>
      <c r="C458" t="s">
        <v>74</v>
      </c>
      <c r="D458">
        <v>40</v>
      </c>
      <c r="E458">
        <v>0</v>
      </c>
      <c r="F458">
        <v>2020</v>
      </c>
    </row>
    <row r="459" spans="1:6" x14ac:dyDescent="0.25">
      <c r="A459">
        <v>316</v>
      </c>
      <c r="B459" t="s">
        <v>483</v>
      </c>
      <c r="C459" t="s">
        <v>74</v>
      </c>
      <c r="D459">
        <v>40</v>
      </c>
      <c r="E459">
        <v>0</v>
      </c>
      <c r="F459">
        <v>2020</v>
      </c>
    </row>
    <row r="460" spans="1:6" x14ac:dyDescent="0.25">
      <c r="A460">
        <v>315</v>
      </c>
      <c r="B460" t="s">
        <v>484</v>
      </c>
      <c r="C460" t="s">
        <v>74</v>
      </c>
      <c r="D460">
        <v>40</v>
      </c>
      <c r="E460">
        <v>0</v>
      </c>
      <c r="F460">
        <v>2020</v>
      </c>
    </row>
    <row r="461" spans="1:6" x14ac:dyDescent="0.25">
      <c r="A461">
        <v>314</v>
      </c>
      <c r="B461" t="s">
        <v>485</v>
      </c>
      <c r="C461" t="s">
        <v>74</v>
      </c>
      <c r="D461">
        <v>40</v>
      </c>
      <c r="E461">
        <v>0</v>
      </c>
      <c r="F461">
        <v>2020</v>
      </c>
    </row>
    <row r="462" spans="1:6" x14ac:dyDescent="0.25">
      <c r="A462">
        <v>313</v>
      </c>
      <c r="B462" t="s">
        <v>486</v>
      </c>
      <c r="C462" t="s">
        <v>74</v>
      </c>
      <c r="D462">
        <v>40</v>
      </c>
      <c r="E462">
        <v>0</v>
      </c>
      <c r="F462">
        <v>2020</v>
      </c>
    </row>
    <row r="463" spans="1:6" x14ac:dyDescent="0.25">
      <c r="A463">
        <v>312</v>
      </c>
      <c r="B463" t="s">
        <v>487</v>
      </c>
      <c r="C463" t="s">
        <v>74</v>
      </c>
      <c r="D463">
        <v>40</v>
      </c>
      <c r="E463">
        <v>0</v>
      </c>
      <c r="F463">
        <v>2020</v>
      </c>
    </row>
    <row r="464" spans="1:6" x14ac:dyDescent="0.25">
      <c r="A464">
        <v>311</v>
      </c>
      <c r="B464" t="s">
        <v>488</v>
      </c>
      <c r="C464" t="s">
        <v>74</v>
      </c>
      <c r="D464">
        <v>40</v>
      </c>
      <c r="E464">
        <v>0</v>
      </c>
      <c r="F464">
        <v>2020</v>
      </c>
    </row>
    <row r="465" spans="1:6" x14ac:dyDescent="0.25">
      <c r="A465">
        <v>310</v>
      </c>
      <c r="B465" t="s">
        <v>460</v>
      </c>
      <c r="C465" t="s">
        <v>74</v>
      </c>
      <c r="D465">
        <v>40</v>
      </c>
      <c r="E465">
        <v>0</v>
      </c>
      <c r="F465">
        <v>2020</v>
      </c>
    </row>
    <row r="466" spans="1:6" x14ac:dyDescent="0.25">
      <c r="A466">
        <v>309</v>
      </c>
      <c r="B466" t="s">
        <v>402</v>
      </c>
      <c r="C466" t="s">
        <v>74</v>
      </c>
      <c r="D466">
        <v>40</v>
      </c>
      <c r="E466">
        <v>0</v>
      </c>
      <c r="F466">
        <v>2020</v>
      </c>
    </row>
    <row r="467" spans="1:6" x14ac:dyDescent="0.25">
      <c r="A467">
        <v>305</v>
      </c>
      <c r="B467" t="s">
        <v>316</v>
      </c>
      <c r="C467" t="s">
        <v>247</v>
      </c>
      <c r="D467">
        <v>39</v>
      </c>
      <c r="E467">
        <v>0</v>
      </c>
      <c r="F467">
        <v>2020</v>
      </c>
    </row>
    <row r="468" spans="1:6" x14ac:dyDescent="0.25">
      <c r="A468">
        <v>304</v>
      </c>
      <c r="B468" t="s">
        <v>489</v>
      </c>
      <c r="C468" t="s">
        <v>247</v>
      </c>
      <c r="D468">
        <v>39</v>
      </c>
      <c r="E468">
        <v>0</v>
      </c>
      <c r="F468">
        <v>2020</v>
      </c>
    </row>
    <row r="469" spans="1:6" x14ac:dyDescent="0.25">
      <c r="A469">
        <v>303</v>
      </c>
      <c r="B469" t="s">
        <v>322</v>
      </c>
      <c r="C469" t="s">
        <v>247</v>
      </c>
      <c r="D469">
        <v>39</v>
      </c>
      <c r="E469">
        <v>0</v>
      </c>
      <c r="F469">
        <v>2020</v>
      </c>
    </row>
    <row r="470" spans="1:6" x14ac:dyDescent="0.25">
      <c r="A470">
        <v>302</v>
      </c>
      <c r="B470" t="s">
        <v>362</v>
      </c>
      <c r="C470" t="s">
        <v>247</v>
      </c>
      <c r="D470">
        <v>39</v>
      </c>
      <c r="E470">
        <v>0</v>
      </c>
      <c r="F470">
        <v>2020</v>
      </c>
    </row>
    <row r="471" spans="1:6" x14ac:dyDescent="0.25">
      <c r="A471">
        <v>301</v>
      </c>
      <c r="B471" t="s">
        <v>477</v>
      </c>
      <c r="C471" t="s">
        <v>247</v>
      </c>
      <c r="D471">
        <v>39</v>
      </c>
      <c r="E471">
        <v>0</v>
      </c>
      <c r="F471">
        <v>2020</v>
      </c>
    </row>
    <row r="472" spans="1:6" x14ac:dyDescent="0.25">
      <c r="A472">
        <v>299</v>
      </c>
      <c r="B472" t="s">
        <v>490</v>
      </c>
      <c r="C472" t="s">
        <v>247</v>
      </c>
      <c r="D472">
        <v>39</v>
      </c>
      <c r="E472">
        <v>0</v>
      </c>
      <c r="F472">
        <v>2020</v>
      </c>
    </row>
    <row r="473" spans="1:6" x14ac:dyDescent="0.25">
      <c r="A473">
        <v>298</v>
      </c>
      <c r="B473" t="s">
        <v>11</v>
      </c>
      <c r="C473" t="s">
        <v>247</v>
      </c>
      <c r="D473">
        <v>39</v>
      </c>
      <c r="E473">
        <v>0</v>
      </c>
      <c r="F473">
        <v>2020</v>
      </c>
    </row>
    <row r="474" spans="1:6" x14ac:dyDescent="0.25">
      <c r="A474">
        <v>297</v>
      </c>
      <c r="B474" t="s">
        <v>374</v>
      </c>
      <c r="C474" t="s">
        <v>247</v>
      </c>
      <c r="D474">
        <v>39</v>
      </c>
      <c r="E474">
        <v>0</v>
      </c>
      <c r="F474">
        <v>2020</v>
      </c>
    </row>
    <row r="475" spans="1:6" x14ac:dyDescent="0.25">
      <c r="A475">
        <v>294</v>
      </c>
      <c r="B475" t="s">
        <v>491</v>
      </c>
      <c r="C475" t="s">
        <v>242</v>
      </c>
      <c r="D475">
        <v>37</v>
      </c>
      <c r="E475">
        <v>0</v>
      </c>
      <c r="F475">
        <v>2020</v>
      </c>
    </row>
    <row r="476" spans="1:6" x14ac:dyDescent="0.25">
      <c r="A476">
        <v>293</v>
      </c>
      <c r="B476" t="s">
        <v>316</v>
      </c>
      <c r="C476" t="s">
        <v>242</v>
      </c>
      <c r="D476">
        <v>37</v>
      </c>
      <c r="E476">
        <v>0</v>
      </c>
      <c r="F476">
        <v>2020</v>
      </c>
    </row>
    <row r="477" spans="1:6" x14ac:dyDescent="0.25">
      <c r="A477">
        <v>292</v>
      </c>
      <c r="B477" t="s">
        <v>492</v>
      </c>
      <c r="C477" t="s">
        <v>242</v>
      </c>
      <c r="D477">
        <v>37</v>
      </c>
      <c r="E477">
        <v>0</v>
      </c>
      <c r="F477">
        <v>2020</v>
      </c>
    </row>
    <row r="478" spans="1:6" x14ac:dyDescent="0.25">
      <c r="A478">
        <v>291</v>
      </c>
      <c r="B478" t="s">
        <v>493</v>
      </c>
      <c r="C478" t="s">
        <v>242</v>
      </c>
      <c r="D478">
        <v>37</v>
      </c>
      <c r="E478">
        <v>0</v>
      </c>
      <c r="F478">
        <v>2020</v>
      </c>
    </row>
    <row r="479" spans="1:6" x14ac:dyDescent="0.25">
      <c r="A479">
        <v>290</v>
      </c>
      <c r="B479" t="s">
        <v>494</v>
      </c>
      <c r="C479" t="s">
        <v>242</v>
      </c>
      <c r="D479">
        <v>37</v>
      </c>
      <c r="E479">
        <v>0</v>
      </c>
      <c r="F479">
        <v>2020</v>
      </c>
    </row>
    <row r="480" spans="1:6" x14ac:dyDescent="0.25">
      <c r="A480">
        <v>282</v>
      </c>
      <c r="B480" t="s">
        <v>495</v>
      </c>
      <c r="C480" t="s">
        <v>69</v>
      </c>
      <c r="D480">
        <v>36</v>
      </c>
      <c r="E480">
        <v>0</v>
      </c>
      <c r="F480">
        <v>2020</v>
      </c>
    </row>
    <row r="481" spans="1:6" x14ac:dyDescent="0.25">
      <c r="A481">
        <v>281</v>
      </c>
      <c r="B481" t="s">
        <v>496</v>
      </c>
      <c r="C481" t="s">
        <v>69</v>
      </c>
      <c r="D481">
        <v>36</v>
      </c>
      <c r="E481">
        <v>0</v>
      </c>
      <c r="F481">
        <v>2020</v>
      </c>
    </row>
    <row r="482" spans="1:6" x14ac:dyDescent="0.25">
      <c r="A482">
        <v>278</v>
      </c>
      <c r="B482" t="s">
        <v>362</v>
      </c>
      <c r="C482" t="s">
        <v>138</v>
      </c>
      <c r="D482">
        <v>35</v>
      </c>
      <c r="E482">
        <v>0</v>
      </c>
      <c r="F482">
        <v>2020</v>
      </c>
    </row>
    <row r="483" spans="1:6" x14ac:dyDescent="0.25">
      <c r="A483">
        <v>277</v>
      </c>
      <c r="B483" t="s">
        <v>494</v>
      </c>
      <c r="C483" t="s">
        <v>138</v>
      </c>
      <c r="D483">
        <v>35</v>
      </c>
      <c r="E483">
        <v>0</v>
      </c>
      <c r="F483">
        <v>2020</v>
      </c>
    </row>
    <row r="484" spans="1:6" x14ac:dyDescent="0.25">
      <c r="A484">
        <v>276</v>
      </c>
      <c r="B484" t="s">
        <v>497</v>
      </c>
      <c r="C484" t="s">
        <v>138</v>
      </c>
      <c r="D484">
        <v>35</v>
      </c>
      <c r="E484">
        <v>0</v>
      </c>
      <c r="F484">
        <v>2020</v>
      </c>
    </row>
    <row r="485" spans="1:6" x14ac:dyDescent="0.25">
      <c r="A485">
        <v>274</v>
      </c>
      <c r="B485" t="s">
        <v>498</v>
      </c>
      <c r="C485" t="s">
        <v>140</v>
      </c>
      <c r="D485">
        <v>34</v>
      </c>
      <c r="E485">
        <v>0</v>
      </c>
      <c r="F485">
        <v>2020</v>
      </c>
    </row>
    <row r="486" spans="1:6" x14ac:dyDescent="0.25">
      <c r="A486">
        <v>273</v>
      </c>
      <c r="B486" t="s">
        <v>499</v>
      </c>
      <c r="C486" t="s">
        <v>140</v>
      </c>
      <c r="D486">
        <v>34</v>
      </c>
      <c r="E486">
        <v>0</v>
      </c>
      <c r="F486">
        <v>2020</v>
      </c>
    </row>
    <row r="487" spans="1:6" x14ac:dyDescent="0.25">
      <c r="A487">
        <v>271</v>
      </c>
      <c r="B487" t="s">
        <v>11</v>
      </c>
      <c r="C487" t="s">
        <v>140</v>
      </c>
      <c r="D487">
        <v>34</v>
      </c>
      <c r="E487">
        <v>0</v>
      </c>
      <c r="F487">
        <v>2020</v>
      </c>
    </row>
    <row r="488" spans="1:6" x14ac:dyDescent="0.25">
      <c r="A488">
        <v>270</v>
      </c>
      <c r="B488" t="s">
        <v>316</v>
      </c>
      <c r="C488" t="s">
        <v>140</v>
      </c>
      <c r="D488">
        <v>34</v>
      </c>
      <c r="E488">
        <v>0</v>
      </c>
      <c r="F488">
        <v>2020</v>
      </c>
    </row>
    <row r="489" spans="1:6" x14ac:dyDescent="0.25">
      <c r="A489">
        <v>269</v>
      </c>
      <c r="B489" t="s">
        <v>500</v>
      </c>
      <c r="C489" t="s">
        <v>140</v>
      </c>
      <c r="D489">
        <v>34</v>
      </c>
      <c r="E489">
        <v>0</v>
      </c>
      <c r="F489">
        <v>2020</v>
      </c>
    </row>
    <row r="490" spans="1:6" x14ac:dyDescent="0.25">
      <c r="A490">
        <v>268</v>
      </c>
      <c r="B490" t="s">
        <v>501</v>
      </c>
      <c r="C490" t="s">
        <v>140</v>
      </c>
      <c r="D490">
        <v>34</v>
      </c>
      <c r="E490">
        <v>0</v>
      </c>
      <c r="F490">
        <v>2020</v>
      </c>
    </row>
    <row r="491" spans="1:6" x14ac:dyDescent="0.25">
      <c r="A491">
        <v>266</v>
      </c>
      <c r="B491" t="s">
        <v>502</v>
      </c>
      <c r="C491" t="s">
        <v>140</v>
      </c>
      <c r="D491">
        <v>34</v>
      </c>
      <c r="E491">
        <v>0</v>
      </c>
      <c r="F491">
        <v>2020</v>
      </c>
    </row>
    <row r="492" spans="1:6" x14ac:dyDescent="0.25">
      <c r="A492">
        <v>265</v>
      </c>
      <c r="B492" t="s">
        <v>426</v>
      </c>
      <c r="C492" t="s">
        <v>140</v>
      </c>
      <c r="D492">
        <v>34</v>
      </c>
      <c r="E492">
        <v>0</v>
      </c>
      <c r="F492">
        <v>2020</v>
      </c>
    </row>
    <row r="493" spans="1:6" x14ac:dyDescent="0.25">
      <c r="A493">
        <v>263</v>
      </c>
      <c r="B493" t="s">
        <v>503</v>
      </c>
      <c r="C493" t="s">
        <v>140</v>
      </c>
      <c r="D493">
        <v>34</v>
      </c>
      <c r="E493">
        <v>0</v>
      </c>
      <c r="F493">
        <v>2020</v>
      </c>
    </row>
    <row r="494" spans="1:6" x14ac:dyDescent="0.25">
      <c r="A494">
        <v>262</v>
      </c>
      <c r="B494" t="s">
        <v>504</v>
      </c>
      <c r="C494" t="s">
        <v>140</v>
      </c>
      <c r="D494">
        <v>34</v>
      </c>
      <c r="E494">
        <v>0</v>
      </c>
      <c r="F494">
        <v>2020</v>
      </c>
    </row>
    <row r="495" spans="1:6" x14ac:dyDescent="0.25">
      <c r="A495">
        <v>258</v>
      </c>
      <c r="B495" t="s">
        <v>505</v>
      </c>
      <c r="C495" t="s">
        <v>140</v>
      </c>
      <c r="D495">
        <v>34</v>
      </c>
      <c r="E495">
        <v>0</v>
      </c>
      <c r="F495">
        <v>2020</v>
      </c>
    </row>
    <row r="496" spans="1:6" x14ac:dyDescent="0.25">
      <c r="A496">
        <v>257</v>
      </c>
      <c r="B496" t="s">
        <v>506</v>
      </c>
      <c r="C496" t="s">
        <v>206</v>
      </c>
      <c r="D496">
        <v>33</v>
      </c>
      <c r="E496">
        <v>0</v>
      </c>
      <c r="F496">
        <v>2020</v>
      </c>
    </row>
    <row r="497" spans="1:6" x14ac:dyDescent="0.25">
      <c r="A497">
        <v>254</v>
      </c>
      <c r="B497" t="s">
        <v>507</v>
      </c>
      <c r="C497" t="s">
        <v>200</v>
      </c>
      <c r="D497">
        <v>32</v>
      </c>
      <c r="E497">
        <v>0</v>
      </c>
      <c r="F497">
        <v>2020</v>
      </c>
    </row>
    <row r="498" spans="1:6" x14ac:dyDescent="0.25">
      <c r="A498">
        <v>253</v>
      </c>
      <c r="B498" t="s">
        <v>321</v>
      </c>
      <c r="C498" t="s">
        <v>200</v>
      </c>
      <c r="D498">
        <v>32</v>
      </c>
      <c r="E498">
        <v>0</v>
      </c>
      <c r="F498">
        <v>2020</v>
      </c>
    </row>
    <row r="499" spans="1:6" x14ac:dyDescent="0.25">
      <c r="A499">
        <v>252</v>
      </c>
      <c r="B499" t="s">
        <v>54</v>
      </c>
      <c r="C499" t="s">
        <v>200</v>
      </c>
      <c r="D499">
        <v>32</v>
      </c>
      <c r="E499">
        <v>0</v>
      </c>
      <c r="F499">
        <v>2020</v>
      </c>
    </row>
    <row r="500" spans="1:6" x14ac:dyDescent="0.25">
      <c r="A500">
        <v>251</v>
      </c>
      <c r="B500" t="s">
        <v>322</v>
      </c>
      <c r="C500" t="s">
        <v>200</v>
      </c>
      <c r="D500">
        <v>32</v>
      </c>
      <c r="E500">
        <v>0</v>
      </c>
      <c r="F500">
        <v>2020</v>
      </c>
    </row>
    <row r="501" spans="1:6" x14ac:dyDescent="0.25">
      <c r="A501">
        <v>250</v>
      </c>
      <c r="B501" t="s">
        <v>508</v>
      </c>
      <c r="C501" t="s">
        <v>18</v>
      </c>
      <c r="D501">
        <v>31</v>
      </c>
      <c r="E501">
        <v>0</v>
      </c>
      <c r="F501">
        <v>2020</v>
      </c>
    </row>
    <row r="502" spans="1:6" x14ac:dyDescent="0.25">
      <c r="A502">
        <v>249</v>
      </c>
      <c r="B502" t="s">
        <v>509</v>
      </c>
      <c r="C502" t="s">
        <v>18</v>
      </c>
      <c r="D502">
        <v>31</v>
      </c>
      <c r="E502">
        <v>0</v>
      </c>
      <c r="F502">
        <v>2020</v>
      </c>
    </row>
    <row r="503" spans="1:6" x14ac:dyDescent="0.25">
      <c r="A503">
        <v>248</v>
      </c>
      <c r="B503" t="s">
        <v>387</v>
      </c>
      <c r="C503" t="s">
        <v>18</v>
      </c>
      <c r="D503">
        <v>31</v>
      </c>
      <c r="E503">
        <v>0</v>
      </c>
      <c r="F503">
        <v>2020</v>
      </c>
    </row>
    <row r="504" spans="1:6" x14ac:dyDescent="0.25">
      <c r="A504">
        <v>247</v>
      </c>
      <c r="B504" t="s">
        <v>510</v>
      </c>
      <c r="C504" t="s">
        <v>18</v>
      </c>
      <c r="D504">
        <v>31</v>
      </c>
      <c r="E504">
        <v>0</v>
      </c>
      <c r="F504">
        <v>2020</v>
      </c>
    </row>
    <row r="505" spans="1:6" x14ac:dyDescent="0.25">
      <c r="A505">
        <v>246</v>
      </c>
      <c r="B505" t="s">
        <v>426</v>
      </c>
      <c r="C505" t="s">
        <v>18</v>
      </c>
      <c r="D505">
        <v>31</v>
      </c>
      <c r="E505">
        <v>0</v>
      </c>
      <c r="F505">
        <v>2020</v>
      </c>
    </row>
    <row r="506" spans="1:6" x14ac:dyDescent="0.25">
      <c r="A506">
        <v>245</v>
      </c>
      <c r="B506" t="s">
        <v>441</v>
      </c>
      <c r="C506" t="s">
        <v>18</v>
      </c>
      <c r="D506">
        <v>31</v>
      </c>
      <c r="E506">
        <v>0</v>
      </c>
      <c r="F506">
        <v>2020</v>
      </c>
    </row>
    <row r="507" spans="1:6" x14ac:dyDescent="0.25">
      <c r="A507">
        <v>244</v>
      </c>
      <c r="B507" t="s">
        <v>23</v>
      </c>
      <c r="C507" t="s">
        <v>18</v>
      </c>
      <c r="D507">
        <v>31</v>
      </c>
      <c r="E507">
        <v>0</v>
      </c>
      <c r="F507">
        <v>2020</v>
      </c>
    </row>
    <row r="508" spans="1:6" x14ac:dyDescent="0.25">
      <c r="A508">
        <v>243</v>
      </c>
      <c r="B508" t="s">
        <v>511</v>
      </c>
      <c r="C508" t="s">
        <v>18</v>
      </c>
      <c r="D508">
        <v>31</v>
      </c>
      <c r="E508">
        <v>0</v>
      </c>
      <c r="F508">
        <v>2020</v>
      </c>
    </row>
    <row r="509" spans="1:6" x14ac:dyDescent="0.25">
      <c r="A509">
        <v>242</v>
      </c>
      <c r="B509" t="s">
        <v>457</v>
      </c>
      <c r="C509" t="s">
        <v>18</v>
      </c>
      <c r="D509">
        <v>31</v>
      </c>
      <c r="E509">
        <v>0</v>
      </c>
      <c r="F509">
        <v>2020</v>
      </c>
    </row>
    <row r="510" spans="1:6" x14ac:dyDescent="0.25">
      <c r="A510">
        <v>241</v>
      </c>
      <c r="B510" t="s">
        <v>512</v>
      </c>
      <c r="C510" t="s">
        <v>18</v>
      </c>
      <c r="D510">
        <v>31</v>
      </c>
      <c r="E510">
        <v>0</v>
      </c>
      <c r="F510">
        <v>2020</v>
      </c>
    </row>
    <row r="511" spans="1:6" x14ac:dyDescent="0.25">
      <c r="A511">
        <v>240</v>
      </c>
      <c r="B511" t="s">
        <v>402</v>
      </c>
      <c r="C511" t="s">
        <v>18</v>
      </c>
      <c r="D511">
        <v>31</v>
      </c>
      <c r="E511">
        <v>0</v>
      </c>
      <c r="F511">
        <v>2020</v>
      </c>
    </row>
    <row r="512" spans="1:6" x14ac:dyDescent="0.25">
      <c r="A512">
        <v>239</v>
      </c>
      <c r="B512" t="s">
        <v>513</v>
      </c>
      <c r="C512" t="s">
        <v>18</v>
      </c>
      <c r="D512">
        <v>31</v>
      </c>
      <c r="E512">
        <v>0</v>
      </c>
      <c r="F512">
        <v>2020</v>
      </c>
    </row>
    <row r="513" spans="1:6" x14ac:dyDescent="0.25">
      <c r="A513">
        <v>238</v>
      </c>
      <c r="B513" t="s">
        <v>11</v>
      </c>
      <c r="C513" t="s">
        <v>18</v>
      </c>
      <c r="D513">
        <v>31</v>
      </c>
      <c r="E513">
        <v>0</v>
      </c>
      <c r="F513">
        <v>2020</v>
      </c>
    </row>
    <row r="514" spans="1:6" x14ac:dyDescent="0.25">
      <c r="A514">
        <v>237</v>
      </c>
      <c r="B514" t="s">
        <v>514</v>
      </c>
      <c r="C514" t="s">
        <v>18</v>
      </c>
      <c r="D514">
        <v>31</v>
      </c>
      <c r="E514">
        <v>0</v>
      </c>
      <c r="F514">
        <v>2020</v>
      </c>
    </row>
    <row r="515" spans="1:6" x14ac:dyDescent="0.25">
      <c r="A515">
        <v>236</v>
      </c>
      <c r="B515" t="s">
        <v>515</v>
      </c>
      <c r="C515" t="s">
        <v>18</v>
      </c>
      <c r="D515">
        <v>31</v>
      </c>
      <c r="E515">
        <v>0</v>
      </c>
      <c r="F515">
        <v>2020</v>
      </c>
    </row>
    <row r="516" spans="1:6" x14ac:dyDescent="0.25">
      <c r="A516">
        <v>235</v>
      </c>
      <c r="B516" t="s">
        <v>421</v>
      </c>
      <c r="C516" t="s">
        <v>189</v>
      </c>
      <c r="D516">
        <v>30</v>
      </c>
      <c r="E516">
        <v>0</v>
      </c>
      <c r="F516">
        <v>2020</v>
      </c>
    </row>
    <row r="517" spans="1:6" x14ac:dyDescent="0.25">
      <c r="A517">
        <v>234</v>
      </c>
      <c r="B517" t="s">
        <v>516</v>
      </c>
      <c r="C517" t="s">
        <v>189</v>
      </c>
      <c r="D517">
        <v>30</v>
      </c>
      <c r="E517">
        <v>0</v>
      </c>
      <c r="F517">
        <v>2020</v>
      </c>
    </row>
    <row r="518" spans="1:6" x14ac:dyDescent="0.25">
      <c r="A518">
        <v>233</v>
      </c>
      <c r="B518" t="s">
        <v>329</v>
      </c>
      <c r="C518" t="s">
        <v>189</v>
      </c>
      <c r="D518">
        <v>30</v>
      </c>
      <c r="E518">
        <v>0</v>
      </c>
      <c r="F518">
        <v>2020</v>
      </c>
    </row>
    <row r="519" spans="1:6" x14ac:dyDescent="0.25">
      <c r="A519">
        <v>232</v>
      </c>
      <c r="B519" t="s">
        <v>463</v>
      </c>
      <c r="C519" t="s">
        <v>189</v>
      </c>
      <c r="D519">
        <v>30</v>
      </c>
      <c r="E519">
        <v>0</v>
      </c>
      <c r="F519">
        <v>2020</v>
      </c>
    </row>
    <row r="520" spans="1:6" x14ac:dyDescent="0.25">
      <c r="A520">
        <v>231</v>
      </c>
      <c r="B520" t="s">
        <v>517</v>
      </c>
      <c r="C520" t="s">
        <v>112</v>
      </c>
      <c r="D520">
        <v>29</v>
      </c>
      <c r="E520">
        <v>0</v>
      </c>
      <c r="F520">
        <v>2020</v>
      </c>
    </row>
    <row r="521" spans="1:6" x14ac:dyDescent="0.25">
      <c r="A521">
        <v>230</v>
      </c>
      <c r="B521" t="s">
        <v>518</v>
      </c>
      <c r="C521" t="s">
        <v>112</v>
      </c>
      <c r="D521">
        <v>29</v>
      </c>
      <c r="E521">
        <v>0</v>
      </c>
      <c r="F521">
        <v>2020</v>
      </c>
    </row>
    <row r="522" spans="1:6" x14ac:dyDescent="0.25">
      <c r="A522">
        <v>229</v>
      </c>
      <c r="B522" t="s">
        <v>519</v>
      </c>
      <c r="C522" t="s">
        <v>112</v>
      </c>
      <c r="D522">
        <v>29</v>
      </c>
      <c r="E522">
        <v>0</v>
      </c>
      <c r="F522">
        <v>2020</v>
      </c>
    </row>
    <row r="523" spans="1:6" x14ac:dyDescent="0.25">
      <c r="A523">
        <v>228</v>
      </c>
      <c r="B523" t="s">
        <v>465</v>
      </c>
      <c r="C523" t="s">
        <v>112</v>
      </c>
      <c r="D523">
        <v>29</v>
      </c>
      <c r="E523">
        <v>0</v>
      </c>
      <c r="F523">
        <v>2020</v>
      </c>
    </row>
    <row r="524" spans="1:6" x14ac:dyDescent="0.25">
      <c r="A524">
        <v>227</v>
      </c>
      <c r="B524" t="s">
        <v>520</v>
      </c>
      <c r="C524" t="s">
        <v>112</v>
      </c>
      <c r="D524">
        <v>29</v>
      </c>
      <c r="E524">
        <v>0</v>
      </c>
      <c r="F524">
        <v>2020</v>
      </c>
    </row>
    <row r="525" spans="1:6" x14ac:dyDescent="0.25">
      <c r="A525">
        <v>226</v>
      </c>
      <c r="B525" t="s">
        <v>521</v>
      </c>
      <c r="C525" t="s">
        <v>112</v>
      </c>
      <c r="D525">
        <v>29</v>
      </c>
      <c r="E525">
        <v>0</v>
      </c>
      <c r="F525">
        <v>2020</v>
      </c>
    </row>
    <row r="526" spans="1:6" x14ac:dyDescent="0.25">
      <c r="A526">
        <v>225</v>
      </c>
      <c r="B526" t="s">
        <v>522</v>
      </c>
      <c r="C526" t="s">
        <v>112</v>
      </c>
      <c r="D526">
        <v>29</v>
      </c>
      <c r="E526">
        <v>0</v>
      </c>
      <c r="F526">
        <v>2020</v>
      </c>
    </row>
    <row r="527" spans="1:6" x14ac:dyDescent="0.25">
      <c r="A527">
        <v>224</v>
      </c>
      <c r="B527" t="s">
        <v>523</v>
      </c>
      <c r="C527" t="s">
        <v>112</v>
      </c>
      <c r="D527">
        <v>29</v>
      </c>
      <c r="E527">
        <v>0</v>
      </c>
      <c r="F527">
        <v>2020</v>
      </c>
    </row>
    <row r="528" spans="1:6" x14ac:dyDescent="0.25">
      <c r="A528">
        <v>223</v>
      </c>
      <c r="B528" t="s">
        <v>524</v>
      </c>
      <c r="C528" t="s">
        <v>112</v>
      </c>
      <c r="D528">
        <v>29</v>
      </c>
      <c r="E528">
        <v>0</v>
      </c>
      <c r="F528">
        <v>2020</v>
      </c>
    </row>
    <row r="529" spans="1:6" x14ac:dyDescent="0.25">
      <c r="A529">
        <v>222</v>
      </c>
      <c r="B529" t="s">
        <v>525</v>
      </c>
      <c r="C529" t="s">
        <v>112</v>
      </c>
      <c r="D529">
        <v>29</v>
      </c>
      <c r="E529">
        <v>0</v>
      </c>
      <c r="F529">
        <v>2020</v>
      </c>
    </row>
    <row r="530" spans="1:6" x14ac:dyDescent="0.25">
      <c r="A530">
        <v>221</v>
      </c>
      <c r="B530" t="s">
        <v>472</v>
      </c>
      <c r="C530" t="s">
        <v>112</v>
      </c>
      <c r="D530">
        <v>29</v>
      </c>
      <c r="E530">
        <v>0</v>
      </c>
      <c r="F530">
        <v>2020</v>
      </c>
    </row>
    <row r="531" spans="1:6" x14ac:dyDescent="0.25">
      <c r="A531">
        <v>220</v>
      </c>
      <c r="B531" t="s">
        <v>526</v>
      </c>
      <c r="C531" t="s">
        <v>22</v>
      </c>
      <c r="D531">
        <v>28</v>
      </c>
      <c r="E531">
        <v>0</v>
      </c>
      <c r="F531">
        <v>2020</v>
      </c>
    </row>
    <row r="532" spans="1:6" x14ac:dyDescent="0.25">
      <c r="A532">
        <v>219</v>
      </c>
      <c r="B532" t="s">
        <v>402</v>
      </c>
      <c r="C532" t="s">
        <v>22</v>
      </c>
      <c r="D532">
        <v>28</v>
      </c>
      <c r="E532">
        <v>0</v>
      </c>
      <c r="F532">
        <v>2020</v>
      </c>
    </row>
    <row r="533" spans="1:6" x14ac:dyDescent="0.25">
      <c r="A533">
        <v>218</v>
      </c>
      <c r="B533" t="s">
        <v>527</v>
      </c>
      <c r="C533" t="s">
        <v>22</v>
      </c>
      <c r="D533">
        <v>28</v>
      </c>
      <c r="E533">
        <v>0</v>
      </c>
      <c r="F533">
        <v>2020</v>
      </c>
    </row>
    <row r="534" spans="1:6" x14ac:dyDescent="0.25">
      <c r="A534">
        <v>217</v>
      </c>
      <c r="B534" t="s">
        <v>513</v>
      </c>
      <c r="C534" t="s">
        <v>22</v>
      </c>
      <c r="D534">
        <v>28</v>
      </c>
      <c r="E534">
        <v>0</v>
      </c>
      <c r="F534">
        <v>2020</v>
      </c>
    </row>
    <row r="535" spans="1:6" x14ac:dyDescent="0.25">
      <c r="A535">
        <v>216</v>
      </c>
      <c r="B535" t="s">
        <v>360</v>
      </c>
      <c r="C535" t="s">
        <v>22</v>
      </c>
      <c r="D535">
        <v>28</v>
      </c>
      <c r="E535">
        <v>0</v>
      </c>
      <c r="F535">
        <v>2020</v>
      </c>
    </row>
    <row r="536" spans="1:6" x14ac:dyDescent="0.25">
      <c r="A536">
        <v>215</v>
      </c>
      <c r="B536" t="s">
        <v>528</v>
      </c>
      <c r="C536" t="s">
        <v>22</v>
      </c>
      <c r="D536">
        <v>28</v>
      </c>
      <c r="E536">
        <v>0</v>
      </c>
      <c r="F536">
        <v>2020</v>
      </c>
    </row>
    <row r="537" spans="1:6" x14ac:dyDescent="0.25">
      <c r="A537">
        <v>214</v>
      </c>
      <c r="B537" t="s">
        <v>426</v>
      </c>
      <c r="C537" t="s">
        <v>22</v>
      </c>
      <c r="D537">
        <v>28</v>
      </c>
      <c r="E537">
        <v>0</v>
      </c>
      <c r="F537">
        <v>2020</v>
      </c>
    </row>
    <row r="538" spans="1:6" x14ac:dyDescent="0.25">
      <c r="A538">
        <v>213</v>
      </c>
      <c r="B538" t="s">
        <v>529</v>
      </c>
      <c r="C538" t="s">
        <v>22</v>
      </c>
      <c r="D538">
        <v>28</v>
      </c>
      <c r="E538">
        <v>0</v>
      </c>
      <c r="F538">
        <v>2020</v>
      </c>
    </row>
    <row r="539" spans="1:6" x14ac:dyDescent="0.25">
      <c r="A539">
        <v>212</v>
      </c>
      <c r="B539" t="s">
        <v>502</v>
      </c>
      <c r="C539" t="s">
        <v>22</v>
      </c>
      <c r="D539">
        <v>28</v>
      </c>
      <c r="E539">
        <v>0</v>
      </c>
      <c r="F539">
        <v>2020</v>
      </c>
    </row>
    <row r="540" spans="1:6" x14ac:dyDescent="0.25">
      <c r="A540">
        <v>211</v>
      </c>
      <c r="B540" t="s">
        <v>530</v>
      </c>
      <c r="C540" t="s">
        <v>22</v>
      </c>
      <c r="D540">
        <v>28</v>
      </c>
      <c r="E540">
        <v>0</v>
      </c>
      <c r="F540">
        <v>2020</v>
      </c>
    </row>
    <row r="541" spans="1:6" x14ac:dyDescent="0.25">
      <c r="A541">
        <v>210</v>
      </c>
      <c r="B541" t="s">
        <v>531</v>
      </c>
      <c r="C541" t="s">
        <v>22</v>
      </c>
      <c r="D541">
        <v>28</v>
      </c>
      <c r="E541">
        <v>0</v>
      </c>
      <c r="F541">
        <v>2020</v>
      </c>
    </row>
    <row r="542" spans="1:6" x14ac:dyDescent="0.25">
      <c r="A542">
        <v>208</v>
      </c>
      <c r="B542" t="s">
        <v>532</v>
      </c>
      <c r="C542" t="s">
        <v>22</v>
      </c>
      <c r="D542">
        <v>28</v>
      </c>
      <c r="E542">
        <v>0</v>
      </c>
      <c r="F542">
        <v>2020</v>
      </c>
    </row>
    <row r="543" spans="1:6" x14ac:dyDescent="0.25">
      <c r="A543">
        <v>207</v>
      </c>
      <c r="B543" t="s">
        <v>533</v>
      </c>
      <c r="C543" t="s">
        <v>22</v>
      </c>
      <c r="D543">
        <v>28</v>
      </c>
      <c r="E543">
        <v>0</v>
      </c>
      <c r="F543">
        <v>2020</v>
      </c>
    </row>
    <row r="544" spans="1:6" x14ac:dyDescent="0.25">
      <c r="A544">
        <v>206</v>
      </c>
      <c r="B544" t="s">
        <v>477</v>
      </c>
      <c r="C544" t="s">
        <v>22</v>
      </c>
      <c r="D544">
        <v>28</v>
      </c>
      <c r="E544">
        <v>0</v>
      </c>
      <c r="F544">
        <v>2020</v>
      </c>
    </row>
    <row r="545" spans="1:6" x14ac:dyDescent="0.25">
      <c r="A545">
        <v>205</v>
      </c>
      <c r="B545" t="s">
        <v>321</v>
      </c>
      <c r="C545" t="s">
        <v>195</v>
      </c>
      <c r="D545">
        <v>27</v>
      </c>
      <c r="E545">
        <v>0</v>
      </c>
      <c r="F545">
        <v>2020</v>
      </c>
    </row>
    <row r="546" spans="1:6" x14ac:dyDescent="0.25">
      <c r="A546">
        <v>204</v>
      </c>
      <c r="B546" t="s">
        <v>54</v>
      </c>
      <c r="C546" t="s">
        <v>195</v>
      </c>
      <c r="D546">
        <v>27</v>
      </c>
      <c r="E546">
        <v>0</v>
      </c>
      <c r="F546">
        <v>2020</v>
      </c>
    </row>
    <row r="547" spans="1:6" x14ac:dyDescent="0.25">
      <c r="A547">
        <v>203</v>
      </c>
      <c r="B547" t="s">
        <v>534</v>
      </c>
      <c r="C547" t="s">
        <v>195</v>
      </c>
      <c r="D547">
        <v>27</v>
      </c>
      <c r="E547">
        <v>0</v>
      </c>
      <c r="F547">
        <v>2020</v>
      </c>
    </row>
    <row r="548" spans="1:6" x14ac:dyDescent="0.25">
      <c r="A548">
        <v>202</v>
      </c>
      <c r="B548" t="s">
        <v>322</v>
      </c>
      <c r="C548" t="s">
        <v>195</v>
      </c>
      <c r="D548">
        <v>27</v>
      </c>
      <c r="E548">
        <v>0</v>
      </c>
      <c r="F548">
        <v>2020</v>
      </c>
    </row>
    <row r="549" spans="1:6" x14ac:dyDescent="0.25">
      <c r="A549">
        <v>198</v>
      </c>
      <c r="B549" t="s">
        <v>535</v>
      </c>
      <c r="C549" t="s">
        <v>95</v>
      </c>
      <c r="D549">
        <v>26</v>
      </c>
      <c r="E549">
        <v>0</v>
      </c>
      <c r="F549">
        <v>2020</v>
      </c>
    </row>
    <row r="550" spans="1:6" x14ac:dyDescent="0.25">
      <c r="A550">
        <v>195</v>
      </c>
      <c r="B550" t="s">
        <v>465</v>
      </c>
      <c r="C550" t="s">
        <v>95</v>
      </c>
      <c r="D550">
        <v>26</v>
      </c>
      <c r="E550">
        <v>0</v>
      </c>
      <c r="F550">
        <v>2020</v>
      </c>
    </row>
    <row r="551" spans="1:6" x14ac:dyDescent="0.25">
      <c r="A551">
        <v>194</v>
      </c>
      <c r="B551" t="s">
        <v>513</v>
      </c>
      <c r="C551" t="s">
        <v>95</v>
      </c>
      <c r="D551">
        <v>26</v>
      </c>
      <c r="E551">
        <v>0</v>
      </c>
      <c r="F551">
        <v>2020</v>
      </c>
    </row>
    <row r="552" spans="1:6" x14ac:dyDescent="0.25">
      <c r="A552">
        <v>192</v>
      </c>
      <c r="B552" t="s">
        <v>509</v>
      </c>
      <c r="C552" t="s">
        <v>95</v>
      </c>
      <c r="D552">
        <v>26</v>
      </c>
      <c r="E552">
        <v>0</v>
      </c>
      <c r="F552">
        <v>2020</v>
      </c>
    </row>
    <row r="553" spans="1:6" x14ac:dyDescent="0.25">
      <c r="A553">
        <v>190</v>
      </c>
      <c r="B553" t="s">
        <v>426</v>
      </c>
      <c r="C553" t="s">
        <v>95</v>
      </c>
      <c r="D553">
        <v>26</v>
      </c>
      <c r="E553">
        <v>0</v>
      </c>
      <c r="F553">
        <v>2020</v>
      </c>
    </row>
    <row r="554" spans="1:6" x14ac:dyDescent="0.25">
      <c r="A554">
        <v>189</v>
      </c>
      <c r="B554" t="s">
        <v>402</v>
      </c>
      <c r="C554" t="s">
        <v>95</v>
      </c>
      <c r="D554">
        <v>26</v>
      </c>
      <c r="E554">
        <v>0</v>
      </c>
      <c r="F554">
        <v>2020</v>
      </c>
    </row>
    <row r="555" spans="1:6" x14ac:dyDescent="0.25">
      <c r="A555">
        <v>185</v>
      </c>
      <c r="B555" t="s">
        <v>536</v>
      </c>
      <c r="C555" t="s">
        <v>104</v>
      </c>
      <c r="D555">
        <v>25</v>
      </c>
      <c r="E555">
        <v>0</v>
      </c>
      <c r="F555">
        <v>2020</v>
      </c>
    </row>
    <row r="556" spans="1:6" x14ac:dyDescent="0.25">
      <c r="A556">
        <v>184</v>
      </c>
      <c r="B556" t="s">
        <v>537</v>
      </c>
      <c r="C556" t="s">
        <v>104</v>
      </c>
      <c r="D556">
        <v>25</v>
      </c>
      <c r="E556">
        <v>0</v>
      </c>
      <c r="F556">
        <v>2020</v>
      </c>
    </row>
    <row r="557" spans="1:6" x14ac:dyDescent="0.25">
      <c r="A557">
        <v>183</v>
      </c>
      <c r="B557" t="s">
        <v>425</v>
      </c>
      <c r="C557" t="s">
        <v>32</v>
      </c>
      <c r="D557">
        <v>24</v>
      </c>
      <c r="E557">
        <v>0</v>
      </c>
      <c r="F557">
        <v>2020</v>
      </c>
    </row>
    <row r="558" spans="1:6" x14ac:dyDescent="0.25">
      <c r="A558">
        <v>182</v>
      </c>
      <c r="B558" t="s">
        <v>360</v>
      </c>
      <c r="C558" t="s">
        <v>32</v>
      </c>
      <c r="D558">
        <v>24</v>
      </c>
      <c r="E558">
        <v>0</v>
      </c>
      <c r="F558">
        <v>2020</v>
      </c>
    </row>
    <row r="559" spans="1:6" x14ac:dyDescent="0.25">
      <c r="A559">
        <v>181</v>
      </c>
      <c r="B559" t="s">
        <v>470</v>
      </c>
      <c r="C559" t="s">
        <v>32</v>
      </c>
      <c r="D559">
        <v>24</v>
      </c>
      <c r="E559">
        <v>0</v>
      </c>
      <c r="F559">
        <v>2020</v>
      </c>
    </row>
    <row r="560" spans="1:6" x14ac:dyDescent="0.25">
      <c r="A560">
        <v>180</v>
      </c>
      <c r="B560" t="s">
        <v>538</v>
      </c>
      <c r="C560" t="s">
        <v>32</v>
      </c>
      <c r="D560">
        <v>24</v>
      </c>
      <c r="E560">
        <v>0</v>
      </c>
      <c r="F560">
        <v>2020</v>
      </c>
    </row>
    <row r="561" spans="1:6" x14ac:dyDescent="0.25">
      <c r="A561">
        <v>179</v>
      </c>
      <c r="B561" t="s">
        <v>321</v>
      </c>
      <c r="C561" t="s">
        <v>32</v>
      </c>
      <c r="D561">
        <v>24</v>
      </c>
      <c r="E561">
        <v>0</v>
      </c>
      <c r="F561">
        <v>2020</v>
      </c>
    </row>
    <row r="562" spans="1:6" x14ac:dyDescent="0.25">
      <c r="A562">
        <v>178</v>
      </c>
      <c r="B562" t="s">
        <v>54</v>
      </c>
      <c r="C562" t="s">
        <v>32</v>
      </c>
      <c r="D562">
        <v>24</v>
      </c>
      <c r="E562">
        <v>0</v>
      </c>
      <c r="F562">
        <v>2020</v>
      </c>
    </row>
    <row r="563" spans="1:6" x14ac:dyDescent="0.25">
      <c r="A563">
        <v>177</v>
      </c>
      <c r="B563" t="s">
        <v>322</v>
      </c>
      <c r="C563" t="s">
        <v>32</v>
      </c>
      <c r="D563">
        <v>24</v>
      </c>
      <c r="E563">
        <v>0</v>
      </c>
      <c r="F563">
        <v>2020</v>
      </c>
    </row>
    <row r="564" spans="1:6" x14ac:dyDescent="0.25">
      <c r="A564">
        <v>176</v>
      </c>
      <c r="B564" t="s">
        <v>316</v>
      </c>
      <c r="C564" t="s">
        <v>32</v>
      </c>
      <c r="D564">
        <v>24</v>
      </c>
      <c r="E564">
        <v>0</v>
      </c>
      <c r="F564">
        <v>2020</v>
      </c>
    </row>
    <row r="565" spans="1:6" x14ac:dyDescent="0.25">
      <c r="A565">
        <v>175</v>
      </c>
      <c r="B565" t="s">
        <v>458</v>
      </c>
      <c r="C565" t="s">
        <v>32</v>
      </c>
      <c r="D565">
        <v>24</v>
      </c>
      <c r="E565">
        <v>0</v>
      </c>
      <c r="F565">
        <v>2020</v>
      </c>
    </row>
    <row r="566" spans="1:6" x14ac:dyDescent="0.25">
      <c r="A566">
        <v>174</v>
      </c>
      <c r="B566" t="s">
        <v>539</v>
      </c>
      <c r="C566" t="s">
        <v>32</v>
      </c>
      <c r="D566">
        <v>24</v>
      </c>
      <c r="E566">
        <v>0</v>
      </c>
      <c r="F566">
        <v>2020</v>
      </c>
    </row>
    <row r="567" spans="1:6" x14ac:dyDescent="0.25">
      <c r="A567">
        <v>173</v>
      </c>
      <c r="B567" t="s">
        <v>402</v>
      </c>
      <c r="C567" t="s">
        <v>32</v>
      </c>
      <c r="D567">
        <v>24</v>
      </c>
      <c r="E567">
        <v>0</v>
      </c>
      <c r="F567">
        <v>2020</v>
      </c>
    </row>
    <row r="568" spans="1:6" x14ac:dyDescent="0.25">
      <c r="A568">
        <v>172</v>
      </c>
      <c r="B568" t="s">
        <v>540</v>
      </c>
      <c r="C568" t="s">
        <v>32</v>
      </c>
      <c r="D568">
        <v>24</v>
      </c>
      <c r="E568">
        <v>0</v>
      </c>
      <c r="F568">
        <v>2020</v>
      </c>
    </row>
    <row r="569" spans="1:6" x14ac:dyDescent="0.25">
      <c r="A569">
        <v>171</v>
      </c>
      <c r="B569" t="s">
        <v>541</v>
      </c>
      <c r="C569" t="s">
        <v>32</v>
      </c>
      <c r="D569">
        <v>24</v>
      </c>
      <c r="E569">
        <v>0</v>
      </c>
      <c r="F569">
        <v>2020</v>
      </c>
    </row>
    <row r="570" spans="1:6" x14ac:dyDescent="0.25">
      <c r="A570">
        <v>170</v>
      </c>
      <c r="B570" t="s">
        <v>542</v>
      </c>
      <c r="C570" t="s">
        <v>32</v>
      </c>
      <c r="D570">
        <v>24</v>
      </c>
      <c r="E570">
        <v>0</v>
      </c>
      <c r="F570">
        <v>2020</v>
      </c>
    </row>
    <row r="571" spans="1:6" x14ac:dyDescent="0.25">
      <c r="A571">
        <v>169</v>
      </c>
      <c r="B571" t="s">
        <v>374</v>
      </c>
      <c r="C571" t="s">
        <v>32</v>
      </c>
      <c r="D571">
        <v>24</v>
      </c>
      <c r="E571">
        <v>0</v>
      </c>
      <c r="F571">
        <v>2020</v>
      </c>
    </row>
    <row r="572" spans="1:6" x14ac:dyDescent="0.25">
      <c r="A572">
        <v>168</v>
      </c>
      <c r="B572" t="s">
        <v>426</v>
      </c>
      <c r="C572" t="s">
        <v>32</v>
      </c>
      <c r="D572">
        <v>24</v>
      </c>
      <c r="E572">
        <v>0</v>
      </c>
      <c r="F572">
        <v>2020</v>
      </c>
    </row>
    <row r="573" spans="1:6" x14ac:dyDescent="0.25">
      <c r="A573">
        <v>167</v>
      </c>
      <c r="B573" t="s">
        <v>543</v>
      </c>
      <c r="C573" t="s">
        <v>210</v>
      </c>
      <c r="D573">
        <v>23</v>
      </c>
      <c r="E573">
        <v>0</v>
      </c>
      <c r="F573">
        <v>2020</v>
      </c>
    </row>
    <row r="574" spans="1:6" x14ac:dyDescent="0.25">
      <c r="A574">
        <v>166</v>
      </c>
      <c r="B574" t="s">
        <v>544</v>
      </c>
      <c r="C574" t="s">
        <v>210</v>
      </c>
      <c r="D574">
        <v>23</v>
      </c>
      <c r="E574">
        <v>0</v>
      </c>
      <c r="F574">
        <v>2020</v>
      </c>
    </row>
    <row r="575" spans="1:6" x14ac:dyDescent="0.25">
      <c r="A575">
        <v>164</v>
      </c>
      <c r="B575" t="s">
        <v>545</v>
      </c>
      <c r="C575" t="s">
        <v>305</v>
      </c>
      <c r="D575">
        <v>22</v>
      </c>
      <c r="E575">
        <v>0</v>
      </c>
      <c r="F575">
        <v>2020</v>
      </c>
    </row>
    <row r="576" spans="1:6" x14ac:dyDescent="0.25">
      <c r="A576">
        <v>162</v>
      </c>
      <c r="B576" t="s">
        <v>546</v>
      </c>
      <c r="C576" t="s">
        <v>305</v>
      </c>
      <c r="D576">
        <v>22</v>
      </c>
      <c r="E576">
        <v>0</v>
      </c>
      <c r="F576">
        <v>2020</v>
      </c>
    </row>
    <row r="577" spans="1:6" x14ac:dyDescent="0.25">
      <c r="A577">
        <v>161</v>
      </c>
      <c r="B577" t="s">
        <v>321</v>
      </c>
      <c r="C577" t="s">
        <v>198</v>
      </c>
      <c r="D577">
        <v>21</v>
      </c>
      <c r="E577">
        <v>0</v>
      </c>
      <c r="F577">
        <v>2020</v>
      </c>
    </row>
    <row r="578" spans="1:6" x14ac:dyDescent="0.25">
      <c r="A578">
        <v>160</v>
      </c>
      <c r="B578" t="s">
        <v>547</v>
      </c>
      <c r="C578" t="s">
        <v>198</v>
      </c>
      <c r="D578">
        <v>21</v>
      </c>
      <c r="E578">
        <v>0</v>
      </c>
      <c r="F578">
        <v>2020</v>
      </c>
    </row>
    <row r="579" spans="1:6" x14ac:dyDescent="0.25">
      <c r="A579">
        <v>159</v>
      </c>
      <c r="B579" t="s">
        <v>322</v>
      </c>
      <c r="C579" t="s">
        <v>198</v>
      </c>
      <c r="D579">
        <v>21</v>
      </c>
      <c r="E579">
        <v>0</v>
      </c>
      <c r="F579">
        <v>2020</v>
      </c>
    </row>
    <row r="580" spans="1:6" x14ac:dyDescent="0.25">
      <c r="A580">
        <v>158</v>
      </c>
      <c r="B580" t="s">
        <v>548</v>
      </c>
      <c r="C580" t="s">
        <v>14</v>
      </c>
      <c r="D580">
        <v>20</v>
      </c>
      <c r="E580">
        <v>0</v>
      </c>
      <c r="F580">
        <v>2020</v>
      </c>
    </row>
    <row r="581" spans="1:6" x14ac:dyDescent="0.25">
      <c r="A581">
        <v>157</v>
      </c>
      <c r="B581" t="s">
        <v>508</v>
      </c>
      <c r="C581" t="s">
        <v>14</v>
      </c>
      <c r="D581">
        <v>20</v>
      </c>
      <c r="E581">
        <v>0</v>
      </c>
      <c r="F581">
        <v>2020</v>
      </c>
    </row>
    <row r="582" spans="1:6" x14ac:dyDescent="0.25">
      <c r="A582">
        <v>156</v>
      </c>
      <c r="B582" t="s">
        <v>549</v>
      </c>
      <c r="C582" t="s">
        <v>14</v>
      </c>
      <c r="D582">
        <v>20</v>
      </c>
      <c r="E582">
        <v>0</v>
      </c>
      <c r="F582">
        <v>2020</v>
      </c>
    </row>
    <row r="583" spans="1:6" x14ac:dyDescent="0.25">
      <c r="A583">
        <v>155</v>
      </c>
      <c r="B583" t="s">
        <v>550</v>
      </c>
      <c r="C583" t="s">
        <v>14</v>
      </c>
      <c r="D583">
        <v>20</v>
      </c>
      <c r="E583">
        <v>0</v>
      </c>
      <c r="F583">
        <v>2020</v>
      </c>
    </row>
    <row r="584" spans="1:6" x14ac:dyDescent="0.25">
      <c r="A584">
        <v>154</v>
      </c>
      <c r="B584" t="s">
        <v>509</v>
      </c>
      <c r="C584" t="s">
        <v>14</v>
      </c>
      <c r="D584">
        <v>20</v>
      </c>
      <c r="E584">
        <v>0</v>
      </c>
      <c r="F584">
        <v>2020</v>
      </c>
    </row>
    <row r="585" spans="1:6" x14ac:dyDescent="0.25">
      <c r="A585">
        <v>153</v>
      </c>
      <c r="B585" t="s">
        <v>402</v>
      </c>
      <c r="C585" t="s">
        <v>14</v>
      </c>
      <c r="D585">
        <v>20</v>
      </c>
      <c r="E585">
        <v>0</v>
      </c>
      <c r="F585">
        <v>2020</v>
      </c>
    </row>
    <row r="586" spans="1:6" x14ac:dyDescent="0.25">
      <c r="A586">
        <v>152</v>
      </c>
      <c r="B586" t="s">
        <v>551</v>
      </c>
      <c r="C586" t="s">
        <v>14</v>
      </c>
      <c r="D586">
        <v>20</v>
      </c>
      <c r="E586">
        <v>0</v>
      </c>
      <c r="F586">
        <v>2020</v>
      </c>
    </row>
    <row r="587" spans="1:6" x14ac:dyDescent="0.25">
      <c r="A587">
        <v>151</v>
      </c>
      <c r="B587" t="s">
        <v>552</v>
      </c>
      <c r="C587" t="s">
        <v>14</v>
      </c>
      <c r="D587">
        <v>20</v>
      </c>
      <c r="E587">
        <v>0</v>
      </c>
      <c r="F587">
        <v>2020</v>
      </c>
    </row>
    <row r="588" spans="1:6" x14ac:dyDescent="0.25">
      <c r="A588">
        <v>150</v>
      </c>
      <c r="B588" t="s">
        <v>553</v>
      </c>
      <c r="C588" t="s">
        <v>14</v>
      </c>
      <c r="D588">
        <v>20</v>
      </c>
      <c r="E588">
        <v>0</v>
      </c>
      <c r="F588">
        <v>2020</v>
      </c>
    </row>
    <row r="589" spans="1:6" x14ac:dyDescent="0.25">
      <c r="A589">
        <v>149</v>
      </c>
      <c r="B589" t="s">
        <v>554</v>
      </c>
      <c r="C589" t="s">
        <v>14</v>
      </c>
      <c r="D589">
        <v>20</v>
      </c>
      <c r="E589">
        <v>0</v>
      </c>
      <c r="F589">
        <v>2020</v>
      </c>
    </row>
    <row r="590" spans="1:6" x14ac:dyDescent="0.25">
      <c r="A590">
        <v>148</v>
      </c>
      <c r="B590" t="s">
        <v>387</v>
      </c>
      <c r="C590" t="s">
        <v>14</v>
      </c>
      <c r="D590">
        <v>20</v>
      </c>
      <c r="E590">
        <v>0</v>
      </c>
      <c r="F590">
        <v>2020</v>
      </c>
    </row>
    <row r="591" spans="1:6" x14ac:dyDescent="0.25">
      <c r="A591">
        <v>147</v>
      </c>
      <c r="B591" t="s">
        <v>555</v>
      </c>
      <c r="C591" t="s">
        <v>14</v>
      </c>
      <c r="D591">
        <v>20</v>
      </c>
      <c r="E591">
        <v>0</v>
      </c>
      <c r="F591">
        <v>2020</v>
      </c>
    </row>
    <row r="592" spans="1:6" x14ac:dyDescent="0.25">
      <c r="A592">
        <v>146</v>
      </c>
      <c r="B592" t="s">
        <v>556</v>
      </c>
      <c r="C592" t="s">
        <v>14</v>
      </c>
      <c r="D592">
        <v>20</v>
      </c>
      <c r="E592">
        <v>0</v>
      </c>
      <c r="F592">
        <v>2020</v>
      </c>
    </row>
    <row r="593" spans="1:6" x14ac:dyDescent="0.25">
      <c r="A593">
        <v>145</v>
      </c>
      <c r="B593" t="s">
        <v>426</v>
      </c>
      <c r="C593" t="s">
        <v>14</v>
      </c>
      <c r="D593">
        <v>20</v>
      </c>
      <c r="E593">
        <v>0</v>
      </c>
      <c r="F593">
        <v>2020</v>
      </c>
    </row>
    <row r="594" spans="1:6" x14ac:dyDescent="0.25">
      <c r="A594">
        <v>144</v>
      </c>
      <c r="B594" t="s">
        <v>11</v>
      </c>
      <c r="C594" t="s">
        <v>14</v>
      </c>
      <c r="D594">
        <v>20</v>
      </c>
      <c r="E594">
        <v>0</v>
      </c>
      <c r="F594">
        <v>2020</v>
      </c>
    </row>
    <row r="595" spans="1:6" x14ac:dyDescent="0.25">
      <c r="A595">
        <v>143</v>
      </c>
      <c r="B595" t="s">
        <v>557</v>
      </c>
      <c r="C595" t="s">
        <v>14</v>
      </c>
      <c r="D595">
        <v>20</v>
      </c>
      <c r="E595">
        <v>0</v>
      </c>
      <c r="F595">
        <v>2020</v>
      </c>
    </row>
    <row r="596" spans="1:6" x14ac:dyDescent="0.25">
      <c r="A596">
        <v>142</v>
      </c>
      <c r="B596" t="s">
        <v>386</v>
      </c>
      <c r="C596" t="s">
        <v>14</v>
      </c>
      <c r="D596">
        <v>20</v>
      </c>
      <c r="E596">
        <v>0</v>
      </c>
      <c r="F596">
        <v>2020</v>
      </c>
    </row>
    <row r="597" spans="1:6" x14ac:dyDescent="0.25">
      <c r="A597">
        <v>141</v>
      </c>
      <c r="B597" t="s">
        <v>558</v>
      </c>
      <c r="C597" t="s">
        <v>14</v>
      </c>
      <c r="D597">
        <v>20</v>
      </c>
      <c r="E597">
        <v>0</v>
      </c>
      <c r="F597">
        <v>2020</v>
      </c>
    </row>
    <row r="598" spans="1:6" x14ac:dyDescent="0.25">
      <c r="A598">
        <v>140</v>
      </c>
      <c r="B598" t="s">
        <v>559</v>
      </c>
      <c r="C598" t="s">
        <v>14</v>
      </c>
      <c r="D598">
        <v>20</v>
      </c>
      <c r="E598">
        <v>0</v>
      </c>
      <c r="F598">
        <v>2020</v>
      </c>
    </row>
    <row r="599" spans="1:6" x14ac:dyDescent="0.25">
      <c r="A599">
        <v>139</v>
      </c>
      <c r="B599" t="s">
        <v>457</v>
      </c>
      <c r="C599" t="s">
        <v>14</v>
      </c>
      <c r="D599">
        <v>20</v>
      </c>
      <c r="E599">
        <v>0</v>
      </c>
      <c r="F599">
        <v>2020</v>
      </c>
    </row>
    <row r="600" spans="1:6" x14ac:dyDescent="0.25">
      <c r="A600">
        <v>138</v>
      </c>
      <c r="B600" t="s">
        <v>458</v>
      </c>
      <c r="C600" t="s">
        <v>14</v>
      </c>
      <c r="D600">
        <v>20</v>
      </c>
      <c r="E600">
        <v>0</v>
      </c>
      <c r="F600">
        <v>2020</v>
      </c>
    </row>
    <row r="601" spans="1:6" x14ac:dyDescent="0.25">
      <c r="A601">
        <v>137</v>
      </c>
      <c r="B601" t="s">
        <v>421</v>
      </c>
      <c r="C601" t="s">
        <v>192</v>
      </c>
      <c r="D601">
        <v>19</v>
      </c>
      <c r="E601">
        <v>0</v>
      </c>
      <c r="F601">
        <v>2020</v>
      </c>
    </row>
    <row r="602" spans="1:6" x14ac:dyDescent="0.25">
      <c r="A602">
        <v>136</v>
      </c>
      <c r="B602" t="s">
        <v>560</v>
      </c>
      <c r="C602" t="s">
        <v>192</v>
      </c>
      <c r="D602">
        <v>19</v>
      </c>
      <c r="E602">
        <v>0</v>
      </c>
      <c r="F602">
        <v>2020</v>
      </c>
    </row>
    <row r="603" spans="1:6" x14ac:dyDescent="0.25">
      <c r="A603">
        <v>135</v>
      </c>
      <c r="B603" t="s">
        <v>329</v>
      </c>
      <c r="C603" t="s">
        <v>192</v>
      </c>
      <c r="D603">
        <v>19</v>
      </c>
      <c r="E603">
        <v>0</v>
      </c>
      <c r="F603">
        <v>2020</v>
      </c>
    </row>
    <row r="604" spans="1:6" x14ac:dyDescent="0.25">
      <c r="A604">
        <v>134</v>
      </c>
      <c r="B604" t="s">
        <v>463</v>
      </c>
      <c r="C604" t="s">
        <v>192</v>
      </c>
      <c r="D604">
        <v>19</v>
      </c>
      <c r="E604">
        <v>0</v>
      </c>
      <c r="F604">
        <v>2020</v>
      </c>
    </row>
    <row r="605" spans="1:6" x14ac:dyDescent="0.25">
      <c r="A605">
        <v>133</v>
      </c>
      <c r="B605" t="s">
        <v>561</v>
      </c>
      <c r="C605" t="s">
        <v>30</v>
      </c>
      <c r="D605">
        <v>18</v>
      </c>
      <c r="E605">
        <v>0</v>
      </c>
      <c r="F605">
        <v>2020</v>
      </c>
    </row>
    <row r="606" spans="1:6" x14ac:dyDescent="0.25">
      <c r="A606">
        <v>132</v>
      </c>
      <c r="B606" t="s">
        <v>562</v>
      </c>
      <c r="C606" t="s">
        <v>30</v>
      </c>
      <c r="D606">
        <v>18</v>
      </c>
      <c r="E606">
        <v>0</v>
      </c>
      <c r="F606">
        <v>2020</v>
      </c>
    </row>
    <row r="607" spans="1:6" x14ac:dyDescent="0.25">
      <c r="A607">
        <v>131</v>
      </c>
      <c r="B607" t="s">
        <v>563</v>
      </c>
      <c r="C607" t="s">
        <v>30</v>
      </c>
      <c r="D607">
        <v>18</v>
      </c>
      <c r="E607">
        <v>0</v>
      </c>
      <c r="F607">
        <v>2020</v>
      </c>
    </row>
    <row r="608" spans="1:6" x14ac:dyDescent="0.25">
      <c r="A608">
        <v>130</v>
      </c>
      <c r="B608" t="s">
        <v>361</v>
      </c>
      <c r="C608" t="s">
        <v>30</v>
      </c>
      <c r="D608">
        <v>18</v>
      </c>
      <c r="E608">
        <v>0</v>
      </c>
      <c r="F608">
        <v>2020</v>
      </c>
    </row>
    <row r="609" spans="1:6" x14ac:dyDescent="0.25">
      <c r="A609">
        <v>129</v>
      </c>
      <c r="B609" t="s">
        <v>522</v>
      </c>
      <c r="C609" t="s">
        <v>30</v>
      </c>
      <c r="D609">
        <v>18</v>
      </c>
      <c r="E609">
        <v>0</v>
      </c>
      <c r="F609">
        <v>2020</v>
      </c>
    </row>
    <row r="610" spans="1:6" x14ac:dyDescent="0.25">
      <c r="A610">
        <v>128</v>
      </c>
      <c r="B610" t="s">
        <v>564</v>
      </c>
      <c r="C610" t="s">
        <v>30</v>
      </c>
      <c r="D610">
        <v>18</v>
      </c>
      <c r="E610">
        <v>0</v>
      </c>
      <c r="F610">
        <v>2020</v>
      </c>
    </row>
    <row r="611" spans="1:6" x14ac:dyDescent="0.25">
      <c r="A611">
        <v>127</v>
      </c>
      <c r="B611" t="s">
        <v>470</v>
      </c>
      <c r="C611" t="s">
        <v>30</v>
      </c>
      <c r="D611">
        <v>18</v>
      </c>
      <c r="E611">
        <v>0</v>
      </c>
      <c r="F611">
        <v>2020</v>
      </c>
    </row>
    <row r="612" spans="1:6" x14ac:dyDescent="0.25">
      <c r="A612">
        <v>126</v>
      </c>
      <c r="B612" t="s">
        <v>472</v>
      </c>
      <c r="C612" t="s">
        <v>30</v>
      </c>
      <c r="D612">
        <v>18</v>
      </c>
      <c r="E612">
        <v>0</v>
      </c>
      <c r="F612">
        <v>2020</v>
      </c>
    </row>
    <row r="613" spans="1:6" x14ac:dyDescent="0.25">
      <c r="A613">
        <v>125</v>
      </c>
      <c r="B613" t="s">
        <v>469</v>
      </c>
      <c r="C613" t="s">
        <v>30</v>
      </c>
      <c r="D613">
        <v>18</v>
      </c>
      <c r="E613">
        <v>0</v>
      </c>
      <c r="F613">
        <v>2020</v>
      </c>
    </row>
    <row r="614" spans="1:6" x14ac:dyDescent="0.25">
      <c r="A614">
        <v>124</v>
      </c>
      <c r="B614" t="s">
        <v>565</v>
      </c>
      <c r="C614" t="s">
        <v>218</v>
      </c>
      <c r="D614">
        <v>17</v>
      </c>
      <c r="E614">
        <v>0</v>
      </c>
      <c r="F614">
        <v>2020</v>
      </c>
    </row>
    <row r="615" spans="1:6" x14ac:dyDescent="0.25">
      <c r="A615">
        <v>123</v>
      </c>
      <c r="B615" t="s">
        <v>11</v>
      </c>
      <c r="C615" t="s">
        <v>218</v>
      </c>
      <c r="D615">
        <v>17</v>
      </c>
      <c r="E615">
        <v>0</v>
      </c>
      <c r="F615">
        <v>2020</v>
      </c>
    </row>
    <row r="616" spans="1:6" x14ac:dyDescent="0.25">
      <c r="A616">
        <v>122</v>
      </c>
      <c r="B616" t="s">
        <v>426</v>
      </c>
      <c r="C616" t="s">
        <v>218</v>
      </c>
      <c r="D616">
        <v>17</v>
      </c>
      <c r="E616">
        <v>0</v>
      </c>
      <c r="F616">
        <v>2020</v>
      </c>
    </row>
    <row r="617" spans="1:6" x14ac:dyDescent="0.25">
      <c r="A617">
        <v>121</v>
      </c>
      <c r="B617" t="s">
        <v>322</v>
      </c>
      <c r="C617" t="s">
        <v>218</v>
      </c>
      <c r="D617">
        <v>17</v>
      </c>
      <c r="E617">
        <v>0</v>
      </c>
      <c r="F617">
        <v>2020</v>
      </c>
    </row>
    <row r="618" spans="1:6" x14ac:dyDescent="0.25">
      <c r="A618">
        <v>120</v>
      </c>
      <c r="B618" t="s">
        <v>566</v>
      </c>
      <c r="C618" t="s">
        <v>218</v>
      </c>
      <c r="D618">
        <v>17</v>
      </c>
      <c r="E618">
        <v>0</v>
      </c>
      <c r="F618">
        <v>2020</v>
      </c>
    </row>
    <row r="619" spans="1:6" x14ac:dyDescent="0.25">
      <c r="A619">
        <v>119</v>
      </c>
      <c r="B619" t="s">
        <v>567</v>
      </c>
      <c r="C619" t="s">
        <v>218</v>
      </c>
      <c r="D619">
        <v>17</v>
      </c>
      <c r="E619">
        <v>0</v>
      </c>
      <c r="F619">
        <v>2020</v>
      </c>
    </row>
    <row r="620" spans="1:6" x14ac:dyDescent="0.25">
      <c r="A620">
        <v>118</v>
      </c>
      <c r="B620" t="s">
        <v>425</v>
      </c>
      <c r="C620" t="s">
        <v>218</v>
      </c>
      <c r="D620">
        <v>17</v>
      </c>
      <c r="E620">
        <v>0</v>
      </c>
      <c r="F620">
        <v>2020</v>
      </c>
    </row>
    <row r="621" spans="1:6" x14ac:dyDescent="0.25">
      <c r="A621">
        <v>117</v>
      </c>
      <c r="B621" t="s">
        <v>568</v>
      </c>
      <c r="C621" t="s">
        <v>218</v>
      </c>
      <c r="D621">
        <v>17</v>
      </c>
      <c r="E621">
        <v>0</v>
      </c>
      <c r="F621">
        <v>2020</v>
      </c>
    </row>
    <row r="622" spans="1:6" x14ac:dyDescent="0.25">
      <c r="A622">
        <v>116</v>
      </c>
      <c r="B622" t="s">
        <v>458</v>
      </c>
      <c r="C622" t="s">
        <v>218</v>
      </c>
      <c r="D622">
        <v>17</v>
      </c>
      <c r="E622">
        <v>0</v>
      </c>
      <c r="F622">
        <v>2020</v>
      </c>
    </row>
    <row r="623" spans="1:6" x14ac:dyDescent="0.25">
      <c r="A623">
        <v>115</v>
      </c>
      <c r="B623" t="s">
        <v>569</v>
      </c>
      <c r="C623" t="s">
        <v>218</v>
      </c>
      <c r="D623">
        <v>17</v>
      </c>
      <c r="E623">
        <v>0</v>
      </c>
      <c r="F623">
        <v>2020</v>
      </c>
    </row>
    <row r="624" spans="1:6" x14ac:dyDescent="0.25">
      <c r="A624">
        <v>114</v>
      </c>
      <c r="B624" t="s">
        <v>570</v>
      </c>
      <c r="C624" t="s">
        <v>218</v>
      </c>
      <c r="D624">
        <v>17</v>
      </c>
      <c r="E624">
        <v>0</v>
      </c>
      <c r="F624">
        <v>2020</v>
      </c>
    </row>
    <row r="625" spans="1:6" x14ac:dyDescent="0.25">
      <c r="A625">
        <v>113</v>
      </c>
      <c r="B625" t="s">
        <v>470</v>
      </c>
      <c r="C625" t="s">
        <v>218</v>
      </c>
      <c r="D625">
        <v>17</v>
      </c>
      <c r="E625">
        <v>0</v>
      </c>
      <c r="F625">
        <v>2020</v>
      </c>
    </row>
    <row r="626" spans="1:6" x14ac:dyDescent="0.25">
      <c r="A626">
        <v>112</v>
      </c>
      <c r="B626" t="s">
        <v>571</v>
      </c>
      <c r="C626" t="s">
        <v>218</v>
      </c>
      <c r="D626">
        <v>17</v>
      </c>
      <c r="E626">
        <v>0</v>
      </c>
      <c r="F626">
        <v>2020</v>
      </c>
    </row>
    <row r="627" spans="1:6" x14ac:dyDescent="0.25">
      <c r="A627">
        <v>111</v>
      </c>
      <c r="B627" t="s">
        <v>572</v>
      </c>
      <c r="C627" t="s">
        <v>218</v>
      </c>
      <c r="D627">
        <v>17</v>
      </c>
      <c r="E627">
        <v>0</v>
      </c>
      <c r="F627">
        <v>2020</v>
      </c>
    </row>
    <row r="628" spans="1:6" x14ac:dyDescent="0.25">
      <c r="A628">
        <v>110</v>
      </c>
      <c r="B628" t="s">
        <v>488</v>
      </c>
      <c r="C628" t="s">
        <v>218</v>
      </c>
      <c r="D628">
        <v>17</v>
      </c>
      <c r="E628">
        <v>0</v>
      </c>
      <c r="F628">
        <v>2020</v>
      </c>
    </row>
    <row r="629" spans="1:6" x14ac:dyDescent="0.25">
      <c r="A629">
        <v>109</v>
      </c>
      <c r="B629" t="s">
        <v>519</v>
      </c>
      <c r="C629" t="s">
        <v>218</v>
      </c>
      <c r="D629">
        <v>17</v>
      </c>
      <c r="E629">
        <v>0</v>
      </c>
      <c r="F629">
        <v>2020</v>
      </c>
    </row>
    <row r="630" spans="1:6" x14ac:dyDescent="0.25">
      <c r="A630">
        <v>108</v>
      </c>
      <c r="B630" t="s">
        <v>573</v>
      </c>
      <c r="C630" t="s">
        <v>218</v>
      </c>
      <c r="D630">
        <v>17</v>
      </c>
      <c r="E630">
        <v>0</v>
      </c>
      <c r="F630">
        <v>2020</v>
      </c>
    </row>
    <row r="631" spans="1:6" x14ac:dyDescent="0.25">
      <c r="A631">
        <v>107</v>
      </c>
      <c r="B631" t="s">
        <v>574</v>
      </c>
      <c r="C631" t="s">
        <v>218</v>
      </c>
      <c r="D631">
        <v>17</v>
      </c>
      <c r="E631">
        <v>0</v>
      </c>
      <c r="F631">
        <v>2020</v>
      </c>
    </row>
    <row r="632" spans="1:6" x14ac:dyDescent="0.25">
      <c r="A632">
        <v>106</v>
      </c>
      <c r="B632" t="s">
        <v>362</v>
      </c>
      <c r="C632" t="s">
        <v>30</v>
      </c>
      <c r="D632">
        <v>18</v>
      </c>
      <c r="E632">
        <v>0</v>
      </c>
      <c r="F632">
        <v>2020</v>
      </c>
    </row>
    <row r="633" spans="1:6" x14ac:dyDescent="0.25">
      <c r="A633">
        <v>105</v>
      </c>
      <c r="B633" t="s">
        <v>426</v>
      </c>
      <c r="C633" t="s">
        <v>30</v>
      </c>
      <c r="D633">
        <v>18</v>
      </c>
      <c r="E633">
        <v>0</v>
      </c>
      <c r="F633">
        <v>2020</v>
      </c>
    </row>
    <row r="634" spans="1:6" x14ac:dyDescent="0.25">
      <c r="A634">
        <v>103</v>
      </c>
      <c r="B634" t="s">
        <v>477</v>
      </c>
      <c r="C634" t="s">
        <v>30</v>
      </c>
      <c r="D634">
        <v>18</v>
      </c>
      <c r="E634">
        <v>0</v>
      </c>
      <c r="F634">
        <v>2020</v>
      </c>
    </row>
    <row r="635" spans="1:6" x14ac:dyDescent="0.25">
      <c r="A635">
        <v>101</v>
      </c>
      <c r="B635" t="s">
        <v>316</v>
      </c>
      <c r="C635" t="s">
        <v>213</v>
      </c>
      <c r="D635">
        <v>15</v>
      </c>
      <c r="E635">
        <v>0</v>
      </c>
      <c r="F635">
        <v>2020</v>
      </c>
    </row>
    <row r="636" spans="1:6" x14ac:dyDescent="0.25">
      <c r="A636">
        <v>100</v>
      </c>
      <c r="B636" t="s">
        <v>362</v>
      </c>
      <c r="C636" t="s">
        <v>213</v>
      </c>
      <c r="D636">
        <v>15</v>
      </c>
      <c r="E636">
        <v>0</v>
      </c>
      <c r="F636">
        <v>2020</v>
      </c>
    </row>
    <row r="637" spans="1:6" x14ac:dyDescent="0.25">
      <c r="A637">
        <v>99</v>
      </c>
      <c r="B637" t="s">
        <v>575</v>
      </c>
      <c r="C637" t="s">
        <v>213</v>
      </c>
      <c r="D637">
        <v>15</v>
      </c>
      <c r="E637">
        <v>0</v>
      </c>
      <c r="F637">
        <v>2020</v>
      </c>
    </row>
    <row r="638" spans="1:6" x14ac:dyDescent="0.25">
      <c r="A638">
        <v>98</v>
      </c>
      <c r="B638" t="s">
        <v>426</v>
      </c>
      <c r="C638" t="s">
        <v>213</v>
      </c>
      <c r="D638">
        <v>15</v>
      </c>
      <c r="E638">
        <v>0</v>
      </c>
      <c r="F638">
        <v>2020</v>
      </c>
    </row>
    <row r="639" spans="1:6" x14ac:dyDescent="0.25">
      <c r="A639">
        <v>97</v>
      </c>
      <c r="B639" t="s">
        <v>477</v>
      </c>
      <c r="C639" t="s">
        <v>213</v>
      </c>
      <c r="D639">
        <v>15</v>
      </c>
      <c r="E639">
        <v>0</v>
      </c>
      <c r="F639">
        <v>2020</v>
      </c>
    </row>
    <row r="640" spans="1:6" x14ac:dyDescent="0.25">
      <c r="A640">
        <v>96</v>
      </c>
      <c r="B640" t="s">
        <v>576</v>
      </c>
      <c r="C640" t="s">
        <v>20</v>
      </c>
      <c r="D640">
        <v>14</v>
      </c>
      <c r="E640">
        <v>0</v>
      </c>
      <c r="F640">
        <v>2020</v>
      </c>
    </row>
    <row r="641" spans="1:6" x14ac:dyDescent="0.25">
      <c r="A641">
        <v>95</v>
      </c>
      <c r="B641" t="s">
        <v>402</v>
      </c>
      <c r="C641" t="s">
        <v>20</v>
      </c>
      <c r="D641">
        <v>14</v>
      </c>
      <c r="E641">
        <v>0</v>
      </c>
      <c r="F641">
        <v>2020</v>
      </c>
    </row>
    <row r="642" spans="1:6" x14ac:dyDescent="0.25">
      <c r="A642">
        <v>94</v>
      </c>
      <c r="B642" t="s">
        <v>577</v>
      </c>
      <c r="C642" t="s">
        <v>20</v>
      </c>
      <c r="D642">
        <v>14</v>
      </c>
      <c r="E642">
        <v>0</v>
      </c>
      <c r="F642">
        <v>2020</v>
      </c>
    </row>
    <row r="643" spans="1:6" x14ac:dyDescent="0.25">
      <c r="A643">
        <v>93</v>
      </c>
      <c r="B643" t="s">
        <v>578</v>
      </c>
      <c r="C643" t="s">
        <v>20</v>
      </c>
      <c r="D643">
        <v>14</v>
      </c>
      <c r="E643">
        <v>0</v>
      </c>
      <c r="F643">
        <v>2020</v>
      </c>
    </row>
    <row r="644" spans="1:6" x14ac:dyDescent="0.25">
      <c r="A644">
        <v>92</v>
      </c>
      <c r="B644" t="s">
        <v>579</v>
      </c>
      <c r="C644" t="s">
        <v>20</v>
      </c>
      <c r="D644">
        <v>14</v>
      </c>
      <c r="E644">
        <v>0</v>
      </c>
      <c r="F644">
        <v>2020</v>
      </c>
    </row>
    <row r="645" spans="1:6" x14ac:dyDescent="0.25">
      <c r="A645">
        <v>91</v>
      </c>
      <c r="B645" t="s">
        <v>316</v>
      </c>
      <c r="C645" t="s">
        <v>20</v>
      </c>
      <c r="D645">
        <v>14</v>
      </c>
      <c r="E645">
        <v>0</v>
      </c>
      <c r="F645">
        <v>2020</v>
      </c>
    </row>
    <row r="646" spans="1:6" x14ac:dyDescent="0.25">
      <c r="A646">
        <v>90</v>
      </c>
      <c r="B646" t="s">
        <v>580</v>
      </c>
      <c r="C646" t="s">
        <v>20</v>
      </c>
      <c r="D646">
        <v>14</v>
      </c>
      <c r="E646">
        <v>0</v>
      </c>
      <c r="F646">
        <v>2020</v>
      </c>
    </row>
    <row r="647" spans="1:6" x14ac:dyDescent="0.25">
      <c r="A647">
        <v>89</v>
      </c>
      <c r="B647" t="s">
        <v>581</v>
      </c>
      <c r="C647" t="s">
        <v>20</v>
      </c>
      <c r="D647">
        <v>14</v>
      </c>
      <c r="E647">
        <v>0</v>
      </c>
      <c r="F647">
        <v>2020</v>
      </c>
    </row>
    <row r="648" spans="1:6" x14ac:dyDescent="0.25">
      <c r="A648">
        <v>88</v>
      </c>
      <c r="B648" t="s">
        <v>477</v>
      </c>
      <c r="C648" t="s">
        <v>20</v>
      </c>
      <c r="D648">
        <v>14</v>
      </c>
      <c r="E648">
        <v>0</v>
      </c>
      <c r="F648">
        <v>2020</v>
      </c>
    </row>
    <row r="649" spans="1:6" x14ac:dyDescent="0.25">
      <c r="A649">
        <v>87</v>
      </c>
      <c r="B649" t="s">
        <v>509</v>
      </c>
      <c r="C649" t="s">
        <v>108</v>
      </c>
      <c r="D649">
        <v>13</v>
      </c>
      <c r="E649">
        <v>0</v>
      </c>
      <c r="F649">
        <v>2020</v>
      </c>
    </row>
    <row r="650" spans="1:6" x14ac:dyDescent="0.25">
      <c r="A650">
        <v>86</v>
      </c>
      <c r="B650" t="s">
        <v>582</v>
      </c>
      <c r="C650" t="s">
        <v>108</v>
      </c>
      <c r="D650">
        <v>13</v>
      </c>
      <c r="E650">
        <v>0</v>
      </c>
      <c r="F650">
        <v>2020</v>
      </c>
    </row>
    <row r="651" spans="1:6" x14ac:dyDescent="0.25">
      <c r="A651">
        <v>85</v>
      </c>
      <c r="B651" t="s">
        <v>316</v>
      </c>
      <c r="C651" t="s">
        <v>108</v>
      </c>
      <c r="D651">
        <v>13</v>
      </c>
      <c r="E651">
        <v>0</v>
      </c>
      <c r="F651">
        <v>2020</v>
      </c>
    </row>
    <row r="652" spans="1:6" x14ac:dyDescent="0.25">
      <c r="A652">
        <v>84</v>
      </c>
      <c r="B652" t="s">
        <v>583</v>
      </c>
      <c r="C652" t="s">
        <v>108</v>
      </c>
      <c r="D652">
        <v>13</v>
      </c>
      <c r="E652">
        <v>0</v>
      </c>
      <c r="F652">
        <v>2020</v>
      </c>
    </row>
    <row r="653" spans="1:6" x14ac:dyDescent="0.25">
      <c r="A653">
        <v>83</v>
      </c>
      <c r="B653" t="s">
        <v>396</v>
      </c>
      <c r="C653" t="s">
        <v>289</v>
      </c>
      <c r="D653">
        <v>12</v>
      </c>
      <c r="E653">
        <v>0</v>
      </c>
      <c r="F653">
        <v>2020</v>
      </c>
    </row>
    <row r="654" spans="1:6" x14ac:dyDescent="0.25">
      <c r="A654">
        <v>82</v>
      </c>
      <c r="B654" t="s">
        <v>584</v>
      </c>
      <c r="C654" t="s">
        <v>289</v>
      </c>
      <c r="D654">
        <v>12</v>
      </c>
      <c r="E654">
        <v>0</v>
      </c>
      <c r="F654">
        <v>2020</v>
      </c>
    </row>
    <row r="655" spans="1:6" x14ac:dyDescent="0.25">
      <c r="A655">
        <v>81</v>
      </c>
      <c r="B655" t="s">
        <v>585</v>
      </c>
      <c r="C655" t="s">
        <v>289</v>
      </c>
      <c r="D655">
        <v>12</v>
      </c>
      <c r="E655">
        <v>0</v>
      </c>
      <c r="F655">
        <v>2020</v>
      </c>
    </row>
    <row r="656" spans="1:6" x14ac:dyDescent="0.25">
      <c r="A656">
        <v>80</v>
      </c>
      <c r="B656" t="s">
        <v>408</v>
      </c>
      <c r="C656" t="s">
        <v>289</v>
      </c>
      <c r="D656">
        <v>12</v>
      </c>
      <c r="E656">
        <v>0</v>
      </c>
      <c r="F656">
        <v>2020</v>
      </c>
    </row>
    <row r="657" spans="1:6" x14ac:dyDescent="0.25">
      <c r="A657">
        <v>79</v>
      </c>
      <c r="B657" t="s">
        <v>586</v>
      </c>
      <c r="C657" t="s">
        <v>125</v>
      </c>
      <c r="D657">
        <v>11</v>
      </c>
      <c r="E657">
        <v>0</v>
      </c>
      <c r="F657">
        <v>2020</v>
      </c>
    </row>
    <row r="658" spans="1:6" x14ac:dyDescent="0.25">
      <c r="A658">
        <v>78</v>
      </c>
      <c r="B658" t="s">
        <v>402</v>
      </c>
      <c r="C658" t="s">
        <v>125</v>
      </c>
      <c r="D658">
        <v>11</v>
      </c>
      <c r="E658">
        <v>0</v>
      </c>
      <c r="F658">
        <v>2020</v>
      </c>
    </row>
    <row r="659" spans="1:6" x14ac:dyDescent="0.25">
      <c r="A659">
        <v>77</v>
      </c>
      <c r="B659" t="s">
        <v>587</v>
      </c>
      <c r="C659" t="s">
        <v>129</v>
      </c>
      <c r="D659">
        <v>10</v>
      </c>
      <c r="E659">
        <v>0</v>
      </c>
      <c r="F659">
        <v>2020</v>
      </c>
    </row>
    <row r="660" spans="1:6" x14ac:dyDescent="0.25">
      <c r="A660">
        <v>76</v>
      </c>
      <c r="B660" t="s">
        <v>348</v>
      </c>
      <c r="C660" t="s">
        <v>129</v>
      </c>
      <c r="D660">
        <v>10</v>
      </c>
      <c r="E660">
        <v>0</v>
      </c>
      <c r="F660">
        <v>2020</v>
      </c>
    </row>
    <row r="661" spans="1:6" x14ac:dyDescent="0.25">
      <c r="A661">
        <v>75</v>
      </c>
      <c r="B661" t="s">
        <v>588</v>
      </c>
      <c r="C661" t="s">
        <v>127</v>
      </c>
      <c r="D661">
        <v>9</v>
      </c>
      <c r="E661">
        <v>0</v>
      </c>
      <c r="F661">
        <v>2020</v>
      </c>
    </row>
    <row r="662" spans="1:6" x14ac:dyDescent="0.25">
      <c r="A662">
        <v>74</v>
      </c>
      <c r="B662" t="s">
        <v>543</v>
      </c>
      <c r="C662" t="s">
        <v>127</v>
      </c>
      <c r="D662">
        <v>9</v>
      </c>
      <c r="E662">
        <v>0</v>
      </c>
      <c r="F662">
        <v>2020</v>
      </c>
    </row>
    <row r="663" spans="1:6" x14ac:dyDescent="0.25">
      <c r="A663">
        <v>73</v>
      </c>
      <c r="B663" t="s">
        <v>544</v>
      </c>
      <c r="C663" t="s">
        <v>127</v>
      </c>
      <c r="D663">
        <v>9</v>
      </c>
      <c r="E663">
        <v>0</v>
      </c>
      <c r="F663">
        <v>2020</v>
      </c>
    </row>
    <row r="664" spans="1:6" x14ac:dyDescent="0.25">
      <c r="A664">
        <v>72</v>
      </c>
      <c r="B664" t="s">
        <v>589</v>
      </c>
      <c r="C664" t="s">
        <v>123</v>
      </c>
      <c r="D664">
        <v>8</v>
      </c>
      <c r="E664">
        <v>0</v>
      </c>
      <c r="F664">
        <v>2020</v>
      </c>
    </row>
    <row r="665" spans="1:6" x14ac:dyDescent="0.25">
      <c r="A665">
        <v>71</v>
      </c>
      <c r="B665" t="s">
        <v>546</v>
      </c>
      <c r="C665" t="s">
        <v>123</v>
      </c>
      <c r="D665">
        <v>8</v>
      </c>
      <c r="E665">
        <v>0</v>
      </c>
      <c r="F665">
        <v>2020</v>
      </c>
    </row>
    <row r="666" spans="1:6" x14ac:dyDescent="0.25">
      <c r="A666">
        <v>70</v>
      </c>
      <c r="B666" t="s">
        <v>590</v>
      </c>
      <c r="C666" t="s">
        <v>12</v>
      </c>
      <c r="D666">
        <v>7</v>
      </c>
      <c r="E666">
        <v>0</v>
      </c>
      <c r="F666">
        <v>2020</v>
      </c>
    </row>
    <row r="667" spans="1:6" x14ac:dyDescent="0.25">
      <c r="A667">
        <v>69</v>
      </c>
      <c r="B667" t="s">
        <v>591</v>
      </c>
      <c r="C667" t="s">
        <v>12</v>
      </c>
      <c r="D667">
        <v>7</v>
      </c>
      <c r="E667">
        <v>0</v>
      </c>
      <c r="F667">
        <v>2020</v>
      </c>
    </row>
    <row r="668" spans="1:6" x14ac:dyDescent="0.25">
      <c r="A668">
        <v>68</v>
      </c>
      <c r="B668" t="s">
        <v>592</v>
      </c>
      <c r="C668" t="s">
        <v>12</v>
      </c>
      <c r="D668">
        <v>7</v>
      </c>
      <c r="E668">
        <v>0</v>
      </c>
      <c r="F668">
        <v>2020</v>
      </c>
    </row>
    <row r="669" spans="1:6" x14ac:dyDescent="0.25">
      <c r="A669">
        <v>67</v>
      </c>
      <c r="B669" t="s">
        <v>593</v>
      </c>
      <c r="C669" t="s">
        <v>12</v>
      </c>
      <c r="D669">
        <v>7</v>
      </c>
      <c r="E669">
        <v>0</v>
      </c>
      <c r="F669">
        <v>2020</v>
      </c>
    </row>
    <row r="670" spans="1:6" x14ac:dyDescent="0.25">
      <c r="A670">
        <v>66</v>
      </c>
      <c r="B670" t="s">
        <v>594</v>
      </c>
      <c r="C670" t="s">
        <v>12</v>
      </c>
      <c r="D670">
        <v>7</v>
      </c>
      <c r="E670">
        <v>0</v>
      </c>
      <c r="F670">
        <v>2020</v>
      </c>
    </row>
    <row r="671" spans="1:6" x14ac:dyDescent="0.25">
      <c r="A671">
        <v>65</v>
      </c>
      <c r="B671" t="s">
        <v>595</v>
      </c>
      <c r="C671" t="s">
        <v>12</v>
      </c>
      <c r="D671">
        <v>7</v>
      </c>
      <c r="E671">
        <v>0</v>
      </c>
      <c r="F671">
        <v>2020</v>
      </c>
    </row>
    <row r="672" spans="1:6" x14ac:dyDescent="0.25">
      <c r="A672">
        <v>64</v>
      </c>
      <c r="B672" t="s">
        <v>396</v>
      </c>
      <c r="C672" t="s">
        <v>12</v>
      </c>
      <c r="D672">
        <v>7</v>
      </c>
      <c r="E672">
        <v>0</v>
      </c>
      <c r="F672">
        <v>2020</v>
      </c>
    </row>
    <row r="673" spans="1:6" x14ac:dyDescent="0.25">
      <c r="A673">
        <v>63</v>
      </c>
      <c r="B673" t="s">
        <v>596</v>
      </c>
      <c r="C673" t="s">
        <v>12</v>
      </c>
      <c r="D673">
        <v>7</v>
      </c>
      <c r="E673">
        <v>0</v>
      </c>
      <c r="F673">
        <v>2020</v>
      </c>
    </row>
    <row r="674" spans="1:6" x14ac:dyDescent="0.25">
      <c r="A674">
        <v>62</v>
      </c>
      <c r="B674" t="s">
        <v>597</v>
      </c>
      <c r="C674" t="s">
        <v>12</v>
      </c>
      <c r="D674">
        <v>7</v>
      </c>
      <c r="E674">
        <v>0</v>
      </c>
      <c r="F674">
        <v>2020</v>
      </c>
    </row>
    <row r="675" spans="1:6" x14ac:dyDescent="0.25">
      <c r="A675">
        <v>61</v>
      </c>
      <c r="B675" t="s">
        <v>598</v>
      </c>
      <c r="C675" t="s">
        <v>12</v>
      </c>
      <c r="D675">
        <v>7</v>
      </c>
      <c r="E675">
        <v>0</v>
      </c>
      <c r="F675">
        <v>2020</v>
      </c>
    </row>
    <row r="676" spans="1:6" x14ac:dyDescent="0.25">
      <c r="A676">
        <v>60</v>
      </c>
      <c r="B676" t="s">
        <v>599</v>
      </c>
      <c r="C676" t="s">
        <v>12</v>
      </c>
      <c r="D676">
        <v>7</v>
      </c>
      <c r="E676">
        <v>0</v>
      </c>
      <c r="F676">
        <v>2020</v>
      </c>
    </row>
    <row r="677" spans="1:6" x14ac:dyDescent="0.25">
      <c r="A677">
        <v>59</v>
      </c>
      <c r="B677" t="s">
        <v>534</v>
      </c>
      <c r="C677" t="s">
        <v>202</v>
      </c>
      <c r="D677">
        <v>6</v>
      </c>
      <c r="E677">
        <v>0</v>
      </c>
      <c r="F677">
        <v>2020</v>
      </c>
    </row>
    <row r="678" spans="1:6" x14ac:dyDescent="0.25">
      <c r="A678">
        <v>58</v>
      </c>
      <c r="B678" t="s">
        <v>321</v>
      </c>
      <c r="C678" t="s">
        <v>202</v>
      </c>
      <c r="D678">
        <v>6</v>
      </c>
      <c r="E678">
        <v>0</v>
      </c>
      <c r="F678">
        <v>2020</v>
      </c>
    </row>
    <row r="679" spans="1:6" x14ac:dyDescent="0.25">
      <c r="A679">
        <v>57</v>
      </c>
      <c r="B679" t="s">
        <v>54</v>
      </c>
      <c r="C679" t="s">
        <v>202</v>
      </c>
      <c r="D679">
        <v>6</v>
      </c>
      <c r="E679">
        <v>0</v>
      </c>
      <c r="F679">
        <v>2020</v>
      </c>
    </row>
    <row r="680" spans="1:6" x14ac:dyDescent="0.25">
      <c r="A680">
        <v>56</v>
      </c>
      <c r="B680" t="s">
        <v>322</v>
      </c>
      <c r="C680" t="s">
        <v>202</v>
      </c>
      <c r="D680">
        <v>6</v>
      </c>
      <c r="E680">
        <v>0</v>
      </c>
      <c r="F680">
        <v>2020</v>
      </c>
    </row>
    <row r="681" spans="1:6" x14ac:dyDescent="0.25">
      <c r="A681">
        <v>54</v>
      </c>
      <c r="B681" t="s">
        <v>600</v>
      </c>
      <c r="C681" t="s">
        <v>16</v>
      </c>
      <c r="D681">
        <v>5</v>
      </c>
      <c r="E681">
        <v>0</v>
      </c>
      <c r="F681">
        <v>2020</v>
      </c>
    </row>
    <row r="682" spans="1:6" x14ac:dyDescent="0.25">
      <c r="A682">
        <v>53</v>
      </c>
      <c r="B682" t="s">
        <v>509</v>
      </c>
      <c r="C682" t="s">
        <v>16</v>
      </c>
      <c r="D682">
        <v>5</v>
      </c>
      <c r="E682">
        <v>0</v>
      </c>
      <c r="F682">
        <v>2020</v>
      </c>
    </row>
    <row r="683" spans="1:6" x14ac:dyDescent="0.25">
      <c r="A683">
        <v>52</v>
      </c>
      <c r="B683" t="s">
        <v>601</v>
      </c>
      <c r="C683" t="s">
        <v>16</v>
      </c>
      <c r="D683">
        <v>5</v>
      </c>
      <c r="E683">
        <v>0</v>
      </c>
      <c r="F683">
        <v>2020</v>
      </c>
    </row>
    <row r="684" spans="1:6" x14ac:dyDescent="0.25">
      <c r="A684">
        <v>51</v>
      </c>
      <c r="B684" t="s">
        <v>585</v>
      </c>
      <c r="C684" t="s">
        <v>16</v>
      </c>
      <c r="D684">
        <v>5</v>
      </c>
      <c r="E684">
        <v>0</v>
      </c>
      <c r="F684">
        <v>2020</v>
      </c>
    </row>
    <row r="685" spans="1:6" x14ac:dyDescent="0.25">
      <c r="A685">
        <v>50</v>
      </c>
      <c r="B685" t="s">
        <v>425</v>
      </c>
      <c r="C685" t="s">
        <v>16</v>
      </c>
      <c r="D685">
        <v>5</v>
      </c>
      <c r="E685">
        <v>0</v>
      </c>
      <c r="F685">
        <v>2020</v>
      </c>
    </row>
    <row r="686" spans="1:6" x14ac:dyDescent="0.25">
      <c r="A686">
        <v>49</v>
      </c>
      <c r="B686" t="s">
        <v>555</v>
      </c>
      <c r="C686" t="s">
        <v>16</v>
      </c>
      <c r="D686">
        <v>5</v>
      </c>
      <c r="E686">
        <v>0</v>
      </c>
      <c r="F686">
        <v>2020</v>
      </c>
    </row>
    <row r="687" spans="1:6" x14ac:dyDescent="0.25">
      <c r="A687">
        <v>48</v>
      </c>
      <c r="B687" t="s">
        <v>458</v>
      </c>
      <c r="C687" t="s">
        <v>16</v>
      </c>
      <c r="D687">
        <v>5</v>
      </c>
      <c r="E687">
        <v>0</v>
      </c>
      <c r="F687">
        <v>2020</v>
      </c>
    </row>
    <row r="688" spans="1:6" x14ac:dyDescent="0.25">
      <c r="A688">
        <v>47</v>
      </c>
      <c r="B688" t="s">
        <v>439</v>
      </c>
      <c r="C688" t="s">
        <v>16</v>
      </c>
      <c r="D688">
        <v>5</v>
      </c>
      <c r="E688">
        <v>0</v>
      </c>
      <c r="F688">
        <v>2020</v>
      </c>
    </row>
    <row r="689" spans="1:6" x14ac:dyDescent="0.25">
      <c r="A689">
        <v>46</v>
      </c>
      <c r="B689" t="s">
        <v>426</v>
      </c>
      <c r="C689" t="s">
        <v>16</v>
      </c>
      <c r="D689">
        <v>5</v>
      </c>
      <c r="E689">
        <v>0</v>
      </c>
      <c r="F689">
        <v>2020</v>
      </c>
    </row>
    <row r="690" spans="1:6" x14ac:dyDescent="0.25">
      <c r="A690">
        <v>45</v>
      </c>
      <c r="B690" t="s">
        <v>602</v>
      </c>
      <c r="C690" t="s">
        <v>16</v>
      </c>
      <c r="D690">
        <v>5</v>
      </c>
      <c r="E690">
        <v>0</v>
      </c>
      <c r="F690">
        <v>2020</v>
      </c>
    </row>
    <row r="691" spans="1:6" x14ac:dyDescent="0.25">
      <c r="A691">
        <v>44</v>
      </c>
      <c r="B691" t="s">
        <v>441</v>
      </c>
      <c r="C691" t="s">
        <v>16</v>
      </c>
      <c r="D691">
        <v>5</v>
      </c>
      <c r="E691">
        <v>0</v>
      </c>
      <c r="F691">
        <v>2020</v>
      </c>
    </row>
    <row r="692" spans="1:6" x14ac:dyDescent="0.25">
      <c r="A692">
        <v>43</v>
      </c>
      <c r="B692" t="s">
        <v>603</v>
      </c>
      <c r="C692" t="s">
        <v>16</v>
      </c>
      <c r="D692">
        <v>5</v>
      </c>
      <c r="E692">
        <v>0</v>
      </c>
      <c r="F692">
        <v>2020</v>
      </c>
    </row>
    <row r="693" spans="1:6" x14ac:dyDescent="0.25">
      <c r="A693">
        <v>42</v>
      </c>
      <c r="B693" t="s">
        <v>386</v>
      </c>
      <c r="C693" t="s">
        <v>16</v>
      </c>
      <c r="D693">
        <v>5</v>
      </c>
      <c r="E693">
        <v>0</v>
      </c>
      <c r="F693">
        <v>2020</v>
      </c>
    </row>
    <row r="694" spans="1:6" x14ac:dyDescent="0.25">
      <c r="A694">
        <v>41</v>
      </c>
      <c r="B694" t="s">
        <v>457</v>
      </c>
      <c r="C694" t="s">
        <v>16</v>
      </c>
      <c r="D694">
        <v>5</v>
      </c>
      <c r="E694">
        <v>0</v>
      </c>
      <c r="F694">
        <v>2020</v>
      </c>
    </row>
    <row r="695" spans="1:6" x14ac:dyDescent="0.25">
      <c r="A695">
        <v>40</v>
      </c>
      <c r="B695" t="s">
        <v>604</v>
      </c>
      <c r="C695" t="s">
        <v>16</v>
      </c>
      <c r="D695">
        <v>5</v>
      </c>
      <c r="E695">
        <v>0</v>
      </c>
      <c r="F695">
        <v>2020</v>
      </c>
    </row>
    <row r="696" spans="1:6" x14ac:dyDescent="0.25">
      <c r="A696">
        <v>39</v>
      </c>
      <c r="B696" t="s">
        <v>11</v>
      </c>
      <c r="C696" t="s">
        <v>16</v>
      </c>
      <c r="D696">
        <v>5</v>
      </c>
      <c r="E696">
        <v>0</v>
      </c>
      <c r="F696">
        <v>2020</v>
      </c>
    </row>
    <row r="697" spans="1:6" x14ac:dyDescent="0.25">
      <c r="A697">
        <v>38</v>
      </c>
      <c r="B697" t="s">
        <v>514</v>
      </c>
      <c r="C697" t="s">
        <v>16</v>
      </c>
      <c r="D697">
        <v>5</v>
      </c>
      <c r="E697">
        <v>0</v>
      </c>
      <c r="F697">
        <v>2020</v>
      </c>
    </row>
    <row r="698" spans="1:6" x14ac:dyDescent="0.25">
      <c r="A698">
        <v>37</v>
      </c>
      <c r="B698" t="s">
        <v>515</v>
      </c>
      <c r="C698" t="s">
        <v>16</v>
      </c>
      <c r="D698">
        <v>5</v>
      </c>
      <c r="E698">
        <v>0</v>
      </c>
      <c r="F698">
        <v>2020</v>
      </c>
    </row>
    <row r="699" spans="1:6" x14ac:dyDescent="0.25">
      <c r="A699">
        <v>36</v>
      </c>
      <c r="B699" t="s">
        <v>605</v>
      </c>
      <c r="C699" t="s">
        <v>16</v>
      </c>
      <c r="D699">
        <v>5</v>
      </c>
      <c r="E699">
        <v>0</v>
      </c>
      <c r="F699">
        <v>2020</v>
      </c>
    </row>
    <row r="700" spans="1:6" x14ac:dyDescent="0.25">
      <c r="A700">
        <v>35</v>
      </c>
      <c r="B700" t="s">
        <v>606</v>
      </c>
      <c r="C700" t="s">
        <v>183</v>
      </c>
      <c r="D700">
        <v>4</v>
      </c>
      <c r="E700">
        <v>0</v>
      </c>
      <c r="F700">
        <v>2020</v>
      </c>
    </row>
    <row r="701" spans="1:6" x14ac:dyDescent="0.25">
      <c r="A701">
        <v>34</v>
      </c>
      <c r="B701" t="s">
        <v>607</v>
      </c>
      <c r="C701" t="s">
        <v>183</v>
      </c>
      <c r="D701">
        <v>4</v>
      </c>
      <c r="E701">
        <v>0</v>
      </c>
      <c r="F701">
        <v>2020</v>
      </c>
    </row>
    <row r="702" spans="1:6" x14ac:dyDescent="0.25">
      <c r="A702">
        <v>33</v>
      </c>
      <c r="B702" t="s">
        <v>608</v>
      </c>
      <c r="C702" t="s">
        <v>183</v>
      </c>
      <c r="D702">
        <v>4</v>
      </c>
      <c r="E702">
        <v>0</v>
      </c>
      <c r="F702">
        <v>2020</v>
      </c>
    </row>
    <row r="703" spans="1:6" x14ac:dyDescent="0.25">
      <c r="A703">
        <v>32</v>
      </c>
      <c r="B703" t="s">
        <v>609</v>
      </c>
      <c r="C703" t="s">
        <v>183</v>
      </c>
      <c r="D703">
        <v>4</v>
      </c>
      <c r="E703">
        <v>0</v>
      </c>
      <c r="F703">
        <v>2020</v>
      </c>
    </row>
    <row r="704" spans="1:6" x14ac:dyDescent="0.25">
      <c r="A704">
        <v>31</v>
      </c>
      <c r="B704" t="s">
        <v>421</v>
      </c>
      <c r="C704" t="s">
        <v>183</v>
      </c>
      <c r="D704">
        <v>4</v>
      </c>
      <c r="E704">
        <v>0</v>
      </c>
      <c r="F704">
        <v>2020</v>
      </c>
    </row>
    <row r="705" spans="1:6" x14ac:dyDescent="0.25">
      <c r="A705">
        <v>30</v>
      </c>
      <c r="B705" t="s">
        <v>610</v>
      </c>
      <c r="C705" t="s">
        <v>183</v>
      </c>
      <c r="D705">
        <v>4</v>
      </c>
      <c r="E705">
        <v>0</v>
      </c>
      <c r="F705">
        <v>2020</v>
      </c>
    </row>
    <row r="706" spans="1:6" x14ac:dyDescent="0.25">
      <c r="A706">
        <v>29</v>
      </c>
      <c r="B706" t="s">
        <v>329</v>
      </c>
      <c r="C706" t="s">
        <v>183</v>
      </c>
      <c r="D706">
        <v>4</v>
      </c>
      <c r="E706">
        <v>0</v>
      </c>
      <c r="F706">
        <v>2020</v>
      </c>
    </row>
    <row r="707" spans="1:6" x14ac:dyDescent="0.25">
      <c r="A707">
        <v>28</v>
      </c>
      <c r="B707" t="s">
        <v>611</v>
      </c>
      <c r="C707" t="s">
        <v>183</v>
      </c>
      <c r="D707">
        <v>4</v>
      </c>
      <c r="E707">
        <v>0</v>
      </c>
      <c r="F707">
        <v>2020</v>
      </c>
    </row>
    <row r="708" spans="1:6" x14ac:dyDescent="0.25">
      <c r="A708">
        <v>27</v>
      </c>
      <c r="B708" t="s">
        <v>463</v>
      </c>
      <c r="C708" t="s">
        <v>183</v>
      </c>
      <c r="D708">
        <v>4</v>
      </c>
      <c r="E708">
        <v>0</v>
      </c>
      <c r="F708">
        <v>2020</v>
      </c>
    </row>
    <row r="709" spans="1:6" x14ac:dyDescent="0.25">
      <c r="A709">
        <v>26</v>
      </c>
      <c r="B709" t="s">
        <v>612</v>
      </c>
      <c r="C709" t="s">
        <v>84</v>
      </c>
      <c r="D709">
        <v>3</v>
      </c>
      <c r="E709">
        <v>0</v>
      </c>
      <c r="F709">
        <v>2020</v>
      </c>
    </row>
    <row r="710" spans="1:6" x14ac:dyDescent="0.25">
      <c r="A710">
        <v>25</v>
      </c>
      <c r="B710" t="s">
        <v>613</v>
      </c>
      <c r="C710" t="s">
        <v>84</v>
      </c>
      <c r="D710">
        <v>3</v>
      </c>
      <c r="E710">
        <v>0</v>
      </c>
      <c r="F710">
        <v>2020</v>
      </c>
    </row>
    <row r="711" spans="1:6" x14ac:dyDescent="0.25">
      <c r="A711">
        <v>24</v>
      </c>
      <c r="B711" t="s">
        <v>422</v>
      </c>
      <c r="C711" t="s">
        <v>84</v>
      </c>
      <c r="D711">
        <v>3</v>
      </c>
      <c r="E711">
        <v>0</v>
      </c>
      <c r="F711">
        <v>2020</v>
      </c>
    </row>
    <row r="712" spans="1:6" x14ac:dyDescent="0.25">
      <c r="A712">
        <v>23</v>
      </c>
      <c r="B712" t="s">
        <v>614</v>
      </c>
      <c r="C712" t="s">
        <v>110</v>
      </c>
      <c r="D712">
        <v>2</v>
      </c>
      <c r="E712">
        <v>0</v>
      </c>
      <c r="F712">
        <v>2020</v>
      </c>
    </row>
    <row r="713" spans="1:6" x14ac:dyDescent="0.25">
      <c r="A713">
        <v>22</v>
      </c>
      <c r="B713" t="s">
        <v>615</v>
      </c>
      <c r="C713" t="s">
        <v>110</v>
      </c>
      <c r="D713">
        <v>2</v>
      </c>
      <c r="E713">
        <v>0</v>
      </c>
      <c r="F713">
        <v>2020</v>
      </c>
    </row>
    <row r="714" spans="1:6" x14ac:dyDescent="0.25">
      <c r="A714">
        <v>21</v>
      </c>
      <c r="B714" t="s">
        <v>616</v>
      </c>
      <c r="C714" t="s">
        <v>110</v>
      </c>
      <c r="D714">
        <v>2</v>
      </c>
      <c r="E714">
        <v>0</v>
      </c>
      <c r="F714">
        <v>2020</v>
      </c>
    </row>
    <row r="715" spans="1:6" x14ac:dyDescent="0.25">
      <c r="A715">
        <v>20</v>
      </c>
      <c r="B715" t="s">
        <v>617</v>
      </c>
      <c r="C715" t="s">
        <v>110</v>
      </c>
      <c r="D715">
        <v>2</v>
      </c>
      <c r="E715">
        <v>0</v>
      </c>
      <c r="F715">
        <v>2020</v>
      </c>
    </row>
    <row r="716" spans="1:6" x14ac:dyDescent="0.25">
      <c r="A716">
        <v>19</v>
      </c>
      <c r="B716" t="s">
        <v>563</v>
      </c>
      <c r="C716" t="s">
        <v>110</v>
      </c>
      <c r="D716">
        <v>2</v>
      </c>
      <c r="E716">
        <v>0</v>
      </c>
      <c r="F716">
        <v>2020</v>
      </c>
    </row>
    <row r="717" spans="1:6" x14ac:dyDescent="0.25">
      <c r="A717">
        <v>18</v>
      </c>
      <c r="B717" t="s">
        <v>618</v>
      </c>
      <c r="C717" t="s">
        <v>110</v>
      </c>
      <c r="D717">
        <v>2</v>
      </c>
      <c r="E717">
        <v>0</v>
      </c>
      <c r="F717">
        <v>2020</v>
      </c>
    </row>
    <row r="718" spans="1:6" x14ac:dyDescent="0.25">
      <c r="A718">
        <v>17</v>
      </c>
      <c r="B718" t="s">
        <v>619</v>
      </c>
      <c r="C718" t="s">
        <v>110</v>
      </c>
      <c r="D718">
        <v>2</v>
      </c>
      <c r="E718">
        <v>0</v>
      </c>
      <c r="F718">
        <v>2020</v>
      </c>
    </row>
    <row r="719" spans="1:6" x14ac:dyDescent="0.25">
      <c r="A719">
        <v>16</v>
      </c>
      <c r="B719" t="s">
        <v>620</v>
      </c>
      <c r="C719" t="s">
        <v>110</v>
      </c>
      <c r="D719">
        <v>2</v>
      </c>
      <c r="E719">
        <v>0</v>
      </c>
      <c r="F719">
        <v>2020</v>
      </c>
    </row>
    <row r="720" spans="1:6" x14ac:dyDescent="0.25">
      <c r="A720">
        <v>15</v>
      </c>
      <c r="B720" t="s">
        <v>621</v>
      </c>
      <c r="C720" t="s">
        <v>226</v>
      </c>
      <c r="D720">
        <v>1</v>
      </c>
      <c r="E720">
        <v>0</v>
      </c>
      <c r="F720">
        <v>2020</v>
      </c>
    </row>
    <row r="721" spans="1:6" x14ac:dyDescent="0.25">
      <c r="A721">
        <v>14</v>
      </c>
      <c r="B721" t="s">
        <v>622</v>
      </c>
      <c r="C721" t="s">
        <v>226</v>
      </c>
      <c r="D721">
        <v>1</v>
      </c>
      <c r="E721">
        <v>0</v>
      </c>
      <c r="F721">
        <v>2020</v>
      </c>
    </row>
    <row r="722" spans="1:6" x14ac:dyDescent="0.25">
      <c r="A722">
        <v>13</v>
      </c>
      <c r="B722" t="s">
        <v>623</v>
      </c>
      <c r="C722" t="s">
        <v>226</v>
      </c>
      <c r="D722">
        <v>1</v>
      </c>
      <c r="E722">
        <v>0</v>
      </c>
      <c r="F722">
        <v>2020</v>
      </c>
    </row>
    <row r="723" spans="1:6" x14ac:dyDescent="0.25">
      <c r="A723">
        <v>12</v>
      </c>
      <c r="B723" t="s">
        <v>615</v>
      </c>
      <c r="C723" t="s">
        <v>226</v>
      </c>
      <c r="D723">
        <v>1</v>
      </c>
      <c r="E723">
        <v>0</v>
      </c>
      <c r="F723">
        <v>2020</v>
      </c>
    </row>
    <row r="724" spans="1:6" x14ac:dyDescent="0.25">
      <c r="A724">
        <v>11</v>
      </c>
      <c r="B724" t="s">
        <v>624</v>
      </c>
      <c r="C724" t="s">
        <v>226</v>
      </c>
      <c r="D724">
        <v>1</v>
      </c>
      <c r="E724">
        <v>0</v>
      </c>
      <c r="F724">
        <v>2020</v>
      </c>
    </row>
    <row r="725" spans="1:6" x14ac:dyDescent="0.25">
      <c r="A725">
        <v>10</v>
      </c>
      <c r="B725" t="s">
        <v>519</v>
      </c>
      <c r="C725" t="s">
        <v>226</v>
      </c>
      <c r="D725">
        <v>1</v>
      </c>
      <c r="E725">
        <v>0</v>
      </c>
      <c r="F725">
        <v>2020</v>
      </c>
    </row>
    <row r="726" spans="1:6" x14ac:dyDescent="0.25">
      <c r="A726">
        <v>9</v>
      </c>
      <c r="B726" t="s">
        <v>625</v>
      </c>
      <c r="C726" t="s">
        <v>226</v>
      </c>
      <c r="D726">
        <v>1</v>
      </c>
      <c r="E726">
        <v>0</v>
      </c>
      <c r="F726">
        <v>2020</v>
      </c>
    </row>
    <row r="727" spans="1:6" x14ac:dyDescent="0.25">
      <c r="A727">
        <v>8</v>
      </c>
      <c r="B727" t="s">
        <v>626</v>
      </c>
      <c r="C727" t="s">
        <v>226</v>
      </c>
      <c r="D727">
        <v>1</v>
      </c>
      <c r="E727">
        <v>0</v>
      </c>
      <c r="F727">
        <v>2020</v>
      </c>
    </row>
    <row r="728" spans="1:6" x14ac:dyDescent="0.25">
      <c r="A728">
        <v>7</v>
      </c>
      <c r="B728" t="s">
        <v>627</v>
      </c>
      <c r="C728" t="s">
        <v>226</v>
      </c>
      <c r="D728">
        <v>1</v>
      </c>
      <c r="E728">
        <v>0</v>
      </c>
      <c r="F728">
        <v>2020</v>
      </c>
    </row>
    <row r="729" spans="1:6" x14ac:dyDescent="0.25">
      <c r="A729">
        <v>6</v>
      </c>
      <c r="B729" t="s">
        <v>628</v>
      </c>
      <c r="C729" t="s">
        <v>226</v>
      </c>
      <c r="D729">
        <v>1</v>
      </c>
      <c r="E729">
        <v>0</v>
      </c>
      <c r="F729">
        <v>2020</v>
      </c>
    </row>
    <row r="730" spans="1:6" x14ac:dyDescent="0.25">
      <c r="A730">
        <v>5</v>
      </c>
      <c r="B730" t="s">
        <v>629</v>
      </c>
      <c r="C730" t="s">
        <v>226</v>
      </c>
      <c r="D730">
        <v>1</v>
      </c>
      <c r="E730">
        <v>0</v>
      </c>
      <c r="F730">
        <v>2020</v>
      </c>
    </row>
    <row r="731" spans="1:6" x14ac:dyDescent="0.25">
      <c r="A731">
        <v>4</v>
      </c>
      <c r="B731" t="s">
        <v>522</v>
      </c>
      <c r="C731" t="s">
        <v>226</v>
      </c>
      <c r="D731">
        <v>1</v>
      </c>
      <c r="E731">
        <v>0</v>
      </c>
      <c r="F731">
        <v>2020</v>
      </c>
    </row>
    <row r="732" spans="1:6" x14ac:dyDescent="0.25">
      <c r="A732">
        <v>3</v>
      </c>
      <c r="B732" t="s">
        <v>472</v>
      </c>
      <c r="C732" t="s">
        <v>226</v>
      </c>
      <c r="D732">
        <v>1</v>
      </c>
      <c r="E732">
        <v>0</v>
      </c>
      <c r="F732">
        <v>2020</v>
      </c>
    </row>
    <row r="733" spans="1:6" x14ac:dyDescent="0.25">
      <c r="A733">
        <v>2</v>
      </c>
      <c r="B733" t="s">
        <v>630</v>
      </c>
      <c r="C733" t="s">
        <v>226</v>
      </c>
      <c r="D733">
        <v>1</v>
      </c>
      <c r="E733">
        <v>0</v>
      </c>
      <c r="F733">
        <v>2020</v>
      </c>
    </row>
    <row r="734" spans="1:6" x14ac:dyDescent="0.25">
      <c r="A734">
        <v>1</v>
      </c>
      <c r="B734" t="s">
        <v>361</v>
      </c>
      <c r="C734" t="s">
        <v>226</v>
      </c>
      <c r="D734">
        <v>1</v>
      </c>
      <c r="E734">
        <v>0</v>
      </c>
      <c r="F734">
        <v>2020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7295"/>
  <sheetViews>
    <sheetView workbookViewId="0">
      <selection activeCell="C1" sqref="C1"/>
    </sheetView>
  </sheetViews>
  <sheetFormatPr defaultRowHeight="15" x14ac:dyDescent="0.25"/>
  <sheetData>
    <row r="1" spans="1:24" x14ac:dyDescent="0.25">
      <c r="C1" t="s">
        <v>4837</v>
      </c>
    </row>
    <row r="3" spans="1:24" x14ac:dyDescent="0.25">
      <c r="A3" t="s">
        <v>1</v>
      </c>
      <c r="B3" t="s">
        <v>3</v>
      </c>
      <c r="C3" t="s">
        <v>4</v>
      </c>
      <c r="D3" t="s">
        <v>631</v>
      </c>
      <c r="E3" t="s">
        <v>632</v>
      </c>
      <c r="F3" t="s">
        <v>633</v>
      </c>
      <c r="G3" t="s">
        <v>634</v>
      </c>
      <c r="H3" t="s">
        <v>635</v>
      </c>
      <c r="I3" t="s">
        <v>636</v>
      </c>
      <c r="J3" t="s">
        <v>637</v>
      </c>
      <c r="K3" t="s">
        <v>638</v>
      </c>
      <c r="L3" t="s">
        <v>639</v>
      </c>
      <c r="M3" t="s">
        <v>640</v>
      </c>
      <c r="N3" t="s">
        <v>641</v>
      </c>
      <c r="O3" t="s">
        <v>642</v>
      </c>
      <c r="P3" t="s">
        <v>643</v>
      </c>
      <c r="Q3" t="s">
        <v>644</v>
      </c>
      <c r="R3" t="s">
        <v>645</v>
      </c>
      <c r="S3" t="s">
        <v>646</v>
      </c>
      <c r="T3" t="s">
        <v>647</v>
      </c>
      <c r="U3" t="s">
        <v>648</v>
      </c>
      <c r="V3" t="s">
        <v>649</v>
      </c>
      <c r="W3" t="s">
        <v>650</v>
      </c>
      <c r="X3" t="s">
        <v>6</v>
      </c>
    </row>
    <row r="4" spans="1:24" x14ac:dyDescent="0.25">
      <c r="A4">
        <v>15416</v>
      </c>
      <c r="B4" t="s">
        <v>79</v>
      </c>
      <c r="C4">
        <v>86</v>
      </c>
      <c r="D4" t="s">
        <v>80</v>
      </c>
      <c r="E4">
        <v>1236</v>
      </c>
      <c r="F4" t="s">
        <v>651</v>
      </c>
      <c r="G4">
        <v>160</v>
      </c>
      <c r="H4" t="s">
        <v>652</v>
      </c>
      <c r="I4">
        <v>2094</v>
      </c>
      <c r="J4" t="s">
        <v>295</v>
      </c>
      <c r="K4">
        <v>30</v>
      </c>
      <c r="L4" t="s">
        <v>653</v>
      </c>
      <c r="M4">
        <v>1601</v>
      </c>
      <c r="N4" t="s">
        <v>654</v>
      </c>
      <c r="O4">
        <v>3</v>
      </c>
      <c r="P4" t="s">
        <v>655</v>
      </c>
      <c r="Q4">
        <v>1</v>
      </c>
      <c r="R4" t="s">
        <v>656</v>
      </c>
      <c r="S4">
        <v>2</v>
      </c>
      <c r="T4" t="s">
        <v>657</v>
      </c>
      <c r="U4">
        <v>7</v>
      </c>
      <c r="V4">
        <v>2</v>
      </c>
      <c r="W4">
        <v>120</v>
      </c>
      <c r="X4">
        <v>2020</v>
      </c>
    </row>
    <row r="5" spans="1:24" x14ac:dyDescent="0.25">
      <c r="A5">
        <v>15419</v>
      </c>
      <c r="B5" t="s">
        <v>127</v>
      </c>
      <c r="C5">
        <v>9</v>
      </c>
      <c r="D5" t="s">
        <v>544</v>
      </c>
      <c r="E5">
        <v>73</v>
      </c>
      <c r="F5" t="s">
        <v>651</v>
      </c>
      <c r="G5">
        <v>160</v>
      </c>
      <c r="H5" t="s">
        <v>658</v>
      </c>
      <c r="I5">
        <v>13755</v>
      </c>
      <c r="J5" t="s">
        <v>659</v>
      </c>
      <c r="K5">
        <v>35</v>
      </c>
      <c r="L5" t="s">
        <v>660</v>
      </c>
      <c r="M5">
        <v>1662</v>
      </c>
      <c r="N5" t="s">
        <v>654</v>
      </c>
      <c r="O5">
        <v>3</v>
      </c>
      <c r="P5" t="s">
        <v>655</v>
      </c>
      <c r="Q5">
        <v>1</v>
      </c>
      <c r="R5" t="s">
        <v>656</v>
      </c>
      <c r="S5">
        <v>2</v>
      </c>
      <c r="T5" t="s">
        <v>661</v>
      </c>
      <c r="U5">
        <v>8</v>
      </c>
      <c r="V5">
        <v>2</v>
      </c>
      <c r="W5">
        <v>120</v>
      </c>
      <c r="X5">
        <v>2020</v>
      </c>
    </row>
    <row r="6" spans="1:24" x14ac:dyDescent="0.25">
      <c r="A6">
        <v>15422</v>
      </c>
      <c r="B6" t="s">
        <v>127</v>
      </c>
      <c r="C6">
        <v>9</v>
      </c>
      <c r="D6" t="s">
        <v>544</v>
      </c>
      <c r="E6">
        <v>73</v>
      </c>
      <c r="F6" t="s">
        <v>651</v>
      </c>
      <c r="G6">
        <v>160</v>
      </c>
      <c r="H6" t="s">
        <v>658</v>
      </c>
      <c r="I6">
        <v>13755</v>
      </c>
      <c r="J6" t="s">
        <v>659</v>
      </c>
      <c r="K6">
        <v>35</v>
      </c>
      <c r="L6" t="s">
        <v>662</v>
      </c>
      <c r="M6">
        <v>1661</v>
      </c>
      <c r="N6" t="s">
        <v>654</v>
      </c>
      <c r="O6">
        <v>3</v>
      </c>
      <c r="P6" t="s">
        <v>655</v>
      </c>
      <c r="Q6">
        <v>1</v>
      </c>
      <c r="R6" t="s">
        <v>656</v>
      </c>
      <c r="S6">
        <v>2</v>
      </c>
      <c r="T6" t="s">
        <v>661</v>
      </c>
      <c r="U6">
        <v>8</v>
      </c>
      <c r="V6">
        <v>2</v>
      </c>
      <c r="W6">
        <v>120</v>
      </c>
      <c r="X6">
        <v>2020</v>
      </c>
    </row>
    <row r="7" spans="1:24" x14ac:dyDescent="0.25">
      <c r="A7">
        <v>15425</v>
      </c>
      <c r="B7" t="s">
        <v>79</v>
      </c>
      <c r="C7">
        <v>86</v>
      </c>
      <c r="D7" t="s">
        <v>78</v>
      </c>
      <c r="E7">
        <v>1239</v>
      </c>
      <c r="F7" t="s">
        <v>651</v>
      </c>
      <c r="G7">
        <v>160</v>
      </c>
      <c r="H7" t="s">
        <v>652</v>
      </c>
      <c r="I7">
        <v>2094</v>
      </c>
      <c r="J7" t="s">
        <v>663</v>
      </c>
      <c r="K7">
        <v>99</v>
      </c>
      <c r="L7" t="s">
        <v>664</v>
      </c>
      <c r="M7">
        <v>1867</v>
      </c>
      <c r="N7" t="s">
        <v>654</v>
      </c>
      <c r="O7">
        <v>3</v>
      </c>
      <c r="P7" t="s">
        <v>655</v>
      </c>
      <c r="Q7">
        <v>1</v>
      </c>
      <c r="R7" t="s">
        <v>656</v>
      </c>
      <c r="S7">
        <v>2</v>
      </c>
      <c r="T7" t="s">
        <v>665</v>
      </c>
      <c r="U7">
        <v>962</v>
      </c>
      <c r="V7">
        <v>2</v>
      </c>
      <c r="W7">
        <v>120</v>
      </c>
      <c r="X7">
        <v>2020</v>
      </c>
    </row>
    <row r="8" spans="1:24" x14ac:dyDescent="0.25">
      <c r="A8">
        <v>15428</v>
      </c>
      <c r="B8" t="s">
        <v>26</v>
      </c>
      <c r="C8">
        <v>44</v>
      </c>
      <c r="D8" t="s">
        <v>474</v>
      </c>
      <c r="E8">
        <v>332</v>
      </c>
      <c r="F8" t="s">
        <v>651</v>
      </c>
      <c r="G8">
        <v>160</v>
      </c>
      <c r="H8" t="s">
        <v>666</v>
      </c>
      <c r="I8">
        <v>8767</v>
      </c>
      <c r="J8" t="s">
        <v>667</v>
      </c>
      <c r="K8">
        <v>11</v>
      </c>
      <c r="L8" t="s">
        <v>667</v>
      </c>
      <c r="M8">
        <v>35</v>
      </c>
      <c r="N8" t="s">
        <v>668</v>
      </c>
      <c r="O8">
        <v>4</v>
      </c>
      <c r="P8" t="s">
        <v>655</v>
      </c>
      <c r="Q8">
        <v>1</v>
      </c>
      <c r="R8" t="s">
        <v>669</v>
      </c>
      <c r="S8">
        <v>1</v>
      </c>
      <c r="T8" t="s">
        <v>670</v>
      </c>
      <c r="U8">
        <v>965</v>
      </c>
      <c r="V8">
        <v>3</v>
      </c>
      <c r="W8">
        <v>180</v>
      </c>
      <c r="X8">
        <v>2020</v>
      </c>
    </row>
    <row r="9" spans="1:24" x14ac:dyDescent="0.25">
      <c r="A9">
        <v>15431</v>
      </c>
      <c r="B9" t="s">
        <v>55</v>
      </c>
      <c r="C9">
        <v>81</v>
      </c>
      <c r="D9" t="s">
        <v>54</v>
      </c>
      <c r="E9">
        <v>1295</v>
      </c>
      <c r="F9" t="s">
        <v>651</v>
      </c>
      <c r="G9">
        <v>160</v>
      </c>
      <c r="H9" t="s">
        <v>666</v>
      </c>
      <c r="I9">
        <v>8767</v>
      </c>
      <c r="J9" t="s">
        <v>671</v>
      </c>
      <c r="K9">
        <v>81</v>
      </c>
      <c r="L9" t="s">
        <v>672</v>
      </c>
      <c r="M9">
        <v>339</v>
      </c>
      <c r="N9" t="s">
        <v>668</v>
      </c>
      <c r="O9">
        <v>4</v>
      </c>
      <c r="P9" t="s">
        <v>655</v>
      </c>
      <c r="Q9">
        <v>1</v>
      </c>
      <c r="R9" t="s">
        <v>669</v>
      </c>
      <c r="S9">
        <v>1</v>
      </c>
      <c r="T9" t="s">
        <v>661</v>
      </c>
      <c r="U9">
        <v>8</v>
      </c>
      <c r="V9">
        <v>3</v>
      </c>
      <c r="W9">
        <v>180</v>
      </c>
      <c r="X9">
        <v>2020</v>
      </c>
    </row>
    <row r="10" spans="1:24" x14ac:dyDescent="0.25">
      <c r="A10">
        <v>15434</v>
      </c>
      <c r="B10" t="s">
        <v>79</v>
      </c>
      <c r="C10">
        <v>86</v>
      </c>
      <c r="D10" t="s">
        <v>78</v>
      </c>
      <c r="E10">
        <v>1239</v>
      </c>
      <c r="F10" t="s">
        <v>651</v>
      </c>
      <c r="G10">
        <v>160</v>
      </c>
      <c r="H10" t="s">
        <v>652</v>
      </c>
      <c r="I10">
        <v>2094</v>
      </c>
      <c r="J10" t="s">
        <v>673</v>
      </c>
      <c r="K10">
        <v>34</v>
      </c>
      <c r="L10" t="s">
        <v>674</v>
      </c>
      <c r="M10">
        <v>107</v>
      </c>
      <c r="N10" t="s">
        <v>668</v>
      </c>
      <c r="O10">
        <v>4</v>
      </c>
      <c r="P10" t="s">
        <v>655</v>
      </c>
      <c r="Q10">
        <v>1</v>
      </c>
      <c r="R10" t="s">
        <v>669</v>
      </c>
      <c r="S10">
        <v>1</v>
      </c>
      <c r="T10" t="s">
        <v>657</v>
      </c>
      <c r="U10">
        <v>7</v>
      </c>
      <c r="V10">
        <v>3</v>
      </c>
      <c r="W10">
        <v>180</v>
      </c>
      <c r="X10">
        <v>2020</v>
      </c>
    </row>
    <row r="11" spans="1:24" x14ac:dyDescent="0.25">
      <c r="A11">
        <v>15437</v>
      </c>
      <c r="B11" t="s">
        <v>8</v>
      </c>
      <c r="C11">
        <v>75</v>
      </c>
      <c r="D11" t="s">
        <v>7</v>
      </c>
      <c r="E11">
        <v>1382</v>
      </c>
      <c r="F11" t="s">
        <v>651</v>
      </c>
      <c r="G11">
        <v>160</v>
      </c>
      <c r="H11" t="s">
        <v>675</v>
      </c>
      <c r="I11">
        <v>5952</v>
      </c>
      <c r="J11" t="s">
        <v>676</v>
      </c>
      <c r="K11">
        <v>4</v>
      </c>
      <c r="L11" t="s">
        <v>676</v>
      </c>
      <c r="M11">
        <v>12</v>
      </c>
      <c r="N11" t="s">
        <v>668</v>
      </c>
      <c r="O11">
        <v>4</v>
      </c>
      <c r="P11" t="s">
        <v>655</v>
      </c>
      <c r="Q11">
        <v>1</v>
      </c>
      <c r="R11" t="s">
        <v>669</v>
      </c>
      <c r="S11">
        <v>1</v>
      </c>
      <c r="T11" t="s">
        <v>661</v>
      </c>
      <c r="U11">
        <v>8</v>
      </c>
      <c r="V11">
        <v>3</v>
      </c>
      <c r="W11">
        <v>180</v>
      </c>
      <c r="X11">
        <v>2020</v>
      </c>
    </row>
    <row r="12" spans="1:24" x14ac:dyDescent="0.25">
      <c r="A12">
        <v>15440</v>
      </c>
      <c r="B12" t="s">
        <v>318</v>
      </c>
      <c r="C12">
        <v>95</v>
      </c>
      <c r="D12" t="s">
        <v>343</v>
      </c>
      <c r="E12">
        <v>631</v>
      </c>
      <c r="F12" t="s">
        <v>651</v>
      </c>
      <c r="G12">
        <v>160</v>
      </c>
      <c r="H12" t="s">
        <v>677</v>
      </c>
      <c r="I12">
        <v>5060</v>
      </c>
      <c r="J12" t="s">
        <v>678</v>
      </c>
      <c r="K12">
        <v>41</v>
      </c>
      <c r="L12" t="s">
        <v>678</v>
      </c>
      <c r="M12">
        <v>145</v>
      </c>
      <c r="N12" t="s">
        <v>668</v>
      </c>
      <c r="O12">
        <v>4</v>
      </c>
      <c r="P12" t="s">
        <v>655</v>
      </c>
      <c r="Q12">
        <v>1</v>
      </c>
      <c r="R12" t="s">
        <v>669</v>
      </c>
      <c r="S12">
        <v>1</v>
      </c>
      <c r="T12" t="s">
        <v>661</v>
      </c>
      <c r="U12">
        <v>8</v>
      </c>
      <c r="V12">
        <v>4</v>
      </c>
      <c r="W12">
        <v>240</v>
      </c>
      <c r="X12">
        <v>2020</v>
      </c>
    </row>
    <row r="13" spans="1:24" x14ac:dyDescent="0.25">
      <c r="A13">
        <v>15443</v>
      </c>
      <c r="B13" t="s">
        <v>318</v>
      </c>
      <c r="C13">
        <v>95</v>
      </c>
      <c r="D13" t="s">
        <v>344</v>
      </c>
      <c r="E13">
        <v>628</v>
      </c>
      <c r="F13" t="s">
        <v>651</v>
      </c>
      <c r="G13">
        <v>160</v>
      </c>
      <c r="H13" t="s">
        <v>658</v>
      </c>
      <c r="I13">
        <v>13755</v>
      </c>
      <c r="J13" t="s">
        <v>679</v>
      </c>
      <c r="K13">
        <v>32</v>
      </c>
      <c r="L13" t="s">
        <v>680</v>
      </c>
      <c r="M13">
        <v>466</v>
      </c>
      <c r="N13" t="s">
        <v>668</v>
      </c>
      <c r="O13">
        <v>4</v>
      </c>
      <c r="P13" t="s">
        <v>655</v>
      </c>
      <c r="Q13">
        <v>1</v>
      </c>
      <c r="R13" t="s">
        <v>669</v>
      </c>
      <c r="S13">
        <v>1</v>
      </c>
      <c r="T13" t="s">
        <v>661</v>
      </c>
      <c r="U13">
        <v>8</v>
      </c>
      <c r="V13">
        <v>3</v>
      </c>
      <c r="W13">
        <v>180</v>
      </c>
      <c r="X13">
        <v>2020</v>
      </c>
    </row>
    <row r="14" spans="1:24" x14ac:dyDescent="0.25">
      <c r="A14">
        <v>15446</v>
      </c>
      <c r="B14" t="s">
        <v>180</v>
      </c>
      <c r="C14">
        <v>70</v>
      </c>
      <c r="D14" t="s">
        <v>332</v>
      </c>
      <c r="E14">
        <v>473</v>
      </c>
      <c r="F14" t="s">
        <v>651</v>
      </c>
      <c r="G14">
        <v>160</v>
      </c>
      <c r="H14" t="s">
        <v>681</v>
      </c>
      <c r="I14">
        <v>717</v>
      </c>
      <c r="J14" t="s">
        <v>682</v>
      </c>
      <c r="K14">
        <v>20</v>
      </c>
      <c r="L14" t="s">
        <v>683</v>
      </c>
      <c r="M14">
        <v>64</v>
      </c>
      <c r="N14" t="s">
        <v>668</v>
      </c>
      <c r="O14">
        <v>4</v>
      </c>
      <c r="P14" t="s">
        <v>655</v>
      </c>
      <c r="Q14">
        <v>1</v>
      </c>
      <c r="R14" t="s">
        <v>669</v>
      </c>
      <c r="S14">
        <v>1</v>
      </c>
      <c r="T14" t="s">
        <v>661</v>
      </c>
      <c r="U14">
        <v>8</v>
      </c>
      <c r="V14">
        <v>3</v>
      </c>
      <c r="W14">
        <v>180</v>
      </c>
      <c r="X14">
        <v>2020</v>
      </c>
    </row>
    <row r="15" spans="1:24" x14ac:dyDescent="0.25">
      <c r="A15">
        <v>15449</v>
      </c>
      <c r="B15" t="s">
        <v>63</v>
      </c>
      <c r="C15">
        <v>58</v>
      </c>
      <c r="D15" t="s">
        <v>352</v>
      </c>
      <c r="E15">
        <v>610</v>
      </c>
      <c r="F15" t="s">
        <v>651</v>
      </c>
      <c r="G15">
        <v>160</v>
      </c>
      <c r="H15" t="s">
        <v>658</v>
      </c>
      <c r="I15">
        <v>13755</v>
      </c>
      <c r="J15" t="s">
        <v>684</v>
      </c>
      <c r="K15">
        <v>22</v>
      </c>
      <c r="L15" t="s">
        <v>685</v>
      </c>
      <c r="M15">
        <v>72</v>
      </c>
      <c r="N15" t="s">
        <v>668</v>
      </c>
      <c r="O15">
        <v>4</v>
      </c>
      <c r="P15" t="s">
        <v>655</v>
      </c>
      <c r="Q15">
        <v>1</v>
      </c>
      <c r="R15" t="s">
        <v>669</v>
      </c>
      <c r="S15">
        <v>1</v>
      </c>
      <c r="T15" t="s">
        <v>661</v>
      </c>
      <c r="U15">
        <v>8</v>
      </c>
      <c r="V15">
        <v>3</v>
      </c>
      <c r="W15">
        <v>180</v>
      </c>
      <c r="X15">
        <v>2020</v>
      </c>
    </row>
    <row r="16" spans="1:24" x14ac:dyDescent="0.25">
      <c r="A16">
        <v>15452</v>
      </c>
      <c r="B16" t="s">
        <v>10</v>
      </c>
      <c r="C16">
        <v>57</v>
      </c>
      <c r="D16" t="s">
        <v>442</v>
      </c>
      <c r="E16">
        <v>382</v>
      </c>
      <c r="F16" t="s">
        <v>651</v>
      </c>
      <c r="G16">
        <v>160</v>
      </c>
      <c r="H16" t="s">
        <v>658</v>
      </c>
      <c r="I16">
        <v>13755</v>
      </c>
      <c r="J16" t="s">
        <v>301</v>
      </c>
      <c r="K16">
        <v>26</v>
      </c>
      <c r="L16" t="s">
        <v>301</v>
      </c>
      <c r="M16">
        <v>82</v>
      </c>
      <c r="N16" t="s">
        <v>668</v>
      </c>
      <c r="O16">
        <v>4</v>
      </c>
      <c r="P16" t="s">
        <v>655</v>
      </c>
      <c r="Q16">
        <v>1</v>
      </c>
      <c r="R16" t="s">
        <v>669</v>
      </c>
      <c r="S16">
        <v>1</v>
      </c>
      <c r="T16" t="s">
        <v>661</v>
      </c>
      <c r="U16">
        <v>8</v>
      </c>
      <c r="V16">
        <v>3</v>
      </c>
      <c r="W16">
        <v>180</v>
      </c>
      <c r="X16">
        <v>2020</v>
      </c>
    </row>
    <row r="17" spans="1:24" x14ac:dyDescent="0.25">
      <c r="A17">
        <v>15455</v>
      </c>
      <c r="B17" t="s">
        <v>28</v>
      </c>
      <c r="C17">
        <v>49</v>
      </c>
      <c r="D17" t="s">
        <v>321</v>
      </c>
      <c r="E17">
        <v>369</v>
      </c>
      <c r="F17" t="s">
        <v>651</v>
      </c>
      <c r="G17">
        <v>160</v>
      </c>
      <c r="H17" t="s">
        <v>686</v>
      </c>
      <c r="I17">
        <v>17006</v>
      </c>
      <c r="J17" t="s">
        <v>687</v>
      </c>
      <c r="K17">
        <v>82</v>
      </c>
      <c r="L17" t="s">
        <v>688</v>
      </c>
      <c r="M17">
        <v>3080</v>
      </c>
      <c r="N17" t="s">
        <v>668</v>
      </c>
      <c r="O17">
        <v>4</v>
      </c>
      <c r="P17" t="s">
        <v>655</v>
      </c>
      <c r="Q17">
        <v>1</v>
      </c>
      <c r="R17" t="s">
        <v>669</v>
      </c>
      <c r="S17">
        <v>1</v>
      </c>
      <c r="T17" t="s">
        <v>661</v>
      </c>
      <c r="U17">
        <v>8</v>
      </c>
      <c r="V17">
        <v>3</v>
      </c>
      <c r="W17">
        <v>180</v>
      </c>
      <c r="X17">
        <v>2020</v>
      </c>
    </row>
    <row r="18" spans="1:24" x14ac:dyDescent="0.25">
      <c r="A18">
        <v>15458</v>
      </c>
      <c r="B18" t="s">
        <v>26</v>
      </c>
      <c r="C18">
        <v>44</v>
      </c>
      <c r="D18" t="s">
        <v>473</v>
      </c>
      <c r="E18">
        <v>333</v>
      </c>
      <c r="F18" t="s">
        <v>651</v>
      </c>
      <c r="G18">
        <v>160</v>
      </c>
      <c r="H18" t="s">
        <v>666</v>
      </c>
      <c r="I18">
        <v>8767</v>
      </c>
      <c r="J18" t="s">
        <v>295</v>
      </c>
      <c r="K18">
        <v>30</v>
      </c>
      <c r="L18" t="s">
        <v>295</v>
      </c>
      <c r="M18">
        <v>96</v>
      </c>
      <c r="N18" t="s">
        <v>668</v>
      </c>
      <c r="O18">
        <v>4</v>
      </c>
      <c r="P18" t="s">
        <v>689</v>
      </c>
      <c r="Q18">
        <v>4</v>
      </c>
      <c r="R18" t="s">
        <v>669</v>
      </c>
      <c r="S18">
        <v>1</v>
      </c>
      <c r="T18" t="s">
        <v>661</v>
      </c>
      <c r="U18">
        <v>8</v>
      </c>
      <c r="V18">
        <v>3</v>
      </c>
      <c r="W18">
        <v>180</v>
      </c>
      <c r="X18">
        <v>2020</v>
      </c>
    </row>
    <row r="19" spans="1:24" x14ac:dyDescent="0.25">
      <c r="A19">
        <v>15461</v>
      </c>
      <c r="B19" t="s">
        <v>26</v>
      </c>
      <c r="C19">
        <v>44</v>
      </c>
      <c r="D19" t="s">
        <v>473</v>
      </c>
      <c r="E19">
        <v>333</v>
      </c>
      <c r="F19" t="s">
        <v>651</v>
      </c>
      <c r="G19">
        <v>160</v>
      </c>
      <c r="H19" t="s">
        <v>666</v>
      </c>
      <c r="I19">
        <v>8767</v>
      </c>
      <c r="J19" t="s">
        <v>65</v>
      </c>
      <c r="K19">
        <v>15</v>
      </c>
      <c r="L19" t="s">
        <v>65</v>
      </c>
      <c r="M19">
        <v>51</v>
      </c>
      <c r="N19" t="s">
        <v>668</v>
      </c>
      <c r="O19">
        <v>4</v>
      </c>
      <c r="P19" t="s">
        <v>689</v>
      </c>
      <c r="Q19">
        <v>4</v>
      </c>
      <c r="R19" t="s">
        <v>669</v>
      </c>
      <c r="S19">
        <v>1</v>
      </c>
      <c r="T19" t="s">
        <v>661</v>
      </c>
      <c r="U19">
        <v>8</v>
      </c>
      <c r="V19">
        <v>4</v>
      </c>
      <c r="W19">
        <v>240</v>
      </c>
      <c r="X19">
        <v>2020</v>
      </c>
    </row>
    <row r="20" spans="1:24" x14ac:dyDescent="0.25">
      <c r="A20">
        <v>15464</v>
      </c>
      <c r="B20" t="s">
        <v>26</v>
      </c>
      <c r="C20">
        <v>44</v>
      </c>
      <c r="D20" t="s">
        <v>473</v>
      </c>
      <c r="E20">
        <v>333</v>
      </c>
      <c r="F20" t="s">
        <v>651</v>
      </c>
      <c r="G20">
        <v>160</v>
      </c>
      <c r="H20" t="s">
        <v>666</v>
      </c>
      <c r="I20">
        <v>8767</v>
      </c>
      <c r="J20" t="s">
        <v>299</v>
      </c>
      <c r="K20">
        <v>27</v>
      </c>
      <c r="L20" t="s">
        <v>690</v>
      </c>
      <c r="M20">
        <v>89</v>
      </c>
      <c r="N20" t="s">
        <v>668</v>
      </c>
      <c r="O20">
        <v>4</v>
      </c>
      <c r="P20" t="s">
        <v>689</v>
      </c>
      <c r="Q20">
        <v>4</v>
      </c>
      <c r="R20" t="s">
        <v>669</v>
      </c>
      <c r="S20">
        <v>1</v>
      </c>
      <c r="T20" t="s">
        <v>661</v>
      </c>
      <c r="U20">
        <v>8</v>
      </c>
      <c r="V20">
        <v>3</v>
      </c>
      <c r="W20">
        <v>180</v>
      </c>
      <c r="X20">
        <v>2020</v>
      </c>
    </row>
    <row r="21" spans="1:24" x14ac:dyDescent="0.25">
      <c r="A21">
        <v>15467</v>
      </c>
      <c r="B21" t="s">
        <v>26</v>
      </c>
      <c r="C21">
        <v>44</v>
      </c>
      <c r="D21" t="s">
        <v>474</v>
      </c>
      <c r="E21">
        <v>332</v>
      </c>
      <c r="F21" t="s">
        <v>651</v>
      </c>
      <c r="G21">
        <v>160</v>
      </c>
      <c r="H21" t="s">
        <v>666</v>
      </c>
      <c r="I21">
        <v>8767</v>
      </c>
      <c r="J21" t="s">
        <v>691</v>
      </c>
      <c r="K21">
        <v>21</v>
      </c>
      <c r="L21" t="s">
        <v>692</v>
      </c>
      <c r="M21">
        <v>4363</v>
      </c>
      <c r="N21" t="s">
        <v>668</v>
      </c>
      <c r="O21">
        <v>4</v>
      </c>
      <c r="P21" t="s">
        <v>655</v>
      </c>
      <c r="Q21">
        <v>1</v>
      </c>
      <c r="R21" t="s">
        <v>669</v>
      </c>
      <c r="S21">
        <v>1</v>
      </c>
      <c r="T21" t="s">
        <v>661</v>
      </c>
      <c r="U21">
        <v>8</v>
      </c>
      <c r="V21">
        <v>3</v>
      </c>
      <c r="W21">
        <v>180</v>
      </c>
      <c r="X21">
        <v>2020</v>
      </c>
    </row>
    <row r="22" spans="1:24" x14ac:dyDescent="0.25">
      <c r="A22">
        <v>15470</v>
      </c>
      <c r="B22" t="s">
        <v>26</v>
      </c>
      <c r="C22">
        <v>44</v>
      </c>
      <c r="D22" t="s">
        <v>475</v>
      </c>
      <c r="E22">
        <v>331</v>
      </c>
      <c r="F22" t="s">
        <v>651</v>
      </c>
      <c r="G22">
        <v>160</v>
      </c>
      <c r="H22" t="s">
        <v>666</v>
      </c>
      <c r="I22">
        <v>8767</v>
      </c>
      <c r="J22" t="s">
        <v>676</v>
      </c>
      <c r="K22">
        <v>4</v>
      </c>
      <c r="L22" t="s">
        <v>676</v>
      </c>
      <c r="M22">
        <v>12</v>
      </c>
      <c r="N22" t="s">
        <v>668</v>
      </c>
      <c r="O22">
        <v>4</v>
      </c>
      <c r="P22" t="s">
        <v>655</v>
      </c>
      <c r="Q22">
        <v>1</v>
      </c>
      <c r="R22" t="s">
        <v>669</v>
      </c>
      <c r="S22">
        <v>1</v>
      </c>
      <c r="T22" t="s">
        <v>657</v>
      </c>
      <c r="U22">
        <v>7</v>
      </c>
      <c r="V22">
        <v>3</v>
      </c>
      <c r="W22">
        <v>180</v>
      </c>
      <c r="X22">
        <v>2020</v>
      </c>
    </row>
    <row r="23" spans="1:24" x14ac:dyDescent="0.25">
      <c r="A23">
        <v>15473</v>
      </c>
      <c r="B23" t="s">
        <v>26</v>
      </c>
      <c r="C23">
        <v>44</v>
      </c>
      <c r="D23" t="s">
        <v>475</v>
      </c>
      <c r="E23">
        <v>331</v>
      </c>
      <c r="F23" t="s">
        <v>651</v>
      </c>
      <c r="G23">
        <v>160</v>
      </c>
      <c r="H23" t="s">
        <v>666</v>
      </c>
      <c r="I23">
        <v>8767</v>
      </c>
      <c r="J23" t="s">
        <v>693</v>
      </c>
      <c r="K23">
        <v>56</v>
      </c>
      <c r="L23" t="s">
        <v>694</v>
      </c>
      <c r="M23">
        <v>222</v>
      </c>
      <c r="N23" t="s">
        <v>668</v>
      </c>
      <c r="O23">
        <v>4</v>
      </c>
      <c r="P23" t="s">
        <v>655</v>
      </c>
      <c r="Q23">
        <v>1</v>
      </c>
      <c r="R23" t="s">
        <v>669</v>
      </c>
      <c r="S23">
        <v>1</v>
      </c>
      <c r="T23" t="s">
        <v>661</v>
      </c>
      <c r="U23">
        <v>8</v>
      </c>
      <c r="V23">
        <v>4</v>
      </c>
      <c r="W23">
        <v>240</v>
      </c>
      <c r="X23">
        <v>2020</v>
      </c>
    </row>
    <row r="24" spans="1:24" x14ac:dyDescent="0.25">
      <c r="A24">
        <v>15476</v>
      </c>
      <c r="B24" t="s">
        <v>26</v>
      </c>
      <c r="C24">
        <v>44</v>
      </c>
      <c r="D24" t="s">
        <v>475</v>
      </c>
      <c r="E24">
        <v>331</v>
      </c>
      <c r="F24" t="s">
        <v>651</v>
      </c>
      <c r="G24">
        <v>160</v>
      </c>
      <c r="H24" t="s">
        <v>666</v>
      </c>
      <c r="I24">
        <v>8767</v>
      </c>
      <c r="J24" t="s">
        <v>695</v>
      </c>
      <c r="K24">
        <v>54</v>
      </c>
      <c r="L24" t="s">
        <v>696</v>
      </c>
      <c r="M24">
        <v>3911</v>
      </c>
      <c r="N24" t="s">
        <v>668</v>
      </c>
      <c r="O24">
        <v>4</v>
      </c>
      <c r="P24" t="s">
        <v>655</v>
      </c>
      <c r="Q24">
        <v>1</v>
      </c>
      <c r="R24" t="s">
        <v>669</v>
      </c>
      <c r="S24">
        <v>1</v>
      </c>
      <c r="T24" t="s">
        <v>661</v>
      </c>
      <c r="U24">
        <v>8</v>
      </c>
      <c r="V24">
        <v>4</v>
      </c>
      <c r="W24">
        <v>240</v>
      </c>
      <c r="X24">
        <v>2020</v>
      </c>
    </row>
    <row r="25" spans="1:24" x14ac:dyDescent="0.25">
      <c r="A25">
        <v>15479</v>
      </c>
      <c r="B25" t="s">
        <v>74</v>
      </c>
      <c r="C25">
        <v>40</v>
      </c>
      <c r="D25" t="s">
        <v>485</v>
      </c>
      <c r="E25">
        <v>314</v>
      </c>
      <c r="F25" t="s">
        <v>651</v>
      </c>
      <c r="G25">
        <v>160</v>
      </c>
      <c r="H25" t="s">
        <v>697</v>
      </c>
      <c r="I25">
        <v>11198</v>
      </c>
      <c r="J25" t="s">
        <v>691</v>
      </c>
      <c r="K25">
        <v>21</v>
      </c>
      <c r="L25" t="s">
        <v>698</v>
      </c>
      <c r="M25">
        <v>3480</v>
      </c>
      <c r="N25" t="s">
        <v>668</v>
      </c>
      <c r="O25">
        <v>4</v>
      </c>
      <c r="P25" t="s">
        <v>655</v>
      </c>
      <c r="Q25">
        <v>1</v>
      </c>
      <c r="R25" t="s">
        <v>669</v>
      </c>
      <c r="S25">
        <v>1</v>
      </c>
      <c r="T25" t="s">
        <v>661</v>
      </c>
      <c r="U25">
        <v>8</v>
      </c>
      <c r="V25">
        <v>3</v>
      </c>
      <c r="W25">
        <v>180</v>
      </c>
      <c r="X25">
        <v>2020</v>
      </c>
    </row>
    <row r="26" spans="1:24" x14ac:dyDescent="0.25">
      <c r="A26">
        <v>15482</v>
      </c>
      <c r="B26" t="s">
        <v>74</v>
      </c>
      <c r="C26">
        <v>40</v>
      </c>
      <c r="D26" t="s">
        <v>485</v>
      </c>
      <c r="E26">
        <v>314</v>
      </c>
      <c r="F26" t="s">
        <v>651</v>
      </c>
      <c r="G26">
        <v>160</v>
      </c>
      <c r="H26" t="s">
        <v>697</v>
      </c>
      <c r="I26">
        <v>11198</v>
      </c>
      <c r="J26" t="s">
        <v>699</v>
      </c>
      <c r="K26">
        <v>10</v>
      </c>
      <c r="L26" t="s">
        <v>700</v>
      </c>
      <c r="M26">
        <v>348</v>
      </c>
      <c r="N26" t="s">
        <v>668</v>
      </c>
      <c r="O26">
        <v>4</v>
      </c>
      <c r="P26" t="s">
        <v>655</v>
      </c>
      <c r="Q26">
        <v>1</v>
      </c>
      <c r="R26" t="s">
        <v>669</v>
      </c>
      <c r="S26">
        <v>1</v>
      </c>
      <c r="T26" t="s">
        <v>701</v>
      </c>
      <c r="U26">
        <v>38</v>
      </c>
      <c r="V26">
        <v>3</v>
      </c>
      <c r="W26">
        <v>180</v>
      </c>
      <c r="X26">
        <v>2020</v>
      </c>
    </row>
    <row r="27" spans="1:24" x14ac:dyDescent="0.25">
      <c r="A27">
        <v>15485</v>
      </c>
      <c r="B27" t="s">
        <v>74</v>
      </c>
      <c r="C27">
        <v>40</v>
      </c>
      <c r="D27" t="s">
        <v>485</v>
      </c>
      <c r="E27">
        <v>314</v>
      </c>
      <c r="F27" t="s">
        <v>651</v>
      </c>
      <c r="G27">
        <v>160</v>
      </c>
      <c r="H27" t="s">
        <v>697</v>
      </c>
      <c r="I27">
        <v>11198</v>
      </c>
      <c r="J27" t="s">
        <v>699</v>
      </c>
      <c r="K27">
        <v>10</v>
      </c>
      <c r="L27" t="s">
        <v>700</v>
      </c>
      <c r="M27">
        <v>348</v>
      </c>
      <c r="N27" t="s">
        <v>668</v>
      </c>
      <c r="O27">
        <v>4</v>
      </c>
      <c r="P27" t="s">
        <v>655</v>
      </c>
      <c r="Q27">
        <v>1</v>
      </c>
      <c r="R27" t="s">
        <v>669</v>
      </c>
      <c r="S27">
        <v>1</v>
      </c>
      <c r="T27" t="s">
        <v>702</v>
      </c>
      <c r="U27">
        <v>39</v>
      </c>
      <c r="V27">
        <v>3</v>
      </c>
      <c r="W27">
        <v>180</v>
      </c>
      <c r="X27">
        <v>2020</v>
      </c>
    </row>
    <row r="28" spans="1:24" x14ac:dyDescent="0.25">
      <c r="A28">
        <v>15488</v>
      </c>
      <c r="B28" t="s">
        <v>74</v>
      </c>
      <c r="C28">
        <v>40</v>
      </c>
      <c r="D28" t="s">
        <v>486</v>
      </c>
      <c r="E28">
        <v>313</v>
      </c>
      <c r="F28" t="s">
        <v>651</v>
      </c>
      <c r="G28">
        <v>160</v>
      </c>
      <c r="H28" t="s">
        <v>697</v>
      </c>
      <c r="I28">
        <v>11198</v>
      </c>
      <c r="J28" t="s">
        <v>703</v>
      </c>
      <c r="K28">
        <v>16</v>
      </c>
      <c r="L28" t="s">
        <v>704</v>
      </c>
      <c r="M28">
        <v>56</v>
      </c>
      <c r="N28" t="s">
        <v>668</v>
      </c>
      <c r="O28">
        <v>4</v>
      </c>
      <c r="P28" t="s">
        <v>655</v>
      </c>
      <c r="Q28">
        <v>1</v>
      </c>
      <c r="R28" t="s">
        <v>669</v>
      </c>
      <c r="S28">
        <v>1</v>
      </c>
      <c r="T28" t="s">
        <v>661</v>
      </c>
      <c r="U28">
        <v>8</v>
      </c>
      <c r="V28">
        <v>3</v>
      </c>
      <c r="W28">
        <v>180</v>
      </c>
      <c r="X28">
        <v>2020</v>
      </c>
    </row>
    <row r="29" spans="1:24" x14ac:dyDescent="0.25">
      <c r="A29">
        <v>15491</v>
      </c>
      <c r="B29" t="s">
        <v>74</v>
      </c>
      <c r="C29">
        <v>40</v>
      </c>
      <c r="D29" t="s">
        <v>488</v>
      </c>
      <c r="E29">
        <v>311</v>
      </c>
      <c r="F29" t="s">
        <v>651</v>
      </c>
      <c r="G29">
        <v>160</v>
      </c>
      <c r="H29" t="s">
        <v>697</v>
      </c>
      <c r="I29">
        <v>11198</v>
      </c>
      <c r="J29" t="s">
        <v>705</v>
      </c>
      <c r="K29">
        <v>70</v>
      </c>
      <c r="L29" t="s">
        <v>706</v>
      </c>
      <c r="M29">
        <v>477</v>
      </c>
      <c r="N29" t="s">
        <v>668</v>
      </c>
      <c r="O29">
        <v>4</v>
      </c>
      <c r="P29" t="s">
        <v>655</v>
      </c>
      <c r="Q29">
        <v>1</v>
      </c>
      <c r="R29" t="s">
        <v>669</v>
      </c>
      <c r="S29">
        <v>1</v>
      </c>
      <c r="T29" t="s">
        <v>661</v>
      </c>
      <c r="U29">
        <v>8</v>
      </c>
      <c r="V29">
        <v>4</v>
      </c>
      <c r="W29">
        <v>240</v>
      </c>
      <c r="X29">
        <v>2020</v>
      </c>
    </row>
    <row r="30" spans="1:24" x14ac:dyDescent="0.25">
      <c r="A30">
        <v>15494</v>
      </c>
      <c r="B30" t="s">
        <v>74</v>
      </c>
      <c r="C30">
        <v>40</v>
      </c>
      <c r="D30" t="s">
        <v>488</v>
      </c>
      <c r="E30">
        <v>311</v>
      </c>
      <c r="F30" t="s">
        <v>651</v>
      </c>
      <c r="G30">
        <v>160</v>
      </c>
      <c r="H30" t="s">
        <v>697</v>
      </c>
      <c r="I30">
        <v>11198</v>
      </c>
      <c r="J30" t="s">
        <v>707</v>
      </c>
      <c r="K30">
        <v>59</v>
      </c>
      <c r="L30" t="s">
        <v>708</v>
      </c>
      <c r="M30">
        <v>242</v>
      </c>
      <c r="N30" t="s">
        <v>668</v>
      </c>
      <c r="O30">
        <v>4</v>
      </c>
      <c r="P30" t="s">
        <v>655</v>
      </c>
      <c r="Q30">
        <v>1</v>
      </c>
      <c r="R30" t="s">
        <v>669</v>
      </c>
      <c r="S30">
        <v>1</v>
      </c>
      <c r="T30" t="s">
        <v>661</v>
      </c>
      <c r="U30">
        <v>8</v>
      </c>
      <c r="V30">
        <v>4</v>
      </c>
      <c r="W30">
        <v>240</v>
      </c>
      <c r="X30">
        <v>2020</v>
      </c>
    </row>
    <row r="31" spans="1:24" x14ac:dyDescent="0.25">
      <c r="A31">
        <v>15497</v>
      </c>
      <c r="B31" t="s">
        <v>74</v>
      </c>
      <c r="C31">
        <v>40</v>
      </c>
      <c r="D31" t="s">
        <v>488</v>
      </c>
      <c r="E31">
        <v>311</v>
      </c>
      <c r="F31" t="s">
        <v>651</v>
      </c>
      <c r="G31">
        <v>160</v>
      </c>
      <c r="H31" t="s">
        <v>697</v>
      </c>
      <c r="I31">
        <v>11198</v>
      </c>
      <c r="J31" t="s">
        <v>707</v>
      </c>
      <c r="K31">
        <v>59</v>
      </c>
      <c r="L31" t="s">
        <v>709</v>
      </c>
      <c r="M31">
        <v>243</v>
      </c>
      <c r="N31" t="s">
        <v>668</v>
      </c>
      <c r="O31">
        <v>4</v>
      </c>
      <c r="P31" t="s">
        <v>655</v>
      </c>
      <c r="Q31">
        <v>1</v>
      </c>
      <c r="R31" t="s">
        <v>669</v>
      </c>
      <c r="S31">
        <v>1</v>
      </c>
      <c r="T31" t="s">
        <v>661</v>
      </c>
      <c r="U31">
        <v>8</v>
      </c>
      <c r="V31">
        <v>4</v>
      </c>
      <c r="W31">
        <v>240</v>
      </c>
      <c r="X31">
        <v>2020</v>
      </c>
    </row>
    <row r="32" spans="1:24" x14ac:dyDescent="0.25">
      <c r="A32">
        <v>15500</v>
      </c>
      <c r="B32" t="s">
        <v>74</v>
      </c>
      <c r="C32">
        <v>40</v>
      </c>
      <c r="D32" t="s">
        <v>488</v>
      </c>
      <c r="E32">
        <v>311</v>
      </c>
      <c r="F32" t="s">
        <v>651</v>
      </c>
      <c r="G32">
        <v>160</v>
      </c>
      <c r="H32" t="s">
        <v>697</v>
      </c>
      <c r="I32">
        <v>11198</v>
      </c>
      <c r="J32" t="s">
        <v>695</v>
      </c>
      <c r="K32">
        <v>54</v>
      </c>
      <c r="L32" t="s">
        <v>696</v>
      </c>
      <c r="M32">
        <v>3911</v>
      </c>
      <c r="N32" t="s">
        <v>668</v>
      </c>
      <c r="O32">
        <v>4</v>
      </c>
      <c r="P32" t="s">
        <v>655</v>
      </c>
      <c r="Q32">
        <v>1</v>
      </c>
      <c r="R32" t="s">
        <v>669</v>
      </c>
      <c r="S32">
        <v>1</v>
      </c>
      <c r="T32" t="s">
        <v>661</v>
      </c>
      <c r="U32">
        <v>8</v>
      </c>
      <c r="V32">
        <v>4</v>
      </c>
      <c r="W32">
        <v>240</v>
      </c>
      <c r="X32">
        <v>2020</v>
      </c>
    </row>
    <row r="33" spans="1:24" x14ac:dyDescent="0.25">
      <c r="A33">
        <v>15503</v>
      </c>
      <c r="B33" t="s">
        <v>74</v>
      </c>
      <c r="C33">
        <v>40</v>
      </c>
      <c r="D33" t="s">
        <v>488</v>
      </c>
      <c r="E33">
        <v>311</v>
      </c>
      <c r="F33" t="s">
        <v>651</v>
      </c>
      <c r="G33">
        <v>160</v>
      </c>
      <c r="H33" t="s">
        <v>697</v>
      </c>
      <c r="I33">
        <v>11198</v>
      </c>
      <c r="J33" t="s">
        <v>710</v>
      </c>
      <c r="K33">
        <v>53</v>
      </c>
      <c r="L33" t="s">
        <v>711</v>
      </c>
      <c r="M33">
        <v>206</v>
      </c>
      <c r="N33" t="s">
        <v>668</v>
      </c>
      <c r="O33">
        <v>4</v>
      </c>
      <c r="P33" t="s">
        <v>655</v>
      </c>
      <c r="Q33">
        <v>1</v>
      </c>
      <c r="R33" t="s">
        <v>669</v>
      </c>
      <c r="S33">
        <v>1</v>
      </c>
      <c r="T33" t="s">
        <v>661</v>
      </c>
      <c r="U33">
        <v>8</v>
      </c>
      <c r="V33">
        <v>4</v>
      </c>
      <c r="W33">
        <v>240</v>
      </c>
      <c r="X33">
        <v>2020</v>
      </c>
    </row>
    <row r="34" spans="1:24" x14ac:dyDescent="0.25">
      <c r="A34">
        <v>15506</v>
      </c>
      <c r="B34" t="s">
        <v>74</v>
      </c>
      <c r="C34">
        <v>40</v>
      </c>
      <c r="D34" t="s">
        <v>460</v>
      </c>
      <c r="E34">
        <v>310</v>
      </c>
      <c r="F34" t="s">
        <v>651</v>
      </c>
      <c r="G34">
        <v>160</v>
      </c>
      <c r="H34" t="s">
        <v>697</v>
      </c>
      <c r="I34">
        <v>11198</v>
      </c>
      <c r="J34" t="s">
        <v>705</v>
      </c>
      <c r="K34">
        <v>70</v>
      </c>
      <c r="L34" t="s">
        <v>712</v>
      </c>
      <c r="M34">
        <v>4391</v>
      </c>
      <c r="N34" t="s">
        <v>668</v>
      </c>
      <c r="O34">
        <v>4</v>
      </c>
      <c r="P34" t="s">
        <v>655</v>
      </c>
      <c r="Q34">
        <v>1</v>
      </c>
      <c r="R34" t="s">
        <v>669</v>
      </c>
      <c r="S34">
        <v>1</v>
      </c>
      <c r="T34" t="s">
        <v>661</v>
      </c>
      <c r="U34">
        <v>8</v>
      </c>
      <c r="V34">
        <v>4</v>
      </c>
      <c r="W34">
        <v>240</v>
      </c>
      <c r="X34">
        <v>2020</v>
      </c>
    </row>
    <row r="35" spans="1:24" x14ac:dyDescent="0.25">
      <c r="A35">
        <v>15509</v>
      </c>
      <c r="B35" t="s">
        <v>249</v>
      </c>
      <c r="C35">
        <v>38</v>
      </c>
      <c r="D35" t="s">
        <v>356</v>
      </c>
      <c r="E35">
        <v>599</v>
      </c>
      <c r="F35" t="s">
        <v>651</v>
      </c>
      <c r="G35">
        <v>160</v>
      </c>
      <c r="H35" t="s">
        <v>713</v>
      </c>
      <c r="I35">
        <v>3939</v>
      </c>
      <c r="J35" t="s">
        <v>714</v>
      </c>
      <c r="K35">
        <v>52</v>
      </c>
      <c r="L35" t="s">
        <v>715</v>
      </c>
      <c r="M35">
        <v>306</v>
      </c>
      <c r="N35" t="s">
        <v>668</v>
      </c>
      <c r="O35">
        <v>4</v>
      </c>
      <c r="P35" t="s">
        <v>655</v>
      </c>
      <c r="Q35">
        <v>1</v>
      </c>
      <c r="R35" t="s">
        <v>669</v>
      </c>
      <c r="S35">
        <v>1</v>
      </c>
      <c r="T35" t="s">
        <v>661</v>
      </c>
      <c r="U35">
        <v>8</v>
      </c>
      <c r="V35">
        <v>4</v>
      </c>
      <c r="W35">
        <v>240</v>
      </c>
      <c r="X35">
        <v>2020</v>
      </c>
    </row>
    <row r="36" spans="1:24" x14ac:dyDescent="0.25">
      <c r="A36">
        <v>15512</v>
      </c>
      <c r="B36" t="s">
        <v>140</v>
      </c>
      <c r="C36">
        <v>34</v>
      </c>
      <c r="D36" t="s">
        <v>503</v>
      </c>
      <c r="E36">
        <v>263</v>
      </c>
      <c r="F36" t="s">
        <v>651</v>
      </c>
      <c r="G36">
        <v>160</v>
      </c>
      <c r="H36" t="s">
        <v>652</v>
      </c>
      <c r="I36">
        <v>2094</v>
      </c>
      <c r="J36" t="s">
        <v>716</v>
      </c>
      <c r="K36">
        <v>68</v>
      </c>
      <c r="L36" t="s">
        <v>717</v>
      </c>
      <c r="M36">
        <v>295</v>
      </c>
      <c r="N36" t="s">
        <v>668</v>
      </c>
      <c r="O36">
        <v>4</v>
      </c>
      <c r="P36" t="s">
        <v>655</v>
      </c>
      <c r="Q36">
        <v>1</v>
      </c>
      <c r="R36" t="s">
        <v>669</v>
      </c>
      <c r="S36">
        <v>1</v>
      </c>
      <c r="T36" t="s">
        <v>718</v>
      </c>
      <c r="U36">
        <v>2</v>
      </c>
      <c r="V36">
        <v>4</v>
      </c>
      <c r="W36">
        <v>240</v>
      </c>
      <c r="X36">
        <v>2020</v>
      </c>
    </row>
    <row r="37" spans="1:24" x14ac:dyDescent="0.25">
      <c r="A37">
        <v>15515</v>
      </c>
      <c r="B37" t="s">
        <v>18</v>
      </c>
      <c r="C37">
        <v>31</v>
      </c>
      <c r="D37" t="s">
        <v>426</v>
      </c>
      <c r="E37">
        <v>246</v>
      </c>
      <c r="F37" t="s">
        <v>651</v>
      </c>
      <c r="G37">
        <v>160</v>
      </c>
      <c r="H37" t="s">
        <v>719</v>
      </c>
      <c r="I37">
        <v>7630</v>
      </c>
      <c r="J37" t="s">
        <v>699</v>
      </c>
      <c r="K37">
        <v>10</v>
      </c>
      <c r="L37" t="s">
        <v>720</v>
      </c>
      <c r="M37">
        <v>350</v>
      </c>
      <c r="N37" t="s">
        <v>668</v>
      </c>
      <c r="O37">
        <v>4</v>
      </c>
      <c r="P37" t="s">
        <v>655</v>
      </c>
      <c r="Q37">
        <v>1</v>
      </c>
      <c r="R37" t="s">
        <v>669</v>
      </c>
      <c r="S37">
        <v>1</v>
      </c>
      <c r="T37" t="s">
        <v>721</v>
      </c>
      <c r="U37">
        <v>305</v>
      </c>
      <c r="V37">
        <v>3</v>
      </c>
      <c r="W37">
        <v>180</v>
      </c>
      <c r="X37">
        <v>2020</v>
      </c>
    </row>
    <row r="38" spans="1:24" x14ac:dyDescent="0.25">
      <c r="A38">
        <v>15518</v>
      </c>
      <c r="B38" t="s">
        <v>18</v>
      </c>
      <c r="C38">
        <v>31</v>
      </c>
      <c r="D38" t="s">
        <v>426</v>
      </c>
      <c r="E38">
        <v>246</v>
      </c>
      <c r="F38" t="s">
        <v>651</v>
      </c>
      <c r="G38">
        <v>160</v>
      </c>
      <c r="H38" t="s">
        <v>719</v>
      </c>
      <c r="I38">
        <v>7630</v>
      </c>
      <c r="J38" t="s">
        <v>699</v>
      </c>
      <c r="K38">
        <v>10</v>
      </c>
      <c r="L38" t="s">
        <v>720</v>
      </c>
      <c r="M38">
        <v>350</v>
      </c>
      <c r="N38" t="s">
        <v>668</v>
      </c>
      <c r="O38">
        <v>4</v>
      </c>
      <c r="P38" t="s">
        <v>655</v>
      </c>
      <c r="Q38">
        <v>1</v>
      </c>
      <c r="R38" t="s">
        <v>669</v>
      </c>
      <c r="S38">
        <v>1</v>
      </c>
      <c r="T38" t="s">
        <v>722</v>
      </c>
      <c r="U38">
        <v>281</v>
      </c>
      <c r="V38">
        <v>3</v>
      </c>
      <c r="W38">
        <v>180</v>
      </c>
      <c r="X38">
        <v>2020</v>
      </c>
    </row>
    <row r="39" spans="1:24" x14ac:dyDescent="0.25">
      <c r="A39">
        <v>15521</v>
      </c>
      <c r="B39" t="s">
        <v>18</v>
      </c>
      <c r="C39">
        <v>31</v>
      </c>
      <c r="D39" t="s">
        <v>426</v>
      </c>
      <c r="E39">
        <v>246</v>
      </c>
      <c r="F39" t="s">
        <v>651</v>
      </c>
      <c r="G39">
        <v>160</v>
      </c>
      <c r="H39" t="s">
        <v>719</v>
      </c>
      <c r="I39">
        <v>7630</v>
      </c>
      <c r="J39" t="s">
        <v>699</v>
      </c>
      <c r="K39">
        <v>10</v>
      </c>
      <c r="L39" t="s">
        <v>720</v>
      </c>
      <c r="M39">
        <v>350</v>
      </c>
      <c r="N39" t="s">
        <v>668</v>
      </c>
      <c r="O39">
        <v>4</v>
      </c>
      <c r="P39" t="s">
        <v>655</v>
      </c>
      <c r="Q39">
        <v>1</v>
      </c>
      <c r="R39" t="s">
        <v>669</v>
      </c>
      <c r="S39">
        <v>1</v>
      </c>
      <c r="T39" t="s">
        <v>723</v>
      </c>
      <c r="U39">
        <v>278</v>
      </c>
      <c r="V39">
        <v>3</v>
      </c>
      <c r="W39">
        <v>180</v>
      </c>
      <c r="X39">
        <v>2020</v>
      </c>
    </row>
    <row r="40" spans="1:24" x14ac:dyDescent="0.25">
      <c r="A40">
        <v>15524</v>
      </c>
      <c r="B40" t="s">
        <v>18</v>
      </c>
      <c r="C40">
        <v>31</v>
      </c>
      <c r="D40" t="s">
        <v>426</v>
      </c>
      <c r="E40">
        <v>246</v>
      </c>
      <c r="F40" t="s">
        <v>651</v>
      </c>
      <c r="G40">
        <v>160</v>
      </c>
      <c r="H40" t="s">
        <v>719</v>
      </c>
      <c r="I40">
        <v>7630</v>
      </c>
      <c r="J40" t="s">
        <v>699</v>
      </c>
      <c r="K40">
        <v>10</v>
      </c>
      <c r="L40" t="s">
        <v>720</v>
      </c>
      <c r="M40">
        <v>350</v>
      </c>
      <c r="N40" t="s">
        <v>668</v>
      </c>
      <c r="O40">
        <v>4</v>
      </c>
      <c r="P40" t="s">
        <v>655</v>
      </c>
      <c r="Q40">
        <v>1</v>
      </c>
      <c r="R40" t="s">
        <v>669</v>
      </c>
      <c r="S40">
        <v>1</v>
      </c>
      <c r="T40" t="s">
        <v>724</v>
      </c>
      <c r="U40">
        <v>279</v>
      </c>
      <c r="V40">
        <v>3</v>
      </c>
      <c r="W40">
        <v>180</v>
      </c>
      <c r="X40">
        <v>2020</v>
      </c>
    </row>
    <row r="41" spans="1:24" x14ac:dyDescent="0.25">
      <c r="A41">
        <v>15527</v>
      </c>
      <c r="B41" t="s">
        <v>18</v>
      </c>
      <c r="C41">
        <v>31</v>
      </c>
      <c r="D41" t="s">
        <v>426</v>
      </c>
      <c r="E41">
        <v>246</v>
      </c>
      <c r="F41" t="s">
        <v>651</v>
      </c>
      <c r="G41">
        <v>160</v>
      </c>
      <c r="H41" t="s">
        <v>719</v>
      </c>
      <c r="I41">
        <v>7630</v>
      </c>
      <c r="J41" t="s">
        <v>699</v>
      </c>
      <c r="K41">
        <v>10</v>
      </c>
      <c r="L41" t="s">
        <v>720</v>
      </c>
      <c r="M41">
        <v>350</v>
      </c>
      <c r="N41" t="s">
        <v>668</v>
      </c>
      <c r="O41">
        <v>4</v>
      </c>
      <c r="P41" t="s">
        <v>655</v>
      </c>
      <c r="Q41">
        <v>1</v>
      </c>
      <c r="R41" t="s">
        <v>669</v>
      </c>
      <c r="S41">
        <v>1</v>
      </c>
      <c r="T41" t="s">
        <v>725</v>
      </c>
      <c r="U41">
        <v>280</v>
      </c>
      <c r="V41">
        <v>3</v>
      </c>
      <c r="W41">
        <v>180</v>
      </c>
      <c r="X41">
        <v>2020</v>
      </c>
    </row>
    <row r="42" spans="1:24" x14ac:dyDescent="0.25">
      <c r="A42">
        <v>15530</v>
      </c>
      <c r="B42" t="s">
        <v>18</v>
      </c>
      <c r="C42">
        <v>31</v>
      </c>
      <c r="D42" t="s">
        <v>457</v>
      </c>
      <c r="E42">
        <v>242</v>
      </c>
      <c r="F42" t="s">
        <v>651</v>
      </c>
      <c r="G42">
        <v>160</v>
      </c>
      <c r="H42" t="s">
        <v>719</v>
      </c>
      <c r="I42">
        <v>7630</v>
      </c>
      <c r="J42" t="s">
        <v>726</v>
      </c>
      <c r="K42">
        <v>2</v>
      </c>
      <c r="L42" t="s">
        <v>726</v>
      </c>
      <c r="M42">
        <v>4</v>
      </c>
      <c r="N42" t="s">
        <v>668</v>
      </c>
      <c r="O42">
        <v>4</v>
      </c>
      <c r="P42" t="s">
        <v>655</v>
      </c>
      <c r="Q42">
        <v>1</v>
      </c>
      <c r="R42" t="s">
        <v>669</v>
      </c>
      <c r="S42">
        <v>1</v>
      </c>
      <c r="T42" t="s">
        <v>718</v>
      </c>
      <c r="U42">
        <v>2</v>
      </c>
      <c r="V42">
        <v>3</v>
      </c>
      <c r="W42">
        <v>180</v>
      </c>
      <c r="X42">
        <v>2020</v>
      </c>
    </row>
    <row r="43" spans="1:24" x14ac:dyDescent="0.25">
      <c r="A43">
        <v>15533</v>
      </c>
      <c r="B43" t="s">
        <v>112</v>
      </c>
      <c r="C43">
        <v>29</v>
      </c>
      <c r="D43" t="s">
        <v>521</v>
      </c>
      <c r="E43">
        <v>226</v>
      </c>
      <c r="F43" t="s">
        <v>651</v>
      </c>
      <c r="G43">
        <v>160</v>
      </c>
      <c r="H43" t="s">
        <v>719</v>
      </c>
      <c r="I43">
        <v>7630</v>
      </c>
      <c r="J43" t="s">
        <v>695</v>
      </c>
      <c r="K43">
        <v>54</v>
      </c>
      <c r="L43" t="s">
        <v>696</v>
      </c>
      <c r="M43">
        <v>3911</v>
      </c>
      <c r="N43" t="s">
        <v>668</v>
      </c>
      <c r="O43">
        <v>4</v>
      </c>
      <c r="P43" t="s">
        <v>655</v>
      </c>
      <c r="Q43">
        <v>1</v>
      </c>
      <c r="R43" t="s">
        <v>669</v>
      </c>
      <c r="S43">
        <v>1</v>
      </c>
      <c r="T43" t="s">
        <v>661</v>
      </c>
      <c r="U43">
        <v>8</v>
      </c>
      <c r="V43">
        <v>4</v>
      </c>
      <c r="W43">
        <v>240</v>
      </c>
      <c r="X43">
        <v>2020</v>
      </c>
    </row>
    <row r="44" spans="1:24" x14ac:dyDescent="0.25">
      <c r="A44">
        <v>15536</v>
      </c>
      <c r="B44" t="s">
        <v>20</v>
      </c>
      <c r="C44">
        <v>14</v>
      </c>
      <c r="D44" t="s">
        <v>580</v>
      </c>
      <c r="E44">
        <v>90</v>
      </c>
      <c r="F44" t="s">
        <v>651</v>
      </c>
      <c r="G44">
        <v>160</v>
      </c>
      <c r="H44" t="s">
        <v>681</v>
      </c>
      <c r="I44">
        <v>717</v>
      </c>
      <c r="J44" t="s">
        <v>691</v>
      </c>
      <c r="K44">
        <v>21</v>
      </c>
      <c r="L44" t="s">
        <v>727</v>
      </c>
      <c r="M44">
        <v>1123</v>
      </c>
      <c r="N44" t="s">
        <v>654</v>
      </c>
      <c r="O44">
        <v>3</v>
      </c>
      <c r="P44" t="s">
        <v>655</v>
      </c>
      <c r="Q44">
        <v>1</v>
      </c>
      <c r="R44" t="s">
        <v>656</v>
      </c>
      <c r="S44">
        <v>2</v>
      </c>
      <c r="T44" t="s">
        <v>661</v>
      </c>
      <c r="U44">
        <v>8</v>
      </c>
      <c r="V44">
        <v>2</v>
      </c>
      <c r="W44">
        <v>120</v>
      </c>
      <c r="X44">
        <v>2020</v>
      </c>
    </row>
    <row r="45" spans="1:24" x14ac:dyDescent="0.25">
      <c r="A45">
        <v>15539</v>
      </c>
      <c r="B45" t="s">
        <v>18</v>
      </c>
      <c r="C45">
        <v>31</v>
      </c>
      <c r="D45" t="s">
        <v>426</v>
      </c>
      <c r="E45">
        <v>246</v>
      </c>
      <c r="F45" t="s">
        <v>651</v>
      </c>
      <c r="G45">
        <v>160</v>
      </c>
      <c r="H45" t="s">
        <v>719</v>
      </c>
      <c r="I45">
        <v>7630</v>
      </c>
      <c r="J45" t="s">
        <v>663</v>
      </c>
      <c r="K45">
        <v>99</v>
      </c>
      <c r="L45" t="s">
        <v>728</v>
      </c>
      <c r="M45">
        <v>2075</v>
      </c>
      <c r="N45" t="s">
        <v>654</v>
      </c>
      <c r="O45">
        <v>3</v>
      </c>
      <c r="P45" t="s">
        <v>655</v>
      </c>
      <c r="Q45">
        <v>1</v>
      </c>
      <c r="R45" t="s">
        <v>656</v>
      </c>
      <c r="S45">
        <v>2</v>
      </c>
      <c r="T45" t="s">
        <v>729</v>
      </c>
      <c r="U45">
        <v>4</v>
      </c>
      <c r="V45">
        <v>2</v>
      </c>
      <c r="W45">
        <v>120</v>
      </c>
      <c r="X45">
        <v>2020</v>
      </c>
    </row>
    <row r="46" spans="1:24" x14ac:dyDescent="0.25">
      <c r="A46">
        <v>15542</v>
      </c>
      <c r="B46" t="s">
        <v>110</v>
      </c>
      <c r="C46">
        <v>2</v>
      </c>
      <c r="D46" t="s">
        <v>620</v>
      </c>
      <c r="E46">
        <v>16</v>
      </c>
      <c r="F46" t="s">
        <v>651</v>
      </c>
      <c r="G46">
        <v>160</v>
      </c>
      <c r="H46" t="s">
        <v>658</v>
      </c>
      <c r="I46">
        <v>13755</v>
      </c>
      <c r="J46" t="s">
        <v>730</v>
      </c>
      <c r="K46">
        <v>66</v>
      </c>
      <c r="L46" t="s">
        <v>731</v>
      </c>
      <c r="M46">
        <v>4019</v>
      </c>
      <c r="N46" t="s">
        <v>654</v>
      </c>
      <c r="O46">
        <v>3</v>
      </c>
      <c r="P46" t="s">
        <v>655</v>
      </c>
      <c r="Q46">
        <v>1</v>
      </c>
      <c r="R46" t="s">
        <v>656</v>
      </c>
      <c r="S46">
        <v>2</v>
      </c>
      <c r="T46" t="s">
        <v>661</v>
      </c>
      <c r="U46">
        <v>8</v>
      </c>
      <c r="V46">
        <v>1.5</v>
      </c>
      <c r="W46">
        <v>90</v>
      </c>
      <c r="X46">
        <v>2020</v>
      </c>
    </row>
    <row r="47" spans="1:24" x14ac:dyDescent="0.25">
      <c r="A47">
        <v>15545</v>
      </c>
      <c r="B47" t="s">
        <v>69</v>
      </c>
      <c r="C47">
        <v>36</v>
      </c>
      <c r="D47" t="s">
        <v>496</v>
      </c>
      <c r="E47">
        <v>281</v>
      </c>
      <c r="F47" t="s">
        <v>651</v>
      </c>
      <c r="G47">
        <v>160</v>
      </c>
      <c r="H47" t="s">
        <v>732</v>
      </c>
      <c r="I47">
        <v>1000</v>
      </c>
      <c r="J47" t="s">
        <v>730</v>
      </c>
      <c r="K47">
        <v>66</v>
      </c>
      <c r="L47" t="s">
        <v>733</v>
      </c>
      <c r="M47">
        <v>2246</v>
      </c>
      <c r="N47" t="s">
        <v>654</v>
      </c>
      <c r="O47">
        <v>3</v>
      </c>
      <c r="P47" t="s">
        <v>655</v>
      </c>
      <c r="Q47">
        <v>1</v>
      </c>
      <c r="R47" t="s">
        <v>656</v>
      </c>
      <c r="S47">
        <v>2</v>
      </c>
      <c r="T47" t="s">
        <v>661</v>
      </c>
      <c r="U47">
        <v>8</v>
      </c>
      <c r="V47">
        <v>2</v>
      </c>
      <c r="W47">
        <v>120</v>
      </c>
      <c r="X47">
        <v>2020</v>
      </c>
    </row>
    <row r="48" spans="1:24" x14ac:dyDescent="0.25">
      <c r="A48">
        <v>15548</v>
      </c>
      <c r="B48" t="s">
        <v>22</v>
      </c>
      <c r="C48">
        <v>28</v>
      </c>
      <c r="D48" t="s">
        <v>526</v>
      </c>
      <c r="E48">
        <v>220</v>
      </c>
      <c r="F48" t="s">
        <v>734</v>
      </c>
      <c r="G48">
        <v>122</v>
      </c>
      <c r="H48" t="s">
        <v>735</v>
      </c>
      <c r="I48">
        <v>13756</v>
      </c>
      <c r="J48" t="s">
        <v>736</v>
      </c>
      <c r="K48">
        <v>8</v>
      </c>
      <c r="L48" t="s">
        <v>737</v>
      </c>
      <c r="M48">
        <v>24</v>
      </c>
      <c r="N48" t="s">
        <v>668</v>
      </c>
      <c r="O48">
        <v>4</v>
      </c>
      <c r="P48" t="s">
        <v>655</v>
      </c>
      <c r="Q48">
        <v>1</v>
      </c>
      <c r="R48" t="s">
        <v>669</v>
      </c>
      <c r="S48">
        <v>1</v>
      </c>
      <c r="T48" t="s">
        <v>661</v>
      </c>
      <c r="U48">
        <v>8</v>
      </c>
      <c r="V48">
        <v>4</v>
      </c>
      <c r="W48">
        <v>240</v>
      </c>
      <c r="X48">
        <v>2020</v>
      </c>
    </row>
    <row r="49" spans="1:24" x14ac:dyDescent="0.25">
      <c r="A49">
        <v>15551</v>
      </c>
      <c r="B49" t="s">
        <v>22</v>
      </c>
      <c r="C49">
        <v>28</v>
      </c>
      <c r="D49" t="s">
        <v>477</v>
      </c>
      <c r="E49">
        <v>206</v>
      </c>
      <c r="F49" t="s">
        <v>651</v>
      </c>
      <c r="G49">
        <v>160</v>
      </c>
      <c r="H49" t="s">
        <v>675</v>
      </c>
      <c r="I49">
        <v>5952</v>
      </c>
      <c r="J49" t="s">
        <v>738</v>
      </c>
      <c r="K49">
        <v>61</v>
      </c>
      <c r="L49" t="s">
        <v>738</v>
      </c>
      <c r="M49">
        <v>252</v>
      </c>
      <c r="N49" t="s">
        <v>668</v>
      </c>
      <c r="O49">
        <v>4</v>
      </c>
      <c r="P49" t="s">
        <v>655</v>
      </c>
      <c r="Q49">
        <v>1</v>
      </c>
      <c r="R49" t="s">
        <v>669</v>
      </c>
      <c r="S49">
        <v>1</v>
      </c>
      <c r="T49" t="s">
        <v>718</v>
      </c>
      <c r="U49">
        <v>2</v>
      </c>
      <c r="V49">
        <v>4</v>
      </c>
      <c r="W49">
        <v>240</v>
      </c>
      <c r="X49">
        <v>2020</v>
      </c>
    </row>
    <row r="50" spans="1:24" x14ac:dyDescent="0.25">
      <c r="A50">
        <v>15554</v>
      </c>
      <c r="B50" t="s">
        <v>10</v>
      </c>
      <c r="C50">
        <v>57</v>
      </c>
      <c r="D50" t="s">
        <v>438</v>
      </c>
      <c r="E50">
        <v>388</v>
      </c>
      <c r="F50" t="s">
        <v>651</v>
      </c>
      <c r="G50">
        <v>160</v>
      </c>
      <c r="H50" t="s">
        <v>739</v>
      </c>
      <c r="I50">
        <v>4413</v>
      </c>
      <c r="J50" t="s">
        <v>65</v>
      </c>
      <c r="K50">
        <v>15</v>
      </c>
      <c r="L50" t="s">
        <v>740</v>
      </c>
      <c r="M50">
        <v>1169</v>
      </c>
      <c r="N50" t="s">
        <v>654</v>
      </c>
      <c r="O50">
        <v>3</v>
      </c>
      <c r="P50" t="s">
        <v>655</v>
      </c>
      <c r="Q50">
        <v>1</v>
      </c>
      <c r="R50" t="s">
        <v>656</v>
      </c>
      <c r="S50">
        <v>2</v>
      </c>
      <c r="T50" t="s">
        <v>661</v>
      </c>
      <c r="U50">
        <v>8</v>
      </c>
      <c r="V50">
        <v>1.5</v>
      </c>
      <c r="W50">
        <v>90</v>
      </c>
      <c r="X50">
        <v>2020</v>
      </c>
    </row>
    <row r="51" spans="1:24" x14ac:dyDescent="0.25">
      <c r="A51">
        <v>15557</v>
      </c>
      <c r="B51" t="s">
        <v>213</v>
      </c>
      <c r="C51">
        <v>15</v>
      </c>
      <c r="D51" t="s">
        <v>477</v>
      </c>
      <c r="E51">
        <v>97</v>
      </c>
      <c r="F51" t="s">
        <v>651</v>
      </c>
      <c r="G51">
        <v>160</v>
      </c>
      <c r="H51" t="s">
        <v>741</v>
      </c>
      <c r="I51">
        <v>1585</v>
      </c>
      <c r="J51" t="s">
        <v>742</v>
      </c>
      <c r="K51">
        <v>48</v>
      </c>
      <c r="L51" t="s">
        <v>743</v>
      </c>
      <c r="M51">
        <v>1223</v>
      </c>
      <c r="N51" t="s">
        <v>654</v>
      </c>
      <c r="O51">
        <v>3</v>
      </c>
      <c r="P51" t="s">
        <v>655</v>
      </c>
      <c r="Q51">
        <v>1</v>
      </c>
      <c r="R51" t="s">
        <v>656</v>
      </c>
      <c r="S51">
        <v>2</v>
      </c>
      <c r="T51" t="s">
        <v>661</v>
      </c>
      <c r="U51">
        <v>8</v>
      </c>
      <c r="V51">
        <v>2</v>
      </c>
      <c r="W51">
        <v>120</v>
      </c>
      <c r="X51">
        <v>2020</v>
      </c>
    </row>
    <row r="52" spans="1:24" x14ac:dyDescent="0.25">
      <c r="A52">
        <v>15560</v>
      </c>
      <c r="B52" t="s">
        <v>218</v>
      </c>
      <c r="C52">
        <v>17</v>
      </c>
      <c r="D52" t="s">
        <v>426</v>
      </c>
      <c r="E52">
        <v>122</v>
      </c>
      <c r="F52" t="s">
        <v>651</v>
      </c>
      <c r="G52">
        <v>160</v>
      </c>
      <c r="H52" t="s">
        <v>744</v>
      </c>
      <c r="I52">
        <v>3143</v>
      </c>
      <c r="J52" t="s">
        <v>663</v>
      </c>
      <c r="K52">
        <v>99</v>
      </c>
      <c r="L52" t="s">
        <v>745</v>
      </c>
      <c r="M52">
        <v>1315</v>
      </c>
      <c r="N52" t="s">
        <v>654</v>
      </c>
      <c r="O52">
        <v>3</v>
      </c>
      <c r="P52" t="s">
        <v>746</v>
      </c>
      <c r="Q52">
        <v>2</v>
      </c>
      <c r="R52" t="s">
        <v>656</v>
      </c>
      <c r="S52">
        <v>2</v>
      </c>
      <c r="T52" t="s">
        <v>718</v>
      </c>
      <c r="U52">
        <v>2</v>
      </c>
      <c r="V52">
        <v>2</v>
      </c>
      <c r="W52">
        <v>120</v>
      </c>
      <c r="X52">
        <v>2020</v>
      </c>
    </row>
    <row r="53" spans="1:24" x14ac:dyDescent="0.25">
      <c r="A53">
        <v>15563</v>
      </c>
      <c r="B53" t="s">
        <v>104</v>
      </c>
      <c r="C53">
        <v>25</v>
      </c>
      <c r="D53" t="s">
        <v>536</v>
      </c>
      <c r="E53">
        <v>185</v>
      </c>
      <c r="F53" t="s">
        <v>651</v>
      </c>
      <c r="G53">
        <v>160</v>
      </c>
      <c r="H53" t="s">
        <v>747</v>
      </c>
      <c r="I53">
        <v>4847</v>
      </c>
      <c r="J53" t="s">
        <v>695</v>
      </c>
      <c r="K53">
        <v>54</v>
      </c>
      <c r="L53" t="s">
        <v>748</v>
      </c>
      <c r="M53">
        <v>211</v>
      </c>
      <c r="N53" t="s">
        <v>668</v>
      </c>
      <c r="O53">
        <v>4</v>
      </c>
      <c r="P53" t="s">
        <v>655</v>
      </c>
      <c r="Q53">
        <v>1</v>
      </c>
      <c r="R53" t="s">
        <v>669</v>
      </c>
      <c r="S53">
        <v>1</v>
      </c>
      <c r="T53" t="s">
        <v>661</v>
      </c>
      <c r="U53">
        <v>8</v>
      </c>
      <c r="V53">
        <v>4</v>
      </c>
      <c r="W53">
        <v>240</v>
      </c>
      <c r="X53">
        <v>2020</v>
      </c>
    </row>
    <row r="54" spans="1:24" x14ac:dyDescent="0.25">
      <c r="A54">
        <v>15566</v>
      </c>
      <c r="B54" t="s">
        <v>32</v>
      </c>
      <c r="C54">
        <v>24</v>
      </c>
      <c r="D54" t="s">
        <v>538</v>
      </c>
      <c r="E54">
        <v>180</v>
      </c>
      <c r="F54" t="s">
        <v>651</v>
      </c>
      <c r="G54">
        <v>160</v>
      </c>
      <c r="H54" t="s">
        <v>747</v>
      </c>
      <c r="I54">
        <v>4847</v>
      </c>
      <c r="J54" t="s">
        <v>749</v>
      </c>
      <c r="K54">
        <v>63</v>
      </c>
      <c r="L54" t="s">
        <v>750</v>
      </c>
      <c r="M54">
        <v>3092</v>
      </c>
      <c r="N54" t="s">
        <v>654</v>
      </c>
      <c r="O54">
        <v>3</v>
      </c>
      <c r="P54" t="s">
        <v>655</v>
      </c>
      <c r="Q54">
        <v>1</v>
      </c>
      <c r="R54" t="s">
        <v>656</v>
      </c>
      <c r="S54">
        <v>2</v>
      </c>
      <c r="T54" t="s">
        <v>661</v>
      </c>
      <c r="U54">
        <v>8</v>
      </c>
      <c r="V54">
        <v>2</v>
      </c>
      <c r="W54">
        <v>120</v>
      </c>
      <c r="X54">
        <v>2020</v>
      </c>
    </row>
    <row r="55" spans="1:24" x14ac:dyDescent="0.25">
      <c r="A55">
        <v>15569</v>
      </c>
      <c r="B55" t="s">
        <v>32</v>
      </c>
      <c r="C55">
        <v>24</v>
      </c>
      <c r="D55" t="s">
        <v>54</v>
      </c>
      <c r="E55">
        <v>178</v>
      </c>
      <c r="F55" t="s">
        <v>651</v>
      </c>
      <c r="G55">
        <v>160</v>
      </c>
      <c r="H55" t="s">
        <v>747</v>
      </c>
      <c r="I55">
        <v>4847</v>
      </c>
      <c r="J55" t="s">
        <v>751</v>
      </c>
      <c r="K55">
        <v>79</v>
      </c>
      <c r="L55" t="s">
        <v>752</v>
      </c>
      <c r="M55">
        <v>328</v>
      </c>
      <c r="N55" t="s">
        <v>668</v>
      </c>
      <c r="O55">
        <v>4</v>
      </c>
      <c r="P55" t="s">
        <v>655</v>
      </c>
      <c r="Q55">
        <v>1</v>
      </c>
      <c r="R55" t="s">
        <v>669</v>
      </c>
      <c r="S55">
        <v>1</v>
      </c>
      <c r="T55" t="s">
        <v>718</v>
      </c>
      <c r="U55">
        <v>2</v>
      </c>
      <c r="V55">
        <v>6</v>
      </c>
      <c r="W55">
        <v>360</v>
      </c>
      <c r="X55">
        <v>2020</v>
      </c>
    </row>
    <row r="56" spans="1:24" x14ac:dyDescent="0.25">
      <c r="A56">
        <v>15572</v>
      </c>
      <c r="B56" t="s">
        <v>340</v>
      </c>
      <c r="C56">
        <v>55</v>
      </c>
      <c r="D56" t="s">
        <v>339</v>
      </c>
      <c r="E56">
        <v>641</v>
      </c>
      <c r="F56" t="s">
        <v>651</v>
      </c>
      <c r="G56">
        <v>160</v>
      </c>
      <c r="H56" t="s">
        <v>747</v>
      </c>
      <c r="I56">
        <v>4847</v>
      </c>
      <c r="J56" t="s">
        <v>730</v>
      </c>
      <c r="K56">
        <v>66</v>
      </c>
      <c r="L56" t="s">
        <v>753</v>
      </c>
      <c r="M56">
        <v>1337</v>
      </c>
      <c r="N56" t="s">
        <v>654</v>
      </c>
      <c r="O56">
        <v>3</v>
      </c>
      <c r="P56" t="s">
        <v>655</v>
      </c>
      <c r="Q56">
        <v>1</v>
      </c>
      <c r="R56" t="s">
        <v>656</v>
      </c>
      <c r="S56">
        <v>2</v>
      </c>
      <c r="T56" t="s">
        <v>661</v>
      </c>
      <c r="U56">
        <v>8</v>
      </c>
      <c r="V56">
        <v>1.5</v>
      </c>
      <c r="W56">
        <v>90</v>
      </c>
      <c r="X56">
        <v>2020</v>
      </c>
    </row>
    <row r="57" spans="1:24" x14ac:dyDescent="0.25">
      <c r="A57">
        <v>15575</v>
      </c>
      <c r="B57" t="s">
        <v>340</v>
      </c>
      <c r="C57">
        <v>55</v>
      </c>
      <c r="D57" t="s">
        <v>341</v>
      </c>
      <c r="E57">
        <v>640</v>
      </c>
      <c r="F57" t="s">
        <v>651</v>
      </c>
      <c r="G57">
        <v>160</v>
      </c>
      <c r="H57" t="s">
        <v>747</v>
      </c>
      <c r="I57">
        <v>4847</v>
      </c>
      <c r="J57" t="s">
        <v>714</v>
      </c>
      <c r="K57">
        <v>52</v>
      </c>
      <c r="L57" t="s">
        <v>754</v>
      </c>
      <c r="M57">
        <v>4114</v>
      </c>
      <c r="N57" t="s">
        <v>654</v>
      </c>
      <c r="O57">
        <v>3</v>
      </c>
      <c r="P57" t="s">
        <v>655</v>
      </c>
      <c r="Q57">
        <v>1</v>
      </c>
      <c r="R57" t="s">
        <v>656</v>
      </c>
      <c r="S57">
        <v>2</v>
      </c>
      <c r="T57" t="s">
        <v>661</v>
      </c>
      <c r="U57">
        <v>8</v>
      </c>
      <c r="V57">
        <v>1.5</v>
      </c>
      <c r="W57">
        <v>90</v>
      </c>
      <c r="X57">
        <v>2020</v>
      </c>
    </row>
    <row r="58" spans="1:24" x14ac:dyDescent="0.25">
      <c r="A58">
        <v>15578</v>
      </c>
      <c r="B58" t="s">
        <v>303</v>
      </c>
      <c r="C58">
        <v>53</v>
      </c>
      <c r="D58" t="s">
        <v>447</v>
      </c>
      <c r="E58">
        <v>374</v>
      </c>
      <c r="F58" t="s">
        <v>651</v>
      </c>
      <c r="G58">
        <v>160</v>
      </c>
      <c r="H58" t="s">
        <v>658</v>
      </c>
      <c r="I58">
        <v>13755</v>
      </c>
      <c r="J58" t="s">
        <v>302</v>
      </c>
      <c r="K58">
        <v>95</v>
      </c>
      <c r="L58" t="s">
        <v>755</v>
      </c>
      <c r="M58">
        <v>4345</v>
      </c>
      <c r="N58" t="s">
        <v>654</v>
      </c>
      <c r="O58">
        <v>3</v>
      </c>
      <c r="P58" t="s">
        <v>655</v>
      </c>
      <c r="Q58">
        <v>1</v>
      </c>
      <c r="R58" t="s">
        <v>656</v>
      </c>
      <c r="S58">
        <v>2</v>
      </c>
      <c r="T58" t="s">
        <v>661</v>
      </c>
      <c r="U58">
        <v>8</v>
      </c>
      <c r="V58">
        <v>2</v>
      </c>
      <c r="W58">
        <v>120</v>
      </c>
      <c r="X58">
        <v>2020</v>
      </c>
    </row>
    <row r="59" spans="1:24" x14ac:dyDescent="0.25">
      <c r="A59">
        <v>15581</v>
      </c>
      <c r="B59" t="s">
        <v>14</v>
      </c>
      <c r="C59">
        <v>20</v>
      </c>
      <c r="D59" t="s">
        <v>553</v>
      </c>
      <c r="E59">
        <v>150</v>
      </c>
      <c r="F59" t="s">
        <v>651</v>
      </c>
      <c r="G59">
        <v>160</v>
      </c>
      <c r="H59" t="s">
        <v>739</v>
      </c>
      <c r="I59">
        <v>4413</v>
      </c>
      <c r="J59" t="s">
        <v>756</v>
      </c>
      <c r="K59">
        <v>19</v>
      </c>
      <c r="L59" t="s">
        <v>757</v>
      </c>
      <c r="M59">
        <v>4388</v>
      </c>
      <c r="N59" t="s">
        <v>668</v>
      </c>
      <c r="O59">
        <v>4</v>
      </c>
      <c r="P59" t="s">
        <v>655</v>
      </c>
      <c r="Q59">
        <v>1</v>
      </c>
      <c r="R59" t="s">
        <v>669</v>
      </c>
      <c r="S59">
        <v>1</v>
      </c>
      <c r="T59" t="s">
        <v>661</v>
      </c>
      <c r="U59">
        <v>8</v>
      </c>
      <c r="V59">
        <v>3</v>
      </c>
      <c r="W59">
        <v>180</v>
      </c>
      <c r="X59">
        <v>2020</v>
      </c>
    </row>
    <row r="60" spans="1:24" x14ac:dyDescent="0.25">
      <c r="A60">
        <v>15584</v>
      </c>
      <c r="B60" t="s">
        <v>303</v>
      </c>
      <c r="C60">
        <v>53</v>
      </c>
      <c r="D60" t="s">
        <v>447</v>
      </c>
      <c r="E60">
        <v>374</v>
      </c>
      <c r="F60" t="s">
        <v>651</v>
      </c>
      <c r="G60">
        <v>160</v>
      </c>
      <c r="H60" t="s">
        <v>658</v>
      </c>
      <c r="I60">
        <v>13755</v>
      </c>
      <c r="J60" t="s">
        <v>302</v>
      </c>
      <c r="K60">
        <v>95</v>
      </c>
      <c r="L60" t="s">
        <v>758</v>
      </c>
      <c r="M60">
        <v>4312</v>
      </c>
      <c r="N60" t="s">
        <v>654</v>
      </c>
      <c r="O60">
        <v>3</v>
      </c>
      <c r="P60" t="s">
        <v>655</v>
      </c>
      <c r="Q60">
        <v>1</v>
      </c>
      <c r="R60" t="s">
        <v>656</v>
      </c>
      <c r="S60">
        <v>2</v>
      </c>
      <c r="T60" t="s">
        <v>661</v>
      </c>
      <c r="U60">
        <v>8</v>
      </c>
      <c r="V60">
        <v>2</v>
      </c>
      <c r="W60">
        <v>120</v>
      </c>
      <c r="X60">
        <v>2020</v>
      </c>
    </row>
    <row r="61" spans="1:24" x14ac:dyDescent="0.25">
      <c r="A61">
        <v>15587</v>
      </c>
      <c r="B61" t="s">
        <v>16</v>
      </c>
      <c r="C61">
        <v>5</v>
      </c>
      <c r="D61" t="s">
        <v>515</v>
      </c>
      <c r="E61">
        <v>37</v>
      </c>
      <c r="F61" t="s">
        <v>651</v>
      </c>
      <c r="G61">
        <v>160</v>
      </c>
      <c r="H61" t="s">
        <v>658</v>
      </c>
      <c r="I61">
        <v>13755</v>
      </c>
      <c r="J61" t="s">
        <v>684</v>
      </c>
      <c r="K61">
        <v>22</v>
      </c>
      <c r="L61" t="s">
        <v>759</v>
      </c>
      <c r="M61">
        <v>4373</v>
      </c>
      <c r="N61" t="s">
        <v>654</v>
      </c>
      <c r="O61">
        <v>3</v>
      </c>
      <c r="P61" t="s">
        <v>655</v>
      </c>
      <c r="Q61">
        <v>1</v>
      </c>
      <c r="R61" t="s">
        <v>656</v>
      </c>
      <c r="S61">
        <v>2</v>
      </c>
      <c r="T61" t="s">
        <v>661</v>
      </c>
      <c r="U61">
        <v>8</v>
      </c>
      <c r="V61">
        <v>2</v>
      </c>
      <c r="W61">
        <v>120</v>
      </c>
      <c r="X61">
        <v>2020</v>
      </c>
    </row>
    <row r="62" spans="1:24" x14ac:dyDescent="0.25">
      <c r="A62">
        <v>15590</v>
      </c>
      <c r="B62" t="s">
        <v>16</v>
      </c>
      <c r="C62">
        <v>5</v>
      </c>
      <c r="D62" t="s">
        <v>514</v>
      </c>
      <c r="E62">
        <v>38</v>
      </c>
      <c r="F62" t="s">
        <v>651</v>
      </c>
      <c r="G62">
        <v>160</v>
      </c>
      <c r="H62" t="s">
        <v>658</v>
      </c>
      <c r="I62">
        <v>13755</v>
      </c>
      <c r="J62" t="s">
        <v>684</v>
      </c>
      <c r="K62">
        <v>22</v>
      </c>
      <c r="L62" t="s">
        <v>760</v>
      </c>
      <c r="M62">
        <v>4376</v>
      </c>
      <c r="N62" t="s">
        <v>654</v>
      </c>
      <c r="O62">
        <v>3</v>
      </c>
      <c r="P62" t="s">
        <v>655</v>
      </c>
      <c r="Q62">
        <v>1</v>
      </c>
      <c r="R62" t="s">
        <v>656</v>
      </c>
      <c r="S62">
        <v>2</v>
      </c>
      <c r="T62" t="s">
        <v>661</v>
      </c>
      <c r="U62">
        <v>8</v>
      </c>
      <c r="V62">
        <v>2</v>
      </c>
      <c r="W62">
        <v>120</v>
      </c>
      <c r="X62">
        <v>2020</v>
      </c>
    </row>
    <row r="63" spans="1:24" x14ac:dyDescent="0.25">
      <c r="A63">
        <v>15593</v>
      </c>
      <c r="B63" t="s">
        <v>16</v>
      </c>
      <c r="C63">
        <v>5</v>
      </c>
      <c r="D63" t="s">
        <v>457</v>
      </c>
      <c r="E63">
        <v>41</v>
      </c>
      <c r="F63" t="s">
        <v>651</v>
      </c>
      <c r="G63">
        <v>160</v>
      </c>
      <c r="H63" t="s">
        <v>658</v>
      </c>
      <c r="I63">
        <v>13755</v>
      </c>
      <c r="J63" t="s">
        <v>684</v>
      </c>
      <c r="K63">
        <v>22</v>
      </c>
      <c r="L63" t="s">
        <v>761</v>
      </c>
      <c r="M63">
        <v>4379</v>
      </c>
      <c r="N63" t="s">
        <v>654</v>
      </c>
      <c r="O63">
        <v>3</v>
      </c>
      <c r="P63" t="s">
        <v>655</v>
      </c>
      <c r="Q63">
        <v>1</v>
      </c>
      <c r="R63" t="s">
        <v>656</v>
      </c>
      <c r="S63">
        <v>2</v>
      </c>
      <c r="T63" t="s">
        <v>661</v>
      </c>
      <c r="U63">
        <v>8</v>
      </c>
      <c r="V63">
        <v>2</v>
      </c>
      <c r="W63">
        <v>120</v>
      </c>
      <c r="X63">
        <v>2020</v>
      </c>
    </row>
    <row r="64" spans="1:24" x14ac:dyDescent="0.25">
      <c r="A64">
        <v>15596</v>
      </c>
      <c r="B64" t="s">
        <v>16</v>
      </c>
      <c r="C64">
        <v>5</v>
      </c>
      <c r="D64" t="s">
        <v>604</v>
      </c>
      <c r="E64">
        <v>40</v>
      </c>
      <c r="F64" t="s">
        <v>651</v>
      </c>
      <c r="G64">
        <v>160</v>
      </c>
      <c r="H64" t="s">
        <v>658</v>
      </c>
      <c r="I64">
        <v>13755</v>
      </c>
      <c r="J64" t="s">
        <v>684</v>
      </c>
      <c r="K64">
        <v>22</v>
      </c>
      <c r="L64" t="s">
        <v>762</v>
      </c>
      <c r="M64">
        <v>4397</v>
      </c>
      <c r="N64" t="s">
        <v>654</v>
      </c>
      <c r="O64">
        <v>3</v>
      </c>
      <c r="P64" t="s">
        <v>655</v>
      </c>
      <c r="Q64">
        <v>1</v>
      </c>
      <c r="R64" t="s">
        <v>656</v>
      </c>
      <c r="S64">
        <v>2</v>
      </c>
      <c r="T64" t="s">
        <v>661</v>
      </c>
      <c r="U64">
        <v>8</v>
      </c>
      <c r="V64">
        <v>2</v>
      </c>
      <c r="W64">
        <v>120</v>
      </c>
      <c r="X64">
        <v>2020</v>
      </c>
    </row>
    <row r="65" spans="1:24" x14ac:dyDescent="0.25">
      <c r="A65">
        <v>15599</v>
      </c>
      <c r="B65" t="s">
        <v>16</v>
      </c>
      <c r="C65">
        <v>5</v>
      </c>
      <c r="D65" t="s">
        <v>386</v>
      </c>
      <c r="E65">
        <v>42</v>
      </c>
      <c r="F65" t="s">
        <v>651</v>
      </c>
      <c r="G65">
        <v>160</v>
      </c>
      <c r="H65" t="s">
        <v>658</v>
      </c>
      <c r="I65">
        <v>13755</v>
      </c>
      <c r="J65" t="s">
        <v>684</v>
      </c>
      <c r="K65">
        <v>22</v>
      </c>
      <c r="L65" t="s">
        <v>763</v>
      </c>
      <c r="M65">
        <v>4382</v>
      </c>
      <c r="N65" t="s">
        <v>654</v>
      </c>
      <c r="O65">
        <v>3</v>
      </c>
      <c r="P65" t="s">
        <v>655</v>
      </c>
      <c r="Q65">
        <v>1</v>
      </c>
      <c r="R65" t="s">
        <v>656</v>
      </c>
      <c r="S65">
        <v>2</v>
      </c>
      <c r="T65" t="s">
        <v>661</v>
      </c>
      <c r="U65">
        <v>8</v>
      </c>
      <c r="V65">
        <v>2</v>
      </c>
      <c r="W65">
        <v>120</v>
      </c>
      <c r="X65">
        <v>2020</v>
      </c>
    </row>
    <row r="66" spans="1:24" x14ac:dyDescent="0.25">
      <c r="A66">
        <v>15602</v>
      </c>
      <c r="B66" t="s">
        <v>16</v>
      </c>
      <c r="C66">
        <v>5</v>
      </c>
      <c r="D66" t="s">
        <v>441</v>
      </c>
      <c r="E66">
        <v>44</v>
      </c>
      <c r="F66" t="s">
        <v>651</v>
      </c>
      <c r="G66">
        <v>160</v>
      </c>
      <c r="H66" t="s">
        <v>658</v>
      </c>
      <c r="I66">
        <v>13755</v>
      </c>
      <c r="J66" t="s">
        <v>684</v>
      </c>
      <c r="K66">
        <v>22</v>
      </c>
      <c r="L66" t="s">
        <v>764</v>
      </c>
      <c r="M66">
        <v>4385</v>
      </c>
      <c r="N66" t="s">
        <v>654</v>
      </c>
      <c r="O66">
        <v>3</v>
      </c>
      <c r="P66" t="s">
        <v>655</v>
      </c>
      <c r="Q66">
        <v>1</v>
      </c>
      <c r="R66" t="s">
        <v>656</v>
      </c>
      <c r="S66">
        <v>2</v>
      </c>
      <c r="T66" t="s">
        <v>661</v>
      </c>
      <c r="U66">
        <v>8</v>
      </c>
      <c r="V66">
        <v>2</v>
      </c>
      <c r="W66">
        <v>120</v>
      </c>
      <c r="X66">
        <v>2020</v>
      </c>
    </row>
    <row r="67" spans="1:24" x14ac:dyDescent="0.25">
      <c r="A67">
        <v>15605</v>
      </c>
      <c r="B67" t="s">
        <v>20</v>
      </c>
      <c r="C67">
        <v>14</v>
      </c>
      <c r="D67" t="s">
        <v>578</v>
      </c>
      <c r="E67">
        <v>93</v>
      </c>
      <c r="F67" t="s">
        <v>651</v>
      </c>
      <c r="G67">
        <v>160</v>
      </c>
      <c r="H67" t="s">
        <v>681</v>
      </c>
      <c r="I67">
        <v>717</v>
      </c>
      <c r="J67" t="s">
        <v>676</v>
      </c>
      <c r="K67">
        <v>4</v>
      </c>
      <c r="L67" t="s">
        <v>676</v>
      </c>
      <c r="M67">
        <v>12</v>
      </c>
      <c r="N67" t="s">
        <v>654</v>
      </c>
      <c r="O67">
        <v>3</v>
      </c>
      <c r="P67" t="s">
        <v>655</v>
      </c>
      <c r="Q67">
        <v>1</v>
      </c>
      <c r="R67" t="s">
        <v>669</v>
      </c>
      <c r="S67">
        <v>1</v>
      </c>
      <c r="T67" t="s">
        <v>718</v>
      </c>
      <c r="U67">
        <v>2</v>
      </c>
      <c r="V67">
        <v>3</v>
      </c>
      <c r="W67">
        <v>180</v>
      </c>
      <c r="X67">
        <v>2020</v>
      </c>
    </row>
    <row r="68" spans="1:24" x14ac:dyDescent="0.25">
      <c r="A68">
        <v>15608</v>
      </c>
      <c r="B68" t="s">
        <v>20</v>
      </c>
      <c r="C68">
        <v>14</v>
      </c>
      <c r="D68" t="s">
        <v>402</v>
      </c>
      <c r="E68">
        <v>95</v>
      </c>
      <c r="F68" t="s">
        <v>651</v>
      </c>
      <c r="G68">
        <v>160</v>
      </c>
      <c r="H68" t="s">
        <v>681</v>
      </c>
      <c r="I68">
        <v>717</v>
      </c>
      <c r="J68" t="s">
        <v>765</v>
      </c>
      <c r="K68">
        <v>76</v>
      </c>
      <c r="L68" t="s">
        <v>766</v>
      </c>
      <c r="M68">
        <v>137</v>
      </c>
      <c r="N68" t="s">
        <v>668</v>
      </c>
      <c r="O68">
        <v>4</v>
      </c>
      <c r="P68" t="s">
        <v>655</v>
      </c>
      <c r="Q68">
        <v>1</v>
      </c>
      <c r="R68" t="s">
        <v>669</v>
      </c>
      <c r="S68">
        <v>1</v>
      </c>
      <c r="T68" t="s">
        <v>661</v>
      </c>
      <c r="U68">
        <v>8</v>
      </c>
      <c r="V68">
        <v>3</v>
      </c>
      <c r="W68">
        <v>180</v>
      </c>
      <c r="X68">
        <v>2020</v>
      </c>
    </row>
    <row r="69" spans="1:24" x14ac:dyDescent="0.25">
      <c r="A69">
        <v>15611</v>
      </c>
      <c r="B69" t="s">
        <v>12</v>
      </c>
      <c r="C69">
        <v>7</v>
      </c>
      <c r="D69" t="s">
        <v>65</v>
      </c>
      <c r="E69">
        <v>1265</v>
      </c>
      <c r="F69" t="s">
        <v>651</v>
      </c>
      <c r="G69">
        <v>160</v>
      </c>
      <c r="H69" t="s">
        <v>658</v>
      </c>
      <c r="I69">
        <v>13755</v>
      </c>
      <c r="J69" t="s">
        <v>65</v>
      </c>
      <c r="K69">
        <v>15</v>
      </c>
      <c r="L69" t="s">
        <v>65</v>
      </c>
      <c r="M69">
        <v>51</v>
      </c>
      <c r="N69" t="s">
        <v>668</v>
      </c>
      <c r="O69">
        <v>4</v>
      </c>
      <c r="P69" t="s">
        <v>655</v>
      </c>
      <c r="Q69">
        <v>1</v>
      </c>
      <c r="R69" t="s">
        <v>669</v>
      </c>
      <c r="S69">
        <v>1</v>
      </c>
      <c r="T69" t="s">
        <v>661</v>
      </c>
      <c r="U69">
        <v>8</v>
      </c>
      <c r="V69">
        <v>4</v>
      </c>
      <c r="W69">
        <v>240</v>
      </c>
      <c r="X69">
        <v>2020</v>
      </c>
    </row>
    <row r="70" spans="1:24" x14ac:dyDescent="0.25">
      <c r="A70">
        <v>15614</v>
      </c>
      <c r="B70" t="s">
        <v>226</v>
      </c>
      <c r="C70">
        <v>1</v>
      </c>
      <c r="D70" t="s">
        <v>615</v>
      </c>
      <c r="E70">
        <v>12</v>
      </c>
      <c r="F70" t="s">
        <v>651</v>
      </c>
      <c r="G70">
        <v>160</v>
      </c>
      <c r="H70" t="s">
        <v>658</v>
      </c>
      <c r="I70">
        <v>13755</v>
      </c>
      <c r="J70" t="s">
        <v>767</v>
      </c>
      <c r="K70">
        <v>44</v>
      </c>
      <c r="L70" t="s">
        <v>768</v>
      </c>
      <c r="M70">
        <v>4394</v>
      </c>
      <c r="N70" t="s">
        <v>668</v>
      </c>
      <c r="O70">
        <v>4</v>
      </c>
      <c r="P70" t="s">
        <v>655</v>
      </c>
      <c r="Q70">
        <v>1</v>
      </c>
      <c r="R70" t="s">
        <v>669</v>
      </c>
      <c r="S70">
        <v>1</v>
      </c>
      <c r="T70" t="s">
        <v>769</v>
      </c>
      <c r="U70">
        <v>3</v>
      </c>
      <c r="V70">
        <v>4</v>
      </c>
      <c r="W70">
        <v>240</v>
      </c>
      <c r="X70">
        <v>2020</v>
      </c>
    </row>
    <row r="71" spans="1:24" x14ac:dyDescent="0.25">
      <c r="A71">
        <v>15617</v>
      </c>
      <c r="B71" t="s">
        <v>16</v>
      </c>
      <c r="C71">
        <v>5</v>
      </c>
      <c r="D71" t="s">
        <v>426</v>
      </c>
      <c r="E71">
        <v>46</v>
      </c>
      <c r="F71" t="s">
        <v>651</v>
      </c>
      <c r="G71">
        <v>160</v>
      </c>
      <c r="H71" t="s">
        <v>658</v>
      </c>
      <c r="I71">
        <v>13755</v>
      </c>
      <c r="J71" t="s">
        <v>684</v>
      </c>
      <c r="K71">
        <v>22</v>
      </c>
      <c r="L71" t="s">
        <v>770</v>
      </c>
      <c r="M71">
        <v>4400</v>
      </c>
      <c r="N71" t="s">
        <v>654</v>
      </c>
      <c r="O71">
        <v>3</v>
      </c>
      <c r="P71" t="s">
        <v>655</v>
      </c>
      <c r="Q71">
        <v>1</v>
      </c>
      <c r="R71" t="s">
        <v>656</v>
      </c>
      <c r="S71">
        <v>2</v>
      </c>
      <c r="T71" t="s">
        <v>661</v>
      </c>
      <c r="U71">
        <v>8</v>
      </c>
      <c r="V71">
        <v>2</v>
      </c>
      <c r="W71">
        <v>120</v>
      </c>
      <c r="X71">
        <v>2020</v>
      </c>
    </row>
    <row r="72" spans="1:24" x14ac:dyDescent="0.25">
      <c r="A72">
        <v>15620</v>
      </c>
      <c r="B72" t="s">
        <v>16</v>
      </c>
      <c r="C72">
        <v>5</v>
      </c>
      <c r="D72" t="s">
        <v>439</v>
      </c>
      <c r="E72">
        <v>47</v>
      </c>
      <c r="F72" t="s">
        <v>651</v>
      </c>
      <c r="G72">
        <v>160</v>
      </c>
      <c r="H72" t="s">
        <v>658</v>
      </c>
      <c r="I72">
        <v>13755</v>
      </c>
      <c r="J72" t="s">
        <v>684</v>
      </c>
      <c r="K72">
        <v>22</v>
      </c>
      <c r="L72" t="s">
        <v>770</v>
      </c>
      <c r="M72">
        <v>4400</v>
      </c>
      <c r="N72" t="s">
        <v>654</v>
      </c>
      <c r="O72">
        <v>3</v>
      </c>
      <c r="P72" t="s">
        <v>655</v>
      </c>
      <c r="Q72">
        <v>1</v>
      </c>
      <c r="R72" t="s">
        <v>656</v>
      </c>
      <c r="S72">
        <v>2</v>
      </c>
      <c r="T72" t="s">
        <v>769</v>
      </c>
      <c r="U72">
        <v>3</v>
      </c>
      <c r="V72">
        <v>2</v>
      </c>
      <c r="W72">
        <v>120</v>
      </c>
      <c r="X72">
        <v>2020</v>
      </c>
    </row>
    <row r="73" spans="1:24" x14ac:dyDescent="0.25">
      <c r="A73">
        <v>15623</v>
      </c>
      <c r="B73" t="s">
        <v>16</v>
      </c>
      <c r="C73">
        <v>5</v>
      </c>
      <c r="D73" t="s">
        <v>439</v>
      </c>
      <c r="E73">
        <v>47</v>
      </c>
      <c r="F73" t="s">
        <v>651</v>
      </c>
      <c r="G73">
        <v>160</v>
      </c>
      <c r="H73" t="s">
        <v>658</v>
      </c>
      <c r="I73">
        <v>13755</v>
      </c>
      <c r="J73" t="s">
        <v>684</v>
      </c>
      <c r="K73">
        <v>22</v>
      </c>
      <c r="L73" t="s">
        <v>770</v>
      </c>
      <c r="M73">
        <v>4400</v>
      </c>
      <c r="N73" t="s">
        <v>654</v>
      </c>
      <c r="O73">
        <v>3</v>
      </c>
      <c r="P73" t="s">
        <v>655</v>
      </c>
      <c r="Q73">
        <v>1</v>
      </c>
      <c r="R73" t="s">
        <v>656</v>
      </c>
      <c r="S73">
        <v>2</v>
      </c>
      <c r="T73" t="s">
        <v>729</v>
      </c>
      <c r="U73">
        <v>4</v>
      </c>
      <c r="V73">
        <v>2</v>
      </c>
      <c r="W73">
        <v>120</v>
      </c>
      <c r="X73">
        <v>2020</v>
      </c>
    </row>
    <row r="74" spans="1:24" x14ac:dyDescent="0.25">
      <c r="A74">
        <v>15626</v>
      </c>
      <c r="B74" t="s">
        <v>226</v>
      </c>
      <c r="C74">
        <v>1</v>
      </c>
      <c r="D74" t="s">
        <v>621</v>
      </c>
      <c r="E74">
        <v>15</v>
      </c>
      <c r="F74" t="s">
        <v>651</v>
      </c>
      <c r="G74">
        <v>160</v>
      </c>
      <c r="H74" t="s">
        <v>658</v>
      </c>
      <c r="I74">
        <v>13755</v>
      </c>
      <c r="J74" t="s">
        <v>684</v>
      </c>
      <c r="K74">
        <v>22</v>
      </c>
      <c r="L74" t="s">
        <v>771</v>
      </c>
      <c r="M74">
        <v>4406</v>
      </c>
      <c r="N74" t="s">
        <v>654</v>
      </c>
      <c r="O74">
        <v>3</v>
      </c>
      <c r="P74" t="s">
        <v>655</v>
      </c>
      <c r="Q74">
        <v>1</v>
      </c>
      <c r="R74" t="s">
        <v>656</v>
      </c>
      <c r="S74">
        <v>2</v>
      </c>
      <c r="T74" t="s">
        <v>661</v>
      </c>
      <c r="U74">
        <v>8</v>
      </c>
      <c r="V74">
        <v>2</v>
      </c>
      <c r="W74">
        <v>120</v>
      </c>
      <c r="X74">
        <v>2020</v>
      </c>
    </row>
    <row r="75" spans="1:24" x14ac:dyDescent="0.25">
      <c r="A75">
        <v>15629</v>
      </c>
      <c r="B75" t="s">
        <v>226</v>
      </c>
      <c r="C75">
        <v>1</v>
      </c>
      <c r="D75" t="s">
        <v>629</v>
      </c>
      <c r="E75">
        <v>5</v>
      </c>
      <c r="F75" t="s">
        <v>651</v>
      </c>
      <c r="G75">
        <v>160</v>
      </c>
      <c r="H75" t="s">
        <v>658</v>
      </c>
      <c r="I75">
        <v>13755</v>
      </c>
      <c r="J75" t="s">
        <v>684</v>
      </c>
      <c r="K75">
        <v>22</v>
      </c>
      <c r="L75" t="s">
        <v>772</v>
      </c>
      <c r="M75">
        <v>4403</v>
      </c>
      <c r="N75" t="s">
        <v>654</v>
      </c>
      <c r="O75">
        <v>3</v>
      </c>
      <c r="P75" t="s">
        <v>655</v>
      </c>
      <c r="Q75">
        <v>1</v>
      </c>
      <c r="R75" t="s">
        <v>656</v>
      </c>
      <c r="S75">
        <v>2</v>
      </c>
      <c r="T75" t="s">
        <v>661</v>
      </c>
      <c r="U75">
        <v>8</v>
      </c>
      <c r="V75">
        <v>2</v>
      </c>
      <c r="W75">
        <v>120</v>
      </c>
      <c r="X75">
        <v>2020</v>
      </c>
    </row>
    <row r="76" spans="1:24" x14ac:dyDescent="0.25">
      <c r="A76">
        <v>15632</v>
      </c>
      <c r="B76" t="s">
        <v>93</v>
      </c>
      <c r="C76">
        <v>48</v>
      </c>
      <c r="D76" t="s">
        <v>453</v>
      </c>
      <c r="E76">
        <v>362</v>
      </c>
      <c r="F76" t="s">
        <v>651</v>
      </c>
      <c r="G76">
        <v>160</v>
      </c>
      <c r="H76" t="s">
        <v>773</v>
      </c>
      <c r="I76">
        <v>11846</v>
      </c>
      <c r="J76" t="s">
        <v>684</v>
      </c>
      <c r="K76">
        <v>22</v>
      </c>
      <c r="L76" t="s">
        <v>774</v>
      </c>
      <c r="M76">
        <v>4505</v>
      </c>
      <c r="N76" t="s">
        <v>654</v>
      </c>
      <c r="O76">
        <v>3</v>
      </c>
      <c r="P76" t="s">
        <v>655</v>
      </c>
      <c r="Q76">
        <v>1</v>
      </c>
      <c r="R76" t="s">
        <v>656</v>
      </c>
      <c r="S76">
        <v>2</v>
      </c>
      <c r="T76" t="s">
        <v>661</v>
      </c>
      <c r="U76">
        <v>8</v>
      </c>
      <c r="V76">
        <v>2</v>
      </c>
      <c r="W76">
        <v>120</v>
      </c>
      <c r="X76">
        <v>2020</v>
      </c>
    </row>
    <row r="77" spans="1:24" x14ac:dyDescent="0.25">
      <c r="A77">
        <v>15635</v>
      </c>
      <c r="B77" t="s">
        <v>93</v>
      </c>
      <c r="C77">
        <v>48</v>
      </c>
      <c r="D77" t="s">
        <v>453</v>
      </c>
      <c r="E77">
        <v>362</v>
      </c>
      <c r="F77" t="s">
        <v>651</v>
      </c>
      <c r="G77">
        <v>160</v>
      </c>
      <c r="H77" t="s">
        <v>773</v>
      </c>
      <c r="I77">
        <v>11846</v>
      </c>
      <c r="J77" t="s">
        <v>684</v>
      </c>
      <c r="K77">
        <v>22</v>
      </c>
      <c r="L77" t="s">
        <v>775</v>
      </c>
      <c r="M77">
        <v>4508</v>
      </c>
      <c r="N77" t="s">
        <v>654</v>
      </c>
      <c r="O77">
        <v>3</v>
      </c>
      <c r="P77" t="s">
        <v>655</v>
      </c>
      <c r="Q77">
        <v>1</v>
      </c>
      <c r="R77" t="s">
        <v>656</v>
      </c>
      <c r="S77">
        <v>2</v>
      </c>
      <c r="T77" t="s">
        <v>661</v>
      </c>
      <c r="U77">
        <v>8</v>
      </c>
      <c r="V77">
        <v>2</v>
      </c>
      <c r="W77">
        <v>120</v>
      </c>
      <c r="X77">
        <v>2020</v>
      </c>
    </row>
    <row r="78" spans="1:24" x14ac:dyDescent="0.25">
      <c r="A78">
        <v>15638</v>
      </c>
      <c r="B78" t="s">
        <v>93</v>
      </c>
      <c r="C78">
        <v>48</v>
      </c>
      <c r="D78" t="s">
        <v>453</v>
      </c>
      <c r="E78">
        <v>362</v>
      </c>
      <c r="F78" t="s">
        <v>651</v>
      </c>
      <c r="G78">
        <v>160</v>
      </c>
      <c r="H78" t="s">
        <v>773</v>
      </c>
      <c r="I78">
        <v>11846</v>
      </c>
      <c r="J78" t="s">
        <v>684</v>
      </c>
      <c r="K78">
        <v>22</v>
      </c>
      <c r="L78" t="s">
        <v>776</v>
      </c>
      <c r="M78">
        <v>4553</v>
      </c>
      <c r="N78" t="s">
        <v>654</v>
      </c>
      <c r="O78">
        <v>3</v>
      </c>
      <c r="P78" t="s">
        <v>655</v>
      </c>
      <c r="Q78">
        <v>1</v>
      </c>
      <c r="R78" t="s">
        <v>656</v>
      </c>
      <c r="S78">
        <v>2</v>
      </c>
      <c r="T78" t="s">
        <v>661</v>
      </c>
      <c r="U78">
        <v>8</v>
      </c>
      <c r="V78">
        <v>2</v>
      </c>
      <c r="W78">
        <v>120</v>
      </c>
      <c r="X78">
        <v>2020</v>
      </c>
    </row>
    <row r="79" spans="1:24" x14ac:dyDescent="0.25">
      <c r="A79">
        <v>15641</v>
      </c>
      <c r="B79" t="s">
        <v>93</v>
      </c>
      <c r="C79">
        <v>48</v>
      </c>
      <c r="D79" t="s">
        <v>453</v>
      </c>
      <c r="E79">
        <v>362</v>
      </c>
      <c r="F79" t="s">
        <v>651</v>
      </c>
      <c r="G79">
        <v>160</v>
      </c>
      <c r="H79" t="s">
        <v>773</v>
      </c>
      <c r="I79">
        <v>11846</v>
      </c>
      <c r="J79" t="s">
        <v>684</v>
      </c>
      <c r="K79">
        <v>22</v>
      </c>
      <c r="L79" t="s">
        <v>777</v>
      </c>
      <c r="M79">
        <v>4514</v>
      </c>
      <c r="N79" t="s">
        <v>654</v>
      </c>
      <c r="O79">
        <v>3</v>
      </c>
      <c r="P79" t="s">
        <v>655</v>
      </c>
      <c r="Q79">
        <v>1</v>
      </c>
      <c r="R79" t="s">
        <v>656</v>
      </c>
      <c r="S79">
        <v>2</v>
      </c>
      <c r="T79" t="s">
        <v>661</v>
      </c>
      <c r="U79">
        <v>8</v>
      </c>
      <c r="V79">
        <v>2</v>
      </c>
      <c r="W79">
        <v>120</v>
      </c>
      <c r="X79">
        <v>2020</v>
      </c>
    </row>
    <row r="80" spans="1:24" x14ac:dyDescent="0.25">
      <c r="A80">
        <v>15644</v>
      </c>
      <c r="B80" t="s">
        <v>93</v>
      </c>
      <c r="C80">
        <v>48</v>
      </c>
      <c r="D80" t="s">
        <v>453</v>
      </c>
      <c r="E80">
        <v>362</v>
      </c>
      <c r="F80" t="s">
        <v>651</v>
      </c>
      <c r="G80">
        <v>160</v>
      </c>
      <c r="H80" t="s">
        <v>773</v>
      </c>
      <c r="I80">
        <v>11846</v>
      </c>
      <c r="J80" t="s">
        <v>684</v>
      </c>
      <c r="K80">
        <v>22</v>
      </c>
      <c r="L80" t="s">
        <v>778</v>
      </c>
      <c r="M80">
        <v>4550</v>
      </c>
      <c r="N80" t="s">
        <v>654</v>
      </c>
      <c r="O80">
        <v>3</v>
      </c>
      <c r="P80" t="s">
        <v>655</v>
      </c>
      <c r="Q80">
        <v>1</v>
      </c>
      <c r="R80" t="s">
        <v>656</v>
      </c>
      <c r="S80">
        <v>2</v>
      </c>
      <c r="T80" t="s">
        <v>661</v>
      </c>
      <c r="U80">
        <v>8</v>
      </c>
      <c r="V80">
        <v>2</v>
      </c>
      <c r="W80">
        <v>120</v>
      </c>
      <c r="X80">
        <v>2020</v>
      </c>
    </row>
    <row r="81" spans="1:24" x14ac:dyDescent="0.25">
      <c r="A81">
        <v>15647</v>
      </c>
      <c r="B81" t="s">
        <v>180</v>
      </c>
      <c r="C81">
        <v>70</v>
      </c>
      <c r="D81" t="s">
        <v>320</v>
      </c>
      <c r="E81">
        <v>663</v>
      </c>
      <c r="F81" t="s">
        <v>651</v>
      </c>
      <c r="G81">
        <v>160</v>
      </c>
      <c r="H81" t="s">
        <v>779</v>
      </c>
      <c r="I81">
        <v>10487</v>
      </c>
      <c r="J81" t="s">
        <v>299</v>
      </c>
      <c r="K81">
        <v>27</v>
      </c>
      <c r="L81" t="s">
        <v>780</v>
      </c>
      <c r="M81">
        <v>2986</v>
      </c>
      <c r="N81" t="s">
        <v>654</v>
      </c>
      <c r="O81">
        <v>3</v>
      </c>
      <c r="P81" t="s">
        <v>655</v>
      </c>
      <c r="Q81">
        <v>1</v>
      </c>
      <c r="R81" t="s">
        <v>656</v>
      </c>
      <c r="S81">
        <v>2</v>
      </c>
      <c r="T81" t="s">
        <v>661</v>
      </c>
      <c r="U81">
        <v>8</v>
      </c>
      <c r="V81">
        <v>2</v>
      </c>
      <c r="W81">
        <v>120</v>
      </c>
      <c r="X81">
        <v>2020</v>
      </c>
    </row>
    <row r="82" spans="1:24" x14ac:dyDescent="0.25">
      <c r="A82">
        <v>15650</v>
      </c>
      <c r="B82" t="s">
        <v>287</v>
      </c>
      <c r="C82">
        <v>59</v>
      </c>
      <c r="D82" t="s">
        <v>431</v>
      </c>
      <c r="E82">
        <v>405</v>
      </c>
      <c r="F82" t="s">
        <v>651</v>
      </c>
      <c r="G82">
        <v>160</v>
      </c>
      <c r="H82" t="s">
        <v>658</v>
      </c>
      <c r="I82">
        <v>13755</v>
      </c>
      <c r="J82" t="s">
        <v>682</v>
      </c>
      <c r="K82">
        <v>20</v>
      </c>
      <c r="L82" t="s">
        <v>781</v>
      </c>
      <c r="M82">
        <v>4409</v>
      </c>
      <c r="N82" t="s">
        <v>654</v>
      </c>
      <c r="O82">
        <v>3</v>
      </c>
      <c r="P82" t="s">
        <v>655</v>
      </c>
      <c r="Q82">
        <v>1</v>
      </c>
      <c r="R82" t="s">
        <v>656</v>
      </c>
      <c r="S82">
        <v>2</v>
      </c>
      <c r="T82" t="s">
        <v>661</v>
      </c>
      <c r="U82">
        <v>8</v>
      </c>
      <c r="V82">
        <v>2</v>
      </c>
      <c r="W82">
        <v>120</v>
      </c>
      <c r="X82">
        <v>2020</v>
      </c>
    </row>
    <row r="83" spans="1:24" x14ac:dyDescent="0.25">
      <c r="A83">
        <v>15653</v>
      </c>
      <c r="B83" t="s">
        <v>63</v>
      </c>
      <c r="C83">
        <v>58</v>
      </c>
      <c r="D83" t="s">
        <v>352</v>
      </c>
      <c r="E83">
        <v>610</v>
      </c>
      <c r="F83" t="s">
        <v>651</v>
      </c>
      <c r="G83">
        <v>160</v>
      </c>
      <c r="H83" t="s">
        <v>658</v>
      </c>
      <c r="I83">
        <v>13755</v>
      </c>
      <c r="J83" t="s">
        <v>756</v>
      </c>
      <c r="K83">
        <v>19</v>
      </c>
      <c r="L83" t="s">
        <v>782</v>
      </c>
      <c r="M83">
        <v>4412</v>
      </c>
      <c r="N83" t="s">
        <v>654</v>
      </c>
      <c r="O83">
        <v>3</v>
      </c>
      <c r="P83" t="s">
        <v>655</v>
      </c>
      <c r="Q83">
        <v>1</v>
      </c>
      <c r="R83" t="s">
        <v>656</v>
      </c>
      <c r="S83">
        <v>2</v>
      </c>
      <c r="T83" t="s">
        <v>661</v>
      </c>
      <c r="U83">
        <v>8</v>
      </c>
      <c r="V83">
        <v>2</v>
      </c>
      <c r="W83">
        <v>120</v>
      </c>
      <c r="X83">
        <v>2020</v>
      </c>
    </row>
    <row r="84" spans="1:24" x14ac:dyDescent="0.25">
      <c r="A84">
        <v>15656</v>
      </c>
      <c r="B84" t="s">
        <v>63</v>
      </c>
      <c r="C84">
        <v>58</v>
      </c>
      <c r="D84" t="s">
        <v>352</v>
      </c>
      <c r="E84">
        <v>610</v>
      </c>
      <c r="F84" t="s">
        <v>651</v>
      </c>
      <c r="G84">
        <v>160</v>
      </c>
      <c r="H84" t="s">
        <v>658</v>
      </c>
      <c r="I84">
        <v>13755</v>
      </c>
      <c r="J84" t="s">
        <v>691</v>
      </c>
      <c r="K84">
        <v>21</v>
      </c>
      <c r="L84" t="s">
        <v>783</v>
      </c>
      <c r="M84">
        <v>4415</v>
      </c>
      <c r="N84" t="s">
        <v>654</v>
      </c>
      <c r="O84">
        <v>3</v>
      </c>
      <c r="P84" t="s">
        <v>655</v>
      </c>
      <c r="Q84">
        <v>1</v>
      </c>
      <c r="R84" t="s">
        <v>656</v>
      </c>
      <c r="S84">
        <v>2</v>
      </c>
      <c r="T84" t="s">
        <v>661</v>
      </c>
      <c r="U84">
        <v>8</v>
      </c>
      <c r="V84">
        <v>2</v>
      </c>
      <c r="W84">
        <v>120</v>
      </c>
      <c r="X84">
        <v>2020</v>
      </c>
    </row>
    <row r="85" spans="1:24" x14ac:dyDescent="0.25">
      <c r="A85">
        <v>15659</v>
      </c>
      <c r="B85" t="s">
        <v>340</v>
      </c>
      <c r="C85">
        <v>55</v>
      </c>
      <c r="D85" t="s">
        <v>339</v>
      </c>
      <c r="E85">
        <v>641</v>
      </c>
      <c r="F85" t="s">
        <v>651</v>
      </c>
      <c r="G85">
        <v>160</v>
      </c>
      <c r="H85" t="s">
        <v>747</v>
      </c>
      <c r="I85">
        <v>4847</v>
      </c>
      <c r="J85" t="s">
        <v>103</v>
      </c>
      <c r="K85">
        <v>86</v>
      </c>
      <c r="L85" t="s">
        <v>784</v>
      </c>
      <c r="M85">
        <v>4418</v>
      </c>
      <c r="N85" t="s">
        <v>654</v>
      </c>
      <c r="O85">
        <v>3</v>
      </c>
      <c r="P85" t="s">
        <v>655</v>
      </c>
      <c r="Q85">
        <v>1</v>
      </c>
      <c r="R85" t="s">
        <v>656</v>
      </c>
      <c r="S85">
        <v>2</v>
      </c>
      <c r="T85" t="s">
        <v>661</v>
      </c>
      <c r="U85">
        <v>8</v>
      </c>
      <c r="V85">
        <v>2</v>
      </c>
      <c r="W85">
        <v>120</v>
      </c>
      <c r="X85">
        <v>2020</v>
      </c>
    </row>
    <row r="86" spans="1:24" x14ac:dyDescent="0.25">
      <c r="A86">
        <v>15662</v>
      </c>
      <c r="B86" t="s">
        <v>48</v>
      </c>
      <c r="C86">
        <v>54</v>
      </c>
      <c r="D86" t="s">
        <v>47</v>
      </c>
      <c r="E86">
        <v>1307</v>
      </c>
      <c r="F86" t="s">
        <v>651</v>
      </c>
      <c r="G86">
        <v>160</v>
      </c>
      <c r="H86" t="s">
        <v>744</v>
      </c>
      <c r="I86">
        <v>3143</v>
      </c>
      <c r="J86" t="s">
        <v>785</v>
      </c>
      <c r="K86">
        <v>93</v>
      </c>
      <c r="L86" t="s">
        <v>786</v>
      </c>
      <c r="M86">
        <v>4421</v>
      </c>
      <c r="N86" t="s">
        <v>654</v>
      </c>
      <c r="O86">
        <v>3</v>
      </c>
      <c r="P86" t="s">
        <v>655</v>
      </c>
      <c r="Q86">
        <v>1</v>
      </c>
      <c r="R86" t="s">
        <v>656</v>
      </c>
      <c r="S86">
        <v>2</v>
      </c>
      <c r="T86" t="s">
        <v>661</v>
      </c>
      <c r="U86">
        <v>8</v>
      </c>
      <c r="V86">
        <v>2</v>
      </c>
      <c r="W86">
        <v>120</v>
      </c>
      <c r="X86">
        <v>2020</v>
      </c>
    </row>
    <row r="87" spans="1:24" x14ac:dyDescent="0.25">
      <c r="A87">
        <v>15665</v>
      </c>
      <c r="B87" t="s">
        <v>93</v>
      </c>
      <c r="C87">
        <v>48</v>
      </c>
      <c r="D87" t="s">
        <v>451</v>
      </c>
      <c r="E87">
        <v>364</v>
      </c>
      <c r="F87" t="s">
        <v>651</v>
      </c>
      <c r="G87">
        <v>160</v>
      </c>
      <c r="H87" t="s">
        <v>773</v>
      </c>
      <c r="I87">
        <v>11846</v>
      </c>
      <c r="J87" t="s">
        <v>659</v>
      </c>
      <c r="K87">
        <v>35</v>
      </c>
      <c r="L87" t="s">
        <v>787</v>
      </c>
      <c r="M87">
        <v>4424</v>
      </c>
      <c r="N87" t="s">
        <v>654</v>
      </c>
      <c r="O87">
        <v>3</v>
      </c>
      <c r="P87" t="s">
        <v>655</v>
      </c>
      <c r="Q87">
        <v>1</v>
      </c>
      <c r="R87" t="s">
        <v>656</v>
      </c>
      <c r="S87">
        <v>2</v>
      </c>
      <c r="T87" t="s">
        <v>661</v>
      </c>
      <c r="U87">
        <v>8</v>
      </c>
      <c r="V87">
        <v>2</v>
      </c>
      <c r="W87">
        <v>120</v>
      </c>
      <c r="X87">
        <v>2020</v>
      </c>
    </row>
    <row r="88" spans="1:24" x14ac:dyDescent="0.25">
      <c r="A88">
        <v>15668</v>
      </c>
      <c r="B88" t="s">
        <v>93</v>
      </c>
      <c r="C88">
        <v>48</v>
      </c>
      <c r="D88" t="s">
        <v>451</v>
      </c>
      <c r="E88">
        <v>364</v>
      </c>
      <c r="F88" t="s">
        <v>651</v>
      </c>
      <c r="G88">
        <v>160</v>
      </c>
      <c r="H88" t="s">
        <v>773</v>
      </c>
      <c r="I88">
        <v>11846</v>
      </c>
      <c r="J88" t="s">
        <v>659</v>
      </c>
      <c r="K88">
        <v>35</v>
      </c>
      <c r="L88" t="s">
        <v>788</v>
      </c>
      <c r="M88">
        <v>4427</v>
      </c>
      <c r="N88" t="s">
        <v>654</v>
      </c>
      <c r="O88">
        <v>3</v>
      </c>
      <c r="P88" t="s">
        <v>655</v>
      </c>
      <c r="Q88">
        <v>1</v>
      </c>
      <c r="R88" t="s">
        <v>656</v>
      </c>
      <c r="S88">
        <v>2</v>
      </c>
      <c r="T88" t="s">
        <v>661</v>
      </c>
      <c r="U88">
        <v>8</v>
      </c>
      <c r="V88">
        <v>2</v>
      </c>
      <c r="W88">
        <v>120</v>
      </c>
      <c r="X88">
        <v>2020</v>
      </c>
    </row>
    <row r="89" spans="1:24" x14ac:dyDescent="0.25">
      <c r="A89">
        <v>15671</v>
      </c>
      <c r="B89" t="s">
        <v>93</v>
      </c>
      <c r="C89">
        <v>48</v>
      </c>
      <c r="D89" t="s">
        <v>451</v>
      </c>
      <c r="E89">
        <v>364</v>
      </c>
      <c r="F89" t="s">
        <v>651</v>
      </c>
      <c r="G89">
        <v>160</v>
      </c>
      <c r="H89" t="s">
        <v>773</v>
      </c>
      <c r="I89">
        <v>11846</v>
      </c>
      <c r="J89" t="s">
        <v>659</v>
      </c>
      <c r="K89">
        <v>35</v>
      </c>
      <c r="L89" t="s">
        <v>789</v>
      </c>
      <c r="M89">
        <v>4430</v>
      </c>
      <c r="N89" t="s">
        <v>654</v>
      </c>
      <c r="O89">
        <v>3</v>
      </c>
      <c r="P89" t="s">
        <v>655</v>
      </c>
      <c r="Q89">
        <v>1</v>
      </c>
      <c r="R89" t="s">
        <v>656</v>
      </c>
      <c r="S89">
        <v>2</v>
      </c>
      <c r="T89" t="s">
        <v>661</v>
      </c>
      <c r="U89">
        <v>8</v>
      </c>
      <c r="V89">
        <v>2</v>
      </c>
      <c r="W89">
        <v>120</v>
      </c>
      <c r="X89">
        <v>2020</v>
      </c>
    </row>
    <row r="90" spans="1:24" x14ac:dyDescent="0.25">
      <c r="A90">
        <v>15674</v>
      </c>
      <c r="B90" t="s">
        <v>93</v>
      </c>
      <c r="C90">
        <v>48</v>
      </c>
      <c r="D90" t="s">
        <v>452</v>
      </c>
      <c r="E90">
        <v>363</v>
      </c>
      <c r="F90" t="s">
        <v>651</v>
      </c>
      <c r="G90">
        <v>160</v>
      </c>
      <c r="H90" t="s">
        <v>773</v>
      </c>
      <c r="I90">
        <v>11846</v>
      </c>
      <c r="J90" t="s">
        <v>295</v>
      </c>
      <c r="K90">
        <v>30</v>
      </c>
      <c r="L90" t="s">
        <v>790</v>
      </c>
      <c r="M90">
        <v>4433</v>
      </c>
      <c r="N90" t="s">
        <v>654</v>
      </c>
      <c r="O90">
        <v>3</v>
      </c>
      <c r="P90" t="s">
        <v>655</v>
      </c>
      <c r="Q90">
        <v>1</v>
      </c>
      <c r="R90" t="s">
        <v>656</v>
      </c>
      <c r="S90">
        <v>2</v>
      </c>
      <c r="T90" t="s">
        <v>718</v>
      </c>
      <c r="U90">
        <v>2</v>
      </c>
      <c r="V90">
        <v>2</v>
      </c>
      <c r="W90">
        <v>120</v>
      </c>
      <c r="X90">
        <v>2020</v>
      </c>
    </row>
    <row r="91" spans="1:24" x14ac:dyDescent="0.25">
      <c r="A91">
        <v>15677</v>
      </c>
      <c r="B91" t="s">
        <v>93</v>
      </c>
      <c r="C91">
        <v>48</v>
      </c>
      <c r="D91" t="s">
        <v>11</v>
      </c>
      <c r="E91">
        <v>361</v>
      </c>
      <c r="F91" t="s">
        <v>651</v>
      </c>
      <c r="G91">
        <v>160</v>
      </c>
      <c r="H91" t="s">
        <v>773</v>
      </c>
      <c r="I91">
        <v>11846</v>
      </c>
      <c r="J91" t="s">
        <v>65</v>
      </c>
      <c r="K91">
        <v>15</v>
      </c>
      <c r="L91" t="s">
        <v>791</v>
      </c>
      <c r="M91">
        <v>807</v>
      </c>
      <c r="N91" t="s">
        <v>654</v>
      </c>
      <c r="O91">
        <v>3</v>
      </c>
      <c r="P91" t="s">
        <v>746</v>
      </c>
      <c r="Q91">
        <v>2</v>
      </c>
      <c r="R91" t="s">
        <v>656</v>
      </c>
      <c r="S91">
        <v>2</v>
      </c>
      <c r="T91" t="s">
        <v>661</v>
      </c>
      <c r="U91">
        <v>8</v>
      </c>
      <c r="V91">
        <v>1</v>
      </c>
      <c r="W91">
        <v>60</v>
      </c>
      <c r="X91">
        <v>2020</v>
      </c>
    </row>
    <row r="92" spans="1:24" x14ac:dyDescent="0.25">
      <c r="A92">
        <v>15680</v>
      </c>
      <c r="B92" t="s">
        <v>93</v>
      </c>
      <c r="C92">
        <v>48</v>
      </c>
      <c r="D92" t="s">
        <v>456</v>
      </c>
      <c r="E92">
        <v>358</v>
      </c>
      <c r="F92" t="s">
        <v>651</v>
      </c>
      <c r="G92">
        <v>160</v>
      </c>
      <c r="H92" t="s">
        <v>773</v>
      </c>
      <c r="I92">
        <v>11846</v>
      </c>
      <c r="J92" t="s">
        <v>792</v>
      </c>
      <c r="K92">
        <v>6</v>
      </c>
      <c r="L92" t="s">
        <v>793</v>
      </c>
      <c r="M92">
        <v>2670</v>
      </c>
      <c r="N92" t="s">
        <v>654</v>
      </c>
      <c r="O92">
        <v>3</v>
      </c>
      <c r="P92" t="s">
        <v>655</v>
      </c>
      <c r="Q92">
        <v>1</v>
      </c>
      <c r="R92" t="s">
        <v>656</v>
      </c>
      <c r="S92">
        <v>2</v>
      </c>
      <c r="T92" t="s">
        <v>718</v>
      </c>
      <c r="U92">
        <v>2</v>
      </c>
      <c r="V92">
        <v>2</v>
      </c>
      <c r="W92">
        <v>120</v>
      </c>
      <c r="X92">
        <v>2020</v>
      </c>
    </row>
    <row r="93" spans="1:24" x14ac:dyDescent="0.25">
      <c r="A93">
        <v>15683</v>
      </c>
      <c r="B93" t="s">
        <v>186</v>
      </c>
      <c r="C93">
        <v>47</v>
      </c>
      <c r="D93" t="s">
        <v>462</v>
      </c>
      <c r="E93">
        <v>351</v>
      </c>
      <c r="F93" t="s">
        <v>651</v>
      </c>
      <c r="G93">
        <v>160</v>
      </c>
      <c r="H93" t="s">
        <v>773</v>
      </c>
      <c r="I93">
        <v>11846</v>
      </c>
      <c r="J93" t="s">
        <v>794</v>
      </c>
      <c r="K93">
        <v>40</v>
      </c>
      <c r="L93" t="s">
        <v>795</v>
      </c>
      <c r="M93">
        <v>4436</v>
      </c>
      <c r="N93" t="s">
        <v>654</v>
      </c>
      <c r="O93">
        <v>3</v>
      </c>
      <c r="P93" t="s">
        <v>655</v>
      </c>
      <c r="Q93">
        <v>1</v>
      </c>
      <c r="R93" t="s">
        <v>656</v>
      </c>
      <c r="S93">
        <v>2</v>
      </c>
      <c r="T93" t="s">
        <v>661</v>
      </c>
      <c r="U93">
        <v>8</v>
      </c>
      <c r="V93">
        <v>2</v>
      </c>
      <c r="W93">
        <v>120</v>
      </c>
      <c r="X93">
        <v>2020</v>
      </c>
    </row>
    <row r="94" spans="1:24" x14ac:dyDescent="0.25">
      <c r="A94">
        <v>15686</v>
      </c>
      <c r="B94" t="s">
        <v>224</v>
      </c>
      <c r="C94">
        <v>46</v>
      </c>
      <c r="D94" t="s">
        <v>466</v>
      </c>
      <c r="E94">
        <v>346</v>
      </c>
      <c r="F94" t="s">
        <v>651</v>
      </c>
      <c r="G94">
        <v>160</v>
      </c>
      <c r="H94" t="s">
        <v>773</v>
      </c>
      <c r="I94">
        <v>11846</v>
      </c>
      <c r="J94" t="s">
        <v>682</v>
      </c>
      <c r="K94">
        <v>20</v>
      </c>
      <c r="L94" t="s">
        <v>796</v>
      </c>
      <c r="M94">
        <v>4439</v>
      </c>
      <c r="N94" t="s">
        <v>654</v>
      </c>
      <c r="O94">
        <v>3</v>
      </c>
      <c r="P94" t="s">
        <v>655</v>
      </c>
      <c r="Q94">
        <v>1</v>
      </c>
      <c r="R94" t="s">
        <v>656</v>
      </c>
      <c r="S94">
        <v>2</v>
      </c>
      <c r="T94" t="s">
        <v>661</v>
      </c>
      <c r="U94">
        <v>8</v>
      </c>
      <c r="V94">
        <v>2</v>
      </c>
      <c r="W94">
        <v>120</v>
      </c>
      <c r="X94">
        <v>2020</v>
      </c>
    </row>
    <row r="95" spans="1:24" x14ac:dyDescent="0.25">
      <c r="A95">
        <v>15689</v>
      </c>
      <c r="B95" t="s">
        <v>224</v>
      </c>
      <c r="C95">
        <v>46</v>
      </c>
      <c r="D95" t="s">
        <v>472</v>
      </c>
      <c r="E95">
        <v>339</v>
      </c>
      <c r="F95" t="s">
        <v>651</v>
      </c>
      <c r="G95">
        <v>160</v>
      </c>
      <c r="H95" t="s">
        <v>773</v>
      </c>
      <c r="I95">
        <v>11846</v>
      </c>
      <c r="J95" t="s">
        <v>797</v>
      </c>
      <c r="K95">
        <v>65</v>
      </c>
      <c r="L95" t="s">
        <v>798</v>
      </c>
      <c r="M95">
        <v>4442</v>
      </c>
      <c r="N95" t="s">
        <v>654</v>
      </c>
      <c r="O95">
        <v>3</v>
      </c>
      <c r="P95" t="s">
        <v>655</v>
      </c>
      <c r="Q95">
        <v>1</v>
      </c>
      <c r="R95" t="s">
        <v>656</v>
      </c>
      <c r="S95">
        <v>2</v>
      </c>
      <c r="T95" t="s">
        <v>661</v>
      </c>
      <c r="U95">
        <v>8</v>
      </c>
      <c r="V95">
        <v>2</v>
      </c>
      <c r="W95">
        <v>120</v>
      </c>
      <c r="X95">
        <v>2020</v>
      </c>
    </row>
    <row r="96" spans="1:24" x14ac:dyDescent="0.25">
      <c r="A96">
        <v>15692</v>
      </c>
      <c r="B96" t="s">
        <v>224</v>
      </c>
      <c r="C96">
        <v>46</v>
      </c>
      <c r="D96" t="s">
        <v>472</v>
      </c>
      <c r="E96">
        <v>339</v>
      </c>
      <c r="F96" t="s">
        <v>651</v>
      </c>
      <c r="G96">
        <v>160</v>
      </c>
      <c r="H96" t="s">
        <v>773</v>
      </c>
      <c r="I96">
        <v>11846</v>
      </c>
      <c r="J96" t="s">
        <v>767</v>
      </c>
      <c r="K96">
        <v>44</v>
      </c>
      <c r="L96" t="s">
        <v>799</v>
      </c>
      <c r="M96">
        <v>4445</v>
      </c>
      <c r="N96" t="s">
        <v>654</v>
      </c>
      <c r="O96">
        <v>3</v>
      </c>
      <c r="P96" t="s">
        <v>655</v>
      </c>
      <c r="Q96">
        <v>1</v>
      </c>
      <c r="R96" t="s">
        <v>656</v>
      </c>
      <c r="S96">
        <v>2</v>
      </c>
      <c r="T96" t="s">
        <v>718</v>
      </c>
      <c r="U96">
        <v>2</v>
      </c>
      <c r="V96">
        <v>2</v>
      </c>
      <c r="W96">
        <v>120</v>
      </c>
      <c r="X96">
        <v>2020</v>
      </c>
    </row>
    <row r="97" spans="1:24" x14ac:dyDescent="0.25">
      <c r="A97">
        <v>15695</v>
      </c>
      <c r="B97" t="s">
        <v>224</v>
      </c>
      <c r="C97">
        <v>46</v>
      </c>
      <c r="D97" t="s">
        <v>472</v>
      </c>
      <c r="E97">
        <v>339</v>
      </c>
      <c r="F97" t="s">
        <v>651</v>
      </c>
      <c r="G97">
        <v>160</v>
      </c>
      <c r="H97" t="s">
        <v>773</v>
      </c>
      <c r="I97">
        <v>11846</v>
      </c>
      <c r="J97" t="s">
        <v>767</v>
      </c>
      <c r="K97">
        <v>44</v>
      </c>
      <c r="L97" t="s">
        <v>800</v>
      </c>
      <c r="M97">
        <v>4448</v>
      </c>
      <c r="N97" t="s">
        <v>654</v>
      </c>
      <c r="O97">
        <v>3</v>
      </c>
      <c r="P97" t="s">
        <v>655</v>
      </c>
      <c r="Q97">
        <v>1</v>
      </c>
      <c r="R97" t="s">
        <v>656</v>
      </c>
      <c r="S97">
        <v>2</v>
      </c>
      <c r="T97" t="s">
        <v>718</v>
      </c>
      <c r="U97">
        <v>2</v>
      </c>
      <c r="V97">
        <v>2</v>
      </c>
      <c r="W97">
        <v>120</v>
      </c>
      <c r="X97">
        <v>2020</v>
      </c>
    </row>
    <row r="98" spans="1:24" x14ac:dyDescent="0.25">
      <c r="A98">
        <v>15698</v>
      </c>
      <c r="B98" t="s">
        <v>224</v>
      </c>
      <c r="C98">
        <v>46</v>
      </c>
      <c r="D98" t="s">
        <v>468</v>
      </c>
      <c r="E98">
        <v>343</v>
      </c>
      <c r="F98" t="s">
        <v>651</v>
      </c>
      <c r="G98">
        <v>160</v>
      </c>
      <c r="H98" t="s">
        <v>773</v>
      </c>
      <c r="I98">
        <v>11846</v>
      </c>
      <c r="J98" t="s">
        <v>710</v>
      </c>
      <c r="K98">
        <v>53</v>
      </c>
      <c r="L98" t="s">
        <v>801</v>
      </c>
      <c r="M98">
        <v>4451</v>
      </c>
      <c r="N98" t="s">
        <v>654</v>
      </c>
      <c r="O98">
        <v>3</v>
      </c>
      <c r="P98" t="s">
        <v>655</v>
      </c>
      <c r="Q98">
        <v>1</v>
      </c>
      <c r="R98" t="s">
        <v>656</v>
      </c>
      <c r="S98">
        <v>2</v>
      </c>
      <c r="T98" t="s">
        <v>661</v>
      </c>
      <c r="U98">
        <v>8</v>
      </c>
      <c r="V98">
        <v>2</v>
      </c>
      <c r="W98">
        <v>120</v>
      </c>
      <c r="X98">
        <v>2020</v>
      </c>
    </row>
    <row r="99" spans="1:24" x14ac:dyDescent="0.25">
      <c r="A99">
        <v>15701</v>
      </c>
      <c r="B99" t="s">
        <v>26</v>
      </c>
      <c r="C99">
        <v>44</v>
      </c>
      <c r="D99" t="s">
        <v>474</v>
      </c>
      <c r="E99">
        <v>332</v>
      </c>
      <c r="F99" t="s">
        <v>651</v>
      </c>
      <c r="G99">
        <v>160</v>
      </c>
      <c r="H99" t="s">
        <v>666</v>
      </c>
      <c r="I99">
        <v>8767</v>
      </c>
      <c r="J99" t="s">
        <v>802</v>
      </c>
      <c r="K99">
        <v>12</v>
      </c>
      <c r="L99" t="s">
        <v>803</v>
      </c>
      <c r="M99">
        <v>4454</v>
      </c>
      <c r="N99" t="s">
        <v>654</v>
      </c>
      <c r="O99">
        <v>3</v>
      </c>
      <c r="P99" t="s">
        <v>655</v>
      </c>
      <c r="Q99">
        <v>1</v>
      </c>
      <c r="R99" t="s">
        <v>656</v>
      </c>
      <c r="S99">
        <v>2</v>
      </c>
      <c r="T99" t="s">
        <v>661</v>
      </c>
      <c r="U99">
        <v>8</v>
      </c>
      <c r="V99">
        <v>2</v>
      </c>
      <c r="W99">
        <v>120</v>
      </c>
      <c r="X99">
        <v>2020</v>
      </c>
    </row>
    <row r="100" spans="1:24" x14ac:dyDescent="0.25">
      <c r="A100">
        <v>15704</v>
      </c>
      <c r="B100" t="s">
        <v>26</v>
      </c>
      <c r="C100">
        <v>44</v>
      </c>
      <c r="D100" t="s">
        <v>474</v>
      </c>
      <c r="E100">
        <v>332</v>
      </c>
      <c r="F100" t="s">
        <v>651</v>
      </c>
      <c r="G100">
        <v>160</v>
      </c>
      <c r="H100" t="s">
        <v>666</v>
      </c>
      <c r="I100">
        <v>8767</v>
      </c>
      <c r="J100" t="s">
        <v>663</v>
      </c>
      <c r="K100">
        <v>99</v>
      </c>
      <c r="L100" t="s">
        <v>804</v>
      </c>
      <c r="M100">
        <v>4457</v>
      </c>
      <c r="N100" t="s">
        <v>654</v>
      </c>
      <c r="O100">
        <v>3</v>
      </c>
      <c r="P100" t="s">
        <v>655</v>
      </c>
      <c r="Q100">
        <v>1</v>
      </c>
      <c r="R100" t="s">
        <v>656</v>
      </c>
      <c r="S100">
        <v>2</v>
      </c>
      <c r="T100" t="s">
        <v>661</v>
      </c>
      <c r="U100">
        <v>8</v>
      </c>
      <c r="V100">
        <v>2</v>
      </c>
      <c r="W100">
        <v>120</v>
      </c>
      <c r="X100">
        <v>2020</v>
      </c>
    </row>
    <row r="101" spans="1:24" x14ac:dyDescent="0.25">
      <c r="A101">
        <v>15707</v>
      </c>
      <c r="B101" t="s">
        <v>26</v>
      </c>
      <c r="C101">
        <v>44</v>
      </c>
      <c r="D101" t="s">
        <v>474</v>
      </c>
      <c r="E101">
        <v>332</v>
      </c>
      <c r="F101" t="s">
        <v>651</v>
      </c>
      <c r="G101">
        <v>160</v>
      </c>
      <c r="H101" t="s">
        <v>666</v>
      </c>
      <c r="I101">
        <v>8767</v>
      </c>
      <c r="J101" t="s">
        <v>663</v>
      </c>
      <c r="K101">
        <v>99</v>
      </c>
      <c r="L101" t="s">
        <v>805</v>
      </c>
      <c r="M101">
        <v>4460</v>
      </c>
      <c r="N101" t="s">
        <v>654</v>
      </c>
      <c r="O101">
        <v>3</v>
      </c>
      <c r="P101" t="s">
        <v>655</v>
      </c>
      <c r="Q101">
        <v>1</v>
      </c>
      <c r="R101" t="s">
        <v>656</v>
      </c>
      <c r="S101">
        <v>2</v>
      </c>
      <c r="T101" t="s">
        <v>661</v>
      </c>
      <c r="U101">
        <v>8</v>
      </c>
      <c r="V101">
        <v>2</v>
      </c>
      <c r="W101">
        <v>120</v>
      </c>
      <c r="X101">
        <v>2020</v>
      </c>
    </row>
    <row r="102" spans="1:24" x14ac:dyDescent="0.25">
      <c r="A102">
        <v>15710</v>
      </c>
      <c r="B102" t="s">
        <v>26</v>
      </c>
      <c r="C102">
        <v>44</v>
      </c>
      <c r="D102" t="s">
        <v>473</v>
      </c>
      <c r="E102">
        <v>333</v>
      </c>
      <c r="F102" t="s">
        <v>651</v>
      </c>
      <c r="G102">
        <v>160</v>
      </c>
      <c r="H102" t="s">
        <v>666</v>
      </c>
      <c r="I102">
        <v>8767</v>
      </c>
      <c r="J102" t="s">
        <v>295</v>
      </c>
      <c r="K102">
        <v>30</v>
      </c>
      <c r="L102" t="s">
        <v>806</v>
      </c>
      <c r="M102">
        <v>4463</v>
      </c>
      <c r="N102" t="s">
        <v>654</v>
      </c>
      <c r="O102">
        <v>3</v>
      </c>
      <c r="P102" t="s">
        <v>655</v>
      </c>
      <c r="Q102">
        <v>1</v>
      </c>
      <c r="R102" t="s">
        <v>656</v>
      </c>
      <c r="S102">
        <v>2</v>
      </c>
      <c r="T102" t="s">
        <v>661</v>
      </c>
      <c r="U102">
        <v>8</v>
      </c>
      <c r="V102">
        <v>2</v>
      </c>
      <c r="W102">
        <v>120</v>
      </c>
      <c r="X102">
        <v>2020</v>
      </c>
    </row>
    <row r="103" spans="1:24" x14ac:dyDescent="0.25">
      <c r="A103">
        <v>15713</v>
      </c>
      <c r="B103" t="s">
        <v>26</v>
      </c>
      <c r="C103">
        <v>44</v>
      </c>
      <c r="D103" t="s">
        <v>473</v>
      </c>
      <c r="E103">
        <v>333</v>
      </c>
      <c r="F103" t="s">
        <v>651</v>
      </c>
      <c r="G103">
        <v>160</v>
      </c>
      <c r="H103" t="s">
        <v>666</v>
      </c>
      <c r="I103">
        <v>8767</v>
      </c>
      <c r="J103" t="s">
        <v>807</v>
      </c>
      <c r="K103">
        <v>25</v>
      </c>
      <c r="L103" t="s">
        <v>808</v>
      </c>
      <c r="M103">
        <v>4466</v>
      </c>
      <c r="N103" t="s">
        <v>654</v>
      </c>
      <c r="O103">
        <v>3</v>
      </c>
      <c r="P103" t="s">
        <v>655</v>
      </c>
      <c r="Q103">
        <v>1</v>
      </c>
      <c r="R103" t="s">
        <v>656</v>
      </c>
      <c r="S103">
        <v>2</v>
      </c>
      <c r="T103" t="s">
        <v>661</v>
      </c>
      <c r="U103">
        <v>8</v>
      </c>
      <c r="V103">
        <v>2</v>
      </c>
      <c r="W103">
        <v>120</v>
      </c>
      <c r="X103">
        <v>2020</v>
      </c>
    </row>
    <row r="104" spans="1:24" x14ac:dyDescent="0.25">
      <c r="A104">
        <v>15716</v>
      </c>
      <c r="B104" t="s">
        <v>26</v>
      </c>
      <c r="C104">
        <v>44</v>
      </c>
      <c r="D104" t="s">
        <v>473</v>
      </c>
      <c r="E104">
        <v>333</v>
      </c>
      <c r="F104" t="s">
        <v>651</v>
      </c>
      <c r="G104">
        <v>160</v>
      </c>
      <c r="H104" t="s">
        <v>666</v>
      </c>
      <c r="I104">
        <v>8767</v>
      </c>
      <c r="J104" t="s">
        <v>682</v>
      </c>
      <c r="K104">
        <v>20</v>
      </c>
      <c r="L104" t="s">
        <v>809</v>
      </c>
      <c r="M104">
        <v>4469</v>
      </c>
      <c r="N104" t="s">
        <v>654</v>
      </c>
      <c r="O104">
        <v>3</v>
      </c>
      <c r="P104" t="s">
        <v>655</v>
      </c>
      <c r="Q104">
        <v>1</v>
      </c>
      <c r="R104" t="s">
        <v>656</v>
      </c>
      <c r="S104">
        <v>2</v>
      </c>
      <c r="T104" t="s">
        <v>661</v>
      </c>
      <c r="U104">
        <v>8</v>
      </c>
      <c r="V104">
        <v>2</v>
      </c>
      <c r="W104">
        <v>120</v>
      </c>
      <c r="X104">
        <v>2020</v>
      </c>
    </row>
    <row r="105" spans="1:24" x14ac:dyDescent="0.25">
      <c r="A105">
        <v>15719</v>
      </c>
      <c r="B105" t="s">
        <v>26</v>
      </c>
      <c r="C105">
        <v>44</v>
      </c>
      <c r="D105" t="s">
        <v>475</v>
      </c>
      <c r="E105">
        <v>331</v>
      </c>
      <c r="F105" t="s">
        <v>651</v>
      </c>
      <c r="G105">
        <v>160</v>
      </c>
      <c r="H105" t="s">
        <v>666</v>
      </c>
      <c r="I105">
        <v>8767</v>
      </c>
      <c r="J105" t="s">
        <v>676</v>
      </c>
      <c r="K105">
        <v>4</v>
      </c>
      <c r="L105" t="s">
        <v>810</v>
      </c>
      <c r="M105">
        <v>4472</v>
      </c>
      <c r="N105" t="s">
        <v>654</v>
      </c>
      <c r="O105">
        <v>3</v>
      </c>
      <c r="P105" t="s">
        <v>655</v>
      </c>
      <c r="Q105">
        <v>1</v>
      </c>
      <c r="R105" t="s">
        <v>656</v>
      </c>
      <c r="S105">
        <v>2</v>
      </c>
      <c r="T105" t="s">
        <v>661</v>
      </c>
      <c r="U105">
        <v>8</v>
      </c>
      <c r="V105">
        <v>2</v>
      </c>
      <c r="W105">
        <v>120</v>
      </c>
      <c r="X105">
        <v>2020</v>
      </c>
    </row>
    <row r="106" spans="1:24" x14ac:dyDescent="0.25">
      <c r="A106">
        <v>15722</v>
      </c>
      <c r="B106" t="s">
        <v>26</v>
      </c>
      <c r="C106">
        <v>44</v>
      </c>
      <c r="D106" t="s">
        <v>475</v>
      </c>
      <c r="E106">
        <v>331</v>
      </c>
      <c r="F106" t="s">
        <v>651</v>
      </c>
      <c r="G106">
        <v>160</v>
      </c>
      <c r="H106" t="s">
        <v>666</v>
      </c>
      <c r="I106">
        <v>8767</v>
      </c>
      <c r="J106" t="s">
        <v>676</v>
      </c>
      <c r="K106">
        <v>4</v>
      </c>
      <c r="L106" t="s">
        <v>811</v>
      </c>
      <c r="M106">
        <v>3609</v>
      </c>
      <c r="N106" t="s">
        <v>654</v>
      </c>
      <c r="O106">
        <v>3</v>
      </c>
      <c r="P106" t="s">
        <v>655</v>
      </c>
      <c r="Q106">
        <v>1</v>
      </c>
      <c r="R106" t="s">
        <v>656</v>
      </c>
      <c r="S106">
        <v>2</v>
      </c>
      <c r="T106" t="s">
        <v>661</v>
      </c>
      <c r="U106">
        <v>8</v>
      </c>
      <c r="V106">
        <v>2</v>
      </c>
      <c r="W106">
        <v>120</v>
      </c>
      <c r="X106">
        <v>2020</v>
      </c>
    </row>
    <row r="107" spans="1:24" x14ac:dyDescent="0.25">
      <c r="A107">
        <v>15725</v>
      </c>
      <c r="B107" t="s">
        <v>74</v>
      </c>
      <c r="C107">
        <v>40</v>
      </c>
      <c r="D107" t="s">
        <v>353</v>
      </c>
      <c r="E107">
        <v>317</v>
      </c>
      <c r="F107" t="s">
        <v>651</v>
      </c>
      <c r="G107">
        <v>160</v>
      </c>
      <c r="H107" t="s">
        <v>697</v>
      </c>
      <c r="I107">
        <v>11198</v>
      </c>
      <c r="J107" t="s">
        <v>684</v>
      </c>
      <c r="K107">
        <v>22</v>
      </c>
      <c r="L107" t="s">
        <v>812</v>
      </c>
      <c r="M107">
        <v>4475</v>
      </c>
      <c r="N107" t="s">
        <v>654</v>
      </c>
      <c r="O107">
        <v>3</v>
      </c>
      <c r="P107" t="s">
        <v>655</v>
      </c>
      <c r="Q107">
        <v>1</v>
      </c>
      <c r="R107" t="s">
        <v>656</v>
      </c>
      <c r="S107">
        <v>2</v>
      </c>
      <c r="T107" t="s">
        <v>718</v>
      </c>
      <c r="U107">
        <v>2</v>
      </c>
      <c r="V107">
        <v>2</v>
      </c>
      <c r="W107">
        <v>120</v>
      </c>
      <c r="X107">
        <v>2020</v>
      </c>
    </row>
    <row r="108" spans="1:24" x14ac:dyDescent="0.25">
      <c r="A108">
        <v>15728</v>
      </c>
      <c r="B108" t="s">
        <v>74</v>
      </c>
      <c r="C108">
        <v>40</v>
      </c>
      <c r="D108" t="s">
        <v>483</v>
      </c>
      <c r="E108">
        <v>316</v>
      </c>
      <c r="F108" t="s">
        <v>651</v>
      </c>
      <c r="G108">
        <v>160</v>
      </c>
      <c r="H108" t="s">
        <v>697</v>
      </c>
      <c r="I108">
        <v>11198</v>
      </c>
      <c r="J108" t="s">
        <v>813</v>
      </c>
      <c r="K108">
        <v>24</v>
      </c>
      <c r="L108" t="s">
        <v>814</v>
      </c>
      <c r="M108">
        <v>4478</v>
      </c>
      <c r="N108" t="s">
        <v>654</v>
      </c>
      <c r="O108">
        <v>3</v>
      </c>
      <c r="P108" t="s">
        <v>655</v>
      </c>
      <c r="Q108">
        <v>1</v>
      </c>
      <c r="R108" t="s">
        <v>656</v>
      </c>
      <c r="S108">
        <v>2</v>
      </c>
      <c r="T108" t="s">
        <v>661</v>
      </c>
      <c r="U108">
        <v>8</v>
      </c>
      <c r="V108">
        <v>2</v>
      </c>
      <c r="W108">
        <v>120</v>
      </c>
      <c r="X108">
        <v>2020</v>
      </c>
    </row>
    <row r="109" spans="1:24" x14ac:dyDescent="0.25">
      <c r="A109">
        <v>15731</v>
      </c>
      <c r="B109" t="s">
        <v>74</v>
      </c>
      <c r="C109">
        <v>40</v>
      </c>
      <c r="D109" t="s">
        <v>73</v>
      </c>
      <c r="E109">
        <v>1248</v>
      </c>
      <c r="F109" t="s">
        <v>651</v>
      </c>
      <c r="G109">
        <v>160</v>
      </c>
      <c r="H109" t="s">
        <v>697</v>
      </c>
      <c r="I109">
        <v>11198</v>
      </c>
      <c r="J109" t="s">
        <v>65</v>
      </c>
      <c r="K109">
        <v>15</v>
      </c>
      <c r="L109" t="s">
        <v>815</v>
      </c>
      <c r="M109">
        <v>4481</v>
      </c>
      <c r="N109" t="s">
        <v>654</v>
      </c>
      <c r="O109">
        <v>3</v>
      </c>
      <c r="P109" t="s">
        <v>655</v>
      </c>
      <c r="Q109">
        <v>1</v>
      </c>
      <c r="R109" t="s">
        <v>656</v>
      </c>
      <c r="S109">
        <v>2</v>
      </c>
      <c r="T109" t="s">
        <v>661</v>
      </c>
      <c r="U109">
        <v>8</v>
      </c>
      <c r="V109">
        <v>2</v>
      </c>
      <c r="W109">
        <v>120</v>
      </c>
      <c r="X109">
        <v>2020</v>
      </c>
    </row>
    <row r="110" spans="1:24" x14ac:dyDescent="0.25">
      <c r="A110">
        <v>15734</v>
      </c>
      <c r="B110" t="s">
        <v>74</v>
      </c>
      <c r="C110">
        <v>40</v>
      </c>
      <c r="D110" t="s">
        <v>488</v>
      </c>
      <c r="E110">
        <v>311</v>
      </c>
      <c r="F110" t="s">
        <v>651</v>
      </c>
      <c r="G110">
        <v>160</v>
      </c>
      <c r="H110" t="s">
        <v>697</v>
      </c>
      <c r="I110">
        <v>11198</v>
      </c>
      <c r="J110" t="s">
        <v>710</v>
      </c>
      <c r="K110">
        <v>53</v>
      </c>
      <c r="L110" t="s">
        <v>816</v>
      </c>
      <c r="M110">
        <v>4484</v>
      </c>
      <c r="N110" t="s">
        <v>654</v>
      </c>
      <c r="O110">
        <v>3</v>
      </c>
      <c r="P110" t="s">
        <v>655</v>
      </c>
      <c r="Q110">
        <v>1</v>
      </c>
      <c r="R110" t="s">
        <v>656</v>
      </c>
      <c r="S110">
        <v>2</v>
      </c>
      <c r="T110" t="s">
        <v>661</v>
      </c>
      <c r="U110">
        <v>8</v>
      </c>
      <c r="V110">
        <v>2</v>
      </c>
      <c r="W110">
        <v>120</v>
      </c>
      <c r="X110">
        <v>2020</v>
      </c>
    </row>
    <row r="111" spans="1:24" x14ac:dyDescent="0.25">
      <c r="A111">
        <v>15737</v>
      </c>
      <c r="B111" t="s">
        <v>247</v>
      </c>
      <c r="C111">
        <v>39</v>
      </c>
      <c r="D111" t="s">
        <v>477</v>
      </c>
      <c r="E111">
        <v>301</v>
      </c>
      <c r="F111" t="s">
        <v>651</v>
      </c>
      <c r="G111">
        <v>160</v>
      </c>
      <c r="H111" t="s">
        <v>817</v>
      </c>
      <c r="I111">
        <v>11010</v>
      </c>
      <c r="J111" t="s">
        <v>716</v>
      </c>
      <c r="K111">
        <v>68</v>
      </c>
      <c r="L111" t="s">
        <v>818</v>
      </c>
      <c r="M111">
        <v>2167</v>
      </c>
      <c r="N111" t="s">
        <v>654</v>
      </c>
      <c r="O111">
        <v>3</v>
      </c>
      <c r="P111" t="s">
        <v>655</v>
      </c>
      <c r="Q111">
        <v>1</v>
      </c>
      <c r="R111" t="s">
        <v>656</v>
      </c>
      <c r="S111">
        <v>2</v>
      </c>
      <c r="T111" t="s">
        <v>661</v>
      </c>
      <c r="U111">
        <v>8</v>
      </c>
      <c r="V111">
        <v>2</v>
      </c>
      <c r="W111">
        <v>120</v>
      </c>
      <c r="X111">
        <v>2020</v>
      </c>
    </row>
    <row r="112" spans="1:24" x14ac:dyDescent="0.25">
      <c r="A112">
        <v>15740</v>
      </c>
      <c r="B112" t="s">
        <v>249</v>
      </c>
      <c r="C112">
        <v>38</v>
      </c>
      <c r="D112" t="s">
        <v>330</v>
      </c>
      <c r="E112">
        <v>635</v>
      </c>
      <c r="F112" t="s">
        <v>651</v>
      </c>
      <c r="G112">
        <v>160</v>
      </c>
      <c r="H112" t="s">
        <v>713</v>
      </c>
      <c r="I112">
        <v>3939</v>
      </c>
      <c r="J112" t="s">
        <v>819</v>
      </c>
      <c r="K112">
        <v>101</v>
      </c>
      <c r="L112" t="s">
        <v>820</v>
      </c>
      <c r="M112">
        <v>2419</v>
      </c>
      <c r="N112" t="s">
        <v>654</v>
      </c>
      <c r="O112">
        <v>3</v>
      </c>
      <c r="P112" t="s">
        <v>655</v>
      </c>
      <c r="Q112">
        <v>1</v>
      </c>
      <c r="R112" t="s">
        <v>656</v>
      </c>
      <c r="S112">
        <v>2</v>
      </c>
      <c r="T112" t="s">
        <v>661</v>
      </c>
      <c r="U112">
        <v>8</v>
      </c>
      <c r="V112">
        <v>2</v>
      </c>
      <c r="W112">
        <v>120</v>
      </c>
      <c r="X112">
        <v>2020</v>
      </c>
    </row>
    <row r="113" spans="1:24" x14ac:dyDescent="0.25">
      <c r="A113">
        <v>15743</v>
      </c>
      <c r="B113" t="s">
        <v>242</v>
      </c>
      <c r="C113">
        <v>37</v>
      </c>
      <c r="D113" t="s">
        <v>492</v>
      </c>
      <c r="E113">
        <v>292</v>
      </c>
      <c r="F113" t="s">
        <v>651</v>
      </c>
      <c r="G113">
        <v>160</v>
      </c>
      <c r="H113" t="s">
        <v>821</v>
      </c>
      <c r="I113">
        <v>10029</v>
      </c>
      <c r="J113" t="s">
        <v>742</v>
      </c>
      <c r="K113">
        <v>48</v>
      </c>
      <c r="L113" t="s">
        <v>822</v>
      </c>
      <c r="M113">
        <v>4487</v>
      </c>
      <c r="N113" t="s">
        <v>654</v>
      </c>
      <c r="O113">
        <v>3</v>
      </c>
      <c r="P113" t="s">
        <v>655</v>
      </c>
      <c r="Q113">
        <v>1</v>
      </c>
      <c r="R113" t="s">
        <v>656</v>
      </c>
      <c r="S113">
        <v>2</v>
      </c>
      <c r="T113" t="s">
        <v>718</v>
      </c>
      <c r="U113">
        <v>2</v>
      </c>
      <c r="V113">
        <v>1.5</v>
      </c>
      <c r="W113">
        <v>90</v>
      </c>
      <c r="X113">
        <v>2020</v>
      </c>
    </row>
    <row r="114" spans="1:24" x14ac:dyDescent="0.25">
      <c r="A114">
        <v>15746</v>
      </c>
      <c r="B114" t="s">
        <v>206</v>
      </c>
      <c r="C114">
        <v>33</v>
      </c>
      <c r="D114" t="s">
        <v>506</v>
      </c>
      <c r="E114">
        <v>257</v>
      </c>
      <c r="F114" t="s">
        <v>651</v>
      </c>
      <c r="G114">
        <v>160</v>
      </c>
      <c r="H114" t="s">
        <v>719</v>
      </c>
      <c r="I114">
        <v>7630</v>
      </c>
      <c r="J114" t="s">
        <v>659</v>
      </c>
      <c r="K114">
        <v>35</v>
      </c>
      <c r="L114" t="s">
        <v>823</v>
      </c>
      <c r="M114">
        <v>4490</v>
      </c>
      <c r="N114" t="s">
        <v>654</v>
      </c>
      <c r="O114">
        <v>3</v>
      </c>
      <c r="P114" t="s">
        <v>655</v>
      </c>
      <c r="Q114">
        <v>1</v>
      </c>
      <c r="R114" t="s">
        <v>656</v>
      </c>
      <c r="S114">
        <v>2</v>
      </c>
      <c r="T114" t="s">
        <v>661</v>
      </c>
      <c r="U114">
        <v>8</v>
      </c>
      <c r="V114">
        <v>2</v>
      </c>
      <c r="W114">
        <v>120</v>
      </c>
      <c r="X114">
        <v>2020</v>
      </c>
    </row>
    <row r="115" spans="1:24" x14ac:dyDescent="0.25">
      <c r="A115">
        <v>15749</v>
      </c>
      <c r="B115" t="s">
        <v>206</v>
      </c>
      <c r="C115">
        <v>33</v>
      </c>
      <c r="D115" t="s">
        <v>506</v>
      </c>
      <c r="E115">
        <v>257</v>
      </c>
      <c r="F115" t="s">
        <v>651</v>
      </c>
      <c r="G115">
        <v>160</v>
      </c>
      <c r="H115" t="s">
        <v>719</v>
      </c>
      <c r="I115">
        <v>7630</v>
      </c>
      <c r="J115" t="s">
        <v>659</v>
      </c>
      <c r="K115">
        <v>35</v>
      </c>
      <c r="L115" t="s">
        <v>824</v>
      </c>
      <c r="M115">
        <v>4493</v>
      </c>
      <c r="N115" t="s">
        <v>654</v>
      </c>
      <c r="O115">
        <v>3</v>
      </c>
      <c r="P115" t="s">
        <v>655</v>
      </c>
      <c r="Q115">
        <v>1</v>
      </c>
      <c r="R115" t="s">
        <v>656</v>
      </c>
      <c r="S115">
        <v>2</v>
      </c>
      <c r="T115" t="s">
        <v>661</v>
      </c>
      <c r="U115">
        <v>8</v>
      </c>
      <c r="V115">
        <v>2</v>
      </c>
      <c r="W115">
        <v>120</v>
      </c>
      <c r="X115">
        <v>2020</v>
      </c>
    </row>
    <row r="116" spans="1:24" x14ac:dyDescent="0.25">
      <c r="A116">
        <v>15752</v>
      </c>
      <c r="B116" t="s">
        <v>206</v>
      </c>
      <c r="C116">
        <v>33</v>
      </c>
      <c r="D116" t="s">
        <v>506</v>
      </c>
      <c r="E116">
        <v>257</v>
      </c>
      <c r="F116" t="s">
        <v>651</v>
      </c>
      <c r="G116">
        <v>160</v>
      </c>
      <c r="H116" t="s">
        <v>719</v>
      </c>
      <c r="I116">
        <v>7630</v>
      </c>
      <c r="J116" t="s">
        <v>659</v>
      </c>
      <c r="K116">
        <v>35</v>
      </c>
      <c r="L116" t="s">
        <v>825</v>
      </c>
      <c r="M116">
        <v>4496</v>
      </c>
      <c r="N116" t="s">
        <v>654</v>
      </c>
      <c r="O116">
        <v>3</v>
      </c>
      <c r="P116" t="s">
        <v>655</v>
      </c>
      <c r="Q116">
        <v>1</v>
      </c>
      <c r="R116" t="s">
        <v>656</v>
      </c>
      <c r="S116">
        <v>2</v>
      </c>
      <c r="T116" t="s">
        <v>661</v>
      </c>
      <c r="U116">
        <v>8</v>
      </c>
      <c r="V116">
        <v>2</v>
      </c>
      <c r="W116">
        <v>120</v>
      </c>
      <c r="X116">
        <v>2020</v>
      </c>
    </row>
    <row r="117" spans="1:24" x14ac:dyDescent="0.25">
      <c r="A117">
        <v>15755</v>
      </c>
      <c r="B117" t="s">
        <v>206</v>
      </c>
      <c r="C117">
        <v>33</v>
      </c>
      <c r="D117" t="s">
        <v>506</v>
      </c>
      <c r="E117">
        <v>257</v>
      </c>
      <c r="F117" t="s">
        <v>651</v>
      </c>
      <c r="G117">
        <v>160</v>
      </c>
      <c r="H117" t="s">
        <v>719</v>
      </c>
      <c r="I117">
        <v>7630</v>
      </c>
      <c r="J117" t="s">
        <v>659</v>
      </c>
      <c r="K117">
        <v>35</v>
      </c>
      <c r="L117" t="s">
        <v>826</v>
      </c>
      <c r="M117">
        <v>4499</v>
      </c>
      <c r="N117" t="s">
        <v>654</v>
      </c>
      <c r="O117">
        <v>3</v>
      </c>
      <c r="P117" t="s">
        <v>655</v>
      </c>
      <c r="Q117">
        <v>1</v>
      </c>
      <c r="R117" t="s">
        <v>656</v>
      </c>
      <c r="S117">
        <v>2</v>
      </c>
      <c r="T117" t="s">
        <v>661</v>
      </c>
      <c r="U117">
        <v>8</v>
      </c>
      <c r="V117">
        <v>2</v>
      </c>
      <c r="W117">
        <v>120</v>
      </c>
      <c r="X117">
        <v>2020</v>
      </c>
    </row>
    <row r="118" spans="1:24" x14ac:dyDescent="0.25">
      <c r="A118">
        <v>15758</v>
      </c>
      <c r="B118" t="s">
        <v>206</v>
      </c>
      <c r="C118">
        <v>33</v>
      </c>
      <c r="D118" t="s">
        <v>506</v>
      </c>
      <c r="E118">
        <v>257</v>
      </c>
      <c r="F118" t="s">
        <v>651</v>
      </c>
      <c r="G118">
        <v>160</v>
      </c>
      <c r="H118" t="s">
        <v>719</v>
      </c>
      <c r="I118">
        <v>7630</v>
      </c>
      <c r="J118" t="s">
        <v>659</v>
      </c>
      <c r="K118">
        <v>35</v>
      </c>
      <c r="L118" t="s">
        <v>827</v>
      </c>
      <c r="M118">
        <v>4502</v>
      </c>
      <c r="N118" t="s">
        <v>654</v>
      </c>
      <c r="O118">
        <v>3</v>
      </c>
      <c r="P118" t="s">
        <v>655</v>
      </c>
      <c r="Q118">
        <v>1</v>
      </c>
      <c r="R118" t="s">
        <v>656</v>
      </c>
      <c r="S118">
        <v>2</v>
      </c>
      <c r="T118" t="s">
        <v>661</v>
      </c>
      <c r="U118">
        <v>8</v>
      </c>
      <c r="V118">
        <v>2</v>
      </c>
      <c r="W118">
        <v>120</v>
      </c>
      <c r="X118">
        <v>2020</v>
      </c>
    </row>
    <row r="119" spans="1:24" x14ac:dyDescent="0.25">
      <c r="A119">
        <v>15761</v>
      </c>
      <c r="B119" t="s">
        <v>206</v>
      </c>
      <c r="C119">
        <v>33</v>
      </c>
      <c r="D119" t="s">
        <v>506</v>
      </c>
      <c r="E119">
        <v>257</v>
      </c>
      <c r="F119" t="s">
        <v>651</v>
      </c>
      <c r="G119">
        <v>160</v>
      </c>
      <c r="H119" t="s">
        <v>719</v>
      </c>
      <c r="I119">
        <v>7630</v>
      </c>
      <c r="J119" t="s">
        <v>659</v>
      </c>
      <c r="K119">
        <v>35</v>
      </c>
      <c r="L119" t="s">
        <v>662</v>
      </c>
      <c r="M119">
        <v>1661</v>
      </c>
      <c r="N119" t="s">
        <v>654</v>
      </c>
      <c r="O119">
        <v>3</v>
      </c>
      <c r="P119" t="s">
        <v>655</v>
      </c>
      <c r="Q119">
        <v>1</v>
      </c>
      <c r="R119" t="s">
        <v>656</v>
      </c>
      <c r="S119">
        <v>2</v>
      </c>
      <c r="T119" t="s">
        <v>661</v>
      </c>
      <c r="U119">
        <v>8</v>
      </c>
      <c r="V119">
        <v>2</v>
      </c>
      <c r="W119">
        <v>120</v>
      </c>
      <c r="X119">
        <v>2020</v>
      </c>
    </row>
    <row r="120" spans="1:24" x14ac:dyDescent="0.25">
      <c r="A120">
        <v>15764</v>
      </c>
      <c r="B120" t="s">
        <v>200</v>
      </c>
      <c r="C120">
        <v>32</v>
      </c>
      <c r="D120" t="s">
        <v>54</v>
      </c>
      <c r="E120">
        <v>252</v>
      </c>
      <c r="F120" t="s">
        <v>651</v>
      </c>
      <c r="G120">
        <v>160</v>
      </c>
      <c r="H120" t="s">
        <v>719</v>
      </c>
      <c r="I120">
        <v>7630</v>
      </c>
      <c r="J120" t="s">
        <v>752</v>
      </c>
      <c r="K120">
        <v>90</v>
      </c>
      <c r="L120" t="s">
        <v>828</v>
      </c>
      <c r="M120">
        <v>3968</v>
      </c>
      <c r="N120" t="s">
        <v>654</v>
      </c>
      <c r="O120">
        <v>3</v>
      </c>
      <c r="P120" t="s">
        <v>655</v>
      </c>
      <c r="Q120">
        <v>1</v>
      </c>
      <c r="R120" t="s">
        <v>656</v>
      </c>
      <c r="S120">
        <v>2</v>
      </c>
      <c r="T120" t="s">
        <v>718</v>
      </c>
      <c r="U120">
        <v>2</v>
      </c>
      <c r="V120">
        <v>2</v>
      </c>
      <c r="W120">
        <v>120</v>
      </c>
      <c r="X120">
        <v>2020</v>
      </c>
    </row>
    <row r="121" spans="1:24" x14ac:dyDescent="0.25">
      <c r="A121">
        <v>15767</v>
      </c>
      <c r="B121" t="s">
        <v>18</v>
      </c>
      <c r="C121">
        <v>31</v>
      </c>
      <c r="D121" t="s">
        <v>387</v>
      </c>
      <c r="E121">
        <v>248</v>
      </c>
      <c r="F121" t="s">
        <v>651</v>
      </c>
      <c r="G121">
        <v>160</v>
      </c>
      <c r="H121" t="s">
        <v>719</v>
      </c>
      <c r="I121">
        <v>7630</v>
      </c>
      <c r="J121" t="s">
        <v>684</v>
      </c>
      <c r="K121">
        <v>22</v>
      </c>
      <c r="L121" t="s">
        <v>774</v>
      </c>
      <c r="M121">
        <v>4505</v>
      </c>
      <c r="N121" t="s">
        <v>654</v>
      </c>
      <c r="O121">
        <v>3</v>
      </c>
      <c r="P121" t="s">
        <v>655</v>
      </c>
      <c r="Q121">
        <v>1</v>
      </c>
      <c r="R121" t="s">
        <v>656</v>
      </c>
      <c r="S121">
        <v>2</v>
      </c>
      <c r="T121" t="s">
        <v>661</v>
      </c>
      <c r="U121">
        <v>8</v>
      </c>
      <c r="V121">
        <v>2</v>
      </c>
      <c r="W121">
        <v>120</v>
      </c>
      <c r="X121">
        <v>2020</v>
      </c>
    </row>
    <row r="122" spans="1:24" x14ac:dyDescent="0.25">
      <c r="A122">
        <v>15770</v>
      </c>
      <c r="B122" t="s">
        <v>18</v>
      </c>
      <c r="C122">
        <v>31</v>
      </c>
      <c r="D122" t="s">
        <v>387</v>
      </c>
      <c r="E122">
        <v>248</v>
      </c>
      <c r="F122" t="s">
        <v>651</v>
      </c>
      <c r="G122">
        <v>160</v>
      </c>
      <c r="H122" t="s">
        <v>719</v>
      </c>
      <c r="I122">
        <v>7630</v>
      </c>
      <c r="J122" t="s">
        <v>684</v>
      </c>
      <c r="K122">
        <v>22</v>
      </c>
      <c r="L122" t="s">
        <v>775</v>
      </c>
      <c r="M122">
        <v>4508</v>
      </c>
      <c r="N122" t="s">
        <v>654</v>
      </c>
      <c r="O122">
        <v>3</v>
      </c>
      <c r="P122" t="s">
        <v>655</v>
      </c>
      <c r="Q122">
        <v>1</v>
      </c>
      <c r="R122" t="s">
        <v>656</v>
      </c>
      <c r="S122">
        <v>2</v>
      </c>
      <c r="T122" t="s">
        <v>661</v>
      </c>
      <c r="U122">
        <v>8</v>
      </c>
      <c r="V122">
        <v>2</v>
      </c>
      <c r="W122">
        <v>120</v>
      </c>
      <c r="X122">
        <v>2020</v>
      </c>
    </row>
    <row r="123" spans="1:24" x14ac:dyDescent="0.25">
      <c r="A123">
        <v>15773</v>
      </c>
      <c r="B123" t="s">
        <v>18</v>
      </c>
      <c r="C123">
        <v>31</v>
      </c>
      <c r="D123" t="s">
        <v>387</v>
      </c>
      <c r="E123">
        <v>248</v>
      </c>
      <c r="F123" t="s">
        <v>651</v>
      </c>
      <c r="G123">
        <v>160</v>
      </c>
      <c r="H123" t="s">
        <v>719</v>
      </c>
      <c r="I123">
        <v>7630</v>
      </c>
      <c r="J123" t="s">
        <v>684</v>
      </c>
      <c r="K123">
        <v>22</v>
      </c>
      <c r="L123" t="s">
        <v>776</v>
      </c>
      <c r="M123">
        <v>4553</v>
      </c>
      <c r="N123" t="s">
        <v>654</v>
      </c>
      <c r="O123">
        <v>3</v>
      </c>
      <c r="P123" t="s">
        <v>655</v>
      </c>
      <c r="Q123">
        <v>1</v>
      </c>
      <c r="R123" t="s">
        <v>656</v>
      </c>
      <c r="S123">
        <v>2</v>
      </c>
      <c r="T123" t="s">
        <v>661</v>
      </c>
      <c r="U123">
        <v>8</v>
      </c>
      <c r="V123">
        <v>2</v>
      </c>
      <c r="W123">
        <v>120</v>
      </c>
      <c r="X123">
        <v>2020</v>
      </c>
    </row>
    <row r="124" spans="1:24" x14ac:dyDescent="0.25">
      <c r="A124">
        <v>15776</v>
      </c>
      <c r="B124" t="s">
        <v>18</v>
      </c>
      <c r="C124">
        <v>31</v>
      </c>
      <c r="D124" t="s">
        <v>387</v>
      </c>
      <c r="E124">
        <v>248</v>
      </c>
      <c r="F124" t="s">
        <v>651</v>
      </c>
      <c r="G124">
        <v>160</v>
      </c>
      <c r="H124" t="s">
        <v>719</v>
      </c>
      <c r="I124">
        <v>7630</v>
      </c>
      <c r="J124" t="s">
        <v>684</v>
      </c>
      <c r="K124">
        <v>22</v>
      </c>
      <c r="L124" t="s">
        <v>829</v>
      </c>
      <c r="M124">
        <v>4511</v>
      </c>
      <c r="N124" t="s">
        <v>654</v>
      </c>
      <c r="O124">
        <v>3</v>
      </c>
      <c r="P124" t="s">
        <v>655</v>
      </c>
      <c r="Q124">
        <v>1</v>
      </c>
      <c r="R124" t="s">
        <v>656</v>
      </c>
      <c r="S124">
        <v>2</v>
      </c>
      <c r="T124" t="s">
        <v>661</v>
      </c>
      <c r="U124">
        <v>8</v>
      </c>
      <c r="V124">
        <v>2</v>
      </c>
      <c r="W124">
        <v>120</v>
      </c>
      <c r="X124">
        <v>2020</v>
      </c>
    </row>
    <row r="125" spans="1:24" x14ac:dyDescent="0.25">
      <c r="A125">
        <v>15779</v>
      </c>
      <c r="B125" t="s">
        <v>18</v>
      </c>
      <c r="C125">
        <v>31</v>
      </c>
      <c r="D125" t="s">
        <v>387</v>
      </c>
      <c r="E125">
        <v>248</v>
      </c>
      <c r="F125" t="s">
        <v>651</v>
      </c>
      <c r="G125">
        <v>160</v>
      </c>
      <c r="H125" t="s">
        <v>719</v>
      </c>
      <c r="I125">
        <v>7630</v>
      </c>
      <c r="J125" t="s">
        <v>684</v>
      </c>
      <c r="K125">
        <v>22</v>
      </c>
      <c r="L125" t="s">
        <v>777</v>
      </c>
      <c r="M125">
        <v>4514</v>
      </c>
      <c r="N125" t="s">
        <v>654</v>
      </c>
      <c r="O125">
        <v>3</v>
      </c>
      <c r="P125" t="s">
        <v>655</v>
      </c>
      <c r="Q125">
        <v>1</v>
      </c>
      <c r="R125" t="s">
        <v>656</v>
      </c>
      <c r="S125">
        <v>2</v>
      </c>
      <c r="T125" t="s">
        <v>661</v>
      </c>
      <c r="U125">
        <v>8</v>
      </c>
      <c r="V125">
        <v>2</v>
      </c>
      <c r="W125">
        <v>120</v>
      </c>
      <c r="X125">
        <v>2020</v>
      </c>
    </row>
    <row r="126" spans="1:24" x14ac:dyDescent="0.25">
      <c r="A126">
        <v>15782</v>
      </c>
      <c r="B126" t="s">
        <v>18</v>
      </c>
      <c r="C126">
        <v>31</v>
      </c>
      <c r="D126" t="s">
        <v>512</v>
      </c>
      <c r="E126">
        <v>241</v>
      </c>
      <c r="F126" t="s">
        <v>651</v>
      </c>
      <c r="G126">
        <v>160</v>
      </c>
      <c r="H126" t="s">
        <v>719</v>
      </c>
      <c r="I126">
        <v>7630</v>
      </c>
      <c r="J126" t="s">
        <v>703</v>
      </c>
      <c r="K126">
        <v>16</v>
      </c>
      <c r="L126" t="s">
        <v>830</v>
      </c>
      <c r="M126">
        <v>4517</v>
      </c>
      <c r="N126" t="s">
        <v>654</v>
      </c>
      <c r="O126">
        <v>3</v>
      </c>
      <c r="P126" t="s">
        <v>655</v>
      </c>
      <c r="Q126">
        <v>1</v>
      </c>
      <c r="R126" t="s">
        <v>656</v>
      </c>
      <c r="S126">
        <v>2</v>
      </c>
      <c r="T126" t="s">
        <v>661</v>
      </c>
      <c r="U126">
        <v>8</v>
      </c>
      <c r="V126">
        <v>2</v>
      </c>
      <c r="W126">
        <v>120</v>
      </c>
      <c r="X126">
        <v>2020</v>
      </c>
    </row>
    <row r="127" spans="1:24" x14ac:dyDescent="0.25">
      <c r="A127">
        <v>15785</v>
      </c>
      <c r="B127" t="s">
        <v>18</v>
      </c>
      <c r="C127">
        <v>31</v>
      </c>
      <c r="D127" t="s">
        <v>515</v>
      </c>
      <c r="E127">
        <v>236</v>
      </c>
      <c r="F127" t="s">
        <v>651</v>
      </c>
      <c r="G127">
        <v>160</v>
      </c>
      <c r="H127" t="s">
        <v>719</v>
      </c>
      <c r="I127">
        <v>7630</v>
      </c>
      <c r="J127" t="s">
        <v>831</v>
      </c>
      <c r="K127">
        <v>5</v>
      </c>
      <c r="L127" t="s">
        <v>832</v>
      </c>
      <c r="M127">
        <v>4201</v>
      </c>
      <c r="N127" t="s">
        <v>654</v>
      </c>
      <c r="O127">
        <v>3</v>
      </c>
      <c r="P127" t="s">
        <v>655</v>
      </c>
      <c r="Q127">
        <v>1</v>
      </c>
      <c r="R127" t="s">
        <v>656</v>
      </c>
      <c r="S127">
        <v>2</v>
      </c>
      <c r="T127" t="s">
        <v>661</v>
      </c>
      <c r="U127">
        <v>8</v>
      </c>
      <c r="V127">
        <v>2</v>
      </c>
      <c r="W127">
        <v>120</v>
      </c>
      <c r="X127">
        <v>2020</v>
      </c>
    </row>
    <row r="128" spans="1:24" x14ac:dyDescent="0.25">
      <c r="A128">
        <v>15788</v>
      </c>
      <c r="B128" t="s">
        <v>95</v>
      </c>
      <c r="C128">
        <v>26</v>
      </c>
      <c r="D128" t="s">
        <v>426</v>
      </c>
      <c r="E128">
        <v>190</v>
      </c>
      <c r="F128" t="s">
        <v>651</v>
      </c>
      <c r="G128">
        <v>160</v>
      </c>
      <c r="H128" t="s">
        <v>833</v>
      </c>
      <c r="I128">
        <v>5562</v>
      </c>
      <c r="J128" t="s">
        <v>684</v>
      </c>
      <c r="K128">
        <v>22</v>
      </c>
      <c r="L128" t="s">
        <v>834</v>
      </c>
      <c r="M128">
        <v>4547</v>
      </c>
      <c r="N128" t="s">
        <v>654</v>
      </c>
      <c r="O128">
        <v>3</v>
      </c>
      <c r="P128" t="s">
        <v>655</v>
      </c>
      <c r="Q128">
        <v>1</v>
      </c>
      <c r="R128" t="s">
        <v>656</v>
      </c>
      <c r="S128">
        <v>2</v>
      </c>
      <c r="T128" t="s">
        <v>661</v>
      </c>
      <c r="U128">
        <v>8</v>
      </c>
      <c r="V128">
        <v>2</v>
      </c>
      <c r="W128">
        <v>120</v>
      </c>
      <c r="X128">
        <v>2020</v>
      </c>
    </row>
    <row r="129" spans="1:24" x14ac:dyDescent="0.25">
      <c r="A129">
        <v>15791</v>
      </c>
      <c r="B129" t="s">
        <v>95</v>
      </c>
      <c r="C129">
        <v>26</v>
      </c>
      <c r="D129" t="s">
        <v>426</v>
      </c>
      <c r="E129">
        <v>190</v>
      </c>
      <c r="F129" t="s">
        <v>651</v>
      </c>
      <c r="G129">
        <v>160</v>
      </c>
      <c r="H129" t="s">
        <v>833</v>
      </c>
      <c r="I129">
        <v>5562</v>
      </c>
      <c r="J129" t="s">
        <v>684</v>
      </c>
      <c r="K129">
        <v>22</v>
      </c>
      <c r="L129" t="s">
        <v>778</v>
      </c>
      <c r="M129">
        <v>4550</v>
      </c>
      <c r="N129" t="s">
        <v>654</v>
      </c>
      <c r="O129">
        <v>3</v>
      </c>
      <c r="P129" t="s">
        <v>655</v>
      </c>
      <c r="Q129">
        <v>1</v>
      </c>
      <c r="R129" t="s">
        <v>656</v>
      </c>
      <c r="S129">
        <v>2</v>
      </c>
      <c r="T129" t="s">
        <v>661</v>
      </c>
      <c r="U129">
        <v>8</v>
      </c>
      <c r="V129">
        <v>2</v>
      </c>
      <c r="W129">
        <v>120</v>
      </c>
      <c r="X129">
        <v>2020</v>
      </c>
    </row>
    <row r="130" spans="1:24" x14ac:dyDescent="0.25">
      <c r="A130">
        <v>15794</v>
      </c>
      <c r="B130" t="s">
        <v>95</v>
      </c>
      <c r="C130">
        <v>26</v>
      </c>
      <c r="D130" t="s">
        <v>426</v>
      </c>
      <c r="E130">
        <v>190</v>
      </c>
      <c r="F130" t="s">
        <v>651</v>
      </c>
      <c r="G130">
        <v>160</v>
      </c>
      <c r="H130" t="s">
        <v>833</v>
      </c>
      <c r="I130">
        <v>5562</v>
      </c>
      <c r="J130" t="s">
        <v>684</v>
      </c>
      <c r="K130">
        <v>22</v>
      </c>
      <c r="L130" t="s">
        <v>776</v>
      </c>
      <c r="M130">
        <v>4553</v>
      </c>
      <c r="N130" t="s">
        <v>654</v>
      </c>
      <c r="O130">
        <v>3</v>
      </c>
      <c r="P130" t="s">
        <v>655</v>
      </c>
      <c r="Q130">
        <v>1</v>
      </c>
      <c r="R130" t="s">
        <v>656</v>
      </c>
      <c r="S130">
        <v>2</v>
      </c>
      <c r="T130" t="s">
        <v>661</v>
      </c>
      <c r="U130">
        <v>8</v>
      </c>
      <c r="V130">
        <v>2</v>
      </c>
      <c r="W130">
        <v>120</v>
      </c>
      <c r="X130">
        <v>2020</v>
      </c>
    </row>
    <row r="131" spans="1:24" x14ac:dyDescent="0.25">
      <c r="A131">
        <v>15797</v>
      </c>
      <c r="B131" t="s">
        <v>95</v>
      </c>
      <c r="C131">
        <v>26</v>
      </c>
      <c r="D131" t="s">
        <v>426</v>
      </c>
      <c r="E131">
        <v>190</v>
      </c>
      <c r="F131" t="s">
        <v>651</v>
      </c>
      <c r="G131">
        <v>160</v>
      </c>
      <c r="H131" t="s">
        <v>833</v>
      </c>
      <c r="I131">
        <v>5562</v>
      </c>
      <c r="J131" t="s">
        <v>684</v>
      </c>
      <c r="K131">
        <v>22</v>
      </c>
      <c r="L131" t="s">
        <v>835</v>
      </c>
      <c r="M131">
        <v>4520</v>
      </c>
      <c r="N131" t="s">
        <v>654</v>
      </c>
      <c r="O131">
        <v>3</v>
      </c>
      <c r="P131" t="s">
        <v>655</v>
      </c>
      <c r="Q131">
        <v>1</v>
      </c>
      <c r="R131" t="s">
        <v>656</v>
      </c>
      <c r="S131">
        <v>2</v>
      </c>
      <c r="T131" t="s">
        <v>661</v>
      </c>
      <c r="U131">
        <v>8</v>
      </c>
      <c r="V131">
        <v>2</v>
      </c>
      <c r="W131">
        <v>120</v>
      </c>
      <c r="X131">
        <v>2020</v>
      </c>
    </row>
    <row r="132" spans="1:24" x14ac:dyDescent="0.25">
      <c r="A132">
        <v>15800</v>
      </c>
      <c r="B132" t="s">
        <v>32</v>
      </c>
      <c r="C132">
        <v>24</v>
      </c>
      <c r="D132" t="s">
        <v>425</v>
      </c>
      <c r="E132">
        <v>183</v>
      </c>
      <c r="F132" t="s">
        <v>651</v>
      </c>
      <c r="G132">
        <v>160</v>
      </c>
      <c r="H132" t="s">
        <v>747</v>
      </c>
      <c r="I132">
        <v>4847</v>
      </c>
      <c r="J132" t="s">
        <v>684</v>
      </c>
      <c r="K132">
        <v>22</v>
      </c>
      <c r="L132" t="s">
        <v>836</v>
      </c>
      <c r="M132">
        <v>4523</v>
      </c>
      <c r="N132" t="s">
        <v>654</v>
      </c>
      <c r="O132">
        <v>3</v>
      </c>
      <c r="P132" t="s">
        <v>655</v>
      </c>
      <c r="Q132">
        <v>1</v>
      </c>
      <c r="R132" t="s">
        <v>656</v>
      </c>
      <c r="S132">
        <v>2</v>
      </c>
      <c r="T132" t="s">
        <v>661</v>
      </c>
      <c r="U132">
        <v>8</v>
      </c>
      <c r="V132">
        <v>2</v>
      </c>
      <c r="W132">
        <v>120</v>
      </c>
      <c r="X132">
        <v>2020</v>
      </c>
    </row>
    <row r="133" spans="1:24" x14ac:dyDescent="0.25">
      <c r="A133">
        <v>15803</v>
      </c>
      <c r="B133" t="s">
        <v>32</v>
      </c>
      <c r="C133">
        <v>24</v>
      </c>
      <c r="D133" t="s">
        <v>425</v>
      </c>
      <c r="E133">
        <v>183</v>
      </c>
      <c r="F133" t="s">
        <v>651</v>
      </c>
      <c r="G133">
        <v>160</v>
      </c>
      <c r="H133" t="s">
        <v>747</v>
      </c>
      <c r="I133">
        <v>4847</v>
      </c>
      <c r="J133" t="s">
        <v>684</v>
      </c>
      <c r="K133">
        <v>22</v>
      </c>
      <c r="L133" t="s">
        <v>837</v>
      </c>
      <c r="M133">
        <v>4526</v>
      </c>
      <c r="N133" t="s">
        <v>654</v>
      </c>
      <c r="O133">
        <v>3</v>
      </c>
      <c r="P133" t="s">
        <v>655</v>
      </c>
      <c r="Q133">
        <v>1</v>
      </c>
      <c r="R133" t="s">
        <v>656</v>
      </c>
      <c r="S133">
        <v>2</v>
      </c>
      <c r="T133" t="s">
        <v>661</v>
      </c>
      <c r="U133">
        <v>8</v>
      </c>
      <c r="V133">
        <v>2</v>
      </c>
      <c r="W133">
        <v>120</v>
      </c>
      <c r="X133">
        <v>2020</v>
      </c>
    </row>
    <row r="134" spans="1:24" x14ac:dyDescent="0.25">
      <c r="A134">
        <v>15806</v>
      </c>
      <c r="B134" t="s">
        <v>32</v>
      </c>
      <c r="C134">
        <v>24</v>
      </c>
      <c r="D134" t="s">
        <v>425</v>
      </c>
      <c r="E134">
        <v>183</v>
      </c>
      <c r="F134" t="s">
        <v>651</v>
      </c>
      <c r="G134">
        <v>160</v>
      </c>
      <c r="H134" t="s">
        <v>747</v>
      </c>
      <c r="I134">
        <v>4847</v>
      </c>
      <c r="J134" t="s">
        <v>684</v>
      </c>
      <c r="K134">
        <v>22</v>
      </c>
      <c r="L134" t="s">
        <v>838</v>
      </c>
      <c r="M134">
        <v>4529</v>
      </c>
      <c r="N134" t="s">
        <v>654</v>
      </c>
      <c r="O134">
        <v>3</v>
      </c>
      <c r="P134" t="s">
        <v>655</v>
      </c>
      <c r="Q134">
        <v>1</v>
      </c>
      <c r="R134" t="s">
        <v>656</v>
      </c>
      <c r="S134">
        <v>2</v>
      </c>
      <c r="T134" t="s">
        <v>661</v>
      </c>
      <c r="U134">
        <v>8</v>
      </c>
      <c r="V134">
        <v>2</v>
      </c>
      <c r="W134">
        <v>120</v>
      </c>
      <c r="X134">
        <v>2020</v>
      </c>
    </row>
    <row r="135" spans="1:24" x14ac:dyDescent="0.25">
      <c r="A135">
        <v>15809</v>
      </c>
      <c r="B135" t="s">
        <v>32</v>
      </c>
      <c r="C135">
        <v>24</v>
      </c>
      <c r="D135" t="s">
        <v>425</v>
      </c>
      <c r="E135">
        <v>183</v>
      </c>
      <c r="F135" t="s">
        <v>651</v>
      </c>
      <c r="G135">
        <v>160</v>
      </c>
      <c r="H135" t="s">
        <v>747</v>
      </c>
      <c r="I135">
        <v>4847</v>
      </c>
      <c r="J135" t="s">
        <v>684</v>
      </c>
      <c r="K135">
        <v>22</v>
      </c>
      <c r="L135" t="s">
        <v>776</v>
      </c>
      <c r="M135">
        <v>4553</v>
      </c>
      <c r="N135" t="s">
        <v>654</v>
      </c>
      <c r="O135">
        <v>3</v>
      </c>
      <c r="P135" t="s">
        <v>655</v>
      </c>
      <c r="Q135">
        <v>1</v>
      </c>
      <c r="R135" t="s">
        <v>656</v>
      </c>
      <c r="S135">
        <v>2</v>
      </c>
      <c r="T135" t="s">
        <v>661</v>
      </c>
      <c r="U135">
        <v>8</v>
      </c>
      <c r="V135">
        <v>2</v>
      </c>
      <c r="W135">
        <v>120</v>
      </c>
      <c r="X135">
        <v>2020</v>
      </c>
    </row>
    <row r="136" spans="1:24" x14ac:dyDescent="0.25">
      <c r="A136">
        <v>15812</v>
      </c>
      <c r="B136" t="s">
        <v>198</v>
      </c>
      <c r="C136">
        <v>21</v>
      </c>
      <c r="D136" t="s">
        <v>322</v>
      </c>
      <c r="E136">
        <v>159</v>
      </c>
      <c r="F136" t="s">
        <v>651</v>
      </c>
      <c r="G136">
        <v>160</v>
      </c>
      <c r="H136" t="s">
        <v>739</v>
      </c>
      <c r="I136">
        <v>4413</v>
      </c>
      <c r="J136" t="s">
        <v>839</v>
      </c>
      <c r="K136">
        <v>89</v>
      </c>
      <c r="L136" t="s">
        <v>840</v>
      </c>
      <c r="M136">
        <v>4532</v>
      </c>
      <c r="N136" t="s">
        <v>654</v>
      </c>
      <c r="O136">
        <v>3</v>
      </c>
      <c r="P136" t="s">
        <v>655</v>
      </c>
      <c r="Q136">
        <v>1</v>
      </c>
      <c r="R136" t="s">
        <v>656</v>
      </c>
      <c r="S136">
        <v>2</v>
      </c>
      <c r="T136" t="s">
        <v>661</v>
      </c>
      <c r="U136">
        <v>8</v>
      </c>
      <c r="V136">
        <v>2</v>
      </c>
      <c r="W136">
        <v>120</v>
      </c>
      <c r="X136">
        <v>2020</v>
      </c>
    </row>
    <row r="137" spans="1:24" x14ac:dyDescent="0.25">
      <c r="A137">
        <v>15815</v>
      </c>
      <c r="B137" t="s">
        <v>14</v>
      </c>
      <c r="C137">
        <v>20</v>
      </c>
      <c r="D137" t="s">
        <v>548</v>
      </c>
      <c r="E137">
        <v>158</v>
      </c>
      <c r="F137" t="s">
        <v>651</v>
      </c>
      <c r="G137">
        <v>160</v>
      </c>
      <c r="H137" t="s">
        <v>739</v>
      </c>
      <c r="I137">
        <v>4413</v>
      </c>
      <c r="J137" t="s">
        <v>679</v>
      </c>
      <c r="K137">
        <v>32</v>
      </c>
      <c r="L137" t="s">
        <v>841</v>
      </c>
      <c r="M137">
        <v>4177</v>
      </c>
      <c r="N137" t="s">
        <v>654</v>
      </c>
      <c r="O137">
        <v>3</v>
      </c>
      <c r="P137" t="s">
        <v>655</v>
      </c>
      <c r="Q137">
        <v>1</v>
      </c>
      <c r="R137" t="s">
        <v>656</v>
      </c>
      <c r="S137">
        <v>2</v>
      </c>
      <c r="T137" t="s">
        <v>661</v>
      </c>
      <c r="U137">
        <v>8</v>
      </c>
      <c r="V137">
        <v>2</v>
      </c>
      <c r="W137">
        <v>120</v>
      </c>
      <c r="X137">
        <v>2020</v>
      </c>
    </row>
    <row r="138" spans="1:24" x14ac:dyDescent="0.25">
      <c r="A138">
        <v>15818</v>
      </c>
      <c r="B138" t="s">
        <v>14</v>
      </c>
      <c r="C138">
        <v>20</v>
      </c>
      <c r="D138" t="s">
        <v>556</v>
      </c>
      <c r="E138">
        <v>146</v>
      </c>
      <c r="F138" t="s">
        <v>651</v>
      </c>
      <c r="G138">
        <v>160</v>
      </c>
      <c r="H138" t="s">
        <v>739</v>
      </c>
      <c r="I138">
        <v>4413</v>
      </c>
      <c r="J138" t="s">
        <v>684</v>
      </c>
      <c r="K138">
        <v>22</v>
      </c>
      <c r="L138" t="s">
        <v>842</v>
      </c>
      <c r="M138">
        <v>4541</v>
      </c>
      <c r="N138" t="s">
        <v>654</v>
      </c>
      <c r="O138">
        <v>3</v>
      </c>
      <c r="P138" t="s">
        <v>655</v>
      </c>
      <c r="Q138">
        <v>1</v>
      </c>
      <c r="R138" t="s">
        <v>656</v>
      </c>
      <c r="S138">
        <v>2</v>
      </c>
      <c r="T138" t="s">
        <v>657</v>
      </c>
      <c r="U138">
        <v>7</v>
      </c>
      <c r="V138">
        <v>2</v>
      </c>
      <c r="W138">
        <v>120</v>
      </c>
      <c r="X138">
        <v>2020</v>
      </c>
    </row>
    <row r="139" spans="1:24" x14ac:dyDescent="0.25">
      <c r="A139">
        <v>15821</v>
      </c>
      <c r="B139" t="s">
        <v>14</v>
      </c>
      <c r="C139">
        <v>20</v>
      </c>
      <c r="D139" t="s">
        <v>554</v>
      </c>
      <c r="E139">
        <v>149</v>
      </c>
      <c r="F139" t="s">
        <v>651</v>
      </c>
      <c r="G139">
        <v>160</v>
      </c>
      <c r="H139" t="s">
        <v>739</v>
      </c>
      <c r="I139">
        <v>4413</v>
      </c>
      <c r="J139" t="s">
        <v>684</v>
      </c>
      <c r="K139">
        <v>22</v>
      </c>
      <c r="L139" t="s">
        <v>843</v>
      </c>
      <c r="M139">
        <v>4544</v>
      </c>
      <c r="N139" t="s">
        <v>654</v>
      </c>
      <c r="O139">
        <v>3</v>
      </c>
      <c r="P139" t="s">
        <v>655</v>
      </c>
      <c r="Q139">
        <v>1</v>
      </c>
      <c r="R139" t="s">
        <v>656</v>
      </c>
      <c r="S139">
        <v>2</v>
      </c>
      <c r="T139" t="s">
        <v>729</v>
      </c>
      <c r="U139">
        <v>4</v>
      </c>
      <c r="V139">
        <v>2</v>
      </c>
      <c r="W139">
        <v>120</v>
      </c>
      <c r="X139">
        <v>2020</v>
      </c>
    </row>
    <row r="140" spans="1:24" x14ac:dyDescent="0.25">
      <c r="A140">
        <v>15824</v>
      </c>
      <c r="B140" t="s">
        <v>14</v>
      </c>
      <c r="C140">
        <v>20</v>
      </c>
      <c r="D140" t="s">
        <v>554</v>
      </c>
      <c r="E140">
        <v>149</v>
      </c>
      <c r="F140" t="s">
        <v>651</v>
      </c>
      <c r="G140">
        <v>160</v>
      </c>
      <c r="H140" t="s">
        <v>739</v>
      </c>
      <c r="I140">
        <v>4413</v>
      </c>
      <c r="J140" t="s">
        <v>684</v>
      </c>
      <c r="K140">
        <v>22</v>
      </c>
      <c r="L140" t="s">
        <v>843</v>
      </c>
      <c r="M140">
        <v>4544</v>
      </c>
      <c r="N140" t="s">
        <v>654</v>
      </c>
      <c r="O140">
        <v>3</v>
      </c>
      <c r="P140" t="s">
        <v>655</v>
      </c>
      <c r="Q140">
        <v>1</v>
      </c>
      <c r="R140" t="s">
        <v>656</v>
      </c>
      <c r="S140">
        <v>2</v>
      </c>
      <c r="T140" t="s">
        <v>657</v>
      </c>
      <c r="U140">
        <v>7</v>
      </c>
      <c r="V140">
        <v>2</v>
      </c>
      <c r="W140">
        <v>120</v>
      </c>
      <c r="X140">
        <v>2020</v>
      </c>
    </row>
    <row r="141" spans="1:24" x14ac:dyDescent="0.25">
      <c r="A141">
        <v>15827</v>
      </c>
      <c r="B141" t="s">
        <v>14</v>
      </c>
      <c r="C141">
        <v>20</v>
      </c>
      <c r="D141" t="s">
        <v>458</v>
      </c>
      <c r="E141">
        <v>138</v>
      </c>
      <c r="F141" t="s">
        <v>651</v>
      </c>
      <c r="G141">
        <v>160</v>
      </c>
      <c r="H141" t="s">
        <v>739</v>
      </c>
      <c r="I141">
        <v>4413</v>
      </c>
      <c r="J141" t="s">
        <v>684</v>
      </c>
      <c r="K141">
        <v>22</v>
      </c>
      <c r="L141" t="s">
        <v>834</v>
      </c>
      <c r="M141">
        <v>4547</v>
      </c>
      <c r="N141" t="s">
        <v>654</v>
      </c>
      <c r="O141">
        <v>3</v>
      </c>
      <c r="P141" t="s">
        <v>655</v>
      </c>
      <c r="Q141">
        <v>1</v>
      </c>
      <c r="R141" t="s">
        <v>656</v>
      </c>
      <c r="S141">
        <v>2</v>
      </c>
      <c r="T141" t="s">
        <v>657</v>
      </c>
      <c r="U141">
        <v>7</v>
      </c>
      <c r="V141">
        <v>2</v>
      </c>
      <c r="W141">
        <v>120</v>
      </c>
      <c r="X141">
        <v>2020</v>
      </c>
    </row>
    <row r="142" spans="1:24" x14ac:dyDescent="0.25">
      <c r="A142">
        <v>15830</v>
      </c>
      <c r="B142" t="s">
        <v>14</v>
      </c>
      <c r="C142">
        <v>20</v>
      </c>
      <c r="D142" t="s">
        <v>458</v>
      </c>
      <c r="E142">
        <v>138</v>
      </c>
      <c r="F142" t="s">
        <v>651</v>
      </c>
      <c r="G142">
        <v>160</v>
      </c>
      <c r="H142" t="s">
        <v>739</v>
      </c>
      <c r="I142">
        <v>4413</v>
      </c>
      <c r="J142" t="s">
        <v>684</v>
      </c>
      <c r="K142">
        <v>22</v>
      </c>
      <c r="L142" t="s">
        <v>844</v>
      </c>
      <c r="M142">
        <v>4535</v>
      </c>
      <c r="N142" t="s">
        <v>654</v>
      </c>
      <c r="O142">
        <v>3</v>
      </c>
      <c r="P142" t="s">
        <v>655</v>
      </c>
      <c r="Q142">
        <v>1</v>
      </c>
      <c r="R142" t="s">
        <v>656</v>
      </c>
      <c r="S142">
        <v>2</v>
      </c>
      <c r="T142" t="s">
        <v>657</v>
      </c>
      <c r="U142">
        <v>7</v>
      </c>
      <c r="V142">
        <v>2</v>
      </c>
      <c r="W142">
        <v>120</v>
      </c>
      <c r="X142">
        <v>2020</v>
      </c>
    </row>
    <row r="143" spans="1:24" x14ac:dyDescent="0.25">
      <c r="A143">
        <v>15833</v>
      </c>
      <c r="B143" t="s">
        <v>14</v>
      </c>
      <c r="C143">
        <v>20</v>
      </c>
      <c r="D143" t="s">
        <v>559</v>
      </c>
      <c r="E143">
        <v>140</v>
      </c>
      <c r="F143" t="s">
        <v>651</v>
      </c>
      <c r="G143">
        <v>160</v>
      </c>
      <c r="H143" t="s">
        <v>739</v>
      </c>
      <c r="I143">
        <v>4413</v>
      </c>
      <c r="J143" t="s">
        <v>684</v>
      </c>
      <c r="K143">
        <v>22</v>
      </c>
      <c r="L143" t="s">
        <v>778</v>
      </c>
      <c r="M143">
        <v>4550</v>
      </c>
      <c r="N143" t="s">
        <v>654</v>
      </c>
      <c r="O143">
        <v>3</v>
      </c>
      <c r="P143" t="s">
        <v>655</v>
      </c>
      <c r="Q143">
        <v>1</v>
      </c>
      <c r="R143" t="s">
        <v>656</v>
      </c>
      <c r="S143">
        <v>2</v>
      </c>
      <c r="T143" t="s">
        <v>657</v>
      </c>
      <c r="U143">
        <v>7</v>
      </c>
      <c r="V143">
        <v>2</v>
      </c>
      <c r="W143">
        <v>120</v>
      </c>
      <c r="X143">
        <v>2020</v>
      </c>
    </row>
    <row r="144" spans="1:24" x14ac:dyDescent="0.25">
      <c r="A144">
        <v>15836</v>
      </c>
      <c r="B144" t="s">
        <v>14</v>
      </c>
      <c r="C144">
        <v>20</v>
      </c>
      <c r="D144" t="s">
        <v>558</v>
      </c>
      <c r="E144">
        <v>141</v>
      </c>
      <c r="F144" t="s">
        <v>651</v>
      </c>
      <c r="G144">
        <v>160</v>
      </c>
      <c r="H144" t="s">
        <v>739</v>
      </c>
      <c r="I144">
        <v>4413</v>
      </c>
      <c r="J144" t="s">
        <v>684</v>
      </c>
      <c r="K144">
        <v>22</v>
      </c>
      <c r="L144" t="s">
        <v>776</v>
      </c>
      <c r="M144">
        <v>4553</v>
      </c>
      <c r="N144" t="s">
        <v>654</v>
      </c>
      <c r="O144">
        <v>3</v>
      </c>
      <c r="P144" t="s">
        <v>655</v>
      </c>
      <c r="Q144">
        <v>1</v>
      </c>
      <c r="R144" t="s">
        <v>656</v>
      </c>
      <c r="S144">
        <v>2</v>
      </c>
      <c r="T144" t="s">
        <v>657</v>
      </c>
      <c r="U144">
        <v>7</v>
      </c>
      <c r="V144">
        <v>2</v>
      </c>
      <c r="W144">
        <v>120</v>
      </c>
      <c r="X144">
        <v>2020</v>
      </c>
    </row>
    <row r="145" spans="1:24" x14ac:dyDescent="0.25">
      <c r="A145">
        <v>15839</v>
      </c>
      <c r="B145" t="s">
        <v>14</v>
      </c>
      <c r="C145">
        <v>20</v>
      </c>
      <c r="D145" t="s">
        <v>550</v>
      </c>
      <c r="E145">
        <v>155</v>
      </c>
      <c r="F145" t="s">
        <v>651</v>
      </c>
      <c r="G145">
        <v>160</v>
      </c>
      <c r="H145" t="s">
        <v>739</v>
      </c>
      <c r="I145">
        <v>4413</v>
      </c>
      <c r="J145" t="s">
        <v>684</v>
      </c>
      <c r="K145">
        <v>22</v>
      </c>
      <c r="L145" t="s">
        <v>845</v>
      </c>
      <c r="M145">
        <v>4538</v>
      </c>
      <c r="N145" t="s">
        <v>654</v>
      </c>
      <c r="O145">
        <v>3</v>
      </c>
      <c r="P145" t="s">
        <v>655</v>
      </c>
      <c r="Q145">
        <v>1</v>
      </c>
      <c r="R145" t="s">
        <v>656</v>
      </c>
      <c r="S145">
        <v>2</v>
      </c>
      <c r="T145" t="s">
        <v>661</v>
      </c>
      <c r="U145">
        <v>8</v>
      </c>
      <c r="V145">
        <v>2</v>
      </c>
      <c r="W145">
        <v>120</v>
      </c>
      <c r="X145">
        <v>2020</v>
      </c>
    </row>
    <row r="146" spans="1:24" x14ac:dyDescent="0.25">
      <c r="A146">
        <v>15842</v>
      </c>
      <c r="B146" t="s">
        <v>14</v>
      </c>
      <c r="C146">
        <v>20</v>
      </c>
      <c r="D146" t="s">
        <v>556</v>
      </c>
      <c r="E146">
        <v>146</v>
      </c>
      <c r="F146" t="s">
        <v>651</v>
      </c>
      <c r="G146">
        <v>160</v>
      </c>
      <c r="H146" t="s">
        <v>739</v>
      </c>
      <c r="I146">
        <v>4413</v>
      </c>
      <c r="J146" t="s">
        <v>684</v>
      </c>
      <c r="K146">
        <v>22</v>
      </c>
      <c r="L146" t="s">
        <v>842</v>
      </c>
      <c r="M146">
        <v>4541</v>
      </c>
      <c r="N146" t="s">
        <v>654</v>
      </c>
      <c r="O146">
        <v>3</v>
      </c>
      <c r="P146" t="s">
        <v>655</v>
      </c>
      <c r="Q146">
        <v>1</v>
      </c>
      <c r="R146" t="s">
        <v>656</v>
      </c>
      <c r="S146">
        <v>2</v>
      </c>
      <c r="T146" t="s">
        <v>661</v>
      </c>
      <c r="U146">
        <v>8</v>
      </c>
      <c r="V146">
        <v>2</v>
      </c>
      <c r="W146">
        <v>120</v>
      </c>
      <c r="X146">
        <v>2020</v>
      </c>
    </row>
    <row r="147" spans="1:24" x14ac:dyDescent="0.25">
      <c r="A147">
        <v>15845</v>
      </c>
      <c r="B147" t="s">
        <v>14</v>
      </c>
      <c r="C147">
        <v>20</v>
      </c>
      <c r="D147" t="s">
        <v>554</v>
      </c>
      <c r="E147">
        <v>149</v>
      </c>
      <c r="F147" t="s">
        <v>651</v>
      </c>
      <c r="G147">
        <v>160</v>
      </c>
      <c r="H147" t="s">
        <v>739</v>
      </c>
      <c r="I147">
        <v>4413</v>
      </c>
      <c r="J147" t="s">
        <v>684</v>
      </c>
      <c r="K147">
        <v>22</v>
      </c>
      <c r="L147" t="s">
        <v>843</v>
      </c>
      <c r="M147">
        <v>4544</v>
      </c>
      <c r="N147" t="s">
        <v>654</v>
      </c>
      <c r="O147">
        <v>3</v>
      </c>
      <c r="P147" t="s">
        <v>655</v>
      </c>
      <c r="Q147">
        <v>1</v>
      </c>
      <c r="R147" t="s">
        <v>656</v>
      </c>
      <c r="S147">
        <v>2</v>
      </c>
      <c r="T147" t="s">
        <v>661</v>
      </c>
      <c r="U147">
        <v>8</v>
      </c>
      <c r="V147">
        <v>2</v>
      </c>
      <c r="W147">
        <v>120</v>
      </c>
      <c r="X147">
        <v>2020</v>
      </c>
    </row>
    <row r="148" spans="1:24" x14ac:dyDescent="0.25">
      <c r="A148">
        <v>15848</v>
      </c>
      <c r="B148" t="s">
        <v>14</v>
      </c>
      <c r="C148">
        <v>20</v>
      </c>
      <c r="D148" t="s">
        <v>458</v>
      </c>
      <c r="E148">
        <v>138</v>
      </c>
      <c r="F148" t="s">
        <v>651</v>
      </c>
      <c r="G148">
        <v>160</v>
      </c>
      <c r="H148" t="s">
        <v>739</v>
      </c>
      <c r="I148">
        <v>4413</v>
      </c>
      <c r="J148" t="s">
        <v>684</v>
      </c>
      <c r="K148">
        <v>22</v>
      </c>
      <c r="L148" t="s">
        <v>834</v>
      </c>
      <c r="M148">
        <v>4547</v>
      </c>
      <c r="N148" t="s">
        <v>654</v>
      </c>
      <c r="O148">
        <v>3</v>
      </c>
      <c r="P148" t="s">
        <v>655</v>
      </c>
      <c r="Q148">
        <v>1</v>
      </c>
      <c r="R148" t="s">
        <v>656</v>
      </c>
      <c r="S148">
        <v>2</v>
      </c>
      <c r="T148" t="s">
        <v>661</v>
      </c>
      <c r="U148">
        <v>8</v>
      </c>
      <c r="V148">
        <v>2</v>
      </c>
      <c r="W148">
        <v>120</v>
      </c>
      <c r="X148">
        <v>2020</v>
      </c>
    </row>
    <row r="149" spans="1:24" x14ac:dyDescent="0.25">
      <c r="A149">
        <v>15851</v>
      </c>
      <c r="B149" t="s">
        <v>14</v>
      </c>
      <c r="C149">
        <v>20</v>
      </c>
      <c r="D149" t="s">
        <v>559</v>
      </c>
      <c r="E149">
        <v>140</v>
      </c>
      <c r="F149" t="s">
        <v>651</v>
      </c>
      <c r="G149">
        <v>160</v>
      </c>
      <c r="H149" t="s">
        <v>739</v>
      </c>
      <c r="I149">
        <v>4413</v>
      </c>
      <c r="J149" t="s">
        <v>684</v>
      </c>
      <c r="K149">
        <v>22</v>
      </c>
      <c r="L149" t="s">
        <v>778</v>
      </c>
      <c r="M149">
        <v>4550</v>
      </c>
      <c r="N149" t="s">
        <v>654</v>
      </c>
      <c r="O149">
        <v>3</v>
      </c>
      <c r="P149" t="s">
        <v>655</v>
      </c>
      <c r="Q149">
        <v>1</v>
      </c>
      <c r="R149" t="s">
        <v>656</v>
      </c>
      <c r="S149">
        <v>2</v>
      </c>
      <c r="T149" t="s">
        <v>661</v>
      </c>
      <c r="U149">
        <v>8</v>
      </c>
      <c r="V149">
        <v>2</v>
      </c>
      <c r="W149">
        <v>120</v>
      </c>
      <c r="X149">
        <v>2020</v>
      </c>
    </row>
    <row r="150" spans="1:24" x14ac:dyDescent="0.25">
      <c r="A150">
        <v>15854</v>
      </c>
      <c r="B150" t="s">
        <v>14</v>
      </c>
      <c r="C150">
        <v>20</v>
      </c>
      <c r="D150" t="s">
        <v>558</v>
      </c>
      <c r="E150">
        <v>141</v>
      </c>
      <c r="F150" t="s">
        <v>651</v>
      </c>
      <c r="G150">
        <v>160</v>
      </c>
      <c r="H150" t="s">
        <v>739</v>
      </c>
      <c r="I150">
        <v>4413</v>
      </c>
      <c r="J150" t="s">
        <v>684</v>
      </c>
      <c r="K150">
        <v>22</v>
      </c>
      <c r="L150" t="s">
        <v>776</v>
      </c>
      <c r="M150">
        <v>4553</v>
      </c>
      <c r="N150" t="s">
        <v>654</v>
      </c>
      <c r="O150">
        <v>3</v>
      </c>
      <c r="P150" t="s">
        <v>655</v>
      </c>
      <c r="Q150">
        <v>1</v>
      </c>
      <c r="R150" t="s">
        <v>656</v>
      </c>
      <c r="S150">
        <v>2</v>
      </c>
      <c r="T150" t="s">
        <v>661</v>
      </c>
      <c r="U150">
        <v>8</v>
      </c>
      <c r="V150">
        <v>2</v>
      </c>
      <c r="W150">
        <v>120</v>
      </c>
      <c r="X150">
        <v>2020</v>
      </c>
    </row>
    <row r="151" spans="1:24" x14ac:dyDescent="0.25">
      <c r="A151">
        <v>15857</v>
      </c>
      <c r="B151" t="s">
        <v>14</v>
      </c>
      <c r="C151">
        <v>20</v>
      </c>
      <c r="D151" t="s">
        <v>554</v>
      </c>
      <c r="E151">
        <v>149</v>
      </c>
      <c r="F151" t="s">
        <v>651</v>
      </c>
      <c r="G151">
        <v>160</v>
      </c>
      <c r="H151" t="s">
        <v>739</v>
      </c>
      <c r="I151">
        <v>4413</v>
      </c>
      <c r="J151" t="s">
        <v>294</v>
      </c>
      <c r="K151">
        <v>31</v>
      </c>
      <c r="L151" t="s">
        <v>846</v>
      </c>
      <c r="M151">
        <v>4556</v>
      </c>
      <c r="N151" t="s">
        <v>654</v>
      </c>
      <c r="O151">
        <v>3</v>
      </c>
      <c r="P151" t="s">
        <v>655</v>
      </c>
      <c r="Q151">
        <v>1</v>
      </c>
      <c r="R151" t="s">
        <v>656</v>
      </c>
      <c r="S151">
        <v>2</v>
      </c>
      <c r="T151" t="s">
        <v>657</v>
      </c>
      <c r="U151">
        <v>7</v>
      </c>
      <c r="V151">
        <v>2</v>
      </c>
      <c r="W151">
        <v>120</v>
      </c>
      <c r="X151">
        <v>2020</v>
      </c>
    </row>
    <row r="152" spans="1:24" x14ac:dyDescent="0.25">
      <c r="A152">
        <v>15860</v>
      </c>
      <c r="B152" t="s">
        <v>14</v>
      </c>
      <c r="C152">
        <v>20</v>
      </c>
      <c r="D152" t="s">
        <v>551</v>
      </c>
      <c r="E152">
        <v>152</v>
      </c>
      <c r="F152" t="s">
        <v>651</v>
      </c>
      <c r="G152">
        <v>160</v>
      </c>
      <c r="H152" t="s">
        <v>739</v>
      </c>
      <c r="I152">
        <v>4413</v>
      </c>
      <c r="J152" t="s">
        <v>691</v>
      </c>
      <c r="K152">
        <v>21</v>
      </c>
      <c r="L152" t="s">
        <v>847</v>
      </c>
      <c r="M152">
        <v>4559</v>
      </c>
      <c r="N152" t="s">
        <v>654</v>
      </c>
      <c r="O152">
        <v>3</v>
      </c>
      <c r="P152" t="s">
        <v>655</v>
      </c>
      <c r="Q152">
        <v>1</v>
      </c>
      <c r="R152" t="s">
        <v>656</v>
      </c>
      <c r="S152">
        <v>2</v>
      </c>
      <c r="T152" t="s">
        <v>718</v>
      </c>
      <c r="U152">
        <v>2</v>
      </c>
      <c r="V152">
        <v>2</v>
      </c>
      <c r="W152">
        <v>120</v>
      </c>
      <c r="X152">
        <v>2020</v>
      </c>
    </row>
    <row r="153" spans="1:24" x14ac:dyDescent="0.25">
      <c r="A153">
        <v>15863</v>
      </c>
      <c r="B153" t="s">
        <v>14</v>
      </c>
      <c r="C153">
        <v>20</v>
      </c>
      <c r="D153" t="s">
        <v>557</v>
      </c>
      <c r="E153">
        <v>143</v>
      </c>
      <c r="F153" t="s">
        <v>651</v>
      </c>
      <c r="G153">
        <v>160</v>
      </c>
      <c r="H153" t="s">
        <v>739</v>
      </c>
      <c r="I153">
        <v>4413</v>
      </c>
      <c r="J153" t="s">
        <v>848</v>
      </c>
      <c r="K153">
        <v>62</v>
      </c>
      <c r="L153" t="s">
        <v>849</v>
      </c>
      <c r="M153">
        <v>4562</v>
      </c>
      <c r="N153" t="s">
        <v>654</v>
      </c>
      <c r="O153">
        <v>3</v>
      </c>
      <c r="P153" t="s">
        <v>655</v>
      </c>
      <c r="Q153">
        <v>1</v>
      </c>
      <c r="R153" t="s">
        <v>656</v>
      </c>
      <c r="S153">
        <v>2</v>
      </c>
      <c r="T153" t="s">
        <v>661</v>
      </c>
      <c r="U153">
        <v>8</v>
      </c>
      <c r="V153">
        <v>2</v>
      </c>
      <c r="W153">
        <v>120</v>
      </c>
      <c r="X153">
        <v>2020</v>
      </c>
    </row>
    <row r="154" spans="1:24" x14ac:dyDescent="0.25">
      <c r="A154">
        <v>15866</v>
      </c>
      <c r="B154" t="s">
        <v>14</v>
      </c>
      <c r="C154">
        <v>20</v>
      </c>
      <c r="D154" t="s">
        <v>386</v>
      </c>
      <c r="E154">
        <v>142</v>
      </c>
      <c r="F154" t="s">
        <v>651</v>
      </c>
      <c r="G154">
        <v>160</v>
      </c>
      <c r="H154" t="s">
        <v>739</v>
      </c>
      <c r="I154">
        <v>4413</v>
      </c>
      <c r="J154" t="s">
        <v>792</v>
      </c>
      <c r="K154">
        <v>6</v>
      </c>
      <c r="L154" t="s">
        <v>850</v>
      </c>
      <c r="M154">
        <v>4565</v>
      </c>
      <c r="N154" t="s">
        <v>654</v>
      </c>
      <c r="O154">
        <v>3</v>
      </c>
      <c r="P154" t="s">
        <v>655</v>
      </c>
      <c r="Q154">
        <v>1</v>
      </c>
      <c r="R154" t="s">
        <v>656</v>
      </c>
      <c r="S154">
        <v>2</v>
      </c>
      <c r="T154" t="s">
        <v>718</v>
      </c>
      <c r="U154">
        <v>2</v>
      </c>
      <c r="V154">
        <v>2</v>
      </c>
      <c r="W154">
        <v>120</v>
      </c>
      <c r="X154">
        <v>2020</v>
      </c>
    </row>
    <row r="155" spans="1:24" x14ac:dyDescent="0.25">
      <c r="A155">
        <v>15869</v>
      </c>
      <c r="B155" t="s">
        <v>192</v>
      </c>
      <c r="C155">
        <v>19</v>
      </c>
      <c r="D155" t="s">
        <v>560</v>
      </c>
      <c r="E155">
        <v>136</v>
      </c>
      <c r="F155" t="s">
        <v>651</v>
      </c>
      <c r="G155">
        <v>160</v>
      </c>
      <c r="H155" t="s">
        <v>739</v>
      </c>
      <c r="I155">
        <v>4413</v>
      </c>
      <c r="J155" t="s">
        <v>851</v>
      </c>
      <c r="K155">
        <v>43</v>
      </c>
      <c r="L155" t="s">
        <v>852</v>
      </c>
      <c r="M155">
        <v>1421</v>
      </c>
      <c r="N155" t="s">
        <v>654</v>
      </c>
      <c r="O155">
        <v>3</v>
      </c>
      <c r="P155" t="s">
        <v>655</v>
      </c>
      <c r="Q155">
        <v>1</v>
      </c>
      <c r="R155" t="s">
        <v>656</v>
      </c>
      <c r="S155">
        <v>2</v>
      </c>
      <c r="T155" t="s">
        <v>718</v>
      </c>
      <c r="U155">
        <v>2</v>
      </c>
      <c r="V155">
        <v>2</v>
      </c>
      <c r="W155">
        <v>120</v>
      </c>
      <c r="X155">
        <v>2020</v>
      </c>
    </row>
    <row r="156" spans="1:24" x14ac:dyDescent="0.25">
      <c r="A156">
        <v>15872</v>
      </c>
      <c r="B156" t="s">
        <v>30</v>
      </c>
      <c r="C156">
        <v>18</v>
      </c>
      <c r="D156" t="s">
        <v>361</v>
      </c>
      <c r="E156">
        <v>130</v>
      </c>
      <c r="F156" t="s">
        <v>651</v>
      </c>
      <c r="G156">
        <v>160</v>
      </c>
      <c r="H156" t="s">
        <v>739</v>
      </c>
      <c r="I156">
        <v>4413</v>
      </c>
      <c r="J156" t="s">
        <v>705</v>
      </c>
      <c r="K156">
        <v>70</v>
      </c>
      <c r="L156" t="s">
        <v>853</v>
      </c>
      <c r="M156">
        <v>4568</v>
      </c>
      <c r="N156" t="s">
        <v>654</v>
      </c>
      <c r="O156">
        <v>3</v>
      </c>
      <c r="P156" t="s">
        <v>655</v>
      </c>
      <c r="Q156">
        <v>1</v>
      </c>
      <c r="R156" t="s">
        <v>656</v>
      </c>
      <c r="S156">
        <v>2</v>
      </c>
      <c r="T156" t="s">
        <v>661</v>
      </c>
      <c r="U156">
        <v>8</v>
      </c>
      <c r="V156">
        <v>2</v>
      </c>
      <c r="W156">
        <v>120</v>
      </c>
      <c r="X156">
        <v>2020</v>
      </c>
    </row>
    <row r="157" spans="1:24" x14ac:dyDescent="0.25">
      <c r="A157">
        <v>15875</v>
      </c>
      <c r="B157" t="s">
        <v>30</v>
      </c>
      <c r="C157">
        <v>18</v>
      </c>
      <c r="D157" t="s">
        <v>562</v>
      </c>
      <c r="E157">
        <v>132</v>
      </c>
      <c r="F157" t="s">
        <v>651</v>
      </c>
      <c r="G157">
        <v>160</v>
      </c>
      <c r="H157" t="s">
        <v>854</v>
      </c>
      <c r="I157">
        <v>1</v>
      </c>
      <c r="J157" t="s">
        <v>738</v>
      </c>
      <c r="K157">
        <v>61</v>
      </c>
      <c r="L157" t="s">
        <v>855</v>
      </c>
      <c r="M157">
        <v>4571</v>
      </c>
      <c r="N157" t="s">
        <v>654</v>
      </c>
      <c r="O157">
        <v>3</v>
      </c>
      <c r="P157" t="s">
        <v>655</v>
      </c>
      <c r="Q157">
        <v>1</v>
      </c>
      <c r="R157" t="s">
        <v>656</v>
      </c>
      <c r="S157">
        <v>2</v>
      </c>
      <c r="T157" t="s">
        <v>661</v>
      </c>
      <c r="U157">
        <v>8</v>
      </c>
      <c r="V157">
        <v>2</v>
      </c>
      <c r="W157">
        <v>120</v>
      </c>
      <c r="X157">
        <v>2020</v>
      </c>
    </row>
    <row r="158" spans="1:24" x14ac:dyDescent="0.25">
      <c r="A158">
        <v>15878</v>
      </c>
      <c r="B158" t="s">
        <v>218</v>
      </c>
      <c r="C158">
        <v>17</v>
      </c>
      <c r="D158" t="s">
        <v>567</v>
      </c>
      <c r="E158">
        <v>119</v>
      </c>
      <c r="F158" t="s">
        <v>651</v>
      </c>
      <c r="G158">
        <v>160</v>
      </c>
      <c r="H158" t="s">
        <v>744</v>
      </c>
      <c r="I158">
        <v>3143</v>
      </c>
      <c r="J158" t="s">
        <v>819</v>
      </c>
      <c r="K158">
        <v>101</v>
      </c>
      <c r="L158" t="s">
        <v>856</v>
      </c>
      <c r="M158">
        <v>4574</v>
      </c>
      <c r="N158" t="s">
        <v>654</v>
      </c>
      <c r="O158">
        <v>3</v>
      </c>
      <c r="P158" t="s">
        <v>655</v>
      </c>
      <c r="Q158">
        <v>1</v>
      </c>
      <c r="R158" t="s">
        <v>656</v>
      </c>
      <c r="S158">
        <v>2</v>
      </c>
      <c r="T158" t="s">
        <v>661</v>
      </c>
      <c r="U158">
        <v>8</v>
      </c>
      <c r="V158">
        <v>2</v>
      </c>
      <c r="W158">
        <v>120</v>
      </c>
      <c r="X158">
        <v>2020</v>
      </c>
    </row>
    <row r="159" spans="1:24" x14ac:dyDescent="0.25">
      <c r="A159">
        <v>15881</v>
      </c>
      <c r="B159" t="s">
        <v>218</v>
      </c>
      <c r="C159">
        <v>17</v>
      </c>
      <c r="D159" t="s">
        <v>567</v>
      </c>
      <c r="E159">
        <v>119</v>
      </c>
      <c r="F159" t="s">
        <v>651</v>
      </c>
      <c r="G159">
        <v>160</v>
      </c>
      <c r="H159" t="s">
        <v>744</v>
      </c>
      <c r="I159">
        <v>3143</v>
      </c>
      <c r="J159" t="s">
        <v>819</v>
      </c>
      <c r="K159">
        <v>101</v>
      </c>
      <c r="L159" t="s">
        <v>857</v>
      </c>
      <c r="M159">
        <v>4577</v>
      </c>
      <c r="N159" t="s">
        <v>654</v>
      </c>
      <c r="O159">
        <v>3</v>
      </c>
      <c r="P159" t="s">
        <v>655</v>
      </c>
      <c r="Q159">
        <v>1</v>
      </c>
      <c r="R159" t="s">
        <v>656</v>
      </c>
      <c r="S159">
        <v>2</v>
      </c>
      <c r="T159" t="s">
        <v>661</v>
      </c>
      <c r="U159">
        <v>8</v>
      </c>
      <c r="V159">
        <v>2</v>
      </c>
      <c r="W159">
        <v>120</v>
      </c>
      <c r="X159">
        <v>2020</v>
      </c>
    </row>
    <row r="160" spans="1:24" x14ac:dyDescent="0.25">
      <c r="A160">
        <v>15884</v>
      </c>
      <c r="B160" t="s">
        <v>218</v>
      </c>
      <c r="C160">
        <v>17</v>
      </c>
      <c r="D160" t="s">
        <v>572</v>
      </c>
      <c r="E160">
        <v>111</v>
      </c>
      <c r="F160" t="s">
        <v>651</v>
      </c>
      <c r="G160">
        <v>160</v>
      </c>
      <c r="H160" t="s">
        <v>744</v>
      </c>
      <c r="I160">
        <v>3143</v>
      </c>
      <c r="J160" t="s">
        <v>678</v>
      </c>
      <c r="K160">
        <v>41</v>
      </c>
      <c r="L160" t="s">
        <v>858</v>
      </c>
      <c r="M160">
        <v>4580</v>
      </c>
      <c r="N160" t="s">
        <v>654</v>
      </c>
      <c r="O160">
        <v>3</v>
      </c>
      <c r="P160" t="s">
        <v>655</v>
      </c>
      <c r="Q160">
        <v>1</v>
      </c>
      <c r="R160" t="s">
        <v>656</v>
      </c>
      <c r="S160">
        <v>2</v>
      </c>
      <c r="T160" t="s">
        <v>718</v>
      </c>
      <c r="U160">
        <v>2</v>
      </c>
      <c r="V160">
        <v>2</v>
      </c>
      <c r="W160">
        <v>120</v>
      </c>
      <c r="X160">
        <v>2020</v>
      </c>
    </row>
    <row r="161" spans="1:24" x14ac:dyDescent="0.25">
      <c r="A161">
        <v>15887</v>
      </c>
      <c r="B161" t="s">
        <v>20</v>
      </c>
      <c r="C161">
        <v>14</v>
      </c>
      <c r="D161" t="s">
        <v>402</v>
      </c>
      <c r="E161">
        <v>95</v>
      </c>
      <c r="F161" t="s">
        <v>651</v>
      </c>
      <c r="G161">
        <v>160</v>
      </c>
      <c r="H161" t="s">
        <v>681</v>
      </c>
      <c r="I161">
        <v>717</v>
      </c>
      <c r="J161" t="s">
        <v>819</v>
      </c>
      <c r="K161">
        <v>101</v>
      </c>
      <c r="L161" t="s">
        <v>859</v>
      </c>
      <c r="M161">
        <v>4583</v>
      </c>
      <c r="N161" t="s">
        <v>654</v>
      </c>
      <c r="O161">
        <v>3</v>
      </c>
      <c r="P161" t="s">
        <v>655</v>
      </c>
      <c r="Q161">
        <v>1</v>
      </c>
      <c r="R161" t="s">
        <v>656</v>
      </c>
      <c r="S161">
        <v>2</v>
      </c>
      <c r="T161" t="s">
        <v>661</v>
      </c>
      <c r="U161">
        <v>8</v>
      </c>
      <c r="V161">
        <v>2</v>
      </c>
      <c r="W161">
        <v>120</v>
      </c>
      <c r="X161">
        <v>2020</v>
      </c>
    </row>
    <row r="162" spans="1:24" x14ac:dyDescent="0.25">
      <c r="A162">
        <v>15893</v>
      </c>
      <c r="B162" t="s">
        <v>127</v>
      </c>
      <c r="C162">
        <v>9</v>
      </c>
      <c r="D162" t="s">
        <v>588</v>
      </c>
      <c r="E162">
        <v>75</v>
      </c>
      <c r="F162" t="s">
        <v>651</v>
      </c>
      <c r="G162">
        <v>160</v>
      </c>
      <c r="H162" t="s">
        <v>658</v>
      </c>
      <c r="I162">
        <v>13755</v>
      </c>
      <c r="J162" t="s">
        <v>659</v>
      </c>
      <c r="K162">
        <v>35</v>
      </c>
      <c r="L162" t="s">
        <v>860</v>
      </c>
      <c r="M162">
        <v>4586</v>
      </c>
      <c r="N162" t="s">
        <v>654</v>
      </c>
      <c r="O162">
        <v>3</v>
      </c>
      <c r="P162" t="s">
        <v>655</v>
      </c>
      <c r="Q162">
        <v>1</v>
      </c>
      <c r="R162" t="s">
        <v>656</v>
      </c>
      <c r="S162">
        <v>2</v>
      </c>
      <c r="T162" t="s">
        <v>661</v>
      </c>
      <c r="U162">
        <v>8</v>
      </c>
      <c r="V162">
        <v>2</v>
      </c>
      <c r="W162">
        <v>120</v>
      </c>
      <c r="X162">
        <v>2020</v>
      </c>
    </row>
    <row r="163" spans="1:24" x14ac:dyDescent="0.25">
      <c r="A163">
        <v>15896</v>
      </c>
      <c r="B163" t="s">
        <v>12</v>
      </c>
      <c r="C163">
        <v>7</v>
      </c>
      <c r="D163" t="s">
        <v>599</v>
      </c>
      <c r="E163">
        <v>60</v>
      </c>
      <c r="F163" t="s">
        <v>651</v>
      </c>
      <c r="G163">
        <v>160</v>
      </c>
      <c r="H163" t="s">
        <v>658</v>
      </c>
      <c r="I163">
        <v>13755</v>
      </c>
      <c r="J163" t="s">
        <v>684</v>
      </c>
      <c r="K163">
        <v>22</v>
      </c>
      <c r="L163" t="s">
        <v>861</v>
      </c>
      <c r="M163">
        <v>4589</v>
      </c>
      <c r="N163" t="s">
        <v>654</v>
      </c>
      <c r="O163">
        <v>3</v>
      </c>
      <c r="P163" t="s">
        <v>655</v>
      </c>
      <c r="Q163">
        <v>1</v>
      </c>
      <c r="R163" t="s">
        <v>656</v>
      </c>
      <c r="S163">
        <v>2</v>
      </c>
      <c r="T163" t="s">
        <v>661</v>
      </c>
      <c r="U163">
        <v>8</v>
      </c>
      <c r="V163">
        <v>2</v>
      </c>
      <c r="W163">
        <v>120</v>
      </c>
      <c r="X163">
        <v>2020</v>
      </c>
    </row>
    <row r="164" spans="1:24" x14ac:dyDescent="0.25">
      <c r="A164">
        <v>15899</v>
      </c>
      <c r="B164" t="s">
        <v>12</v>
      </c>
      <c r="C164">
        <v>7</v>
      </c>
      <c r="D164" t="s">
        <v>592</v>
      </c>
      <c r="E164">
        <v>68</v>
      </c>
      <c r="F164" t="s">
        <v>651</v>
      </c>
      <c r="G164">
        <v>160</v>
      </c>
      <c r="H164" t="s">
        <v>658</v>
      </c>
      <c r="I164">
        <v>13755</v>
      </c>
      <c r="J164" t="s">
        <v>299</v>
      </c>
      <c r="K164">
        <v>27</v>
      </c>
      <c r="L164" t="s">
        <v>862</v>
      </c>
      <c r="M164">
        <v>4592</v>
      </c>
      <c r="N164" t="s">
        <v>654</v>
      </c>
      <c r="O164">
        <v>3</v>
      </c>
      <c r="P164" t="s">
        <v>655</v>
      </c>
      <c r="Q164">
        <v>1</v>
      </c>
      <c r="R164" t="s">
        <v>656</v>
      </c>
      <c r="S164">
        <v>2</v>
      </c>
      <c r="T164" t="s">
        <v>661</v>
      </c>
      <c r="U164">
        <v>8</v>
      </c>
      <c r="V164">
        <v>2</v>
      </c>
      <c r="W164">
        <v>120</v>
      </c>
      <c r="X164">
        <v>2020</v>
      </c>
    </row>
    <row r="165" spans="1:24" x14ac:dyDescent="0.25">
      <c r="A165">
        <v>15902</v>
      </c>
      <c r="B165" t="s">
        <v>12</v>
      </c>
      <c r="C165">
        <v>7</v>
      </c>
      <c r="D165" t="s">
        <v>301</v>
      </c>
      <c r="E165">
        <v>1004</v>
      </c>
      <c r="F165" t="s">
        <v>651</v>
      </c>
      <c r="G165">
        <v>160</v>
      </c>
      <c r="H165" t="s">
        <v>658</v>
      </c>
      <c r="I165">
        <v>13755</v>
      </c>
      <c r="J165" t="s">
        <v>301</v>
      </c>
      <c r="K165">
        <v>26</v>
      </c>
      <c r="L165" t="s">
        <v>863</v>
      </c>
      <c r="M165">
        <v>4595</v>
      </c>
      <c r="N165" t="s">
        <v>654</v>
      </c>
      <c r="O165">
        <v>3</v>
      </c>
      <c r="P165" t="s">
        <v>655</v>
      </c>
      <c r="Q165">
        <v>1</v>
      </c>
      <c r="R165" t="s">
        <v>656</v>
      </c>
      <c r="S165">
        <v>2</v>
      </c>
      <c r="T165" t="s">
        <v>718</v>
      </c>
      <c r="U165">
        <v>2</v>
      </c>
      <c r="V165">
        <v>2</v>
      </c>
      <c r="W165">
        <v>120</v>
      </c>
      <c r="X165">
        <v>2020</v>
      </c>
    </row>
    <row r="166" spans="1:24" x14ac:dyDescent="0.25">
      <c r="A166">
        <v>15905</v>
      </c>
      <c r="B166" t="s">
        <v>16</v>
      </c>
      <c r="C166">
        <v>5</v>
      </c>
      <c r="D166" t="s">
        <v>509</v>
      </c>
      <c r="E166">
        <v>53</v>
      </c>
      <c r="F166" t="s">
        <v>651</v>
      </c>
      <c r="G166">
        <v>160</v>
      </c>
      <c r="H166" t="s">
        <v>658</v>
      </c>
      <c r="I166">
        <v>13755</v>
      </c>
      <c r="J166" t="s">
        <v>864</v>
      </c>
      <c r="K166">
        <v>14</v>
      </c>
      <c r="L166" t="s">
        <v>865</v>
      </c>
      <c r="M166">
        <v>4598</v>
      </c>
      <c r="N166" t="s">
        <v>654</v>
      </c>
      <c r="O166">
        <v>3</v>
      </c>
      <c r="P166" t="s">
        <v>655</v>
      </c>
      <c r="Q166">
        <v>1</v>
      </c>
      <c r="R166" t="s">
        <v>656</v>
      </c>
      <c r="S166">
        <v>2</v>
      </c>
      <c r="T166" t="s">
        <v>661</v>
      </c>
      <c r="U166">
        <v>8</v>
      </c>
      <c r="V166">
        <v>2</v>
      </c>
      <c r="W166">
        <v>120</v>
      </c>
      <c r="X166">
        <v>2020</v>
      </c>
    </row>
    <row r="167" spans="1:24" x14ac:dyDescent="0.25">
      <c r="A167">
        <v>15908</v>
      </c>
      <c r="B167" t="s">
        <v>16</v>
      </c>
      <c r="C167">
        <v>5</v>
      </c>
      <c r="D167" t="s">
        <v>604</v>
      </c>
      <c r="E167">
        <v>40</v>
      </c>
      <c r="F167" t="s">
        <v>651</v>
      </c>
      <c r="G167">
        <v>160</v>
      </c>
      <c r="H167" t="s">
        <v>658</v>
      </c>
      <c r="I167">
        <v>13755</v>
      </c>
      <c r="J167" t="s">
        <v>866</v>
      </c>
      <c r="K167">
        <v>9</v>
      </c>
      <c r="L167" t="s">
        <v>867</v>
      </c>
      <c r="M167">
        <v>4601</v>
      </c>
      <c r="N167" t="s">
        <v>654</v>
      </c>
      <c r="O167">
        <v>3</v>
      </c>
      <c r="P167" t="s">
        <v>655</v>
      </c>
      <c r="Q167">
        <v>1</v>
      </c>
      <c r="R167" t="s">
        <v>656</v>
      </c>
      <c r="S167">
        <v>2</v>
      </c>
      <c r="T167" t="s">
        <v>661</v>
      </c>
      <c r="U167">
        <v>8</v>
      </c>
      <c r="V167">
        <v>2</v>
      </c>
      <c r="W167">
        <v>120</v>
      </c>
      <c r="X167">
        <v>2020</v>
      </c>
    </row>
    <row r="168" spans="1:24" x14ac:dyDescent="0.25">
      <c r="A168">
        <v>15911</v>
      </c>
      <c r="B168" t="s">
        <v>16</v>
      </c>
      <c r="C168">
        <v>5</v>
      </c>
      <c r="D168" t="s">
        <v>425</v>
      </c>
      <c r="E168">
        <v>50</v>
      </c>
      <c r="F168" t="s">
        <v>651</v>
      </c>
      <c r="G168">
        <v>160</v>
      </c>
      <c r="H168" t="s">
        <v>658</v>
      </c>
      <c r="I168">
        <v>13755</v>
      </c>
      <c r="J168" t="s">
        <v>868</v>
      </c>
      <c r="K168">
        <v>23</v>
      </c>
      <c r="L168" t="s">
        <v>869</v>
      </c>
      <c r="M168">
        <v>4604</v>
      </c>
      <c r="N168" t="s">
        <v>654</v>
      </c>
      <c r="O168">
        <v>3</v>
      </c>
      <c r="P168" t="s">
        <v>655</v>
      </c>
      <c r="Q168">
        <v>1</v>
      </c>
      <c r="R168" t="s">
        <v>656</v>
      </c>
      <c r="S168">
        <v>2</v>
      </c>
      <c r="T168" t="s">
        <v>661</v>
      </c>
      <c r="U168">
        <v>8</v>
      </c>
      <c r="V168">
        <v>2</v>
      </c>
      <c r="W168">
        <v>120</v>
      </c>
      <c r="X168">
        <v>2020</v>
      </c>
    </row>
    <row r="169" spans="1:24" x14ac:dyDescent="0.25">
      <c r="A169">
        <v>15914</v>
      </c>
      <c r="B169" t="s">
        <v>16</v>
      </c>
      <c r="C169">
        <v>5</v>
      </c>
      <c r="D169" t="s">
        <v>425</v>
      </c>
      <c r="E169">
        <v>50</v>
      </c>
      <c r="F169" t="s">
        <v>651</v>
      </c>
      <c r="G169">
        <v>160</v>
      </c>
      <c r="H169" t="s">
        <v>658</v>
      </c>
      <c r="I169">
        <v>13755</v>
      </c>
      <c r="J169" t="s">
        <v>868</v>
      </c>
      <c r="K169">
        <v>23</v>
      </c>
      <c r="L169" t="s">
        <v>870</v>
      </c>
      <c r="M169">
        <v>4607</v>
      </c>
      <c r="N169" t="s">
        <v>654</v>
      </c>
      <c r="O169">
        <v>3</v>
      </c>
      <c r="P169" t="s">
        <v>655</v>
      </c>
      <c r="Q169">
        <v>1</v>
      </c>
      <c r="R169" t="s">
        <v>656</v>
      </c>
      <c r="S169">
        <v>2</v>
      </c>
      <c r="T169" t="s">
        <v>661</v>
      </c>
      <c r="U169">
        <v>8</v>
      </c>
      <c r="V169">
        <v>2</v>
      </c>
      <c r="W169">
        <v>120</v>
      </c>
      <c r="X169">
        <v>2020</v>
      </c>
    </row>
    <row r="170" spans="1:24" x14ac:dyDescent="0.25">
      <c r="A170">
        <v>15917</v>
      </c>
      <c r="B170" t="s">
        <v>16</v>
      </c>
      <c r="C170">
        <v>5</v>
      </c>
      <c r="D170" t="s">
        <v>425</v>
      </c>
      <c r="E170">
        <v>50</v>
      </c>
      <c r="F170" t="s">
        <v>651</v>
      </c>
      <c r="G170">
        <v>160</v>
      </c>
      <c r="H170" t="s">
        <v>658</v>
      </c>
      <c r="I170">
        <v>13755</v>
      </c>
      <c r="J170" t="s">
        <v>868</v>
      </c>
      <c r="K170">
        <v>23</v>
      </c>
      <c r="L170" t="s">
        <v>871</v>
      </c>
      <c r="M170">
        <v>4610</v>
      </c>
      <c r="N170" t="s">
        <v>654</v>
      </c>
      <c r="O170">
        <v>3</v>
      </c>
      <c r="P170" t="s">
        <v>655</v>
      </c>
      <c r="Q170">
        <v>1</v>
      </c>
      <c r="R170" t="s">
        <v>656</v>
      </c>
      <c r="S170">
        <v>2</v>
      </c>
      <c r="T170" t="s">
        <v>661</v>
      </c>
      <c r="U170">
        <v>8</v>
      </c>
      <c r="V170">
        <v>2</v>
      </c>
      <c r="W170">
        <v>120</v>
      </c>
      <c r="X170">
        <v>2020</v>
      </c>
    </row>
    <row r="171" spans="1:24" x14ac:dyDescent="0.25">
      <c r="A171">
        <v>15920</v>
      </c>
      <c r="B171" t="s">
        <v>16</v>
      </c>
      <c r="C171">
        <v>5</v>
      </c>
      <c r="D171" t="s">
        <v>604</v>
      </c>
      <c r="E171">
        <v>40</v>
      </c>
      <c r="F171" t="s">
        <v>651</v>
      </c>
      <c r="G171">
        <v>160</v>
      </c>
      <c r="H171" t="s">
        <v>658</v>
      </c>
      <c r="I171">
        <v>13755</v>
      </c>
      <c r="J171" t="s">
        <v>703</v>
      </c>
      <c r="K171">
        <v>16</v>
      </c>
      <c r="L171" t="s">
        <v>872</v>
      </c>
      <c r="M171">
        <v>4613</v>
      </c>
      <c r="N171" t="s">
        <v>654</v>
      </c>
      <c r="O171">
        <v>3</v>
      </c>
      <c r="P171" t="s">
        <v>655</v>
      </c>
      <c r="Q171">
        <v>1</v>
      </c>
      <c r="R171" t="s">
        <v>656</v>
      </c>
      <c r="S171">
        <v>2</v>
      </c>
      <c r="T171" t="s">
        <v>718</v>
      </c>
      <c r="U171">
        <v>2</v>
      </c>
      <c r="V171">
        <v>2</v>
      </c>
      <c r="W171">
        <v>120</v>
      </c>
      <c r="X171">
        <v>2020</v>
      </c>
    </row>
    <row r="172" spans="1:24" x14ac:dyDescent="0.25">
      <c r="A172">
        <v>15923</v>
      </c>
      <c r="B172" t="s">
        <v>16</v>
      </c>
      <c r="C172">
        <v>5</v>
      </c>
      <c r="D172" t="s">
        <v>458</v>
      </c>
      <c r="E172">
        <v>48</v>
      </c>
      <c r="F172" t="s">
        <v>651</v>
      </c>
      <c r="G172">
        <v>160</v>
      </c>
      <c r="H172" t="s">
        <v>658</v>
      </c>
      <c r="I172">
        <v>13755</v>
      </c>
      <c r="J172" t="s">
        <v>676</v>
      </c>
      <c r="K172">
        <v>4</v>
      </c>
      <c r="L172" t="s">
        <v>873</v>
      </c>
      <c r="M172">
        <v>4616</v>
      </c>
      <c r="N172" t="s">
        <v>654</v>
      </c>
      <c r="O172">
        <v>3</v>
      </c>
      <c r="P172" t="s">
        <v>655</v>
      </c>
      <c r="Q172">
        <v>1</v>
      </c>
      <c r="R172" t="s">
        <v>656</v>
      </c>
      <c r="S172">
        <v>2</v>
      </c>
      <c r="T172" t="s">
        <v>718</v>
      </c>
      <c r="U172">
        <v>2</v>
      </c>
      <c r="V172">
        <v>2</v>
      </c>
      <c r="W172">
        <v>120</v>
      </c>
      <c r="X172">
        <v>2020</v>
      </c>
    </row>
    <row r="173" spans="1:24" x14ac:dyDescent="0.25">
      <c r="A173">
        <v>15926</v>
      </c>
      <c r="B173" t="s">
        <v>226</v>
      </c>
      <c r="C173">
        <v>1</v>
      </c>
      <c r="D173" t="s">
        <v>630</v>
      </c>
      <c r="E173">
        <v>2</v>
      </c>
      <c r="F173" t="s">
        <v>651</v>
      </c>
      <c r="G173">
        <v>160</v>
      </c>
      <c r="H173" t="s">
        <v>658</v>
      </c>
      <c r="I173">
        <v>13755</v>
      </c>
      <c r="J173" t="s">
        <v>730</v>
      </c>
      <c r="K173">
        <v>66</v>
      </c>
      <c r="L173" t="s">
        <v>874</v>
      </c>
      <c r="M173">
        <v>4619</v>
      </c>
      <c r="N173" t="s">
        <v>654</v>
      </c>
      <c r="O173">
        <v>3</v>
      </c>
      <c r="P173" t="s">
        <v>655</v>
      </c>
      <c r="Q173">
        <v>1</v>
      </c>
      <c r="R173" t="s">
        <v>656</v>
      </c>
      <c r="S173">
        <v>2</v>
      </c>
      <c r="T173" t="s">
        <v>661</v>
      </c>
      <c r="U173">
        <v>8</v>
      </c>
      <c r="V173">
        <v>2</v>
      </c>
      <c r="W173">
        <v>120</v>
      </c>
      <c r="X173">
        <v>2020</v>
      </c>
    </row>
    <row r="174" spans="1:24" x14ac:dyDescent="0.25">
      <c r="A174">
        <v>15929</v>
      </c>
      <c r="B174" t="s">
        <v>226</v>
      </c>
      <c r="C174">
        <v>1</v>
      </c>
      <c r="D174" t="s">
        <v>239</v>
      </c>
      <c r="E174">
        <v>1070</v>
      </c>
      <c r="F174" t="s">
        <v>651</v>
      </c>
      <c r="G174">
        <v>160</v>
      </c>
      <c r="H174" t="s">
        <v>658</v>
      </c>
      <c r="I174">
        <v>13755</v>
      </c>
      <c r="J174" t="s">
        <v>797</v>
      </c>
      <c r="K174">
        <v>65</v>
      </c>
      <c r="L174" t="s">
        <v>875</v>
      </c>
      <c r="M174">
        <v>4622</v>
      </c>
      <c r="N174" t="s">
        <v>654</v>
      </c>
      <c r="O174">
        <v>3</v>
      </c>
      <c r="P174" t="s">
        <v>655</v>
      </c>
      <c r="Q174">
        <v>1</v>
      </c>
      <c r="R174" t="s">
        <v>656</v>
      </c>
      <c r="S174">
        <v>2</v>
      </c>
      <c r="T174" t="s">
        <v>718</v>
      </c>
      <c r="U174">
        <v>2</v>
      </c>
      <c r="V174">
        <v>2</v>
      </c>
      <c r="W174">
        <v>120</v>
      </c>
      <c r="X174">
        <v>2020</v>
      </c>
    </row>
    <row r="175" spans="1:24" x14ac:dyDescent="0.25">
      <c r="A175">
        <v>15932</v>
      </c>
      <c r="B175" t="s">
        <v>127</v>
      </c>
      <c r="C175">
        <v>9</v>
      </c>
      <c r="D175" t="s">
        <v>543</v>
      </c>
      <c r="E175">
        <v>74</v>
      </c>
      <c r="F175" t="s">
        <v>651</v>
      </c>
      <c r="G175">
        <v>160</v>
      </c>
      <c r="H175" t="s">
        <v>658</v>
      </c>
      <c r="I175">
        <v>13755</v>
      </c>
      <c r="J175" t="s">
        <v>659</v>
      </c>
      <c r="K175">
        <v>35</v>
      </c>
      <c r="L175" t="s">
        <v>876</v>
      </c>
      <c r="M175">
        <v>4625</v>
      </c>
      <c r="N175" t="s">
        <v>654</v>
      </c>
      <c r="O175">
        <v>3</v>
      </c>
      <c r="P175" t="s">
        <v>655</v>
      </c>
      <c r="Q175">
        <v>1</v>
      </c>
      <c r="R175" t="s">
        <v>656</v>
      </c>
      <c r="S175">
        <v>2</v>
      </c>
      <c r="T175" t="s">
        <v>661</v>
      </c>
      <c r="U175">
        <v>8</v>
      </c>
      <c r="V175">
        <v>2</v>
      </c>
      <c r="W175">
        <v>120</v>
      </c>
      <c r="X175">
        <v>2020</v>
      </c>
    </row>
    <row r="176" spans="1:24" x14ac:dyDescent="0.25">
      <c r="A176">
        <v>15935</v>
      </c>
      <c r="B176" t="s">
        <v>16</v>
      </c>
      <c r="C176">
        <v>5</v>
      </c>
      <c r="D176" t="s">
        <v>11</v>
      </c>
      <c r="E176">
        <v>39</v>
      </c>
      <c r="F176" t="s">
        <v>651</v>
      </c>
      <c r="G176">
        <v>160</v>
      </c>
      <c r="H176" t="s">
        <v>658</v>
      </c>
      <c r="I176">
        <v>13755</v>
      </c>
      <c r="J176" t="s">
        <v>65</v>
      </c>
      <c r="K176">
        <v>15</v>
      </c>
      <c r="L176" t="s">
        <v>877</v>
      </c>
      <c r="M176">
        <v>4628</v>
      </c>
      <c r="N176" t="s">
        <v>654</v>
      </c>
      <c r="O176">
        <v>3</v>
      </c>
      <c r="P176" t="s">
        <v>655</v>
      </c>
      <c r="Q176">
        <v>1</v>
      </c>
      <c r="R176" t="s">
        <v>656</v>
      </c>
      <c r="S176">
        <v>2</v>
      </c>
      <c r="T176" t="s">
        <v>769</v>
      </c>
      <c r="U176">
        <v>3</v>
      </c>
      <c r="V176">
        <v>1</v>
      </c>
      <c r="W176">
        <v>60</v>
      </c>
      <c r="X176">
        <v>2020</v>
      </c>
    </row>
    <row r="177" spans="1:24" x14ac:dyDescent="0.25">
      <c r="A177">
        <v>15938</v>
      </c>
      <c r="B177" t="s">
        <v>93</v>
      </c>
      <c r="C177">
        <v>48</v>
      </c>
      <c r="D177" t="s">
        <v>456</v>
      </c>
      <c r="E177">
        <v>358</v>
      </c>
      <c r="F177" t="s">
        <v>651</v>
      </c>
      <c r="G177">
        <v>160</v>
      </c>
      <c r="H177" t="s">
        <v>773</v>
      </c>
      <c r="I177">
        <v>11846</v>
      </c>
      <c r="J177" t="s">
        <v>792</v>
      </c>
      <c r="K177">
        <v>6</v>
      </c>
      <c r="L177" t="s">
        <v>793</v>
      </c>
      <c r="M177">
        <v>2670</v>
      </c>
      <c r="N177" t="s">
        <v>654</v>
      </c>
      <c r="O177">
        <v>3</v>
      </c>
      <c r="P177" t="s">
        <v>655</v>
      </c>
      <c r="Q177">
        <v>1</v>
      </c>
      <c r="R177" t="s">
        <v>656</v>
      </c>
      <c r="S177">
        <v>2</v>
      </c>
      <c r="T177" t="s">
        <v>661</v>
      </c>
      <c r="U177">
        <v>8</v>
      </c>
      <c r="V177">
        <v>2</v>
      </c>
      <c r="W177">
        <v>120</v>
      </c>
      <c r="X177">
        <v>2020</v>
      </c>
    </row>
    <row r="178" spans="1:24" x14ac:dyDescent="0.25">
      <c r="A178">
        <v>15941</v>
      </c>
      <c r="B178" t="s">
        <v>198</v>
      </c>
      <c r="C178">
        <v>21</v>
      </c>
      <c r="D178" t="s">
        <v>321</v>
      </c>
      <c r="E178">
        <v>161</v>
      </c>
      <c r="F178" t="s">
        <v>651</v>
      </c>
      <c r="G178">
        <v>160</v>
      </c>
      <c r="H178" t="s">
        <v>739</v>
      </c>
      <c r="I178">
        <v>4413</v>
      </c>
      <c r="J178" t="s">
        <v>878</v>
      </c>
      <c r="K178">
        <v>91</v>
      </c>
      <c r="L178" t="s">
        <v>879</v>
      </c>
      <c r="M178">
        <v>3372</v>
      </c>
      <c r="N178" t="s">
        <v>654</v>
      </c>
      <c r="O178">
        <v>3</v>
      </c>
      <c r="P178" t="s">
        <v>655</v>
      </c>
      <c r="Q178">
        <v>1</v>
      </c>
      <c r="R178" t="s">
        <v>656</v>
      </c>
      <c r="S178">
        <v>2</v>
      </c>
      <c r="T178" t="s">
        <v>718</v>
      </c>
      <c r="U178">
        <v>2</v>
      </c>
      <c r="V178">
        <v>2</v>
      </c>
      <c r="W178">
        <v>120</v>
      </c>
      <c r="X178">
        <v>2020</v>
      </c>
    </row>
    <row r="179" spans="1:24" x14ac:dyDescent="0.25">
      <c r="A179">
        <v>15944</v>
      </c>
      <c r="B179" t="s">
        <v>186</v>
      </c>
      <c r="C179">
        <v>47</v>
      </c>
      <c r="D179" t="s">
        <v>460</v>
      </c>
      <c r="E179">
        <v>354</v>
      </c>
      <c r="F179" t="s">
        <v>651</v>
      </c>
      <c r="G179">
        <v>160</v>
      </c>
      <c r="H179" t="s">
        <v>773</v>
      </c>
      <c r="I179">
        <v>11846</v>
      </c>
      <c r="J179" t="s">
        <v>880</v>
      </c>
      <c r="K179">
        <v>58</v>
      </c>
      <c r="L179" t="s">
        <v>881</v>
      </c>
      <c r="M179">
        <v>566</v>
      </c>
      <c r="N179" t="s">
        <v>654</v>
      </c>
      <c r="O179">
        <v>3</v>
      </c>
      <c r="P179" t="s">
        <v>655</v>
      </c>
      <c r="Q179">
        <v>1</v>
      </c>
      <c r="R179" t="s">
        <v>656</v>
      </c>
      <c r="S179">
        <v>2</v>
      </c>
      <c r="T179" t="s">
        <v>661</v>
      </c>
      <c r="U179">
        <v>8</v>
      </c>
      <c r="V179">
        <v>2</v>
      </c>
      <c r="W179">
        <v>120</v>
      </c>
      <c r="X179">
        <v>2020</v>
      </c>
    </row>
    <row r="180" spans="1:24" x14ac:dyDescent="0.25">
      <c r="A180">
        <v>15947</v>
      </c>
      <c r="B180" t="s">
        <v>26</v>
      </c>
      <c r="C180">
        <v>44</v>
      </c>
      <c r="D180" t="s">
        <v>473</v>
      </c>
      <c r="E180">
        <v>333</v>
      </c>
      <c r="F180" t="s">
        <v>651</v>
      </c>
      <c r="G180">
        <v>160</v>
      </c>
      <c r="H180" t="s">
        <v>666</v>
      </c>
      <c r="I180">
        <v>8767</v>
      </c>
      <c r="J180" t="s">
        <v>682</v>
      </c>
      <c r="K180">
        <v>20</v>
      </c>
      <c r="L180" t="s">
        <v>882</v>
      </c>
      <c r="M180">
        <v>4631</v>
      </c>
      <c r="N180" t="s">
        <v>654</v>
      </c>
      <c r="O180">
        <v>3</v>
      </c>
      <c r="P180" t="s">
        <v>655</v>
      </c>
      <c r="Q180">
        <v>1</v>
      </c>
      <c r="R180" t="s">
        <v>656</v>
      </c>
      <c r="S180">
        <v>2</v>
      </c>
      <c r="T180" t="s">
        <v>661</v>
      </c>
      <c r="U180">
        <v>8</v>
      </c>
      <c r="V180">
        <v>2</v>
      </c>
      <c r="W180">
        <v>120</v>
      </c>
      <c r="X180">
        <v>2020</v>
      </c>
    </row>
    <row r="181" spans="1:24" x14ac:dyDescent="0.25">
      <c r="A181">
        <v>15950</v>
      </c>
      <c r="B181" t="s">
        <v>79</v>
      </c>
      <c r="C181">
        <v>86</v>
      </c>
      <c r="D181" t="s">
        <v>78</v>
      </c>
      <c r="E181">
        <v>1239</v>
      </c>
      <c r="F181" t="s">
        <v>651</v>
      </c>
      <c r="G181">
        <v>160</v>
      </c>
      <c r="H181" t="s">
        <v>652</v>
      </c>
      <c r="I181">
        <v>2094</v>
      </c>
      <c r="J181" t="s">
        <v>673</v>
      </c>
      <c r="K181">
        <v>34</v>
      </c>
      <c r="L181" t="s">
        <v>883</v>
      </c>
      <c r="M181">
        <v>4634</v>
      </c>
      <c r="N181" t="s">
        <v>654</v>
      </c>
      <c r="O181">
        <v>3</v>
      </c>
      <c r="P181" t="s">
        <v>655</v>
      </c>
      <c r="Q181">
        <v>1</v>
      </c>
      <c r="R181" t="s">
        <v>656</v>
      </c>
      <c r="S181">
        <v>2</v>
      </c>
      <c r="T181" t="s">
        <v>657</v>
      </c>
      <c r="U181">
        <v>7</v>
      </c>
      <c r="V181">
        <v>2</v>
      </c>
      <c r="W181">
        <v>120</v>
      </c>
      <c r="X181">
        <v>2020</v>
      </c>
    </row>
    <row r="182" spans="1:24" x14ac:dyDescent="0.25">
      <c r="A182">
        <v>15953</v>
      </c>
      <c r="B182" t="s">
        <v>213</v>
      </c>
      <c r="C182">
        <v>15</v>
      </c>
      <c r="D182" t="s">
        <v>316</v>
      </c>
      <c r="E182">
        <v>101</v>
      </c>
      <c r="F182" t="s">
        <v>651</v>
      </c>
      <c r="G182">
        <v>160</v>
      </c>
      <c r="H182" t="s">
        <v>741</v>
      </c>
      <c r="I182">
        <v>1585</v>
      </c>
      <c r="J182" t="s">
        <v>299</v>
      </c>
      <c r="K182">
        <v>27</v>
      </c>
      <c r="L182" t="s">
        <v>884</v>
      </c>
      <c r="M182">
        <v>3381</v>
      </c>
      <c r="N182" t="s">
        <v>654</v>
      </c>
      <c r="O182">
        <v>3</v>
      </c>
      <c r="P182" t="s">
        <v>655</v>
      </c>
      <c r="Q182">
        <v>1</v>
      </c>
      <c r="R182" t="s">
        <v>656</v>
      </c>
      <c r="S182">
        <v>2</v>
      </c>
      <c r="T182" t="s">
        <v>661</v>
      </c>
      <c r="U182">
        <v>8</v>
      </c>
      <c r="V182">
        <v>2</v>
      </c>
      <c r="W182">
        <v>120</v>
      </c>
      <c r="X182">
        <v>2020</v>
      </c>
    </row>
    <row r="183" spans="1:24" x14ac:dyDescent="0.25">
      <c r="A183">
        <v>15956</v>
      </c>
      <c r="B183" t="s">
        <v>22</v>
      </c>
      <c r="C183">
        <v>28</v>
      </c>
      <c r="D183" t="s">
        <v>529</v>
      </c>
      <c r="E183">
        <v>213</v>
      </c>
      <c r="F183" t="s">
        <v>651</v>
      </c>
      <c r="G183">
        <v>160</v>
      </c>
      <c r="H183" t="s">
        <v>675</v>
      </c>
      <c r="I183">
        <v>5952</v>
      </c>
      <c r="J183" t="s">
        <v>885</v>
      </c>
      <c r="K183">
        <v>1</v>
      </c>
      <c r="L183" t="s">
        <v>886</v>
      </c>
      <c r="M183">
        <v>4637</v>
      </c>
      <c r="N183" t="s">
        <v>654</v>
      </c>
      <c r="O183">
        <v>3</v>
      </c>
      <c r="P183" t="s">
        <v>655</v>
      </c>
      <c r="Q183">
        <v>1</v>
      </c>
      <c r="R183" t="s">
        <v>656</v>
      </c>
      <c r="S183">
        <v>2</v>
      </c>
      <c r="T183" t="s">
        <v>661</v>
      </c>
      <c r="U183">
        <v>8</v>
      </c>
      <c r="V183">
        <v>2</v>
      </c>
      <c r="W183">
        <v>120</v>
      </c>
      <c r="X183">
        <v>2020</v>
      </c>
    </row>
    <row r="184" spans="1:24" x14ac:dyDescent="0.25">
      <c r="A184">
        <v>15959</v>
      </c>
      <c r="B184" t="s">
        <v>18</v>
      </c>
      <c r="C184">
        <v>31</v>
      </c>
      <c r="D184" t="s">
        <v>510</v>
      </c>
      <c r="E184">
        <v>247</v>
      </c>
      <c r="F184" t="s">
        <v>651</v>
      </c>
      <c r="G184">
        <v>160</v>
      </c>
      <c r="H184" t="s">
        <v>719</v>
      </c>
      <c r="I184">
        <v>7630</v>
      </c>
      <c r="J184" t="s">
        <v>885</v>
      </c>
      <c r="K184">
        <v>1</v>
      </c>
      <c r="L184" t="s">
        <v>887</v>
      </c>
      <c r="M184">
        <v>4640</v>
      </c>
      <c r="N184" t="s">
        <v>654</v>
      </c>
      <c r="O184">
        <v>3</v>
      </c>
      <c r="P184" t="s">
        <v>655</v>
      </c>
      <c r="Q184">
        <v>1</v>
      </c>
      <c r="R184" t="s">
        <v>656</v>
      </c>
      <c r="S184">
        <v>2</v>
      </c>
      <c r="T184" t="s">
        <v>661</v>
      </c>
      <c r="U184">
        <v>8</v>
      </c>
      <c r="V184">
        <v>2</v>
      </c>
      <c r="W184">
        <v>120</v>
      </c>
      <c r="X184">
        <v>2020</v>
      </c>
    </row>
    <row r="185" spans="1:24" x14ac:dyDescent="0.25">
      <c r="A185">
        <v>15962</v>
      </c>
      <c r="B185" t="s">
        <v>18</v>
      </c>
      <c r="C185">
        <v>31</v>
      </c>
      <c r="D185" t="s">
        <v>510</v>
      </c>
      <c r="E185">
        <v>247</v>
      </c>
      <c r="F185" t="s">
        <v>651</v>
      </c>
      <c r="G185">
        <v>160</v>
      </c>
      <c r="H185" t="s">
        <v>719</v>
      </c>
      <c r="I185">
        <v>3256</v>
      </c>
      <c r="J185" t="s">
        <v>885</v>
      </c>
      <c r="K185">
        <v>1</v>
      </c>
      <c r="L185" t="s">
        <v>888</v>
      </c>
      <c r="M185">
        <v>4643</v>
      </c>
      <c r="N185" t="s">
        <v>654</v>
      </c>
      <c r="O185">
        <v>3</v>
      </c>
      <c r="P185" t="s">
        <v>655</v>
      </c>
      <c r="Q185">
        <v>1</v>
      </c>
      <c r="R185" t="s">
        <v>656</v>
      </c>
      <c r="S185">
        <v>2</v>
      </c>
      <c r="T185" t="s">
        <v>661</v>
      </c>
      <c r="U185">
        <v>8</v>
      </c>
      <c r="V185">
        <v>2</v>
      </c>
      <c r="W185">
        <v>120</v>
      </c>
      <c r="X185">
        <v>2020</v>
      </c>
    </row>
    <row r="186" spans="1:24" x14ac:dyDescent="0.25">
      <c r="A186">
        <v>15414</v>
      </c>
      <c r="B186" t="s">
        <v>26</v>
      </c>
      <c r="C186">
        <v>44</v>
      </c>
      <c r="D186" t="s">
        <v>321</v>
      </c>
      <c r="E186">
        <v>336</v>
      </c>
      <c r="F186" t="s">
        <v>651</v>
      </c>
      <c r="G186">
        <v>160</v>
      </c>
      <c r="H186" t="s">
        <v>666</v>
      </c>
      <c r="I186">
        <v>8767</v>
      </c>
      <c r="J186" t="s">
        <v>878</v>
      </c>
      <c r="K186">
        <v>91</v>
      </c>
      <c r="L186" t="s">
        <v>889</v>
      </c>
      <c r="M186">
        <v>2526</v>
      </c>
      <c r="N186" t="s">
        <v>654</v>
      </c>
      <c r="O186">
        <v>3</v>
      </c>
      <c r="P186" t="s">
        <v>655</v>
      </c>
      <c r="Q186">
        <v>1</v>
      </c>
      <c r="R186" t="s">
        <v>656</v>
      </c>
      <c r="S186">
        <v>2</v>
      </c>
      <c r="T186" t="s">
        <v>661</v>
      </c>
      <c r="U186">
        <v>8</v>
      </c>
      <c r="V186">
        <v>2</v>
      </c>
      <c r="W186">
        <v>120</v>
      </c>
      <c r="X186">
        <v>2020</v>
      </c>
    </row>
    <row r="187" spans="1:24" x14ac:dyDescent="0.25">
      <c r="A187">
        <v>15413</v>
      </c>
      <c r="B187" t="s">
        <v>26</v>
      </c>
      <c r="C187">
        <v>44</v>
      </c>
      <c r="D187" t="s">
        <v>475</v>
      </c>
      <c r="E187">
        <v>331</v>
      </c>
      <c r="F187" t="s">
        <v>651</v>
      </c>
      <c r="G187">
        <v>160</v>
      </c>
      <c r="H187" t="s">
        <v>666</v>
      </c>
      <c r="I187">
        <v>8767</v>
      </c>
      <c r="J187" t="s">
        <v>705</v>
      </c>
      <c r="K187">
        <v>70</v>
      </c>
      <c r="L187" t="s">
        <v>890</v>
      </c>
      <c r="M187">
        <v>301</v>
      </c>
      <c r="N187" t="s">
        <v>668</v>
      </c>
      <c r="O187">
        <v>4</v>
      </c>
      <c r="P187" t="s">
        <v>655</v>
      </c>
      <c r="Q187">
        <v>1</v>
      </c>
      <c r="R187" t="s">
        <v>669</v>
      </c>
      <c r="S187">
        <v>1</v>
      </c>
      <c r="T187" t="s">
        <v>661</v>
      </c>
      <c r="U187">
        <v>8</v>
      </c>
      <c r="V187">
        <v>4</v>
      </c>
      <c r="W187">
        <v>240</v>
      </c>
      <c r="X187">
        <v>2020</v>
      </c>
    </row>
    <row r="188" spans="1:24" x14ac:dyDescent="0.25">
      <c r="A188">
        <v>15410</v>
      </c>
      <c r="B188" t="s">
        <v>32</v>
      </c>
      <c r="C188">
        <v>24</v>
      </c>
      <c r="D188" t="s">
        <v>539</v>
      </c>
      <c r="E188">
        <v>174</v>
      </c>
      <c r="F188" t="s">
        <v>651</v>
      </c>
      <c r="G188">
        <v>160</v>
      </c>
      <c r="H188" t="s">
        <v>747</v>
      </c>
      <c r="I188">
        <v>4847</v>
      </c>
      <c r="J188" t="s">
        <v>742</v>
      </c>
      <c r="K188">
        <v>48</v>
      </c>
      <c r="L188" t="s">
        <v>891</v>
      </c>
      <c r="M188">
        <v>516</v>
      </c>
      <c r="N188" t="s">
        <v>654</v>
      </c>
      <c r="O188">
        <v>3</v>
      </c>
      <c r="P188" t="s">
        <v>655</v>
      </c>
      <c r="Q188">
        <v>1</v>
      </c>
      <c r="R188" t="s">
        <v>669</v>
      </c>
      <c r="S188">
        <v>1</v>
      </c>
      <c r="T188" t="s">
        <v>661</v>
      </c>
      <c r="U188">
        <v>8</v>
      </c>
      <c r="V188">
        <v>4</v>
      </c>
      <c r="W188">
        <v>240</v>
      </c>
      <c r="X188">
        <v>2020</v>
      </c>
    </row>
    <row r="189" spans="1:24" x14ac:dyDescent="0.25">
      <c r="A189">
        <v>15404</v>
      </c>
      <c r="B189" t="s">
        <v>14</v>
      </c>
      <c r="C189">
        <v>20</v>
      </c>
      <c r="D189" t="s">
        <v>13</v>
      </c>
      <c r="E189">
        <v>1379</v>
      </c>
      <c r="F189" t="s">
        <v>892</v>
      </c>
      <c r="G189" t="s">
        <v>892</v>
      </c>
      <c r="H189" t="s">
        <v>892</v>
      </c>
      <c r="I189" t="s">
        <v>892</v>
      </c>
      <c r="J189" t="s">
        <v>684</v>
      </c>
      <c r="K189">
        <v>22</v>
      </c>
      <c r="L189" t="s">
        <v>892</v>
      </c>
      <c r="M189" t="s">
        <v>892</v>
      </c>
      <c r="N189" t="s">
        <v>892</v>
      </c>
      <c r="O189" t="s">
        <v>892</v>
      </c>
      <c r="P189" t="s">
        <v>746</v>
      </c>
      <c r="Q189">
        <v>2</v>
      </c>
      <c r="R189" t="s">
        <v>893</v>
      </c>
      <c r="S189">
        <v>3</v>
      </c>
      <c r="T189" t="s">
        <v>892</v>
      </c>
      <c r="U189" t="s">
        <v>892</v>
      </c>
      <c r="V189">
        <v>3</v>
      </c>
      <c r="W189">
        <v>180</v>
      </c>
      <c r="X189">
        <v>2020</v>
      </c>
    </row>
    <row r="190" spans="1:24" x14ac:dyDescent="0.25">
      <c r="A190">
        <v>15401</v>
      </c>
      <c r="B190" t="s">
        <v>14</v>
      </c>
      <c r="C190">
        <v>20</v>
      </c>
      <c r="D190" t="s">
        <v>13</v>
      </c>
      <c r="E190">
        <v>1379</v>
      </c>
      <c r="F190" t="s">
        <v>892</v>
      </c>
      <c r="G190" t="s">
        <v>892</v>
      </c>
      <c r="H190" t="s">
        <v>892</v>
      </c>
      <c r="I190" t="s">
        <v>892</v>
      </c>
      <c r="J190" t="s">
        <v>684</v>
      </c>
      <c r="K190">
        <v>22</v>
      </c>
      <c r="L190" t="s">
        <v>892</v>
      </c>
      <c r="M190" t="s">
        <v>892</v>
      </c>
      <c r="N190" t="s">
        <v>892</v>
      </c>
      <c r="O190" t="s">
        <v>892</v>
      </c>
      <c r="P190" t="s">
        <v>655</v>
      </c>
      <c r="Q190">
        <v>1</v>
      </c>
      <c r="R190" t="s">
        <v>893</v>
      </c>
      <c r="S190">
        <v>3</v>
      </c>
      <c r="T190" t="s">
        <v>892</v>
      </c>
      <c r="U190" t="s">
        <v>892</v>
      </c>
      <c r="V190">
        <v>3</v>
      </c>
      <c r="W190">
        <v>180</v>
      </c>
      <c r="X190">
        <v>2020</v>
      </c>
    </row>
    <row r="191" spans="1:24" x14ac:dyDescent="0.25">
      <c r="A191">
        <v>15398</v>
      </c>
      <c r="B191" t="s">
        <v>16</v>
      </c>
      <c r="C191">
        <v>5</v>
      </c>
      <c r="D191" t="s">
        <v>15</v>
      </c>
      <c r="E191">
        <v>1376</v>
      </c>
      <c r="F191" t="s">
        <v>892</v>
      </c>
      <c r="G191" t="s">
        <v>892</v>
      </c>
      <c r="H191" t="s">
        <v>892</v>
      </c>
      <c r="I191" t="s">
        <v>892</v>
      </c>
      <c r="J191" t="s">
        <v>663</v>
      </c>
      <c r="K191">
        <v>99</v>
      </c>
      <c r="L191" t="s">
        <v>892</v>
      </c>
      <c r="M191" t="s">
        <v>892</v>
      </c>
      <c r="N191" t="s">
        <v>892</v>
      </c>
      <c r="O191" t="s">
        <v>892</v>
      </c>
      <c r="P191" t="s">
        <v>746</v>
      </c>
      <c r="Q191">
        <v>2</v>
      </c>
      <c r="R191" t="s">
        <v>893</v>
      </c>
      <c r="S191">
        <v>3</v>
      </c>
      <c r="T191" t="s">
        <v>892</v>
      </c>
      <c r="U191" t="s">
        <v>892</v>
      </c>
      <c r="V191">
        <v>3</v>
      </c>
      <c r="W191">
        <v>180</v>
      </c>
      <c r="X191">
        <v>2020</v>
      </c>
    </row>
    <row r="192" spans="1:24" x14ac:dyDescent="0.25">
      <c r="A192">
        <v>15395</v>
      </c>
      <c r="B192" t="s">
        <v>16</v>
      </c>
      <c r="C192">
        <v>5</v>
      </c>
      <c r="D192" t="s">
        <v>15</v>
      </c>
      <c r="E192">
        <v>1376</v>
      </c>
      <c r="F192" t="s">
        <v>892</v>
      </c>
      <c r="G192" t="s">
        <v>892</v>
      </c>
      <c r="H192" t="s">
        <v>892</v>
      </c>
      <c r="I192" t="s">
        <v>892</v>
      </c>
      <c r="J192" t="s">
        <v>868</v>
      </c>
      <c r="K192">
        <v>23</v>
      </c>
      <c r="L192" t="s">
        <v>892</v>
      </c>
      <c r="M192" t="s">
        <v>892</v>
      </c>
      <c r="N192" t="s">
        <v>892</v>
      </c>
      <c r="O192" t="s">
        <v>892</v>
      </c>
      <c r="P192" t="s">
        <v>746</v>
      </c>
      <c r="Q192">
        <v>2</v>
      </c>
      <c r="R192" t="s">
        <v>893</v>
      </c>
      <c r="S192">
        <v>3</v>
      </c>
      <c r="T192" t="s">
        <v>892</v>
      </c>
      <c r="U192" t="s">
        <v>892</v>
      </c>
      <c r="V192">
        <v>3</v>
      </c>
      <c r="W192">
        <v>180</v>
      </c>
      <c r="X192">
        <v>2020</v>
      </c>
    </row>
    <row r="193" spans="1:24" x14ac:dyDescent="0.25">
      <c r="A193">
        <v>15392</v>
      </c>
      <c r="B193" t="s">
        <v>16</v>
      </c>
      <c r="C193">
        <v>5</v>
      </c>
      <c r="D193" t="s">
        <v>15</v>
      </c>
      <c r="E193">
        <v>1376</v>
      </c>
      <c r="F193" t="s">
        <v>892</v>
      </c>
      <c r="G193" t="s">
        <v>892</v>
      </c>
      <c r="H193" t="s">
        <v>892</v>
      </c>
      <c r="I193" t="s">
        <v>892</v>
      </c>
      <c r="J193" t="s">
        <v>684</v>
      </c>
      <c r="K193">
        <v>22</v>
      </c>
      <c r="L193" t="s">
        <v>892</v>
      </c>
      <c r="M193" t="s">
        <v>892</v>
      </c>
      <c r="N193" t="s">
        <v>892</v>
      </c>
      <c r="O193" t="s">
        <v>892</v>
      </c>
      <c r="P193" t="s">
        <v>746</v>
      </c>
      <c r="Q193">
        <v>2</v>
      </c>
      <c r="R193" t="s">
        <v>893</v>
      </c>
      <c r="S193">
        <v>3</v>
      </c>
      <c r="T193" t="s">
        <v>892</v>
      </c>
      <c r="U193" t="s">
        <v>892</v>
      </c>
      <c r="V193">
        <v>3</v>
      </c>
      <c r="W193">
        <v>180</v>
      </c>
      <c r="X193">
        <v>2020</v>
      </c>
    </row>
    <row r="194" spans="1:24" x14ac:dyDescent="0.25">
      <c r="A194">
        <v>15389</v>
      </c>
      <c r="B194" t="s">
        <v>16</v>
      </c>
      <c r="C194">
        <v>5</v>
      </c>
      <c r="D194" t="s">
        <v>15</v>
      </c>
      <c r="E194">
        <v>1376</v>
      </c>
      <c r="F194" t="s">
        <v>892</v>
      </c>
      <c r="G194" t="s">
        <v>892</v>
      </c>
      <c r="H194" t="s">
        <v>892</v>
      </c>
      <c r="I194" t="s">
        <v>892</v>
      </c>
      <c r="J194" t="s">
        <v>691</v>
      </c>
      <c r="K194">
        <v>21</v>
      </c>
      <c r="L194" t="s">
        <v>892</v>
      </c>
      <c r="M194" t="s">
        <v>892</v>
      </c>
      <c r="N194" t="s">
        <v>892</v>
      </c>
      <c r="O194" t="s">
        <v>892</v>
      </c>
      <c r="P194" t="s">
        <v>746</v>
      </c>
      <c r="Q194">
        <v>2</v>
      </c>
      <c r="R194" t="s">
        <v>893</v>
      </c>
      <c r="S194">
        <v>3</v>
      </c>
      <c r="T194" t="s">
        <v>892</v>
      </c>
      <c r="U194" t="s">
        <v>892</v>
      </c>
      <c r="V194">
        <v>3</v>
      </c>
      <c r="W194">
        <v>180</v>
      </c>
      <c r="X194">
        <v>2020</v>
      </c>
    </row>
    <row r="195" spans="1:24" x14ac:dyDescent="0.25">
      <c r="A195">
        <v>15386</v>
      </c>
      <c r="B195" t="s">
        <v>16</v>
      </c>
      <c r="C195">
        <v>5</v>
      </c>
      <c r="D195" t="s">
        <v>15</v>
      </c>
      <c r="E195">
        <v>1376</v>
      </c>
      <c r="F195" t="s">
        <v>892</v>
      </c>
      <c r="G195" t="s">
        <v>892</v>
      </c>
      <c r="H195" t="s">
        <v>892</v>
      </c>
      <c r="I195" t="s">
        <v>892</v>
      </c>
      <c r="J195" t="s">
        <v>894</v>
      </c>
      <c r="K195">
        <v>18</v>
      </c>
      <c r="L195" t="s">
        <v>892</v>
      </c>
      <c r="M195" t="s">
        <v>892</v>
      </c>
      <c r="N195" t="s">
        <v>892</v>
      </c>
      <c r="O195" t="s">
        <v>892</v>
      </c>
      <c r="P195" t="s">
        <v>746</v>
      </c>
      <c r="Q195">
        <v>2</v>
      </c>
      <c r="R195" t="s">
        <v>893</v>
      </c>
      <c r="S195">
        <v>3</v>
      </c>
      <c r="T195" t="s">
        <v>892</v>
      </c>
      <c r="U195" t="s">
        <v>892</v>
      </c>
      <c r="V195">
        <v>3</v>
      </c>
      <c r="W195">
        <v>180</v>
      </c>
      <c r="X195">
        <v>2020</v>
      </c>
    </row>
    <row r="196" spans="1:24" x14ac:dyDescent="0.25">
      <c r="A196">
        <v>15383</v>
      </c>
      <c r="B196" t="s">
        <v>16</v>
      </c>
      <c r="C196">
        <v>5</v>
      </c>
      <c r="D196" t="s">
        <v>15</v>
      </c>
      <c r="E196">
        <v>1376</v>
      </c>
      <c r="F196" t="s">
        <v>892</v>
      </c>
      <c r="G196" t="s">
        <v>892</v>
      </c>
      <c r="H196" t="s">
        <v>892</v>
      </c>
      <c r="I196" t="s">
        <v>892</v>
      </c>
      <c r="J196" t="s">
        <v>703</v>
      </c>
      <c r="K196">
        <v>16</v>
      </c>
      <c r="L196" t="s">
        <v>892</v>
      </c>
      <c r="M196" t="s">
        <v>892</v>
      </c>
      <c r="N196" t="s">
        <v>892</v>
      </c>
      <c r="O196" t="s">
        <v>892</v>
      </c>
      <c r="P196" t="s">
        <v>746</v>
      </c>
      <c r="Q196">
        <v>2</v>
      </c>
      <c r="R196" t="s">
        <v>893</v>
      </c>
      <c r="S196">
        <v>3</v>
      </c>
      <c r="T196" t="s">
        <v>892</v>
      </c>
      <c r="U196" t="s">
        <v>892</v>
      </c>
      <c r="V196">
        <v>3</v>
      </c>
      <c r="W196">
        <v>180</v>
      </c>
      <c r="X196">
        <v>2020</v>
      </c>
    </row>
    <row r="197" spans="1:24" x14ac:dyDescent="0.25">
      <c r="A197">
        <v>15380</v>
      </c>
      <c r="B197" t="s">
        <v>16</v>
      </c>
      <c r="C197">
        <v>5</v>
      </c>
      <c r="D197" t="s">
        <v>15</v>
      </c>
      <c r="E197">
        <v>1376</v>
      </c>
      <c r="F197" t="s">
        <v>892</v>
      </c>
      <c r="G197" t="s">
        <v>892</v>
      </c>
      <c r="H197" t="s">
        <v>892</v>
      </c>
      <c r="I197" t="s">
        <v>892</v>
      </c>
      <c r="J197" t="s">
        <v>65</v>
      </c>
      <c r="K197">
        <v>15</v>
      </c>
      <c r="L197" t="s">
        <v>892</v>
      </c>
      <c r="M197" t="s">
        <v>892</v>
      </c>
      <c r="N197" t="s">
        <v>892</v>
      </c>
      <c r="O197" t="s">
        <v>892</v>
      </c>
      <c r="P197" t="s">
        <v>746</v>
      </c>
      <c r="Q197">
        <v>2</v>
      </c>
      <c r="R197" t="s">
        <v>893</v>
      </c>
      <c r="S197">
        <v>3</v>
      </c>
      <c r="T197" t="s">
        <v>892</v>
      </c>
      <c r="U197" t="s">
        <v>892</v>
      </c>
      <c r="V197">
        <v>3</v>
      </c>
      <c r="W197">
        <v>180</v>
      </c>
      <c r="X197">
        <v>2020</v>
      </c>
    </row>
    <row r="198" spans="1:24" x14ac:dyDescent="0.25">
      <c r="A198">
        <v>15377</v>
      </c>
      <c r="B198" t="s">
        <v>16</v>
      </c>
      <c r="C198">
        <v>5</v>
      </c>
      <c r="D198" t="s">
        <v>15</v>
      </c>
      <c r="E198">
        <v>1376</v>
      </c>
      <c r="F198" t="s">
        <v>892</v>
      </c>
      <c r="G198" t="s">
        <v>892</v>
      </c>
      <c r="H198" t="s">
        <v>892</v>
      </c>
      <c r="I198" t="s">
        <v>892</v>
      </c>
      <c r="J198" t="s">
        <v>864</v>
      </c>
      <c r="K198">
        <v>14</v>
      </c>
      <c r="L198" t="s">
        <v>892</v>
      </c>
      <c r="M198" t="s">
        <v>892</v>
      </c>
      <c r="N198" t="s">
        <v>892</v>
      </c>
      <c r="O198" t="s">
        <v>892</v>
      </c>
      <c r="P198" t="s">
        <v>746</v>
      </c>
      <c r="Q198">
        <v>2</v>
      </c>
      <c r="R198" t="s">
        <v>893</v>
      </c>
      <c r="S198">
        <v>3</v>
      </c>
      <c r="T198" t="s">
        <v>892</v>
      </c>
      <c r="U198" t="s">
        <v>892</v>
      </c>
      <c r="V198">
        <v>3</v>
      </c>
      <c r="W198">
        <v>180</v>
      </c>
      <c r="X198">
        <v>2020</v>
      </c>
    </row>
    <row r="199" spans="1:24" x14ac:dyDescent="0.25">
      <c r="A199">
        <v>15374</v>
      </c>
      <c r="B199" t="s">
        <v>16</v>
      </c>
      <c r="C199">
        <v>5</v>
      </c>
      <c r="D199" t="s">
        <v>15</v>
      </c>
      <c r="E199">
        <v>1376</v>
      </c>
      <c r="F199" t="s">
        <v>892</v>
      </c>
      <c r="G199" t="s">
        <v>892</v>
      </c>
      <c r="H199" t="s">
        <v>892</v>
      </c>
      <c r="I199" t="s">
        <v>892</v>
      </c>
      <c r="J199" t="s">
        <v>895</v>
      </c>
      <c r="K199">
        <v>13</v>
      </c>
      <c r="L199" t="s">
        <v>892</v>
      </c>
      <c r="M199" t="s">
        <v>892</v>
      </c>
      <c r="N199" t="s">
        <v>892</v>
      </c>
      <c r="O199" t="s">
        <v>892</v>
      </c>
      <c r="P199" t="s">
        <v>746</v>
      </c>
      <c r="Q199">
        <v>2</v>
      </c>
      <c r="R199" t="s">
        <v>893</v>
      </c>
      <c r="S199">
        <v>3</v>
      </c>
      <c r="T199" t="s">
        <v>892</v>
      </c>
      <c r="U199" t="s">
        <v>892</v>
      </c>
      <c r="V199">
        <v>3</v>
      </c>
      <c r="W199">
        <v>180</v>
      </c>
      <c r="X199">
        <v>2020</v>
      </c>
    </row>
    <row r="200" spans="1:24" x14ac:dyDescent="0.25">
      <c r="A200">
        <v>15371</v>
      </c>
      <c r="B200" t="s">
        <v>16</v>
      </c>
      <c r="C200">
        <v>5</v>
      </c>
      <c r="D200" t="s">
        <v>15</v>
      </c>
      <c r="E200">
        <v>1376</v>
      </c>
      <c r="F200" t="s">
        <v>892</v>
      </c>
      <c r="G200" t="s">
        <v>892</v>
      </c>
      <c r="H200" t="s">
        <v>892</v>
      </c>
      <c r="I200" t="s">
        <v>892</v>
      </c>
      <c r="J200" t="s">
        <v>802</v>
      </c>
      <c r="K200">
        <v>12</v>
      </c>
      <c r="L200" t="s">
        <v>892</v>
      </c>
      <c r="M200" t="s">
        <v>892</v>
      </c>
      <c r="N200" t="s">
        <v>892</v>
      </c>
      <c r="O200" t="s">
        <v>892</v>
      </c>
      <c r="P200" t="s">
        <v>746</v>
      </c>
      <c r="Q200">
        <v>2</v>
      </c>
      <c r="R200" t="s">
        <v>893</v>
      </c>
      <c r="S200">
        <v>3</v>
      </c>
      <c r="T200" t="s">
        <v>892</v>
      </c>
      <c r="U200" t="s">
        <v>892</v>
      </c>
      <c r="V200">
        <v>3</v>
      </c>
      <c r="W200">
        <v>180</v>
      </c>
      <c r="X200">
        <v>2020</v>
      </c>
    </row>
    <row r="201" spans="1:24" x14ac:dyDescent="0.25">
      <c r="A201">
        <v>15368</v>
      </c>
      <c r="B201" t="s">
        <v>16</v>
      </c>
      <c r="C201">
        <v>5</v>
      </c>
      <c r="D201" t="s">
        <v>15</v>
      </c>
      <c r="E201">
        <v>1376</v>
      </c>
      <c r="F201" t="s">
        <v>892</v>
      </c>
      <c r="G201" t="s">
        <v>892</v>
      </c>
      <c r="H201" t="s">
        <v>892</v>
      </c>
      <c r="I201" t="s">
        <v>892</v>
      </c>
      <c r="J201" t="s">
        <v>866</v>
      </c>
      <c r="K201">
        <v>9</v>
      </c>
      <c r="L201" t="s">
        <v>892</v>
      </c>
      <c r="M201" t="s">
        <v>892</v>
      </c>
      <c r="N201" t="s">
        <v>892</v>
      </c>
      <c r="O201" t="s">
        <v>892</v>
      </c>
      <c r="P201" t="s">
        <v>746</v>
      </c>
      <c r="Q201">
        <v>2</v>
      </c>
      <c r="R201" t="s">
        <v>893</v>
      </c>
      <c r="S201">
        <v>3</v>
      </c>
      <c r="T201" t="s">
        <v>892</v>
      </c>
      <c r="U201" t="s">
        <v>892</v>
      </c>
      <c r="V201">
        <v>3</v>
      </c>
      <c r="W201">
        <v>180</v>
      </c>
      <c r="X201">
        <v>2020</v>
      </c>
    </row>
    <row r="202" spans="1:24" x14ac:dyDescent="0.25">
      <c r="A202">
        <v>15365</v>
      </c>
      <c r="B202" t="s">
        <v>16</v>
      </c>
      <c r="C202">
        <v>5</v>
      </c>
      <c r="D202" t="s">
        <v>15</v>
      </c>
      <c r="E202">
        <v>1376</v>
      </c>
      <c r="F202" t="s">
        <v>892</v>
      </c>
      <c r="G202" t="s">
        <v>892</v>
      </c>
      <c r="H202" t="s">
        <v>892</v>
      </c>
      <c r="I202" t="s">
        <v>892</v>
      </c>
      <c r="J202" t="s">
        <v>736</v>
      </c>
      <c r="K202">
        <v>8</v>
      </c>
      <c r="L202" t="s">
        <v>892</v>
      </c>
      <c r="M202" t="s">
        <v>892</v>
      </c>
      <c r="N202" t="s">
        <v>892</v>
      </c>
      <c r="O202" t="s">
        <v>892</v>
      </c>
      <c r="P202" t="s">
        <v>746</v>
      </c>
      <c r="Q202">
        <v>2</v>
      </c>
      <c r="R202" t="s">
        <v>893</v>
      </c>
      <c r="S202">
        <v>3</v>
      </c>
      <c r="T202" t="s">
        <v>892</v>
      </c>
      <c r="U202" t="s">
        <v>892</v>
      </c>
      <c r="V202">
        <v>3</v>
      </c>
      <c r="W202">
        <v>180</v>
      </c>
      <c r="X202">
        <v>2020</v>
      </c>
    </row>
    <row r="203" spans="1:24" x14ac:dyDescent="0.25">
      <c r="A203">
        <v>15362</v>
      </c>
      <c r="B203" t="s">
        <v>16</v>
      </c>
      <c r="C203">
        <v>5</v>
      </c>
      <c r="D203" t="s">
        <v>15</v>
      </c>
      <c r="E203">
        <v>1376</v>
      </c>
      <c r="F203" t="s">
        <v>892</v>
      </c>
      <c r="G203" t="s">
        <v>892</v>
      </c>
      <c r="H203" t="s">
        <v>892</v>
      </c>
      <c r="I203" t="s">
        <v>892</v>
      </c>
      <c r="J203" t="s">
        <v>896</v>
      </c>
      <c r="K203">
        <v>7</v>
      </c>
      <c r="L203" t="s">
        <v>892</v>
      </c>
      <c r="M203" t="s">
        <v>892</v>
      </c>
      <c r="N203" t="s">
        <v>892</v>
      </c>
      <c r="O203" t="s">
        <v>892</v>
      </c>
      <c r="P203" t="s">
        <v>746</v>
      </c>
      <c r="Q203">
        <v>2</v>
      </c>
      <c r="R203" t="s">
        <v>893</v>
      </c>
      <c r="S203">
        <v>3</v>
      </c>
      <c r="T203" t="s">
        <v>892</v>
      </c>
      <c r="U203" t="s">
        <v>892</v>
      </c>
      <c r="V203">
        <v>3</v>
      </c>
      <c r="W203">
        <v>180</v>
      </c>
      <c r="X203">
        <v>2020</v>
      </c>
    </row>
    <row r="204" spans="1:24" x14ac:dyDescent="0.25">
      <c r="A204">
        <v>15359</v>
      </c>
      <c r="B204" t="s">
        <v>16</v>
      </c>
      <c r="C204">
        <v>5</v>
      </c>
      <c r="D204" t="s">
        <v>15</v>
      </c>
      <c r="E204">
        <v>1376</v>
      </c>
      <c r="F204" t="s">
        <v>892</v>
      </c>
      <c r="G204" t="s">
        <v>892</v>
      </c>
      <c r="H204" t="s">
        <v>892</v>
      </c>
      <c r="I204" t="s">
        <v>892</v>
      </c>
      <c r="J204" t="s">
        <v>792</v>
      </c>
      <c r="K204">
        <v>6</v>
      </c>
      <c r="L204" t="s">
        <v>892</v>
      </c>
      <c r="M204" t="s">
        <v>892</v>
      </c>
      <c r="N204" t="s">
        <v>892</v>
      </c>
      <c r="O204" t="s">
        <v>892</v>
      </c>
      <c r="P204" t="s">
        <v>746</v>
      </c>
      <c r="Q204">
        <v>2</v>
      </c>
      <c r="R204" t="s">
        <v>893</v>
      </c>
      <c r="S204">
        <v>3</v>
      </c>
      <c r="T204" t="s">
        <v>892</v>
      </c>
      <c r="U204" t="s">
        <v>892</v>
      </c>
      <c r="V204">
        <v>3</v>
      </c>
      <c r="W204">
        <v>180</v>
      </c>
      <c r="X204">
        <v>2020</v>
      </c>
    </row>
    <row r="205" spans="1:24" x14ac:dyDescent="0.25">
      <c r="A205">
        <v>15356</v>
      </c>
      <c r="B205" t="s">
        <v>16</v>
      </c>
      <c r="C205">
        <v>5</v>
      </c>
      <c r="D205" t="s">
        <v>15</v>
      </c>
      <c r="E205">
        <v>1376</v>
      </c>
      <c r="F205" t="s">
        <v>892</v>
      </c>
      <c r="G205" t="s">
        <v>892</v>
      </c>
      <c r="H205" t="s">
        <v>892</v>
      </c>
      <c r="I205" t="s">
        <v>892</v>
      </c>
      <c r="J205" t="s">
        <v>831</v>
      </c>
      <c r="K205">
        <v>5</v>
      </c>
      <c r="L205" t="s">
        <v>892</v>
      </c>
      <c r="M205" t="s">
        <v>892</v>
      </c>
      <c r="N205" t="s">
        <v>892</v>
      </c>
      <c r="O205" t="s">
        <v>892</v>
      </c>
      <c r="P205" t="s">
        <v>746</v>
      </c>
      <c r="Q205">
        <v>2</v>
      </c>
      <c r="R205" t="s">
        <v>893</v>
      </c>
      <c r="S205">
        <v>3</v>
      </c>
      <c r="T205" t="s">
        <v>892</v>
      </c>
      <c r="U205" t="s">
        <v>892</v>
      </c>
      <c r="V205">
        <v>3</v>
      </c>
      <c r="W205">
        <v>180</v>
      </c>
      <c r="X205">
        <v>2020</v>
      </c>
    </row>
    <row r="206" spans="1:24" x14ac:dyDescent="0.25">
      <c r="A206">
        <v>15353</v>
      </c>
      <c r="B206" t="s">
        <v>16</v>
      </c>
      <c r="C206">
        <v>5</v>
      </c>
      <c r="D206" t="s">
        <v>15</v>
      </c>
      <c r="E206">
        <v>1376</v>
      </c>
      <c r="F206" t="s">
        <v>892</v>
      </c>
      <c r="G206" t="s">
        <v>892</v>
      </c>
      <c r="H206" t="s">
        <v>892</v>
      </c>
      <c r="I206" t="s">
        <v>892</v>
      </c>
      <c r="J206" t="s">
        <v>676</v>
      </c>
      <c r="K206">
        <v>4</v>
      </c>
      <c r="L206" t="s">
        <v>892</v>
      </c>
      <c r="M206" t="s">
        <v>892</v>
      </c>
      <c r="N206" t="s">
        <v>892</v>
      </c>
      <c r="O206" t="s">
        <v>892</v>
      </c>
      <c r="P206" t="s">
        <v>746</v>
      </c>
      <c r="Q206">
        <v>2</v>
      </c>
      <c r="R206" t="s">
        <v>893</v>
      </c>
      <c r="S206">
        <v>3</v>
      </c>
      <c r="T206" t="s">
        <v>892</v>
      </c>
      <c r="U206" t="s">
        <v>892</v>
      </c>
      <c r="V206">
        <v>3</v>
      </c>
      <c r="W206">
        <v>180</v>
      </c>
      <c r="X206">
        <v>2020</v>
      </c>
    </row>
    <row r="207" spans="1:24" x14ac:dyDescent="0.25">
      <c r="A207">
        <v>15350</v>
      </c>
      <c r="B207" t="s">
        <v>16</v>
      </c>
      <c r="C207">
        <v>5</v>
      </c>
      <c r="D207" t="s">
        <v>15</v>
      </c>
      <c r="E207">
        <v>1376</v>
      </c>
      <c r="F207" t="s">
        <v>892</v>
      </c>
      <c r="G207" t="s">
        <v>892</v>
      </c>
      <c r="H207" t="s">
        <v>892</v>
      </c>
      <c r="I207" t="s">
        <v>892</v>
      </c>
      <c r="J207" t="s">
        <v>897</v>
      </c>
      <c r="K207">
        <v>3</v>
      </c>
      <c r="L207" t="s">
        <v>892</v>
      </c>
      <c r="M207" t="s">
        <v>892</v>
      </c>
      <c r="N207" t="s">
        <v>892</v>
      </c>
      <c r="O207" t="s">
        <v>892</v>
      </c>
      <c r="P207" t="s">
        <v>746</v>
      </c>
      <c r="Q207">
        <v>2</v>
      </c>
      <c r="R207" t="s">
        <v>893</v>
      </c>
      <c r="S207">
        <v>3</v>
      </c>
      <c r="T207" t="s">
        <v>892</v>
      </c>
      <c r="U207" t="s">
        <v>892</v>
      </c>
      <c r="V207">
        <v>3</v>
      </c>
      <c r="W207">
        <v>180</v>
      </c>
      <c r="X207">
        <v>2020</v>
      </c>
    </row>
    <row r="208" spans="1:24" x14ac:dyDescent="0.25">
      <c r="A208">
        <v>15347</v>
      </c>
      <c r="B208" t="s">
        <v>16</v>
      </c>
      <c r="C208">
        <v>5</v>
      </c>
      <c r="D208" t="s">
        <v>15</v>
      </c>
      <c r="E208">
        <v>1376</v>
      </c>
      <c r="F208" t="s">
        <v>892</v>
      </c>
      <c r="G208" t="s">
        <v>892</v>
      </c>
      <c r="H208" t="s">
        <v>892</v>
      </c>
      <c r="I208" t="s">
        <v>892</v>
      </c>
      <c r="J208" t="s">
        <v>726</v>
      </c>
      <c r="K208">
        <v>2</v>
      </c>
      <c r="L208" t="s">
        <v>892</v>
      </c>
      <c r="M208" t="s">
        <v>892</v>
      </c>
      <c r="N208" t="s">
        <v>892</v>
      </c>
      <c r="O208" t="s">
        <v>892</v>
      </c>
      <c r="P208" t="s">
        <v>746</v>
      </c>
      <c r="Q208">
        <v>2</v>
      </c>
      <c r="R208" t="s">
        <v>893</v>
      </c>
      <c r="S208">
        <v>3</v>
      </c>
      <c r="T208" t="s">
        <v>892</v>
      </c>
      <c r="U208" t="s">
        <v>892</v>
      </c>
      <c r="V208">
        <v>3</v>
      </c>
      <c r="W208">
        <v>180</v>
      </c>
      <c r="X208">
        <v>2020</v>
      </c>
    </row>
    <row r="209" spans="1:24" x14ac:dyDescent="0.25">
      <c r="A209">
        <v>15344</v>
      </c>
      <c r="B209" t="s">
        <v>16</v>
      </c>
      <c r="C209">
        <v>5</v>
      </c>
      <c r="D209" t="s">
        <v>15</v>
      </c>
      <c r="E209">
        <v>1376</v>
      </c>
      <c r="F209" t="s">
        <v>892</v>
      </c>
      <c r="G209" t="s">
        <v>892</v>
      </c>
      <c r="H209" t="s">
        <v>892</v>
      </c>
      <c r="I209" t="s">
        <v>892</v>
      </c>
      <c r="J209" t="s">
        <v>885</v>
      </c>
      <c r="K209">
        <v>1</v>
      </c>
      <c r="L209" t="s">
        <v>892</v>
      </c>
      <c r="M209" t="s">
        <v>892</v>
      </c>
      <c r="N209" t="s">
        <v>892</v>
      </c>
      <c r="O209" t="s">
        <v>892</v>
      </c>
      <c r="P209" t="s">
        <v>746</v>
      </c>
      <c r="Q209">
        <v>2</v>
      </c>
      <c r="R209" t="s">
        <v>893</v>
      </c>
      <c r="S209">
        <v>3</v>
      </c>
      <c r="T209" t="s">
        <v>892</v>
      </c>
      <c r="U209" t="s">
        <v>892</v>
      </c>
      <c r="V209">
        <v>3</v>
      </c>
      <c r="W209">
        <v>180</v>
      </c>
      <c r="X209">
        <v>2020</v>
      </c>
    </row>
    <row r="210" spans="1:24" x14ac:dyDescent="0.25">
      <c r="A210">
        <v>15341</v>
      </c>
      <c r="B210" t="s">
        <v>16</v>
      </c>
      <c r="C210">
        <v>5</v>
      </c>
      <c r="D210" t="s">
        <v>15</v>
      </c>
      <c r="E210">
        <v>1376</v>
      </c>
      <c r="F210" t="s">
        <v>892</v>
      </c>
      <c r="G210" t="s">
        <v>892</v>
      </c>
      <c r="H210" t="s">
        <v>892</v>
      </c>
      <c r="I210" t="s">
        <v>892</v>
      </c>
      <c r="J210" t="s">
        <v>663</v>
      </c>
      <c r="K210">
        <v>99</v>
      </c>
      <c r="L210" t="s">
        <v>892</v>
      </c>
      <c r="M210" t="s">
        <v>892</v>
      </c>
      <c r="N210" t="s">
        <v>892</v>
      </c>
      <c r="O210" t="s">
        <v>892</v>
      </c>
      <c r="P210" t="s">
        <v>655</v>
      </c>
      <c r="Q210">
        <v>1</v>
      </c>
      <c r="R210" t="s">
        <v>893</v>
      </c>
      <c r="S210">
        <v>3</v>
      </c>
      <c r="T210" t="s">
        <v>892</v>
      </c>
      <c r="U210" t="s">
        <v>892</v>
      </c>
      <c r="V210">
        <v>3</v>
      </c>
      <c r="W210">
        <v>180</v>
      </c>
      <c r="X210">
        <v>2020</v>
      </c>
    </row>
    <row r="211" spans="1:24" x14ac:dyDescent="0.25">
      <c r="A211">
        <v>15338</v>
      </c>
      <c r="B211" t="s">
        <v>16</v>
      </c>
      <c r="C211">
        <v>5</v>
      </c>
      <c r="D211" t="s">
        <v>15</v>
      </c>
      <c r="E211">
        <v>1376</v>
      </c>
      <c r="F211" t="s">
        <v>892</v>
      </c>
      <c r="G211" t="s">
        <v>892</v>
      </c>
      <c r="H211" t="s">
        <v>892</v>
      </c>
      <c r="I211" t="s">
        <v>892</v>
      </c>
      <c r="J211" t="s">
        <v>868</v>
      </c>
      <c r="K211">
        <v>23</v>
      </c>
      <c r="L211" t="s">
        <v>892</v>
      </c>
      <c r="M211" t="s">
        <v>892</v>
      </c>
      <c r="N211" t="s">
        <v>892</v>
      </c>
      <c r="O211" t="s">
        <v>892</v>
      </c>
      <c r="P211" t="s">
        <v>655</v>
      </c>
      <c r="Q211">
        <v>1</v>
      </c>
      <c r="R211" t="s">
        <v>893</v>
      </c>
      <c r="S211">
        <v>3</v>
      </c>
      <c r="T211" t="s">
        <v>892</v>
      </c>
      <c r="U211" t="s">
        <v>892</v>
      </c>
      <c r="V211">
        <v>3</v>
      </c>
      <c r="W211">
        <v>180</v>
      </c>
      <c r="X211">
        <v>2020</v>
      </c>
    </row>
    <row r="212" spans="1:24" x14ac:dyDescent="0.25">
      <c r="A212">
        <v>15335</v>
      </c>
      <c r="B212" t="s">
        <v>16</v>
      </c>
      <c r="C212">
        <v>5</v>
      </c>
      <c r="D212" t="s">
        <v>15</v>
      </c>
      <c r="E212">
        <v>1376</v>
      </c>
      <c r="F212" t="s">
        <v>892</v>
      </c>
      <c r="G212" t="s">
        <v>892</v>
      </c>
      <c r="H212" t="s">
        <v>892</v>
      </c>
      <c r="I212" t="s">
        <v>892</v>
      </c>
      <c r="J212" t="s">
        <v>684</v>
      </c>
      <c r="K212">
        <v>22</v>
      </c>
      <c r="L212" t="s">
        <v>892</v>
      </c>
      <c r="M212" t="s">
        <v>892</v>
      </c>
      <c r="N212" t="s">
        <v>892</v>
      </c>
      <c r="O212" t="s">
        <v>892</v>
      </c>
      <c r="P212" t="s">
        <v>655</v>
      </c>
      <c r="Q212">
        <v>1</v>
      </c>
      <c r="R212" t="s">
        <v>893</v>
      </c>
      <c r="S212">
        <v>3</v>
      </c>
      <c r="T212" t="s">
        <v>892</v>
      </c>
      <c r="U212" t="s">
        <v>892</v>
      </c>
      <c r="V212">
        <v>3</v>
      </c>
      <c r="W212">
        <v>180</v>
      </c>
      <c r="X212">
        <v>2020</v>
      </c>
    </row>
    <row r="213" spans="1:24" x14ac:dyDescent="0.25">
      <c r="A213">
        <v>15332</v>
      </c>
      <c r="B213" t="s">
        <v>16</v>
      </c>
      <c r="C213">
        <v>5</v>
      </c>
      <c r="D213" t="s">
        <v>15</v>
      </c>
      <c r="E213">
        <v>1376</v>
      </c>
      <c r="F213" t="s">
        <v>892</v>
      </c>
      <c r="G213" t="s">
        <v>892</v>
      </c>
      <c r="H213" t="s">
        <v>892</v>
      </c>
      <c r="I213" t="s">
        <v>892</v>
      </c>
      <c r="J213" t="s">
        <v>691</v>
      </c>
      <c r="K213">
        <v>21</v>
      </c>
      <c r="L213" t="s">
        <v>892</v>
      </c>
      <c r="M213" t="s">
        <v>892</v>
      </c>
      <c r="N213" t="s">
        <v>892</v>
      </c>
      <c r="O213" t="s">
        <v>892</v>
      </c>
      <c r="P213" t="s">
        <v>655</v>
      </c>
      <c r="Q213">
        <v>1</v>
      </c>
      <c r="R213" t="s">
        <v>893</v>
      </c>
      <c r="S213">
        <v>3</v>
      </c>
      <c r="T213" t="s">
        <v>892</v>
      </c>
      <c r="U213" t="s">
        <v>892</v>
      </c>
      <c r="V213">
        <v>3</v>
      </c>
      <c r="W213">
        <v>180</v>
      </c>
      <c r="X213">
        <v>2020</v>
      </c>
    </row>
    <row r="214" spans="1:24" x14ac:dyDescent="0.25">
      <c r="A214">
        <v>15329</v>
      </c>
      <c r="B214" t="s">
        <v>16</v>
      </c>
      <c r="C214">
        <v>5</v>
      </c>
      <c r="D214" t="s">
        <v>15</v>
      </c>
      <c r="E214">
        <v>1376</v>
      </c>
      <c r="F214" t="s">
        <v>892</v>
      </c>
      <c r="G214" t="s">
        <v>892</v>
      </c>
      <c r="H214" t="s">
        <v>892</v>
      </c>
      <c r="I214" t="s">
        <v>892</v>
      </c>
      <c r="J214" t="s">
        <v>894</v>
      </c>
      <c r="K214">
        <v>18</v>
      </c>
      <c r="L214" t="s">
        <v>892</v>
      </c>
      <c r="M214" t="s">
        <v>892</v>
      </c>
      <c r="N214" t="s">
        <v>892</v>
      </c>
      <c r="O214" t="s">
        <v>892</v>
      </c>
      <c r="P214" t="s">
        <v>655</v>
      </c>
      <c r="Q214">
        <v>1</v>
      </c>
      <c r="R214" t="s">
        <v>893</v>
      </c>
      <c r="S214">
        <v>3</v>
      </c>
      <c r="T214" t="s">
        <v>892</v>
      </c>
      <c r="U214" t="s">
        <v>892</v>
      </c>
      <c r="V214">
        <v>3</v>
      </c>
      <c r="W214">
        <v>180</v>
      </c>
      <c r="X214">
        <v>2020</v>
      </c>
    </row>
    <row r="215" spans="1:24" x14ac:dyDescent="0.25">
      <c r="A215">
        <v>15326</v>
      </c>
      <c r="B215" t="s">
        <v>16</v>
      </c>
      <c r="C215">
        <v>5</v>
      </c>
      <c r="D215" t="s">
        <v>15</v>
      </c>
      <c r="E215">
        <v>1376</v>
      </c>
      <c r="F215" t="s">
        <v>892</v>
      </c>
      <c r="G215" t="s">
        <v>892</v>
      </c>
      <c r="H215" t="s">
        <v>892</v>
      </c>
      <c r="I215" t="s">
        <v>892</v>
      </c>
      <c r="J215" t="s">
        <v>703</v>
      </c>
      <c r="K215">
        <v>16</v>
      </c>
      <c r="L215" t="s">
        <v>892</v>
      </c>
      <c r="M215" t="s">
        <v>892</v>
      </c>
      <c r="N215" t="s">
        <v>892</v>
      </c>
      <c r="O215" t="s">
        <v>892</v>
      </c>
      <c r="P215" t="s">
        <v>655</v>
      </c>
      <c r="Q215">
        <v>1</v>
      </c>
      <c r="R215" t="s">
        <v>893</v>
      </c>
      <c r="S215">
        <v>3</v>
      </c>
      <c r="T215" t="s">
        <v>892</v>
      </c>
      <c r="U215" t="s">
        <v>892</v>
      </c>
      <c r="V215">
        <v>3</v>
      </c>
      <c r="W215">
        <v>180</v>
      </c>
      <c r="X215">
        <v>2020</v>
      </c>
    </row>
    <row r="216" spans="1:24" x14ac:dyDescent="0.25">
      <c r="A216">
        <v>15323</v>
      </c>
      <c r="B216" t="s">
        <v>16</v>
      </c>
      <c r="C216">
        <v>5</v>
      </c>
      <c r="D216" t="s">
        <v>15</v>
      </c>
      <c r="E216">
        <v>1376</v>
      </c>
      <c r="F216" t="s">
        <v>892</v>
      </c>
      <c r="G216" t="s">
        <v>892</v>
      </c>
      <c r="H216" t="s">
        <v>892</v>
      </c>
      <c r="I216" t="s">
        <v>892</v>
      </c>
      <c r="J216" t="s">
        <v>65</v>
      </c>
      <c r="K216">
        <v>15</v>
      </c>
      <c r="L216" t="s">
        <v>892</v>
      </c>
      <c r="M216" t="s">
        <v>892</v>
      </c>
      <c r="N216" t="s">
        <v>892</v>
      </c>
      <c r="O216" t="s">
        <v>892</v>
      </c>
      <c r="P216" t="s">
        <v>655</v>
      </c>
      <c r="Q216">
        <v>1</v>
      </c>
      <c r="R216" t="s">
        <v>893</v>
      </c>
      <c r="S216">
        <v>3</v>
      </c>
      <c r="T216" t="s">
        <v>892</v>
      </c>
      <c r="U216" t="s">
        <v>892</v>
      </c>
      <c r="V216">
        <v>3</v>
      </c>
      <c r="W216">
        <v>180</v>
      </c>
      <c r="X216">
        <v>2020</v>
      </c>
    </row>
    <row r="217" spans="1:24" x14ac:dyDescent="0.25">
      <c r="A217">
        <v>15320</v>
      </c>
      <c r="B217" t="s">
        <v>16</v>
      </c>
      <c r="C217">
        <v>5</v>
      </c>
      <c r="D217" t="s">
        <v>15</v>
      </c>
      <c r="E217">
        <v>1376</v>
      </c>
      <c r="F217" t="s">
        <v>892</v>
      </c>
      <c r="G217" t="s">
        <v>892</v>
      </c>
      <c r="H217" t="s">
        <v>892</v>
      </c>
      <c r="I217" t="s">
        <v>892</v>
      </c>
      <c r="J217" t="s">
        <v>864</v>
      </c>
      <c r="K217">
        <v>14</v>
      </c>
      <c r="L217" t="s">
        <v>892</v>
      </c>
      <c r="M217" t="s">
        <v>892</v>
      </c>
      <c r="N217" t="s">
        <v>892</v>
      </c>
      <c r="O217" t="s">
        <v>892</v>
      </c>
      <c r="P217" t="s">
        <v>655</v>
      </c>
      <c r="Q217">
        <v>1</v>
      </c>
      <c r="R217" t="s">
        <v>893</v>
      </c>
      <c r="S217">
        <v>3</v>
      </c>
      <c r="T217" t="s">
        <v>892</v>
      </c>
      <c r="U217" t="s">
        <v>892</v>
      </c>
      <c r="V217">
        <v>3</v>
      </c>
      <c r="W217">
        <v>180</v>
      </c>
      <c r="X217">
        <v>2020</v>
      </c>
    </row>
    <row r="218" spans="1:24" x14ac:dyDescent="0.25">
      <c r="A218">
        <v>15317</v>
      </c>
      <c r="B218" t="s">
        <v>16</v>
      </c>
      <c r="C218">
        <v>5</v>
      </c>
      <c r="D218" t="s">
        <v>15</v>
      </c>
      <c r="E218">
        <v>1376</v>
      </c>
      <c r="F218" t="s">
        <v>892</v>
      </c>
      <c r="G218" t="s">
        <v>892</v>
      </c>
      <c r="H218" t="s">
        <v>892</v>
      </c>
      <c r="I218" t="s">
        <v>892</v>
      </c>
      <c r="J218" t="s">
        <v>895</v>
      </c>
      <c r="K218">
        <v>13</v>
      </c>
      <c r="L218" t="s">
        <v>892</v>
      </c>
      <c r="M218" t="s">
        <v>892</v>
      </c>
      <c r="N218" t="s">
        <v>892</v>
      </c>
      <c r="O218" t="s">
        <v>892</v>
      </c>
      <c r="P218" t="s">
        <v>655</v>
      </c>
      <c r="Q218">
        <v>1</v>
      </c>
      <c r="R218" t="s">
        <v>893</v>
      </c>
      <c r="S218">
        <v>3</v>
      </c>
      <c r="T218" t="s">
        <v>892</v>
      </c>
      <c r="U218" t="s">
        <v>892</v>
      </c>
      <c r="V218">
        <v>3</v>
      </c>
      <c r="W218">
        <v>180</v>
      </c>
      <c r="X218">
        <v>2020</v>
      </c>
    </row>
    <row r="219" spans="1:24" x14ac:dyDescent="0.25">
      <c r="A219">
        <v>15314</v>
      </c>
      <c r="B219" t="s">
        <v>16</v>
      </c>
      <c r="C219">
        <v>5</v>
      </c>
      <c r="D219" t="s">
        <v>15</v>
      </c>
      <c r="E219">
        <v>1376</v>
      </c>
      <c r="F219" t="s">
        <v>892</v>
      </c>
      <c r="G219" t="s">
        <v>892</v>
      </c>
      <c r="H219" t="s">
        <v>892</v>
      </c>
      <c r="I219" t="s">
        <v>892</v>
      </c>
      <c r="J219" t="s">
        <v>802</v>
      </c>
      <c r="K219">
        <v>12</v>
      </c>
      <c r="L219" t="s">
        <v>892</v>
      </c>
      <c r="M219" t="s">
        <v>892</v>
      </c>
      <c r="N219" t="s">
        <v>892</v>
      </c>
      <c r="O219" t="s">
        <v>892</v>
      </c>
      <c r="P219" t="s">
        <v>655</v>
      </c>
      <c r="Q219">
        <v>1</v>
      </c>
      <c r="R219" t="s">
        <v>893</v>
      </c>
      <c r="S219">
        <v>3</v>
      </c>
      <c r="T219" t="s">
        <v>892</v>
      </c>
      <c r="U219" t="s">
        <v>892</v>
      </c>
      <c r="V219">
        <v>3</v>
      </c>
      <c r="W219">
        <v>180</v>
      </c>
      <c r="X219">
        <v>2020</v>
      </c>
    </row>
    <row r="220" spans="1:24" x14ac:dyDescent="0.25">
      <c r="A220">
        <v>15311</v>
      </c>
      <c r="B220" t="s">
        <v>16</v>
      </c>
      <c r="C220">
        <v>5</v>
      </c>
      <c r="D220" t="s">
        <v>15</v>
      </c>
      <c r="E220">
        <v>1376</v>
      </c>
      <c r="F220" t="s">
        <v>892</v>
      </c>
      <c r="G220" t="s">
        <v>892</v>
      </c>
      <c r="H220" t="s">
        <v>892</v>
      </c>
      <c r="I220" t="s">
        <v>892</v>
      </c>
      <c r="J220" t="s">
        <v>866</v>
      </c>
      <c r="K220">
        <v>9</v>
      </c>
      <c r="L220" t="s">
        <v>892</v>
      </c>
      <c r="M220" t="s">
        <v>892</v>
      </c>
      <c r="N220" t="s">
        <v>892</v>
      </c>
      <c r="O220" t="s">
        <v>892</v>
      </c>
      <c r="P220" t="s">
        <v>655</v>
      </c>
      <c r="Q220">
        <v>1</v>
      </c>
      <c r="R220" t="s">
        <v>893</v>
      </c>
      <c r="S220">
        <v>3</v>
      </c>
      <c r="T220" t="s">
        <v>892</v>
      </c>
      <c r="U220" t="s">
        <v>892</v>
      </c>
      <c r="V220">
        <v>3</v>
      </c>
      <c r="W220">
        <v>180</v>
      </c>
      <c r="X220">
        <v>2020</v>
      </c>
    </row>
    <row r="221" spans="1:24" x14ac:dyDescent="0.25">
      <c r="A221">
        <v>15308</v>
      </c>
      <c r="B221" t="s">
        <v>16</v>
      </c>
      <c r="C221">
        <v>5</v>
      </c>
      <c r="D221" t="s">
        <v>15</v>
      </c>
      <c r="E221">
        <v>1376</v>
      </c>
      <c r="F221" t="s">
        <v>892</v>
      </c>
      <c r="G221" t="s">
        <v>892</v>
      </c>
      <c r="H221" t="s">
        <v>892</v>
      </c>
      <c r="I221" t="s">
        <v>892</v>
      </c>
      <c r="J221" t="s">
        <v>736</v>
      </c>
      <c r="K221">
        <v>8</v>
      </c>
      <c r="L221" t="s">
        <v>892</v>
      </c>
      <c r="M221" t="s">
        <v>892</v>
      </c>
      <c r="N221" t="s">
        <v>892</v>
      </c>
      <c r="O221" t="s">
        <v>892</v>
      </c>
      <c r="P221" t="s">
        <v>655</v>
      </c>
      <c r="Q221">
        <v>1</v>
      </c>
      <c r="R221" t="s">
        <v>893</v>
      </c>
      <c r="S221">
        <v>3</v>
      </c>
      <c r="T221" t="s">
        <v>892</v>
      </c>
      <c r="U221" t="s">
        <v>892</v>
      </c>
      <c r="V221">
        <v>3</v>
      </c>
      <c r="W221">
        <v>180</v>
      </c>
      <c r="X221">
        <v>2020</v>
      </c>
    </row>
    <row r="222" spans="1:24" x14ac:dyDescent="0.25">
      <c r="A222">
        <v>15305</v>
      </c>
      <c r="B222" t="s">
        <v>16</v>
      </c>
      <c r="C222">
        <v>5</v>
      </c>
      <c r="D222" t="s">
        <v>15</v>
      </c>
      <c r="E222">
        <v>1376</v>
      </c>
      <c r="F222" t="s">
        <v>892</v>
      </c>
      <c r="G222" t="s">
        <v>892</v>
      </c>
      <c r="H222" t="s">
        <v>892</v>
      </c>
      <c r="I222" t="s">
        <v>892</v>
      </c>
      <c r="J222" t="s">
        <v>896</v>
      </c>
      <c r="K222">
        <v>7</v>
      </c>
      <c r="L222" t="s">
        <v>892</v>
      </c>
      <c r="M222" t="s">
        <v>892</v>
      </c>
      <c r="N222" t="s">
        <v>892</v>
      </c>
      <c r="O222" t="s">
        <v>892</v>
      </c>
      <c r="P222" t="s">
        <v>655</v>
      </c>
      <c r="Q222">
        <v>1</v>
      </c>
      <c r="R222" t="s">
        <v>893</v>
      </c>
      <c r="S222">
        <v>3</v>
      </c>
      <c r="T222" t="s">
        <v>892</v>
      </c>
      <c r="U222" t="s">
        <v>892</v>
      </c>
      <c r="V222">
        <v>3</v>
      </c>
      <c r="W222">
        <v>180</v>
      </c>
      <c r="X222">
        <v>2020</v>
      </c>
    </row>
    <row r="223" spans="1:24" x14ac:dyDescent="0.25">
      <c r="A223">
        <v>15302</v>
      </c>
      <c r="B223" t="s">
        <v>16</v>
      </c>
      <c r="C223">
        <v>5</v>
      </c>
      <c r="D223" t="s">
        <v>15</v>
      </c>
      <c r="E223">
        <v>1376</v>
      </c>
      <c r="F223" t="s">
        <v>892</v>
      </c>
      <c r="G223" t="s">
        <v>892</v>
      </c>
      <c r="H223" t="s">
        <v>892</v>
      </c>
      <c r="I223" t="s">
        <v>892</v>
      </c>
      <c r="J223" t="s">
        <v>792</v>
      </c>
      <c r="K223">
        <v>6</v>
      </c>
      <c r="L223" t="s">
        <v>892</v>
      </c>
      <c r="M223" t="s">
        <v>892</v>
      </c>
      <c r="N223" t="s">
        <v>892</v>
      </c>
      <c r="O223" t="s">
        <v>892</v>
      </c>
      <c r="P223" t="s">
        <v>655</v>
      </c>
      <c r="Q223">
        <v>1</v>
      </c>
      <c r="R223" t="s">
        <v>893</v>
      </c>
      <c r="S223">
        <v>3</v>
      </c>
      <c r="T223" t="s">
        <v>892</v>
      </c>
      <c r="U223" t="s">
        <v>892</v>
      </c>
      <c r="V223">
        <v>3</v>
      </c>
      <c r="W223">
        <v>180</v>
      </c>
      <c r="X223">
        <v>2020</v>
      </c>
    </row>
    <row r="224" spans="1:24" x14ac:dyDescent="0.25">
      <c r="A224">
        <v>15299</v>
      </c>
      <c r="B224" t="s">
        <v>16</v>
      </c>
      <c r="C224">
        <v>5</v>
      </c>
      <c r="D224" t="s">
        <v>15</v>
      </c>
      <c r="E224">
        <v>1376</v>
      </c>
      <c r="F224" t="s">
        <v>892</v>
      </c>
      <c r="G224" t="s">
        <v>892</v>
      </c>
      <c r="H224" t="s">
        <v>892</v>
      </c>
      <c r="I224" t="s">
        <v>892</v>
      </c>
      <c r="J224" t="s">
        <v>831</v>
      </c>
      <c r="K224">
        <v>5</v>
      </c>
      <c r="L224" t="s">
        <v>892</v>
      </c>
      <c r="M224" t="s">
        <v>892</v>
      </c>
      <c r="N224" t="s">
        <v>892</v>
      </c>
      <c r="O224" t="s">
        <v>892</v>
      </c>
      <c r="P224" t="s">
        <v>655</v>
      </c>
      <c r="Q224">
        <v>1</v>
      </c>
      <c r="R224" t="s">
        <v>893</v>
      </c>
      <c r="S224">
        <v>3</v>
      </c>
      <c r="T224" t="s">
        <v>892</v>
      </c>
      <c r="U224" t="s">
        <v>892</v>
      </c>
      <c r="V224">
        <v>3</v>
      </c>
      <c r="W224">
        <v>180</v>
      </c>
      <c r="X224">
        <v>2020</v>
      </c>
    </row>
    <row r="225" spans="1:24" x14ac:dyDescent="0.25">
      <c r="A225">
        <v>15296</v>
      </c>
      <c r="B225" t="s">
        <v>16</v>
      </c>
      <c r="C225">
        <v>5</v>
      </c>
      <c r="D225" t="s">
        <v>15</v>
      </c>
      <c r="E225">
        <v>1376</v>
      </c>
      <c r="F225" t="s">
        <v>892</v>
      </c>
      <c r="G225" t="s">
        <v>892</v>
      </c>
      <c r="H225" t="s">
        <v>892</v>
      </c>
      <c r="I225" t="s">
        <v>892</v>
      </c>
      <c r="J225" t="s">
        <v>676</v>
      </c>
      <c r="K225">
        <v>4</v>
      </c>
      <c r="L225" t="s">
        <v>892</v>
      </c>
      <c r="M225" t="s">
        <v>892</v>
      </c>
      <c r="N225" t="s">
        <v>892</v>
      </c>
      <c r="O225" t="s">
        <v>892</v>
      </c>
      <c r="P225" t="s">
        <v>655</v>
      </c>
      <c r="Q225">
        <v>1</v>
      </c>
      <c r="R225" t="s">
        <v>893</v>
      </c>
      <c r="S225">
        <v>3</v>
      </c>
      <c r="T225" t="s">
        <v>892</v>
      </c>
      <c r="U225" t="s">
        <v>892</v>
      </c>
      <c r="V225">
        <v>3</v>
      </c>
      <c r="W225">
        <v>180</v>
      </c>
      <c r="X225">
        <v>2020</v>
      </c>
    </row>
    <row r="226" spans="1:24" x14ac:dyDescent="0.25">
      <c r="A226">
        <v>15293</v>
      </c>
      <c r="B226" t="s">
        <v>16</v>
      </c>
      <c r="C226">
        <v>5</v>
      </c>
      <c r="D226" t="s">
        <v>15</v>
      </c>
      <c r="E226">
        <v>1376</v>
      </c>
      <c r="F226" t="s">
        <v>892</v>
      </c>
      <c r="G226" t="s">
        <v>892</v>
      </c>
      <c r="H226" t="s">
        <v>892</v>
      </c>
      <c r="I226" t="s">
        <v>892</v>
      </c>
      <c r="J226" t="s">
        <v>897</v>
      </c>
      <c r="K226">
        <v>3</v>
      </c>
      <c r="L226" t="s">
        <v>892</v>
      </c>
      <c r="M226" t="s">
        <v>892</v>
      </c>
      <c r="N226" t="s">
        <v>892</v>
      </c>
      <c r="O226" t="s">
        <v>892</v>
      </c>
      <c r="P226" t="s">
        <v>655</v>
      </c>
      <c r="Q226">
        <v>1</v>
      </c>
      <c r="R226" t="s">
        <v>893</v>
      </c>
      <c r="S226">
        <v>3</v>
      </c>
      <c r="T226" t="s">
        <v>892</v>
      </c>
      <c r="U226" t="s">
        <v>892</v>
      </c>
      <c r="V226">
        <v>3</v>
      </c>
      <c r="W226">
        <v>180</v>
      </c>
      <c r="X226">
        <v>2020</v>
      </c>
    </row>
    <row r="227" spans="1:24" x14ac:dyDescent="0.25">
      <c r="A227">
        <v>15290</v>
      </c>
      <c r="B227" t="s">
        <v>16</v>
      </c>
      <c r="C227">
        <v>5</v>
      </c>
      <c r="D227" t="s">
        <v>15</v>
      </c>
      <c r="E227">
        <v>1376</v>
      </c>
      <c r="F227" t="s">
        <v>892</v>
      </c>
      <c r="G227" t="s">
        <v>892</v>
      </c>
      <c r="H227" t="s">
        <v>892</v>
      </c>
      <c r="I227" t="s">
        <v>892</v>
      </c>
      <c r="J227" t="s">
        <v>726</v>
      </c>
      <c r="K227">
        <v>2</v>
      </c>
      <c r="L227" t="s">
        <v>892</v>
      </c>
      <c r="M227" t="s">
        <v>892</v>
      </c>
      <c r="N227" t="s">
        <v>892</v>
      </c>
      <c r="O227" t="s">
        <v>892</v>
      </c>
      <c r="P227" t="s">
        <v>655</v>
      </c>
      <c r="Q227">
        <v>1</v>
      </c>
      <c r="R227" t="s">
        <v>893</v>
      </c>
      <c r="S227">
        <v>3</v>
      </c>
      <c r="T227" t="s">
        <v>892</v>
      </c>
      <c r="U227" t="s">
        <v>892</v>
      </c>
      <c r="V227">
        <v>3</v>
      </c>
      <c r="W227">
        <v>180</v>
      </c>
      <c r="X227">
        <v>2020</v>
      </c>
    </row>
    <row r="228" spans="1:24" x14ac:dyDescent="0.25">
      <c r="A228">
        <v>15287</v>
      </c>
      <c r="B228" t="s">
        <v>16</v>
      </c>
      <c r="C228">
        <v>5</v>
      </c>
      <c r="D228" t="s">
        <v>15</v>
      </c>
      <c r="E228">
        <v>1376</v>
      </c>
      <c r="F228" t="s">
        <v>892</v>
      </c>
      <c r="G228" t="s">
        <v>892</v>
      </c>
      <c r="H228" t="s">
        <v>892</v>
      </c>
      <c r="I228" t="s">
        <v>892</v>
      </c>
      <c r="J228" t="s">
        <v>885</v>
      </c>
      <c r="K228">
        <v>1</v>
      </c>
      <c r="L228" t="s">
        <v>892</v>
      </c>
      <c r="M228" t="s">
        <v>892</v>
      </c>
      <c r="N228" t="s">
        <v>892</v>
      </c>
      <c r="O228" t="s">
        <v>892</v>
      </c>
      <c r="P228" t="s">
        <v>655</v>
      </c>
      <c r="Q228">
        <v>1</v>
      </c>
      <c r="R228" t="s">
        <v>893</v>
      </c>
      <c r="S228">
        <v>3</v>
      </c>
      <c r="T228" t="s">
        <v>892</v>
      </c>
      <c r="U228" t="s">
        <v>892</v>
      </c>
      <c r="V228">
        <v>3</v>
      </c>
      <c r="W228">
        <v>180</v>
      </c>
      <c r="X228">
        <v>2020</v>
      </c>
    </row>
    <row r="229" spans="1:24" x14ac:dyDescent="0.25">
      <c r="A229">
        <v>15284</v>
      </c>
      <c r="B229" t="s">
        <v>18</v>
      </c>
      <c r="C229">
        <v>31</v>
      </c>
      <c r="D229" t="s">
        <v>11</v>
      </c>
      <c r="E229">
        <v>238</v>
      </c>
      <c r="F229" t="s">
        <v>651</v>
      </c>
      <c r="G229">
        <v>160</v>
      </c>
      <c r="H229" t="s">
        <v>719</v>
      </c>
      <c r="I229">
        <v>7630</v>
      </c>
      <c r="J229" t="s">
        <v>65</v>
      </c>
      <c r="K229">
        <v>15</v>
      </c>
      <c r="L229" t="s">
        <v>898</v>
      </c>
      <c r="M229">
        <v>806</v>
      </c>
      <c r="N229" t="s">
        <v>654</v>
      </c>
      <c r="O229">
        <v>3</v>
      </c>
      <c r="P229" t="s">
        <v>655</v>
      </c>
      <c r="Q229">
        <v>1</v>
      </c>
      <c r="R229" t="s">
        <v>656</v>
      </c>
      <c r="S229">
        <v>2</v>
      </c>
      <c r="T229" t="s">
        <v>661</v>
      </c>
      <c r="U229">
        <v>8</v>
      </c>
      <c r="V229">
        <v>1</v>
      </c>
      <c r="W229">
        <v>60</v>
      </c>
      <c r="X229">
        <v>2020</v>
      </c>
    </row>
    <row r="230" spans="1:24" x14ac:dyDescent="0.25">
      <c r="A230">
        <v>15281</v>
      </c>
      <c r="B230" t="s">
        <v>18</v>
      </c>
      <c r="C230">
        <v>31</v>
      </c>
      <c r="D230" t="s">
        <v>11</v>
      </c>
      <c r="E230">
        <v>238</v>
      </c>
      <c r="F230" t="s">
        <v>651</v>
      </c>
      <c r="G230">
        <v>160</v>
      </c>
      <c r="H230" t="s">
        <v>719</v>
      </c>
      <c r="I230">
        <v>7630</v>
      </c>
      <c r="J230" t="s">
        <v>65</v>
      </c>
      <c r="K230">
        <v>15</v>
      </c>
      <c r="L230" t="s">
        <v>899</v>
      </c>
      <c r="M230">
        <v>803</v>
      </c>
      <c r="N230" t="s">
        <v>654</v>
      </c>
      <c r="O230">
        <v>3</v>
      </c>
      <c r="P230" t="s">
        <v>655</v>
      </c>
      <c r="Q230">
        <v>1</v>
      </c>
      <c r="R230" t="s">
        <v>656</v>
      </c>
      <c r="S230">
        <v>2</v>
      </c>
      <c r="T230" t="s">
        <v>661</v>
      </c>
      <c r="U230">
        <v>8</v>
      </c>
      <c r="V230">
        <v>1</v>
      </c>
      <c r="W230">
        <v>60</v>
      </c>
      <c r="X230">
        <v>2020</v>
      </c>
    </row>
    <row r="231" spans="1:24" x14ac:dyDescent="0.25">
      <c r="A231">
        <v>15278</v>
      </c>
      <c r="B231" t="s">
        <v>18</v>
      </c>
      <c r="C231">
        <v>31</v>
      </c>
      <c r="D231" t="s">
        <v>11</v>
      </c>
      <c r="E231">
        <v>238</v>
      </c>
      <c r="F231" t="s">
        <v>651</v>
      </c>
      <c r="G231">
        <v>160</v>
      </c>
      <c r="H231" t="s">
        <v>719</v>
      </c>
      <c r="I231">
        <v>7630</v>
      </c>
      <c r="J231" t="s">
        <v>65</v>
      </c>
      <c r="K231">
        <v>15</v>
      </c>
      <c r="L231" t="s">
        <v>900</v>
      </c>
      <c r="M231">
        <v>2002</v>
      </c>
      <c r="N231" t="s">
        <v>654</v>
      </c>
      <c r="O231">
        <v>3</v>
      </c>
      <c r="P231" t="s">
        <v>655</v>
      </c>
      <c r="Q231">
        <v>1</v>
      </c>
      <c r="R231" t="s">
        <v>656</v>
      </c>
      <c r="S231">
        <v>2</v>
      </c>
      <c r="T231" t="s">
        <v>661</v>
      </c>
      <c r="U231">
        <v>8</v>
      </c>
      <c r="V231">
        <v>1</v>
      </c>
      <c r="W231">
        <v>60</v>
      </c>
      <c r="X231">
        <v>2020</v>
      </c>
    </row>
    <row r="232" spans="1:24" x14ac:dyDescent="0.25">
      <c r="A232">
        <v>15277</v>
      </c>
      <c r="B232" t="s">
        <v>16</v>
      </c>
      <c r="C232">
        <v>5</v>
      </c>
      <c r="D232" t="s">
        <v>458</v>
      </c>
      <c r="E232">
        <v>48</v>
      </c>
      <c r="F232" t="s">
        <v>651</v>
      </c>
      <c r="G232">
        <v>160</v>
      </c>
      <c r="H232" t="s">
        <v>658</v>
      </c>
      <c r="I232">
        <v>13755</v>
      </c>
      <c r="J232" t="s">
        <v>885</v>
      </c>
      <c r="K232">
        <v>1</v>
      </c>
      <c r="L232" t="s">
        <v>901</v>
      </c>
      <c r="M232">
        <v>1244</v>
      </c>
      <c r="N232" t="s">
        <v>654</v>
      </c>
      <c r="O232">
        <v>3</v>
      </c>
      <c r="P232" t="s">
        <v>655</v>
      </c>
      <c r="Q232">
        <v>1</v>
      </c>
      <c r="R232" t="s">
        <v>656</v>
      </c>
      <c r="S232">
        <v>2</v>
      </c>
      <c r="T232" t="s">
        <v>661</v>
      </c>
      <c r="U232">
        <v>8</v>
      </c>
      <c r="V232">
        <v>2</v>
      </c>
      <c r="W232">
        <v>120</v>
      </c>
      <c r="X232">
        <v>2020</v>
      </c>
    </row>
    <row r="233" spans="1:24" x14ac:dyDescent="0.25">
      <c r="A233">
        <v>15271</v>
      </c>
      <c r="B233" t="s">
        <v>192</v>
      </c>
      <c r="C233">
        <v>19</v>
      </c>
      <c r="D233" t="s">
        <v>463</v>
      </c>
      <c r="E233">
        <v>134</v>
      </c>
      <c r="F233" t="s">
        <v>651</v>
      </c>
      <c r="G233">
        <v>160</v>
      </c>
      <c r="H233" t="s">
        <v>739</v>
      </c>
      <c r="I233">
        <v>4413</v>
      </c>
      <c r="J233" t="s">
        <v>831</v>
      </c>
      <c r="K233">
        <v>5</v>
      </c>
      <c r="L233" t="s">
        <v>902</v>
      </c>
      <c r="M233">
        <v>2379</v>
      </c>
      <c r="N233" t="s">
        <v>654</v>
      </c>
      <c r="O233">
        <v>3</v>
      </c>
      <c r="P233" t="s">
        <v>655</v>
      </c>
      <c r="Q233">
        <v>1</v>
      </c>
      <c r="R233" t="s">
        <v>656</v>
      </c>
      <c r="S233">
        <v>2</v>
      </c>
      <c r="T233" t="s">
        <v>661</v>
      </c>
      <c r="U233">
        <v>8</v>
      </c>
      <c r="V233">
        <v>2</v>
      </c>
      <c r="W233">
        <v>120</v>
      </c>
      <c r="X233">
        <v>2020</v>
      </c>
    </row>
    <row r="234" spans="1:24" x14ac:dyDescent="0.25">
      <c r="A234">
        <v>15268</v>
      </c>
      <c r="B234" t="s">
        <v>218</v>
      </c>
      <c r="C234">
        <v>17</v>
      </c>
      <c r="D234" t="s">
        <v>574</v>
      </c>
      <c r="E234">
        <v>107</v>
      </c>
      <c r="F234" t="s">
        <v>651</v>
      </c>
      <c r="G234">
        <v>160</v>
      </c>
      <c r="H234" t="s">
        <v>744</v>
      </c>
      <c r="I234">
        <v>3143</v>
      </c>
      <c r="J234" t="s">
        <v>707</v>
      </c>
      <c r="K234">
        <v>59</v>
      </c>
      <c r="L234" t="s">
        <v>903</v>
      </c>
      <c r="M234">
        <v>1252</v>
      </c>
      <c r="N234" t="s">
        <v>654</v>
      </c>
      <c r="O234">
        <v>3</v>
      </c>
      <c r="P234" t="s">
        <v>655</v>
      </c>
      <c r="Q234">
        <v>1</v>
      </c>
      <c r="R234" t="s">
        <v>656</v>
      </c>
      <c r="S234">
        <v>2</v>
      </c>
      <c r="T234" t="s">
        <v>661</v>
      </c>
      <c r="U234">
        <v>8</v>
      </c>
      <c r="V234">
        <v>2</v>
      </c>
      <c r="W234">
        <v>120</v>
      </c>
      <c r="X234">
        <v>2020</v>
      </c>
    </row>
    <row r="235" spans="1:24" x14ac:dyDescent="0.25">
      <c r="A235">
        <v>15265</v>
      </c>
      <c r="B235" t="s">
        <v>95</v>
      </c>
      <c r="C235">
        <v>26</v>
      </c>
      <c r="D235" t="s">
        <v>11</v>
      </c>
      <c r="E235">
        <v>649</v>
      </c>
      <c r="F235" t="s">
        <v>651</v>
      </c>
      <c r="G235">
        <v>160</v>
      </c>
      <c r="H235" t="s">
        <v>833</v>
      </c>
      <c r="I235">
        <v>5562</v>
      </c>
      <c r="J235" t="s">
        <v>682</v>
      </c>
      <c r="K235">
        <v>20</v>
      </c>
      <c r="L235" t="s">
        <v>904</v>
      </c>
      <c r="M235">
        <v>1606</v>
      </c>
      <c r="N235" t="s">
        <v>654</v>
      </c>
      <c r="O235">
        <v>3</v>
      </c>
      <c r="P235" t="s">
        <v>655</v>
      </c>
      <c r="Q235">
        <v>1</v>
      </c>
      <c r="R235" t="s">
        <v>656</v>
      </c>
      <c r="S235">
        <v>2</v>
      </c>
      <c r="T235" t="s">
        <v>661</v>
      </c>
      <c r="U235">
        <v>8</v>
      </c>
      <c r="V235">
        <v>2</v>
      </c>
      <c r="W235">
        <v>120</v>
      </c>
      <c r="X235">
        <v>2020</v>
      </c>
    </row>
    <row r="236" spans="1:24" x14ac:dyDescent="0.25">
      <c r="A236">
        <v>15262</v>
      </c>
      <c r="B236" t="s">
        <v>95</v>
      </c>
      <c r="C236">
        <v>26</v>
      </c>
      <c r="D236" t="s">
        <v>513</v>
      </c>
      <c r="E236">
        <v>194</v>
      </c>
      <c r="F236" t="s">
        <v>651</v>
      </c>
      <c r="G236">
        <v>160</v>
      </c>
      <c r="H236" t="s">
        <v>833</v>
      </c>
      <c r="I236">
        <v>5562</v>
      </c>
      <c r="J236" t="s">
        <v>301</v>
      </c>
      <c r="K236">
        <v>26</v>
      </c>
      <c r="L236" t="s">
        <v>905</v>
      </c>
      <c r="M236">
        <v>3324</v>
      </c>
      <c r="N236" t="s">
        <v>654</v>
      </c>
      <c r="O236">
        <v>3</v>
      </c>
      <c r="P236" t="s">
        <v>655</v>
      </c>
      <c r="Q236">
        <v>1</v>
      </c>
      <c r="R236" t="s">
        <v>656</v>
      </c>
      <c r="S236">
        <v>2</v>
      </c>
      <c r="T236" t="s">
        <v>718</v>
      </c>
      <c r="U236">
        <v>2</v>
      </c>
      <c r="V236">
        <v>2</v>
      </c>
      <c r="W236">
        <v>120</v>
      </c>
      <c r="X236">
        <v>2020</v>
      </c>
    </row>
    <row r="237" spans="1:24" x14ac:dyDescent="0.25">
      <c r="A237">
        <v>15259</v>
      </c>
      <c r="B237" t="s">
        <v>22</v>
      </c>
      <c r="C237">
        <v>28</v>
      </c>
      <c r="D237" t="s">
        <v>402</v>
      </c>
      <c r="E237">
        <v>219</v>
      </c>
      <c r="F237" t="s">
        <v>651</v>
      </c>
      <c r="G237">
        <v>160</v>
      </c>
      <c r="H237" t="s">
        <v>675</v>
      </c>
      <c r="I237">
        <v>5952</v>
      </c>
      <c r="J237" t="s">
        <v>684</v>
      </c>
      <c r="K237">
        <v>22</v>
      </c>
      <c r="L237" t="s">
        <v>906</v>
      </c>
      <c r="M237">
        <v>725</v>
      </c>
      <c r="N237" t="s">
        <v>654</v>
      </c>
      <c r="O237">
        <v>3</v>
      </c>
      <c r="P237" t="s">
        <v>655</v>
      </c>
      <c r="Q237">
        <v>1</v>
      </c>
      <c r="R237" t="s">
        <v>656</v>
      </c>
      <c r="S237">
        <v>2</v>
      </c>
      <c r="T237" t="s">
        <v>661</v>
      </c>
      <c r="U237">
        <v>8</v>
      </c>
      <c r="V237">
        <v>2</v>
      </c>
      <c r="W237">
        <v>120</v>
      </c>
      <c r="X237">
        <v>2020</v>
      </c>
    </row>
    <row r="238" spans="1:24" x14ac:dyDescent="0.25">
      <c r="A238">
        <v>15256</v>
      </c>
      <c r="B238" t="s">
        <v>69</v>
      </c>
      <c r="C238">
        <v>36</v>
      </c>
      <c r="D238" t="s">
        <v>68</v>
      </c>
      <c r="E238">
        <v>1260</v>
      </c>
      <c r="F238" t="s">
        <v>651</v>
      </c>
      <c r="G238">
        <v>160</v>
      </c>
      <c r="H238" t="s">
        <v>732</v>
      </c>
      <c r="I238">
        <v>1000</v>
      </c>
      <c r="J238" t="s">
        <v>897</v>
      </c>
      <c r="K238">
        <v>3</v>
      </c>
      <c r="L238" t="s">
        <v>907</v>
      </c>
      <c r="M238">
        <v>1449</v>
      </c>
      <c r="N238" t="s">
        <v>654</v>
      </c>
      <c r="O238">
        <v>3</v>
      </c>
      <c r="P238" t="s">
        <v>655</v>
      </c>
      <c r="Q238">
        <v>1</v>
      </c>
      <c r="R238" t="s">
        <v>656</v>
      </c>
      <c r="S238">
        <v>2</v>
      </c>
      <c r="T238" t="s">
        <v>661</v>
      </c>
      <c r="U238">
        <v>8</v>
      </c>
      <c r="V238">
        <v>2</v>
      </c>
      <c r="W238">
        <v>120</v>
      </c>
      <c r="X238">
        <v>2020</v>
      </c>
    </row>
    <row r="239" spans="1:24" x14ac:dyDescent="0.25">
      <c r="A239">
        <v>15253</v>
      </c>
      <c r="B239" t="s">
        <v>249</v>
      </c>
      <c r="C239">
        <v>38</v>
      </c>
      <c r="D239" t="s">
        <v>330</v>
      </c>
      <c r="E239">
        <v>635</v>
      </c>
      <c r="F239" t="s">
        <v>651</v>
      </c>
      <c r="G239">
        <v>160</v>
      </c>
      <c r="H239" t="s">
        <v>713</v>
      </c>
      <c r="I239">
        <v>3939</v>
      </c>
      <c r="J239" t="s">
        <v>684</v>
      </c>
      <c r="K239">
        <v>22</v>
      </c>
      <c r="L239" t="s">
        <v>906</v>
      </c>
      <c r="M239">
        <v>725</v>
      </c>
      <c r="N239" t="s">
        <v>654</v>
      </c>
      <c r="O239">
        <v>3</v>
      </c>
      <c r="P239" t="s">
        <v>655</v>
      </c>
      <c r="Q239">
        <v>1</v>
      </c>
      <c r="R239" t="s">
        <v>656</v>
      </c>
      <c r="S239">
        <v>2</v>
      </c>
      <c r="T239" t="s">
        <v>661</v>
      </c>
      <c r="U239">
        <v>8</v>
      </c>
      <c r="V239">
        <v>2</v>
      </c>
      <c r="W239">
        <v>120</v>
      </c>
      <c r="X239">
        <v>2020</v>
      </c>
    </row>
    <row r="240" spans="1:24" x14ac:dyDescent="0.25">
      <c r="A240">
        <v>15250</v>
      </c>
      <c r="B240" t="s">
        <v>247</v>
      </c>
      <c r="C240">
        <v>39</v>
      </c>
      <c r="D240" t="s">
        <v>311</v>
      </c>
      <c r="E240">
        <v>602</v>
      </c>
      <c r="F240" t="s">
        <v>651</v>
      </c>
      <c r="G240">
        <v>160</v>
      </c>
      <c r="H240" t="s">
        <v>817</v>
      </c>
      <c r="I240">
        <v>11010</v>
      </c>
      <c r="J240" t="s">
        <v>684</v>
      </c>
      <c r="K240">
        <v>22</v>
      </c>
      <c r="L240" t="s">
        <v>906</v>
      </c>
      <c r="M240">
        <v>725</v>
      </c>
      <c r="N240" t="s">
        <v>654</v>
      </c>
      <c r="O240">
        <v>3</v>
      </c>
      <c r="P240" t="s">
        <v>655</v>
      </c>
      <c r="Q240">
        <v>1</v>
      </c>
      <c r="R240" t="s">
        <v>656</v>
      </c>
      <c r="S240">
        <v>2</v>
      </c>
      <c r="T240" t="s">
        <v>661</v>
      </c>
      <c r="U240">
        <v>8</v>
      </c>
      <c r="V240">
        <v>2</v>
      </c>
      <c r="W240">
        <v>120</v>
      </c>
      <c r="X240">
        <v>2020</v>
      </c>
    </row>
    <row r="241" spans="1:24" x14ac:dyDescent="0.25">
      <c r="A241">
        <v>15247</v>
      </c>
      <c r="B241" t="s">
        <v>338</v>
      </c>
      <c r="C241">
        <v>71</v>
      </c>
      <c r="D241" t="s">
        <v>337</v>
      </c>
      <c r="E241">
        <v>643</v>
      </c>
      <c r="F241" t="s">
        <v>651</v>
      </c>
      <c r="G241">
        <v>160</v>
      </c>
      <c r="H241" t="s">
        <v>741</v>
      </c>
      <c r="I241">
        <v>1585</v>
      </c>
      <c r="J241" t="s">
        <v>65</v>
      </c>
      <c r="K241">
        <v>15</v>
      </c>
      <c r="L241" t="s">
        <v>740</v>
      </c>
      <c r="M241">
        <v>1169</v>
      </c>
      <c r="N241" t="s">
        <v>654</v>
      </c>
      <c r="O241">
        <v>3</v>
      </c>
      <c r="P241" t="s">
        <v>655</v>
      </c>
      <c r="Q241">
        <v>1</v>
      </c>
      <c r="R241" t="s">
        <v>656</v>
      </c>
      <c r="S241">
        <v>2</v>
      </c>
      <c r="T241" t="s">
        <v>661</v>
      </c>
      <c r="U241">
        <v>8</v>
      </c>
      <c r="V241">
        <v>1</v>
      </c>
      <c r="W241">
        <v>60</v>
      </c>
      <c r="X241">
        <v>2020</v>
      </c>
    </row>
    <row r="242" spans="1:24" x14ac:dyDescent="0.25">
      <c r="A242">
        <v>15244</v>
      </c>
      <c r="B242" t="s">
        <v>338</v>
      </c>
      <c r="C242">
        <v>71</v>
      </c>
      <c r="D242" t="s">
        <v>337</v>
      </c>
      <c r="E242">
        <v>643</v>
      </c>
      <c r="F242" t="s">
        <v>651</v>
      </c>
      <c r="G242">
        <v>160</v>
      </c>
      <c r="H242" t="s">
        <v>741</v>
      </c>
      <c r="I242">
        <v>1585</v>
      </c>
      <c r="J242" t="s">
        <v>65</v>
      </c>
      <c r="K242">
        <v>15</v>
      </c>
      <c r="L242" t="s">
        <v>908</v>
      </c>
      <c r="M242">
        <v>799</v>
      </c>
      <c r="N242" t="s">
        <v>654</v>
      </c>
      <c r="O242">
        <v>3</v>
      </c>
      <c r="P242" t="s">
        <v>655</v>
      </c>
      <c r="Q242">
        <v>1</v>
      </c>
      <c r="R242" t="s">
        <v>656</v>
      </c>
      <c r="S242">
        <v>2</v>
      </c>
      <c r="T242" t="s">
        <v>661</v>
      </c>
      <c r="U242">
        <v>8</v>
      </c>
      <c r="V242">
        <v>1</v>
      </c>
      <c r="W242">
        <v>60</v>
      </c>
      <c r="X242">
        <v>2020</v>
      </c>
    </row>
    <row r="243" spans="1:24" x14ac:dyDescent="0.25">
      <c r="A243">
        <v>15241</v>
      </c>
      <c r="B243" t="s">
        <v>192</v>
      </c>
      <c r="C243">
        <v>19</v>
      </c>
      <c r="D243" t="s">
        <v>463</v>
      </c>
      <c r="E243">
        <v>134</v>
      </c>
      <c r="F243" t="s">
        <v>651</v>
      </c>
      <c r="G243">
        <v>160</v>
      </c>
      <c r="H243" t="s">
        <v>739</v>
      </c>
      <c r="I243">
        <v>4413</v>
      </c>
      <c r="J243" t="s">
        <v>909</v>
      </c>
      <c r="K243">
        <v>39</v>
      </c>
      <c r="L243" t="s">
        <v>910</v>
      </c>
      <c r="M243">
        <v>2628</v>
      </c>
      <c r="N243" t="s">
        <v>654</v>
      </c>
      <c r="O243">
        <v>3</v>
      </c>
      <c r="P243" t="s">
        <v>655</v>
      </c>
      <c r="Q243">
        <v>1</v>
      </c>
      <c r="R243" t="s">
        <v>656</v>
      </c>
      <c r="S243">
        <v>2</v>
      </c>
      <c r="T243" t="s">
        <v>661</v>
      </c>
      <c r="U243">
        <v>8</v>
      </c>
      <c r="V243">
        <v>2</v>
      </c>
      <c r="W243">
        <v>120</v>
      </c>
      <c r="X243">
        <v>2020</v>
      </c>
    </row>
    <row r="244" spans="1:24" x14ac:dyDescent="0.25">
      <c r="A244">
        <v>15238</v>
      </c>
      <c r="B244" t="s">
        <v>22</v>
      </c>
      <c r="C244">
        <v>28</v>
      </c>
      <c r="D244" t="s">
        <v>477</v>
      </c>
      <c r="E244">
        <v>206</v>
      </c>
      <c r="F244" t="s">
        <v>651</v>
      </c>
      <c r="G244">
        <v>160</v>
      </c>
      <c r="H244" t="s">
        <v>675</v>
      </c>
      <c r="I244">
        <v>5952</v>
      </c>
      <c r="J244" t="s">
        <v>848</v>
      </c>
      <c r="K244">
        <v>62</v>
      </c>
      <c r="L244" t="s">
        <v>911</v>
      </c>
      <c r="M244">
        <v>3224</v>
      </c>
      <c r="N244" t="s">
        <v>654</v>
      </c>
      <c r="O244">
        <v>3</v>
      </c>
      <c r="P244" t="s">
        <v>655</v>
      </c>
      <c r="Q244">
        <v>1</v>
      </c>
      <c r="R244" t="s">
        <v>669</v>
      </c>
      <c r="S244">
        <v>1</v>
      </c>
      <c r="T244" t="s">
        <v>661</v>
      </c>
      <c r="U244">
        <v>8</v>
      </c>
      <c r="V244">
        <v>4</v>
      </c>
      <c r="W244">
        <v>240</v>
      </c>
      <c r="X244">
        <v>2020</v>
      </c>
    </row>
    <row r="245" spans="1:24" x14ac:dyDescent="0.25">
      <c r="A245">
        <v>15232</v>
      </c>
      <c r="B245" t="s">
        <v>140</v>
      </c>
      <c r="C245">
        <v>34</v>
      </c>
      <c r="D245" t="s">
        <v>139</v>
      </c>
      <c r="E245">
        <v>1158</v>
      </c>
      <c r="F245" t="s">
        <v>892</v>
      </c>
      <c r="G245" t="s">
        <v>892</v>
      </c>
      <c r="H245" t="s">
        <v>892</v>
      </c>
      <c r="I245" t="s">
        <v>892</v>
      </c>
      <c r="J245" t="s">
        <v>710</v>
      </c>
      <c r="K245">
        <v>53</v>
      </c>
      <c r="L245" t="s">
        <v>892</v>
      </c>
      <c r="M245" t="s">
        <v>892</v>
      </c>
      <c r="N245" t="s">
        <v>892</v>
      </c>
      <c r="O245" t="s">
        <v>892</v>
      </c>
      <c r="P245" t="s">
        <v>655</v>
      </c>
      <c r="Q245">
        <v>1</v>
      </c>
      <c r="R245" t="s">
        <v>893</v>
      </c>
      <c r="S245">
        <v>3</v>
      </c>
      <c r="T245" t="s">
        <v>892</v>
      </c>
      <c r="U245" t="s">
        <v>892</v>
      </c>
      <c r="V245">
        <v>3</v>
      </c>
      <c r="W245">
        <v>180</v>
      </c>
      <c r="X245">
        <v>2020</v>
      </c>
    </row>
    <row r="246" spans="1:24" x14ac:dyDescent="0.25">
      <c r="A246">
        <v>15229</v>
      </c>
      <c r="B246" t="s">
        <v>140</v>
      </c>
      <c r="C246">
        <v>34</v>
      </c>
      <c r="D246" t="s">
        <v>139</v>
      </c>
      <c r="E246">
        <v>1158</v>
      </c>
      <c r="F246" t="s">
        <v>892</v>
      </c>
      <c r="G246" t="s">
        <v>892</v>
      </c>
      <c r="H246" t="s">
        <v>892</v>
      </c>
      <c r="I246" t="s">
        <v>892</v>
      </c>
      <c r="J246" t="s">
        <v>710</v>
      </c>
      <c r="K246">
        <v>53</v>
      </c>
      <c r="L246" t="s">
        <v>892</v>
      </c>
      <c r="M246" t="s">
        <v>892</v>
      </c>
      <c r="N246" t="s">
        <v>892</v>
      </c>
      <c r="O246" t="s">
        <v>892</v>
      </c>
      <c r="P246" t="s">
        <v>746</v>
      </c>
      <c r="Q246">
        <v>2</v>
      </c>
      <c r="R246" t="s">
        <v>893</v>
      </c>
      <c r="S246">
        <v>3</v>
      </c>
      <c r="T246" t="s">
        <v>892</v>
      </c>
      <c r="U246" t="s">
        <v>892</v>
      </c>
      <c r="V246">
        <v>3</v>
      </c>
      <c r="W246">
        <v>180</v>
      </c>
      <c r="X246">
        <v>2020</v>
      </c>
    </row>
    <row r="247" spans="1:24" x14ac:dyDescent="0.25">
      <c r="A247">
        <v>15226</v>
      </c>
      <c r="B247" t="s">
        <v>20</v>
      </c>
      <c r="C247">
        <v>14</v>
      </c>
      <c r="D247" t="s">
        <v>19</v>
      </c>
      <c r="E247">
        <v>1372</v>
      </c>
      <c r="F247" t="s">
        <v>892</v>
      </c>
      <c r="G247" t="s">
        <v>892</v>
      </c>
      <c r="H247" t="s">
        <v>892</v>
      </c>
      <c r="I247" t="s">
        <v>892</v>
      </c>
      <c r="J247" t="s">
        <v>848</v>
      </c>
      <c r="K247">
        <v>62</v>
      </c>
      <c r="L247" t="s">
        <v>892</v>
      </c>
      <c r="M247" t="s">
        <v>892</v>
      </c>
      <c r="N247" t="s">
        <v>892</v>
      </c>
      <c r="O247" t="s">
        <v>892</v>
      </c>
      <c r="P247" t="s">
        <v>655</v>
      </c>
      <c r="Q247">
        <v>1</v>
      </c>
      <c r="R247" t="s">
        <v>893</v>
      </c>
      <c r="S247">
        <v>3</v>
      </c>
      <c r="T247" t="s">
        <v>892</v>
      </c>
      <c r="U247" t="s">
        <v>892</v>
      </c>
      <c r="V247">
        <v>3</v>
      </c>
      <c r="W247">
        <v>180</v>
      </c>
      <c r="X247">
        <v>2020</v>
      </c>
    </row>
    <row r="248" spans="1:24" x14ac:dyDescent="0.25">
      <c r="A248">
        <v>15220</v>
      </c>
      <c r="B248" t="s">
        <v>20</v>
      </c>
      <c r="C248">
        <v>14</v>
      </c>
      <c r="D248" t="s">
        <v>19</v>
      </c>
      <c r="E248">
        <v>1372</v>
      </c>
      <c r="F248" t="s">
        <v>892</v>
      </c>
      <c r="G248" t="s">
        <v>892</v>
      </c>
      <c r="H248" t="s">
        <v>892</v>
      </c>
      <c r="I248" t="s">
        <v>892</v>
      </c>
      <c r="J248" t="s">
        <v>848</v>
      </c>
      <c r="K248">
        <v>62</v>
      </c>
      <c r="L248" t="s">
        <v>892</v>
      </c>
      <c r="M248" t="s">
        <v>892</v>
      </c>
      <c r="N248" t="s">
        <v>892</v>
      </c>
      <c r="O248" t="s">
        <v>892</v>
      </c>
      <c r="P248" t="s">
        <v>746</v>
      </c>
      <c r="Q248">
        <v>2</v>
      </c>
      <c r="R248" t="s">
        <v>893</v>
      </c>
      <c r="S248">
        <v>3</v>
      </c>
      <c r="T248" t="s">
        <v>892</v>
      </c>
      <c r="U248" t="s">
        <v>892</v>
      </c>
      <c r="V248">
        <v>3</v>
      </c>
      <c r="W248">
        <v>180</v>
      </c>
      <c r="X248">
        <v>2020</v>
      </c>
    </row>
    <row r="249" spans="1:24" x14ac:dyDescent="0.25">
      <c r="A249">
        <v>15208</v>
      </c>
      <c r="B249" t="s">
        <v>226</v>
      </c>
      <c r="C249">
        <v>1</v>
      </c>
      <c r="D249" t="s">
        <v>627</v>
      </c>
      <c r="E249">
        <v>7</v>
      </c>
      <c r="F249" t="s">
        <v>651</v>
      </c>
      <c r="G249">
        <v>160</v>
      </c>
      <c r="H249" t="s">
        <v>658</v>
      </c>
      <c r="I249">
        <v>13755</v>
      </c>
      <c r="J249" t="s">
        <v>738</v>
      </c>
      <c r="K249">
        <v>61</v>
      </c>
      <c r="L249" t="s">
        <v>912</v>
      </c>
      <c r="M249">
        <v>3908</v>
      </c>
      <c r="N249" t="s">
        <v>668</v>
      </c>
      <c r="O249">
        <v>4</v>
      </c>
      <c r="P249" t="s">
        <v>655</v>
      </c>
      <c r="Q249">
        <v>1</v>
      </c>
      <c r="R249" t="s">
        <v>669</v>
      </c>
      <c r="S249">
        <v>1</v>
      </c>
      <c r="T249" t="s">
        <v>661</v>
      </c>
      <c r="U249">
        <v>8</v>
      </c>
      <c r="V249">
        <v>4</v>
      </c>
      <c r="W249">
        <v>240</v>
      </c>
      <c r="X249">
        <v>2020</v>
      </c>
    </row>
    <row r="250" spans="1:24" x14ac:dyDescent="0.25">
      <c r="A250">
        <v>15205</v>
      </c>
      <c r="B250" t="s">
        <v>16</v>
      </c>
      <c r="C250">
        <v>5</v>
      </c>
      <c r="D250" t="s">
        <v>555</v>
      </c>
      <c r="E250">
        <v>49</v>
      </c>
      <c r="F250" t="s">
        <v>651</v>
      </c>
      <c r="G250">
        <v>160</v>
      </c>
      <c r="H250" t="s">
        <v>658</v>
      </c>
      <c r="I250">
        <v>13755</v>
      </c>
      <c r="J250" t="s">
        <v>703</v>
      </c>
      <c r="K250">
        <v>16</v>
      </c>
      <c r="L250" t="s">
        <v>703</v>
      </c>
      <c r="M250">
        <v>54</v>
      </c>
      <c r="N250" t="s">
        <v>668</v>
      </c>
      <c r="O250">
        <v>4</v>
      </c>
      <c r="P250" t="s">
        <v>655</v>
      </c>
      <c r="Q250">
        <v>1</v>
      </c>
      <c r="R250" t="s">
        <v>669</v>
      </c>
      <c r="S250">
        <v>1</v>
      </c>
      <c r="T250" t="s">
        <v>718</v>
      </c>
      <c r="U250">
        <v>2</v>
      </c>
      <c r="V250">
        <v>3</v>
      </c>
      <c r="W250">
        <v>180</v>
      </c>
      <c r="X250">
        <v>2020</v>
      </c>
    </row>
    <row r="251" spans="1:24" x14ac:dyDescent="0.25">
      <c r="A251">
        <v>15202</v>
      </c>
      <c r="B251" t="s">
        <v>125</v>
      </c>
      <c r="C251">
        <v>11</v>
      </c>
      <c r="D251" t="s">
        <v>402</v>
      </c>
      <c r="E251">
        <v>78</v>
      </c>
      <c r="F251" t="s">
        <v>651</v>
      </c>
      <c r="G251">
        <v>160</v>
      </c>
      <c r="H251" t="s">
        <v>658</v>
      </c>
      <c r="I251">
        <v>13755</v>
      </c>
      <c r="J251" t="s">
        <v>913</v>
      </c>
      <c r="K251">
        <v>115</v>
      </c>
      <c r="L251" t="s">
        <v>913</v>
      </c>
      <c r="M251">
        <v>4360</v>
      </c>
      <c r="N251" t="s">
        <v>668</v>
      </c>
      <c r="O251">
        <v>4</v>
      </c>
      <c r="P251" t="s">
        <v>655</v>
      </c>
      <c r="Q251">
        <v>1</v>
      </c>
      <c r="R251" t="s">
        <v>669</v>
      </c>
      <c r="S251">
        <v>1</v>
      </c>
      <c r="T251" t="s">
        <v>661</v>
      </c>
      <c r="U251">
        <v>8</v>
      </c>
      <c r="V251">
        <v>3</v>
      </c>
      <c r="W251">
        <v>180</v>
      </c>
      <c r="X251">
        <v>2020</v>
      </c>
    </row>
    <row r="252" spans="1:24" x14ac:dyDescent="0.25">
      <c r="A252">
        <v>15199</v>
      </c>
      <c r="B252" t="s">
        <v>289</v>
      </c>
      <c r="C252">
        <v>12</v>
      </c>
      <c r="D252" t="s">
        <v>584</v>
      </c>
      <c r="E252">
        <v>82</v>
      </c>
      <c r="F252" t="s">
        <v>651</v>
      </c>
      <c r="G252">
        <v>160</v>
      </c>
      <c r="H252" t="s">
        <v>658</v>
      </c>
      <c r="I252">
        <v>13755</v>
      </c>
      <c r="J252" t="s">
        <v>691</v>
      </c>
      <c r="K252">
        <v>21</v>
      </c>
      <c r="L252" t="s">
        <v>692</v>
      </c>
      <c r="M252">
        <v>4363</v>
      </c>
      <c r="N252" t="s">
        <v>668</v>
      </c>
      <c r="O252">
        <v>4</v>
      </c>
      <c r="P252" t="s">
        <v>655</v>
      </c>
      <c r="Q252">
        <v>1</v>
      </c>
      <c r="R252" t="s">
        <v>669</v>
      </c>
      <c r="S252">
        <v>1</v>
      </c>
      <c r="T252" t="s">
        <v>718</v>
      </c>
      <c r="U252">
        <v>2</v>
      </c>
      <c r="V252">
        <v>3</v>
      </c>
      <c r="W252">
        <v>180</v>
      </c>
      <c r="X252">
        <v>2020</v>
      </c>
    </row>
    <row r="253" spans="1:24" x14ac:dyDescent="0.25">
      <c r="A253">
        <v>15196</v>
      </c>
      <c r="B253" t="s">
        <v>108</v>
      </c>
      <c r="C253">
        <v>13</v>
      </c>
      <c r="D253" t="s">
        <v>582</v>
      </c>
      <c r="E253">
        <v>86</v>
      </c>
      <c r="F253" t="s">
        <v>651</v>
      </c>
      <c r="G253">
        <v>160</v>
      </c>
      <c r="H253" t="s">
        <v>914</v>
      </c>
      <c r="I253">
        <v>7004</v>
      </c>
      <c r="J253" t="s">
        <v>684</v>
      </c>
      <c r="K253">
        <v>22</v>
      </c>
      <c r="L253" t="s">
        <v>685</v>
      </c>
      <c r="M253">
        <v>72</v>
      </c>
      <c r="N253" t="s">
        <v>668</v>
      </c>
      <c r="O253">
        <v>4</v>
      </c>
      <c r="P253" t="s">
        <v>689</v>
      </c>
      <c r="Q253">
        <v>4</v>
      </c>
      <c r="R253" t="s">
        <v>669</v>
      </c>
      <c r="S253">
        <v>1</v>
      </c>
      <c r="T253" t="s">
        <v>661</v>
      </c>
      <c r="U253">
        <v>8</v>
      </c>
      <c r="V253">
        <v>3</v>
      </c>
      <c r="W253">
        <v>180</v>
      </c>
      <c r="X253">
        <v>2020</v>
      </c>
    </row>
    <row r="254" spans="1:24" x14ac:dyDescent="0.25">
      <c r="A254">
        <v>15193</v>
      </c>
      <c r="B254" t="s">
        <v>32</v>
      </c>
      <c r="C254">
        <v>24</v>
      </c>
      <c r="D254" t="s">
        <v>316</v>
      </c>
      <c r="E254">
        <v>176</v>
      </c>
      <c r="F254" t="s">
        <v>651</v>
      </c>
      <c r="G254">
        <v>160</v>
      </c>
      <c r="H254" t="s">
        <v>747</v>
      </c>
      <c r="I254">
        <v>4847</v>
      </c>
      <c r="J254" t="s">
        <v>301</v>
      </c>
      <c r="K254">
        <v>26</v>
      </c>
      <c r="L254" t="s">
        <v>301</v>
      </c>
      <c r="M254">
        <v>82</v>
      </c>
      <c r="N254" t="s">
        <v>668</v>
      </c>
      <c r="O254">
        <v>4</v>
      </c>
      <c r="P254" t="s">
        <v>655</v>
      </c>
      <c r="Q254">
        <v>1</v>
      </c>
      <c r="R254" t="s">
        <v>669</v>
      </c>
      <c r="S254">
        <v>1</v>
      </c>
      <c r="T254" t="s">
        <v>718</v>
      </c>
      <c r="U254">
        <v>2</v>
      </c>
      <c r="V254">
        <v>3</v>
      </c>
      <c r="W254">
        <v>180</v>
      </c>
      <c r="X254">
        <v>2020</v>
      </c>
    </row>
    <row r="255" spans="1:24" x14ac:dyDescent="0.25">
      <c r="A255">
        <v>15190</v>
      </c>
      <c r="B255" t="s">
        <v>20</v>
      </c>
      <c r="C255">
        <v>14</v>
      </c>
      <c r="D255" t="s">
        <v>580</v>
      </c>
      <c r="E255">
        <v>90</v>
      </c>
      <c r="F255" t="s">
        <v>651</v>
      </c>
      <c r="G255">
        <v>160</v>
      </c>
      <c r="H255" t="s">
        <v>681</v>
      </c>
      <c r="I255">
        <v>717</v>
      </c>
      <c r="J255" t="s">
        <v>673</v>
      </c>
      <c r="K255">
        <v>34</v>
      </c>
      <c r="L255" t="s">
        <v>673</v>
      </c>
      <c r="M255">
        <v>104</v>
      </c>
      <c r="N255" t="s">
        <v>668</v>
      </c>
      <c r="O255">
        <v>4</v>
      </c>
      <c r="P255" t="s">
        <v>655</v>
      </c>
      <c r="Q255">
        <v>1</v>
      </c>
      <c r="R255" t="s">
        <v>669</v>
      </c>
      <c r="S255">
        <v>1</v>
      </c>
      <c r="T255" t="s">
        <v>661</v>
      </c>
      <c r="U255">
        <v>8</v>
      </c>
      <c r="V255">
        <v>3</v>
      </c>
      <c r="W255">
        <v>180</v>
      </c>
      <c r="X255">
        <v>2020</v>
      </c>
    </row>
    <row r="256" spans="1:24" x14ac:dyDescent="0.25">
      <c r="A256">
        <v>15187</v>
      </c>
      <c r="B256" t="s">
        <v>195</v>
      </c>
      <c r="C256">
        <v>27</v>
      </c>
      <c r="D256" t="s">
        <v>534</v>
      </c>
      <c r="E256">
        <v>203</v>
      </c>
      <c r="F256" t="s">
        <v>651</v>
      </c>
      <c r="G256">
        <v>160</v>
      </c>
      <c r="H256" t="s">
        <v>833</v>
      </c>
      <c r="I256">
        <v>5562</v>
      </c>
      <c r="J256" t="s">
        <v>915</v>
      </c>
      <c r="K256">
        <v>78</v>
      </c>
      <c r="L256" t="s">
        <v>916</v>
      </c>
      <c r="M256">
        <v>332</v>
      </c>
      <c r="N256" t="s">
        <v>668</v>
      </c>
      <c r="O256">
        <v>4</v>
      </c>
      <c r="P256" t="s">
        <v>655</v>
      </c>
      <c r="Q256">
        <v>1</v>
      </c>
      <c r="R256" t="s">
        <v>669</v>
      </c>
      <c r="S256">
        <v>1</v>
      </c>
      <c r="T256" t="s">
        <v>661</v>
      </c>
      <c r="U256">
        <v>8</v>
      </c>
      <c r="V256">
        <v>3</v>
      </c>
      <c r="W256">
        <v>180</v>
      </c>
      <c r="X256">
        <v>2020</v>
      </c>
    </row>
    <row r="257" spans="1:24" x14ac:dyDescent="0.25">
      <c r="A257">
        <v>15184</v>
      </c>
      <c r="B257" t="s">
        <v>213</v>
      </c>
      <c r="C257">
        <v>15</v>
      </c>
      <c r="D257" t="s">
        <v>477</v>
      </c>
      <c r="E257">
        <v>97</v>
      </c>
      <c r="F257" t="s">
        <v>651</v>
      </c>
      <c r="G257">
        <v>160</v>
      </c>
      <c r="H257" t="s">
        <v>741</v>
      </c>
      <c r="I257">
        <v>1585</v>
      </c>
      <c r="J257" t="s">
        <v>917</v>
      </c>
      <c r="K257">
        <v>83</v>
      </c>
      <c r="L257" t="s">
        <v>918</v>
      </c>
      <c r="M257">
        <v>287</v>
      </c>
      <c r="N257" t="s">
        <v>668</v>
      </c>
      <c r="O257">
        <v>4</v>
      </c>
      <c r="P257" t="s">
        <v>655</v>
      </c>
      <c r="Q257">
        <v>1</v>
      </c>
      <c r="R257" t="s">
        <v>669</v>
      </c>
      <c r="S257">
        <v>1</v>
      </c>
      <c r="T257" t="s">
        <v>661</v>
      </c>
      <c r="U257">
        <v>8</v>
      </c>
      <c r="V257">
        <v>4</v>
      </c>
      <c r="W257">
        <v>240</v>
      </c>
      <c r="X257">
        <v>2020</v>
      </c>
    </row>
    <row r="258" spans="1:24" x14ac:dyDescent="0.25">
      <c r="A258">
        <v>15181</v>
      </c>
      <c r="B258" t="s">
        <v>195</v>
      </c>
      <c r="C258">
        <v>27</v>
      </c>
      <c r="D258" t="s">
        <v>54</v>
      </c>
      <c r="E258">
        <v>204</v>
      </c>
      <c r="F258" t="s">
        <v>651</v>
      </c>
      <c r="G258">
        <v>160</v>
      </c>
      <c r="H258" t="s">
        <v>833</v>
      </c>
      <c r="I258">
        <v>5562</v>
      </c>
      <c r="J258" t="s">
        <v>751</v>
      </c>
      <c r="K258">
        <v>79</v>
      </c>
      <c r="L258" t="s">
        <v>752</v>
      </c>
      <c r="M258">
        <v>328</v>
      </c>
      <c r="N258" t="s">
        <v>668</v>
      </c>
      <c r="O258">
        <v>4</v>
      </c>
      <c r="P258" t="s">
        <v>655</v>
      </c>
      <c r="Q258">
        <v>1</v>
      </c>
      <c r="R258" t="s">
        <v>669</v>
      </c>
      <c r="S258">
        <v>1</v>
      </c>
      <c r="T258" t="s">
        <v>718</v>
      </c>
      <c r="U258">
        <v>2</v>
      </c>
      <c r="V258">
        <v>6</v>
      </c>
      <c r="W258">
        <v>360</v>
      </c>
      <c r="X258">
        <v>2020</v>
      </c>
    </row>
    <row r="259" spans="1:24" x14ac:dyDescent="0.25">
      <c r="A259">
        <v>15178</v>
      </c>
      <c r="B259" t="s">
        <v>22</v>
      </c>
      <c r="C259">
        <v>28</v>
      </c>
      <c r="D259" t="s">
        <v>477</v>
      </c>
      <c r="E259">
        <v>206</v>
      </c>
      <c r="F259" t="s">
        <v>651</v>
      </c>
      <c r="G259">
        <v>160</v>
      </c>
      <c r="H259" t="s">
        <v>675</v>
      </c>
      <c r="I259">
        <v>5952</v>
      </c>
      <c r="J259" t="s">
        <v>848</v>
      </c>
      <c r="K259">
        <v>62</v>
      </c>
      <c r="L259" t="s">
        <v>919</v>
      </c>
      <c r="M259">
        <v>4369</v>
      </c>
      <c r="N259" t="s">
        <v>668</v>
      </c>
      <c r="O259">
        <v>4</v>
      </c>
      <c r="P259" t="s">
        <v>655</v>
      </c>
      <c r="Q259">
        <v>1</v>
      </c>
      <c r="R259" t="s">
        <v>669</v>
      </c>
      <c r="S259">
        <v>1</v>
      </c>
      <c r="T259" t="s">
        <v>661</v>
      </c>
      <c r="U259">
        <v>8</v>
      </c>
      <c r="V259">
        <v>4</v>
      </c>
      <c r="W259">
        <v>240</v>
      </c>
      <c r="X259">
        <v>2020</v>
      </c>
    </row>
    <row r="260" spans="1:24" x14ac:dyDescent="0.25">
      <c r="A260">
        <v>15175</v>
      </c>
      <c r="B260" t="s">
        <v>22</v>
      </c>
      <c r="C260">
        <v>28</v>
      </c>
      <c r="D260" t="s">
        <v>502</v>
      </c>
      <c r="E260">
        <v>212</v>
      </c>
      <c r="F260" t="s">
        <v>651</v>
      </c>
      <c r="G260">
        <v>160</v>
      </c>
      <c r="H260" t="s">
        <v>675</v>
      </c>
      <c r="I260">
        <v>5952</v>
      </c>
      <c r="J260" t="s">
        <v>671</v>
      </c>
      <c r="K260">
        <v>81</v>
      </c>
      <c r="L260" t="s">
        <v>920</v>
      </c>
      <c r="M260">
        <v>335</v>
      </c>
      <c r="N260" t="s">
        <v>668</v>
      </c>
      <c r="O260">
        <v>4</v>
      </c>
      <c r="P260" t="s">
        <v>655</v>
      </c>
      <c r="Q260">
        <v>1</v>
      </c>
      <c r="R260" t="s">
        <v>669</v>
      </c>
      <c r="S260">
        <v>1</v>
      </c>
      <c r="T260" t="s">
        <v>661</v>
      </c>
      <c r="U260">
        <v>8</v>
      </c>
      <c r="V260">
        <v>3</v>
      </c>
      <c r="W260">
        <v>180</v>
      </c>
      <c r="X260">
        <v>2020</v>
      </c>
    </row>
    <row r="261" spans="1:24" x14ac:dyDescent="0.25">
      <c r="A261">
        <v>15172</v>
      </c>
      <c r="B261" t="s">
        <v>22</v>
      </c>
      <c r="C261">
        <v>28</v>
      </c>
      <c r="D261" t="s">
        <v>529</v>
      </c>
      <c r="E261">
        <v>213</v>
      </c>
      <c r="F261" t="s">
        <v>651</v>
      </c>
      <c r="G261">
        <v>160</v>
      </c>
      <c r="H261" t="s">
        <v>675</v>
      </c>
      <c r="I261">
        <v>5952</v>
      </c>
      <c r="J261" t="s">
        <v>897</v>
      </c>
      <c r="K261">
        <v>3</v>
      </c>
      <c r="L261" t="s">
        <v>921</v>
      </c>
      <c r="M261">
        <v>3486</v>
      </c>
      <c r="N261" t="s">
        <v>668</v>
      </c>
      <c r="O261">
        <v>4</v>
      </c>
      <c r="P261" t="s">
        <v>655</v>
      </c>
      <c r="Q261">
        <v>1</v>
      </c>
      <c r="R261" t="s">
        <v>669</v>
      </c>
      <c r="S261">
        <v>1</v>
      </c>
      <c r="T261" t="s">
        <v>661</v>
      </c>
      <c r="U261">
        <v>8</v>
      </c>
      <c r="V261">
        <v>3</v>
      </c>
      <c r="W261">
        <v>180</v>
      </c>
      <c r="X261">
        <v>2020</v>
      </c>
    </row>
    <row r="262" spans="1:24" x14ac:dyDescent="0.25">
      <c r="A262">
        <v>15169</v>
      </c>
      <c r="B262" t="s">
        <v>30</v>
      </c>
      <c r="C262">
        <v>18</v>
      </c>
      <c r="D262" t="s">
        <v>362</v>
      </c>
      <c r="E262">
        <v>106</v>
      </c>
      <c r="F262" t="s">
        <v>651</v>
      </c>
      <c r="G262">
        <v>160</v>
      </c>
      <c r="H262" t="s">
        <v>922</v>
      </c>
      <c r="I262">
        <v>8163</v>
      </c>
      <c r="J262" t="s">
        <v>897</v>
      </c>
      <c r="K262">
        <v>3</v>
      </c>
      <c r="L262" t="s">
        <v>923</v>
      </c>
      <c r="M262">
        <v>3082</v>
      </c>
      <c r="N262" t="s">
        <v>668</v>
      </c>
      <c r="O262">
        <v>4</v>
      </c>
      <c r="P262" t="s">
        <v>655</v>
      </c>
      <c r="Q262">
        <v>1</v>
      </c>
      <c r="R262" t="s">
        <v>669</v>
      </c>
      <c r="S262">
        <v>1</v>
      </c>
      <c r="T262" t="s">
        <v>661</v>
      </c>
      <c r="U262">
        <v>8</v>
      </c>
      <c r="V262">
        <v>3</v>
      </c>
      <c r="W262">
        <v>180</v>
      </c>
      <c r="X262">
        <v>2020</v>
      </c>
    </row>
    <row r="263" spans="1:24" x14ac:dyDescent="0.25">
      <c r="A263">
        <v>15166</v>
      </c>
      <c r="B263" t="s">
        <v>22</v>
      </c>
      <c r="C263">
        <v>28</v>
      </c>
      <c r="D263" t="s">
        <v>526</v>
      </c>
      <c r="E263">
        <v>220</v>
      </c>
      <c r="F263" t="s">
        <v>734</v>
      </c>
      <c r="G263">
        <v>122</v>
      </c>
      <c r="H263" t="s">
        <v>735</v>
      </c>
      <c r="I263">
        <v>13756</v>
      </c>
      <c r="J263" t="s">
        <v>738</v>
      </c>
      <c r="K263">
        <v>61</v>
      </c>
      <c r="L263" t="s">
        <v>924</v>
      </c>
      <c r="M263">
        <v>248</v>
      </c>
      <c r="N263" t="s">
        <v>668</v>
      </c>
      <c r="O263">
        <v>4</v>
      </c>
      <c r="P263" t="s">
        <v>655</v>
      </c>
      <c r="Q263">
        <v>1</v>
      </c>
      <c r="R263" t="s">
        <v>669</v>
      </c>
      <c r="S263">
        <v>1</v>
      </c>
      <c r="T263" t="s">
        <v>661</v>
      </c>
      <c r="U263">
        <v>8</v>
      </c>
      <c r="V263">
        <v>4</v>
      </c>
      <c r="W263">
        <v>240</v>
      </c>
      <c r="X263">
        <v>2020</v>
      </c>
    </row>
    <row r="264" spans="1:24" x14ac:dyDescent="0.25">
      <c r="A264">
        <v>15163</v>
      </c>
      <c r="B264" t="s">
        <v>200</v>
      </c>
      <c r="C264">
        <v>32</v>
      </c>
      <c r="D264" t="s">
        <v>54</v>
      </c>
      <c r="E264">
        <v>252</v>
      </c>
      <c r="F264" t="s">
        <v>651</v>
      </c>
      <c r="G264">
        <v>160</v>
      </c>
      <c r="H264" t="s">
        <v>719</v>
      </c>
      <c r="I264">
        <v>7630</v>
      </c>
      <c r="J264" t="s">
        <v>671</v>
      </c>
      <c r="K264">
        <v>81</v>
      </c>
      <c r="L264" t="s">
        <v>672</v>
      </c>
      <c r="M264">
        <v>339</v>
      </c>
      <c r="N264" t="s">
        <v>668</v>
      </c>
      <c r="O264">
        <v>4</v>
      </c>
      <c r="P264" t="s">
        <v>655</v>
      </c>
      <c r="Q264">
        <v>1</v>
      </c>
      <c r="R264" t="s">
        <v>669</v>
      </c>
      <c r="S264">
        <v>1</v>
      </c>
      <c r="T264" t="s">
        <v>661</v>
      </c>
      <c r="U264">
        <v>8</v>
      </c>
      <c r="V264">
        <v>3</v>
      </c>
      <c r="W264">
        <v>180</v>
      </c>
      <c r="X264">
        <v>2020</v>
      </c>
    </row>
    <row r="265" spans="1:24" x14ac:dyDescent="0.25">
      <c r="A265">
        <v>15160</v>
      </c>
      <c r="B265" t="s">
        <v>206</v>
      </c>
      <c r="C265">
        <v>33</v>
      </c>
      <c r="D265" t="s">
        <v>506</v>
      </c>
      <c r="E265">
        <v>257</v>
      </c>
      <c r="F265" t="s">
        <v>651</v>
      </c>
      <c r="G265">
        <v>160</v>
      </c>
      <c r="H265" t="s">
        <v>719</v>
      </c>
      <c r="I265">
        <v>7630</v>
      </c>
      <c r="J265" t="s">
        <v>659</v>
      </c>
      <c r="K265">
        <v>35</v>
      </c>
      <c r="L265" t="s">
        <v>925</v>
      </c>
      <c r="M265">
        <v>112</v>
      </c>
      <c r="N265" t="s">
        <v>668</v>
      </c>
      <c r="O265">
        <v>4</v>
      </c>
      <c r="P265" t="s">
        <v>655</v>
      </c>
      <c r="Q265">
        <v>1</v>
      </c>
      <c r="R265" t="s">
        <v>669</v>
      </c>
      <c r="S265">
        <v>1</v>
      </c>
      <c r="T265" t="s">
        <v>718</v>
      </c>
      <c r="U265">
        <v>2</v>
      </c>
      <c r="V265">
        <v>3</v>
      </c>
      <c r="W265">
        <v>180</v>
      </c>
      <c r="X265">
        <v>2020</v>
      </c>
    </row>
    <row r="266" spans="1:24" x14ac:dyDescent="0.25">
      <c r="A266">
        <v>15157</v>
      </c>
      <c r="B266" t="s">
        <v>140</v>
      </c>
      <c r="C266">
        <v>34</v>
      </c>
      <c r="D266" t="s">
        <v>504</v>
      </c>
      <c r="E266">
        <v>262</v>
      </c>
      <c r="F266" t="s">
        <v>651</v>
      </c>
      <c r="G266">
        <v>160</v>
      </c>
      <c r="H266" t="s">
        <v>652</v>
      </c>
      <c r="I266">
        <v>2094</v>
      </c>
      <c r="J266" t="s">
        <v>714</v>
      </c>
      <c r="K266">
        <v>52</v>
      </c>
      <c r="L266" t="s">
        <v>926</v>
      </c>
      <c r="M266">
        <v>203</v>
      </c>
      <c r="N266" t="s">
        <v>668</v>
      </c>
      <c r="O266">
        <v>4</v>
      </c>
      <c r="P266" t="s">
        <v>655</v>
      </c>
      <c r="Q266">
        <v>1</v>
      </c>
      <c r="R266" t="s">
        <v>669</v>
      </c>
      <c r="S266">
        <v>1</v>
      </c>
      <c r="T266" t="s">
        <v>661</v>
      </c>
      <c r="U266">
        <v>8</v>
      </c>
      <c r="V266">
        <v>4</v>
      </c>
      <c r="W266">
        <v>240</v>
      </c>
      <c r="X266">
        <v>2020</v>
      </c>
    </row>
    <row r="267" spans="1:24" x14ac:dyDescent="0.25">
      <c r="A267">
        <v>15154</v>
      </c>
      <c r="B267" t="s">
        <v>138</v>
      </c>
      <c r="C267">
        <v>35</v>
      </c>
      <c r="D267" t="s">
        <v>494</v>
      </c>
      <c r="E267">
        <v>277</v>
      </c>
      <c r="F267" t="s">
        <v>651</v>
      </c>
      <c r="G267">
        <v>160</v>
      </c>
      <c r="H267" t="s">
        <v>927</v>
      </c>
      <c r="I267">
        <v>12821</v>
      </c>
      <c r="J267" t="s">
        <v>714</v>
      </c>
      <c r="K267">
        <v>52</v>
      </c>
      <c r="L267" t="s">
        <v>928</v>
      </c>
      <c r="M267">
        <v>202</v>
      </c>
      <c r="N267" t="s">
        <v>668</v>
      </c>
      <c r="O267">
        <v>4</v>
      </c>
      <c r="P267" t="s">
        <v>655</v>
      </c>
      <c r="Q267">
        <v>1</v>
      </c>
      <c r="R267" t="s">
        <v>669</v>
      </c>
      <c r="S267">
        <v>1</v>
      </c>
      <c r="T267" t="s">
        <v>661</v>
      </c>
      <c r="U267">
        <v>8</v>
      </c>
      <c r="V267">
        <v>4</v>
      </c>
      <c r="W267">
        <v>240</v>
      </c>
      <c r="X267">
        <v>2020</v>
      </c>
    </row>
    <row r="268" spans="1:24" x14ac:dyDescent="0.25">
      <c r="A268">
        <v>15151</v>
      </c>
      <c r="B268" t="s">
        <v>138</v>
      </c>
      <c r="C268">
        <v>35</v>
      </c>
      <c r="D268" t="s">
        <v>362</v>
      </c>
      <c r="E268">
        <v>278</v>
      </c>
      <c r="F268" t="s">
        <v>651</v>
      </c>
      <c r="G268">
        <v>160</v>
      </c>
      <c r="H268" t="s">
        <v>929</v>
      </c>
      <c r="I268">
        <v>7015</v>
      </c>
      <c r="J268" t="s">
        <v>301</v>
      </c>
      <c r="K268">
        <v>26</v>
      </c>
      <c r="L268" t="s">
        <v>930</v>
      </c>
      <c r="M268">
        <v>84</v>
      </c>
      <c r="N268" t="s">
        <v>668</v>
      </c>
      <c r="O268">
        <v>4</v>
      </c>
      <c r="P268" t="s">
        <v>655</v>
      </c>
      <c r="Q268">
        <v>1</v>
      </c>
      <c r="R268" t="s">
        <v>669</v>
      </c>
      <c r="S268">
        <v>1</v>
      </c>
      <c r="T268" t="s">
        <v>661</v>
      </c>
      <c r="U268">
        <v>8</v>
      </c>
      <c r="V268">
        <v>3</v>
      </c>
      <c r="W268">
        <v>180</v>
      </c>
      <c r="X268">
        <v>2020</v>
      </c>
    </row>
    <row r="269" spans="1:24" x14ac:dyDescent="0.25">
      <c r="A269">
        <v>15148</v>
      </c>
      <c r="B269" t="s">
        <v>138</v>
      </c>
      <c r="C269">
        <v>35</v>
      </c>
      <c r="D269" t="s">
        <v>362</v>
      </c>
      <c r="E269">
        <v>278</v>
      </c>
      <c r="F269" t="s">
        <v>651</v>
      </c>
      <c r="G269">
        <v>160</v>
      </c>
      <c r="H269" t="s">
        <v>914</v>
      </c>
      <c r="I269">
        <v>7004</v>
      </c>
      <c r="J269" t="s">
        <v>682</v>
      </c>
      <c r="K269">
        <v>20</v>
      </c>
      <c r="L269" t="s">
        <v>904</v>
      </c>
      <c r="M269">
        <v>61</v>
      </c>
      <c r="N269" t="s">
        <v>668</v>
      </c>
      <c r="O269">
        <v>4</v>
      </c>
      <c r="P269" t="s">
        <v>655</v>
      </c>
      <c r="Q269">
        <v>1</v>
      </c>
      <c r="R269" t="s">
        <v>669</v>
      </c>
      <c r="S269">
        <v>1</v>
      </c>
      <c r="T269" t="s">
        <v>661</v>
      </c>
      <c r="U269">
        <v>8</v>
      </c>
      <c r="V269">
        <v>3</v>
      </c>
      <c r="W269">
        <v>180</v>
      </c>
      <c r="X269">
        <v>2020</v>
      </c>
    </row>
    <row r="270" spans="1:24" x14ac:dyDescent="0.25">
      <c r="A270">
        <v>15145</v>
      </c>
      <c r="B270" t="s">
        <v>69</v>
      </c>
      <c r="C270">
        <v>36</v>
      </c>
      <c r="D270" t="s">
        <v>71</v>
      </c>
      <c r="E270">
        <v>1254</v>
      </c>
      <c r="F270" t="s">
        <v>651</v>
      </c>
      <c r="G270">
        <v>160</v>
      </c>
      <c r="H270" t="s">
        <v>732</v>
      </c>
      <c r="I270">
        <v>1000</v>
      </c>
      <c r="J270" t="s">
        <v>703</v>
      </c>
      <c r="K270">
        <v>16</v>
      </c>
      <c r="L270" t="s">
        <v>704</v>
      </c>
      <c r="M270">
        <v>56</v>
      </c>
      <c r="N270" t="s">
        <v>668</v>
      </c>
      <c r="O270">
        <v>4</v>
      </c>
      <c r="P270" t="s">
        <v>655</v>
      </c>
      <c r="Q270">
        <v>1</v>
      </c>
      <c r="R270" t="s">
        <v>669</v>
      </c>
      <c r="S270">
        <v>1</v>
      </c>
      <c r="T270" t="s">
        <v>661</v>
      </c>
      <c r="U270">
        <v>8</v>
      </c>
      <c r="V270">
        <v>3</v>
      </c>
      <c r="W270">
        <v>180</v>
      </c>
      <c r="X270">
        <v>2020</v>
      </c>
    </row>
    <row r="271" spans="1:24" x14ac:dyDescent="0.25">
      <c r="A271">
        <v>15142</v>
      </c>
      <c r="B271" t="s">
        <v>14</v>
      </c>
      <c r="C271">
        <v>20</v>
      </c>
      <c r="D271" t="s">
        <v>551</v>
      </c>
      <c r="E271">
        <v>152</v>
      </c>
      <c r="F271" t="s">
        <v>651</v>
      </c>
      <c r="G271">
        <v>160</v>
      </c>
      <c r="H271" t="s">
        <v>739</v>
      </c>
      <c r="I271">
        <v>4413</v>
      </c>
      <c r="J271" t="s">
        <v>682</v>
      </c>
      <c r="K271">
        <v>20</v>
      </c>
      <c r="L271" t="s">
        <v>931</v>
      </c>
      <c r="M271">
        <v>4366</v>
      </c>
      <c r="N271" t="s">
        <v>668</v>
      </c>
      <c r="O271">
        <v>4</v>
      </c>
      <c r="P271" t="s">
        <v>655</v>
      </c>
      <c r="Q271">
        <v>1</v>
      </c>
      <c r="R271" t="s">
        <v>669</v>
      </c>
      <c r="S271">
        <v>1</v>
      </c>
      <c r="T271" t="s">
        <v>661</v>
      </c>
      <c r="U271">
        <v>8</v>
      </c>
      <c r="V271">
        <v>3</v>
      </c>
      <c r="W271">
        <v>180</v>
      </c>
      <c r="X271">
        <v>2020</v>
      </c>
    </row>
    <row r="272" spans="1:24" x14ac:dyDescent="0.25">
      <c r="A272">
        <v>15139</v>
      </c>
      <c r="B272" t="s">
        <v>74</v>
      </c>
      <c r="C272">
        <v>40</v>
      </c>
      <c r="D272" t="s">
        <v>402</v>
      </c>
      <c r="E272">
        <v>309</v>
      </c>
      <c r="F272" t="s">
        <v>651</v>
      </c>
      <c r="G272">
        <v>160</v>
      </c>
      <c r="H272" t="s">
        <v>697</v>
      </c>
      <c r="I272">
        <v>11198</v>
      </c>
      <c r="J272" t="s">
        <v>932</v>
      </c>
      <c r="K272">
        <v>77</v>
      </c>
      <c r="L272" t="s">
        <v>933</v>
      </c>
      <c r="M272">
        <v>330</v>
      </c>
      <c r="N272" t="s">
        <v>668</v>
      </c>
      <c r="O272">
        <v>4</v>
      </c>
      <c r="P272" t="s">
        <v>655</v>
      </c>
      <c r="Q272">
        <v>1</v>
      </c>
      <c r="R272" t="s">
        <v>669</v>
      </c>
      <c r="S272">
        <v>1</v>
      </c>
      <c r="T272" t="s">
        <v>661</v>
      </c>
      <c r="U272">
        <v>8</v>
      </c>
      <c r="V272">
        <v>4</v>
      </c>
      <c r="W272">
        <v>240</v>
      </c>
      <c r="X272">
        <v>2020</v>
      </c>
    </row>
    <row r="273" spans="1:24" x14ac:dyDescent="0.25">
      <c r="A273">
        <v>15136</v>
      </c>
      <c r="B273" t="s">
        <v>24</v>
      </c>
      <c r="C273">
        <v>63</v>
      </c>
      <c r="D273" t="s">
        <v>11</v>
      </c>
      <c r="E273">
        <v>453</v>
      </c>
      <c r="F273" t="s">
        <v>651</v>
      </c>
      <c r="G273">
        <v>160</v>
      </c>
      <c r="H273" t="s">
        <v>934</v>
      </c>
      <c r="I273">
        <v>3452</v>
      </c>
      <c r="J273" t="s">
        <v>65</v>
      </c>
      <c r="K273">
        <v>15</v>
      </c>
      <c r="L273" t="s">
        <v>65</v>
      </c>
      <c r="M273">
        <v>51</v>
      </c>
      <c r="N273" t="s">
        <v>668</v>
      </c>
      <c r="O273">
        <v>4</v>
      </c>
      <c r="P273" t="s">
        <v>655</v>
      </c>
      <c r="Q273">
        <v>1</v>
      </c>
      <c r="R273" t="s">
        <v>669</v>
      </c>
      <c r="S273">
        <v>1</v>
      </c>
      <c r="T273" t="s">
        <v>661</v>
      </c>
      <c r="U273">
        <v>8</v>
      </c>
      <c r="V273">
        <v>4</v>
      </c>
      <c r="W273">
        <v>240</v>
      </c>
      <c r="X273">
        <v>2020</v>
      </c>
    </row>
    <row r="274" spans="1:24" x14ac:dyDescent="0.25">
      <c r="A274">
        <v>15133</v>
      </c>
      <c r="B274" t="s">
        <v>24</v>
      </c>
      <c r="C274">
        <v>63</v>
      </c>
      <c r="D274" t="s">
        <v>11</v>
      </c>
      <c r="E274">
        <v>453</v>
      </c>
      <c r="F274" t="s">
        <v>651</v>
      </c>
      <c r="G274">
        <v>160</v>
      </c>
      <c r="H274" t="s">
        <v>658</v>
      </c>
      <c r="I274">
        <v>13755</v>
      </c>
      <c r="J274" t="s">
        <v>65</v>
      </c>
      <c r="K274">
        <v>15</v>
      </c>
      <c r="L274" t="s">
        <v>935</v>
      </c>
      <c r="M274">
        <v>52</v>
      </c>
      <c r="N274" t="s">
        <v>668</v>
      </c>
      <c r="O274">
        <v>4</v>
      </c>
      <c r="P274" t="s">
        <v>655</v>
      </c>
      <c r="Q274">
        <v>1</v>
      </c>
      <c r="R274" t="s">
        <v>669</v>
      </c>
      <c r="S274">
        <v>1</v>
      </c>
      <c r="T274" t="s">
        <v>661</v>
      </c>
      <c r="U274">
        <v>8</v>
      </c>
      <c r="V274">
        <v>4</v>
      </c>
      <c r="W274">
        <v>240</v>
      </c>
      <c r="X274">
        <v>2020</v>
      </c>
    </row>
    <row r="275" spans="1:24" x14ac:dyDescent="0.25">
      <c r="A275">
        <v>15130</v>
      </c>
      <c r="B275" t="s">
        <v>24</v>
      </c>
      <c r="C275">
        <v>63</v>
      </c>
      <c r="D275" t="s">
        <v>11</v>
      </c>
      <c r="E275">
        <v>453</v>
      </c>
      <c r="F275" t="s">
        <v>651</v>
      </c>
      <c r="G275">
        <v>160</v>
      </c>
      <c r="H275" t="s">
        <v>658</v>
      </c>
      <c r="I275">
        <v>13755</v>
      </c>
      <c r="J275" t="s">
        <v>65</v>
      </c>
      <c r="K275">
        <v>15</v>
      </c>
      <c r="L275" t="s">
        <v>935</v>
      </c>
      <c r="M275">
        <v>52</v>
      </c>
      <c r="N275" t="s">
        <v>668</v>
      </c>
      <c r="O275">
        <v>4</v>
      </c>
      <c r="P275" t="s">
        <v>655</v>
      </c>
      <c r="Q275">
        <v>1</v>
      </c>
      <c r="R275" t="s">
        <v>669</v>
      </c>
      <c r="S275">
        <v>1</v>
      </c>
      <c r="T275" t="s">
        <v>718</v>
      </c>
      <c r="U275">
        <v>2</v>
      </c>
      <c r="V275">
        <v>4</v>
      </c>
      <c r="W275">
        <v>240</v>
      </c>
      <c r="X275">
        <v>2020</v>
      </c>
    </row>
    <row r="276" spans="1:24" x14ac:dyDescent="0.25">
      <c r="A276">
        <v>15127</v>
      </c>
      <c r="B276" t="s">
        <v>24</v>
      </c>
      <c r="C276">
        <v>63</v>
      </c>
      <c r="D276" t="s">
        <v>51</v>
      </c>
      <c r="E276">
        <v>1301</v>
      </c>
      <c r="F276" t="s">
        <v>651</v>
      </c>
      <c r="G276">
        <v>160</v>
      </c>
      <c r="H276" t="s">
        <v>658</v>
      </c>
      <c r="I276">
        <v>13755</v>
      </c>
      <c r="J276" t="s">
        <v>932</v>
      </c>
      <c r="K276">
        <v>77</v>
      </c>
      <c r="L276" t="s">
        <v>933</v>
      </c>
      <c r="M276">
        <v>330</v>
      </c>
      <c r="N276" t="s">
        <v>668</v>
      </c>
      <c r="O276">
        <v>4</v>
      </c>
      <c r="P276" t="s">
        <v>655</v>
      </c>
      <c r="Q276">
        <v>1</v>
      </c>
      <c r="R276" t="s">
        <v>669</v>
      </c>
      <c r="S276">
        <v>1</v>
      </c>
      <c r="T276" t="s">
        <v>718</v>
      </c>
      <c r="U276">
        <v>2</v>
      </c>
      <c r="V276">
        <v>4</v>
      </c>
      <c r="W276">
        <v>240</v>
      </c>
      <c r="X276">
        <v>2020</v>
      </c>
    </row>
    <row r="277" spans="1:24" x14ac:dyDescent="0.25">
      <c r="A277">
        <v>15124</v>
      </c>
      <c r="B277" t="s">
        <v>24</v>
      </c>
      <c r="C277">
        <v>63</v>
      </c>
      <c r="D277" t="s">
        <v>51</v>
      </c>
      <c r="E277">
        <v>1301</v>
      </c>
      <c r="F277" t="s">
        <v>651</v>
      </c>
      <c r="G277">
        <v>160</v>
      </c>
      <c r="H277" t="s">
        <v>934</v>
      </c>
      <c r="I277">
        <v>3452</v>
      </c>
      <c r="J277" t="s">
        <v>932</v>
      </c>
      <c r="K277">
        <v>77</v>
      </c>
      <c r="L277" t="s">
        <v>933</v>
      </c>
      <c r="M277">
        <v>330</v>
      </c>
      <c r="N277" t="s">
        <v>668</v>
      </c>
      <c r="O277">
        <v>4</v>
      </c>
      <c r="P277" t="s">
        <v>655</v>
      </c>
      <c r="Q277">
        <v>1</v>
      </c>
      <c r="R277" t="s">
        <v>669</v>
      </c>
      <c r="S277">
        <v>1</v>
      </c>
      <c r="T277" t="s">
        <v>661</v>
      </c>
      <c r="U277">
        <v>8</v>
      </c>
      <c r="V277">
        <v>4</v>
      </c>
      <c r="W277">
        <v>240</v>
      </c>
      <c r="X277">
        <v>2020</v>
      </c>
    </row>
    <row r="278" spans="1:24" x14ac:dyDescent="0.25">
      <c r="A278">
        <v>15121</v>
      </c>
      <c r="B278" t="s">
        <v>24</v>
      </c>
      <c r="C278">
        <v>63</v>
      </c>
      <c r="D278" t="s">
        <v>23</v>
      </c>
      <c r="E278">
        <v>1366</v>
      </c>
      <c r="F278" t="s">
        <v>651</v>
      </c>
      <c r="G278">
        <v>160</v>
      </c>
      <c r="H278" t="s">
        <v>658</v>
      </c>
      <c r="I278">
        <v>13755</v>
      </c>
      <c r="J278" t="s">
        <v>676</v>
      </c>
      <c r="K278">
        <v>4</v>
      </c>
      <c r="L278" t="s">
        <v>936</v>
      </c>
      <c r="M278">
        <v>13</v>
      </c>
      <c r="N278" t="s">
        <v>668</v>
      </c>
      <c r="O278">
        <v>4</v>
      </c>
      <c r="P278" t="s">
        <v>655</v>
      </c>
      <c r="Q278">
        <v>1</v>
      </c>
      <c r="R278" t="s">
        <v>669</v>
      </c>
      <c r="S278">
        <v>1</v>
      </c>
      <c r="T278" t="s">
        <v>661</v>
      </c>
      <c r="U278">
        <v>8</v>
      </c>
      <c r="V278">
        <v>3</v>
      </c>
      <c r="W278">
        <v>180</v>
      </c>
      <c r="X278">
        <v>2020</v>
      </c>
    </row>
    <row r="279" spans="1:24" x14ac:dyDescent="0.25">
      <c r="A279">
        <v>15118</v>
      </c>
      <c r="B279" t="s">
        <v>24</v>
      </c>
      <c r="C279">
        <v>63</v>
      </c>
      <c r="D279" t="s">
        <v>23</v>
      </c>
      <c r="E279">
        <v>1366</v>
      </c>
      <c r="F279" t="s">
        <v>651</v>
      </c>
      <c r="G279">
        <v>160</v>
      </c>
      <c r="H279" t="s">
        <v>658</v>
      </c>
      <c r="I279">
        <v>13755</v>
      </c>
      <c r="J279" t="s">
        <v>676</v>
      </c>
      <c r="K279">
        <v>4</v>
      </c>
      <c r="L279" t="s">
        <v>936</v>
      </c>
      <c r="M279">
        <v>13</v>
      </c>
      <c r="N279" t="s">
        <v>668</v>
      </c>
      <c r="O279">
        <v>4</v>
      </c>
      <c r="P279" t="s">
        <v>655</v>
      </c>
      <c r="Q279">
        <v>1</v>
      </c>
      <c r="R279" t="s">
        <v>669</v>
      </c>
      <c r="S279">
        <v>1</v>
      </c>
      <c r="T279" t="s">
        <v>718</v>
      </c>
      <c r="U279">
        <v>2</v>
      </c>
      <c r="V279">
        <v>3</v>
      </c>
      <c r="W279">
        <v>180</v>
      </c>
      <c r="X279">
        <v>2020</v>
      </c>
    </row>
    <row r="280" spans="1:24" x14ac:dyDescent="0.25">
      <c r="A280">
        <v>15115</v>
      </c>
      <c r="B280" t="s">
        <v>24</v>
      </c>
      <c r="C280">
        <v>63</v>
      </c>
      <c r="D280" t="s">
        <v>23</v>
      </c>
      <c r="E280">
        <v>1366</v>
      </c>
      <c r="F280" t="s">
        <v>651</v>
      </c>
      <c r="G280">
        <v>160</v>
      </c>
      <c r="H280" t="s">
        <v>934</v>
      </c>
      <c r="I280">
        <v>3452</v>
      </c>
      <c r="J280" t="s">
        <v>676</v>
      </c>
      <c r="K280">
        <v>4</v>
      </c>
      <c r="L280" t="s">
        <v>936</v>
      </c>
      <c r="M280">
        <v>13</v>
      </c>
      <c r="N280" t="s">
        <v>668</v>
      </c>
      <c r="O280">
        <v>4</v>
      </c>
      <c r="P280" t="s">
        <v>655</v>
      </c>
      <c r="Q280">
        <v>1</v>
      </c>
      <c r="R280" t="s">
        <v>669</v>
      </c>
      <c r="S280">
        <v>1</v>
      </c>
      <c r="T280" t="s">
        <v>661</v>
      </c>
      <c r="U280">
        <v>8</v>
      </c>
      <c r="V280">
        <v>3</v>
      </c>
      <c r="W280">
        <v>180</v>
      </c>
      <c r="X280">
        <v>2020</v>
      </c>
    </row>
    <row r="281" spans="1:24" x14ac:dyDescent="0.25">
      <c r="A281">
        <v>15112</v>
      </c>
      <c r="B281" t="s">
        <v>409</v>
      </c>
      <c r="C281">
        <v>66</v>
      </c>
      <c r="D281" t="s">
        <v>316</v>
      </c>
      <c r="E281">
        <v>467</v>
      </c>
      <c r="F281" t="s">
        <v>651</v>
      </c>
      <c r="G281">
        <v>160</v>
      </c>
      <c r="H281" t="s">
        <v>658</v>
      </c>
      <c r="I281">
        <v>13755</v>
      </c>
      <c r="J281" t="s">
        <v>295</v>
      </c>
      <c r="K281">
        <v>30</v>
      </c>
      <c r="L281" t="s">
        <v>295</v>
      </c>
      <c r="M281">
        <v>96</v>
      </c>
      <c r="N281" t="s">
        <v>668</v>
      </c>
      <c r="O281">
        <v>4</v>
      </c>
      <c r="P281" t="s">
        <v>655</v>
      </c>
      <c r="Q281">
        <v>1</v>
      </c>
      <c r="R281" t="s">
        <v>669</v>
      </c>
      <c r="S281">
        <v>1</v>
      </c>
      <c r="T281" t="s">
        <v>661</v>
      </c>
      <c r="U281">
        <v>8</v>
      </c>
      <c r="V281">
        <v>3</v>
      </c>
      <c r="W281">
        <v>180</v>
      </c>
      <c r="X281">
        <v>2020</v>
      </c>
    </row>
    <row r="282" spans="1:24" x14ac:dyDescent="0.25">
      <c r="A282">
        <v>15109</v>
      </c>
      <c r="B282" t="s">
        <v>186</v>
      </c>
      <c r="C282">
        <v>47</v>
      </c>
      <c r="D282" t="s">
        <v>463</v>
      </c>
      <c r="E282">
        <v>350</v>
      </c>
      <c r="F282" t="s">
        <v>651</v>
      </c>
      <c r="G282">
        <v>160</v>
      </c>
      <c r="H282" t="s">
        <v>773</v>
      </c>
      <c r="I282">
        <v>11846</v>
      </c>
      <c r="J282" t="s">
        <v>848</v>
      </c>
      <c r="K282">
        <v>62</v>
      </c>
      <c r="L282" t="s">
        <v>937</v>
      </c>
      <c r="M282">
        <v>266</v>
      </c>
      <c r="N282" t="s">
        <v>668</v>
      </c>
      <c r="O282">
        <v>4</v>
      </c>
      <c r="P282" t="s">
        <v>655</v>
      </c>
      <c r="Q282">
        <v>1</v>
      </c>
      <c r="R282" t="s">
        <v>669</v>
      </c>
      <c r="S282">
        <v>1</v>
      </c>
      <c r="T282" t="s">
        <v>769</v>
      </c>
      <c r="U282">
        <v>3</v>
      </c>
      <c r="V282">
        <v>4</v>
      </c>
      <c r="W282">
        <v>240</v>
      </c>
      <c r="X282">
        <v>2020</v>
      </c>
    </row>
    <row r="283" spans="1:24" x14ac:dyDescent="0.25">
      <c r="A283">
        <v>15106</v>
      </c>
      <c r="B283" t="s">
        <v>93</v>
      </c>
      <c r="C283">
        <v>48</v>
      </c>
      <c r="D283" t="s">
        <v>454</v>
      </c>
      <c r="E283">
        <v>360</v>
      </c>
      <c r="F283" t="s">
        <v>651</v>
      </c>
      <c r="G283">
        <v>160</v>
      </c>
      <c r="H283" t="s">
        <v>773</v>
      </c>
      <c r="I283">
        <v>11846</v>
      </c>
      <c r="J283" t="s">
        <v>691</v>
      </c>
      <c r="K283">
        <v>21</v>
      </c>
      <c r="L283" t="s">
        <v>698</v>
      </c>
      <c r="M283">
        <v>3480</v>
      </c>
      <c r="N283" t="s">
        <v>668</v>
      </c>
      <c r="O283">
        <v>4</v>
      </c>
      <c r="P283" t="s">
        <v>655</v>
      </c>
      <c r="Q283">
        <v>1</v>
      </c>
      <c r="R283" t="s">
        <v>669</v>
      </c>
      <c r="S283">
        <v>1</v>
      </c>
      <c r="T283" t="s">
        <v>661</v>
      </c>
      <c r="U283">
        <v>8</v>
      </c>
      <c r="V283">
        <v>3</v>
      </c>
      <c r="W283">
        <v>180</v>
      </c>
      <c r="X283">
        <v>2020</v>
      </c>
    </row>
    <row r="284" spans="1:24" x14ac:dyDescent="0.25">
      <c r="A284">
        <v>15103</v>
      </c>
      <c r="B284" t="s">
        <v>74</v>
      </c>
      <c r="C284">
        <v>40</v>
      </c>
      <c r="D284" t="s">
        <v>353</v>
      </c>
      <c r="E284">
        <v>317</v>
      </c>
      <c r="F284" t="s">
        <v>651</v>
      </c>
      <c r="G284">
        <v>160</v>
      </c>
      <c r="H284" t="s">
        <v>697</v>
      </c>
      <c r="I284">
        <v>11198</v>
      </c>
      <c r="J284" t="s">
        <v>868</v>
      </c>
      <c r="K284">
        <v>23</v>
      </c>
      <c r="L284" t="s">
        <v>868</v>
      </c>
      <c r="M284">
        <v>73</v>
      </c>
      <c r="N284" t="s">
        <v>668</v>
      </c>
      <c r="O284">
        <v>4</v>
      </c>
      <c r="P284" t="s">
        <v>655</v>
      </c>
      <c r="Q284">
        <v>1</v>
      </c>
      <c r="R284" t="s">
        <v>669</v>
      </c>
      <c r="S284">
        <v>1</v>
      </c>
      <c r="T284" t="s">
        <v>661</v>
      </c>
      <c r="U284">
        <v>8</v>
      </c>
      <c r="V284">
        <v>3</v>
      </c>
      <c r="W284">
        <v>180</v>
      </c>
      <c r="X284">
        <v>2020</v>
      </c>
    </row>
    <row r="285" spans="1:24" x14ac:dyDescent="0.25">
      <c r="A285">
        <v>15100</v>
      </c>
      <c r="B285" t="s">
        <v>12</v>
      </c>
      <c r="C285">
        <v>7</v>
      </c>
      <c r="D285" t="s">
        <v>396</v>
      </c>
      <c r="E285">
        <v>64</v>
      </c>
      <c r="F285" t="s">
        <v>651</v>
      </c>
      <c r="G285">
        <v>160</v>
      </c>
      <c r="H285" t="s">
        <v>914</v>
      </c>
      <c r="I285">
        <v>7004</v>
      </c>
      <c r="J285" t="s">
        <v>295</v>
      </c>
      <c r="K285">
        <v>30</v>
      </c>
      <c r="L285" t="s">
        <v>938</v>
      </c>
      <c r="M285">
        <v>1037</v>
      </c>
      <c r="N285" t="s">
        <v>654</v>
      </c>
      <c r="O285">
        <v>3</v>
      </c>
      <c r="P285" t="s">
        <v>655</v>
      </c>
      <c r="Q285">
        <v>1</v>
      </c>
      <c r="R285" t="s">
        <v>656</v>
      </c>
      <c r="S285">
        <v>2</v>
      </c>
      <c r="T285" t="s">
        <v>661</v>
      </c>
      <c r="U285">
        <v>8</v>
      </c>
      <c r="V285">
        <v>2</v>
      </c>
      <c r="W285">
        <v>120</v>
      </c>
      <c r="X285">
        <v>2020</v>
      </c>
    </row>
    <row r="286" spans="1:24" x14ac:dyDescent="0.25">
      <c r="A286">
        <v>15094</v>
      </c>
      <c r="B286" t="s">
        <v>18</v>
      </c>
      <c r="C286">
        <v>31</v>
      </c>
      <c r="D286" t="s">
        <v>426</v>
      </c>
      <c r="E286">
        <v>246</v>
      </c>
      <c r="F286" t="s">
        <v>651</v>
      </c>
      <c r="G286">
        <v>160</v>
      </c>
      <c r="H286" t="s">
        <v>719</v>
      </c>
      <c r="I286">
        <v>7630</v>
      </c>
      <c r="J286" t="s">
        <v>663</v>
      </c>
      <c r="K286">
        <v>99</v>
      </c>
      <c r="L286" t="s">
        <v>939</v>
      </c>
      <c r="M286">
        <v>2084</v>
      </c>
      <c r="N286" t="s">
        <v>654</v>
      </c>
      <c r="O286">
        <v>3</v>
      </c>
      <c r="P286" t="s">
        <v>655</v>
      </c>
      <c r="Q286">
        <v>1</v>
      </c>
      <c r="R286" t="s">
        <v>656</v>
      </c>
      <c r="S286">
        <v>2</v>
      </c>
      <c r="T286" t="s">
        <v>940</v>
      </c>
      <c r="U286">
        <v>335</v>
      </c>
      <c r="V286">
        <v>2</v>
      </c>
      <c r="W286">
        <v>120</v>
      </c>
      <c r="X286">
        <v>2020</v>
      </c>
    </row>
    <row r="287" spans="1:24" x14ac:dyDescent="0.25">
      <c r="A287">
        <v>15082</v>
      </c>
      <c r="B287" t="s">
        <v>32</v>
      </c>
      <c r="C287">
        <v>24</v>
      </c>
      <c r="D287" t="s">
        <v>426</v>
      </c>
      <c r="E287">
        <v>168</v>
      </c>
      <c r="F287" t="s">
        <v>651</v>
      </c>
      <c r="G287">
        <v>160</v>
      </c>
      <c r="H287" t="s">
        <v>747</v>
      </c>
      <c r="I287">
        <v>4847</v>
      </c>
      <c r="J287" t="s">
        <v>663</v>
      </c>
      <c r="K287">
        <v>99</v>
      </c>
      <c r="L287" t="s">
        <v>941</v>
      </c>
      <c r="M287">
        <v>4246</v>
      </c>
      <c r="N287" t="s">
        <v>654</v>
      </c>
      <c r="O287">
        <v>3</v>
      </c>
      <c r="P287" t="s">
        <v>655</v>
      </c>
      <c r="Q287">
        <v>1</v>
      </c>
      <c r="R287" t="s">
        <v>656</v>
      </c>
      <c r="S287">
        <v>2</v>
      </c>
      <c r="T287" t="s">
        <v>942</v>
      </c>
      <c r="U287">
        <v>58</v>
      </c>
      <c r="V287">
        <v>2</v>
      </c>
      <c r="W287">
        <v>120</v>
      </c>
      <c r="X287">
        <v>2020</v>
      </c>
    </row>
    <row r="288" spans="1:24" x14ac:dyDescent="0.25">
      <c r="A288">
        <v>15079</v>
      </c>
      <c r="B288" t="s">
        <v>67</v>
      </c>
      <c r="C288">
        <v>62</v>
      </c>
      <c r="D288" t="s">
        <v>312</v>
      </c>
      <c r="E288">
        <v>673</v>
      </c>
      <c r="F288" t="s">
        <v>651</v>
      </c>
      <c r="G288">
        <v>160</v>
      </c>
      <c r="H288" t="s">
        <v>658</v>
      </c>
      <c r="I288">
        <v>13755</v>
      </c>
      <c r="J288" t="s">
        <v>682</v>
      </c>
      <c r="K288">
        <v>20</v>
      </c>
      <c r="L288" t="s">
        <v>943</v>
      </c>
      <c r="M288">
        <v>4243</v>
      </c>
      <c r="N288" t="s">
        <v>654</v>
      </c>
      <c r="O288">
        <v>3</v>
      </c>
      <c r="P288" t="s">
        <v>655</v>
      </c>
      <c r="Q288">
        <v>1</v>
      </c>
      <c r="R288" t="s">
        <v>656</v>
      </c>
      <c r="S288">
        <v>2</v>
      </c>
      <c r="T288" t="s">
        <v>661</v>
      </c>
      <c r="U288">
        <v>8</v>
      </c>
      <c r="V288">
        <v>2</v>
      </c>
      <c r="W288">
        <v>120</v>
      </c>
      <c r="X288">
        <v>2020</v>
      </c>
    </row>
    <row r="289" spans="1:24" x14ac:dyDescent="0.25">
      <c r="A289">
        <v>15076</v>
      </c>
      <c r="B289" t="s">
        <v>67</v>
      </c>
      <c r="C289">
        <v>62</v>
      </c>
      <c r="D289" t="s">
        <v>314</v>
      </c>
      <c r="E289">
        <v>670</v>
      </c>
      <c r="F289" t="s">
        <v>651</v>
      </c>
      <c r="G289">
        <v>160</v>
      </c>
      <c r="H289" t="s">
        <v>833</v>
      </c>
      <c r="I289">
        <v>5562</v>
      </c>
      <c r="J289" t="s">
        <v>682</v>
      </c>
      <c r="K289">
        <v>20</v>
      </c>
      <c r="L289" t="s">
        <v>943</v>
      </c>
      <c r="M289">
        <v>4243</v>
      </c>
      <c r="N289" t="s">
        <v>654</v>
      </c>
      <c r="O289">
        <v>3</v>
      </c>
      <c r="P289" t="s">
        <v>655</v>
      </c>
      <c r="Q289">
        <v>1</v>
      </c>
      <c r="R289" t="s">
        <v>656</v>
      </c>
      <c r="S289">
        <v>2</v>
      </c>
      <c r="T289" t="s">
        <v>661</v>
      </c>
      <c r="U289">
        <v>8</v>
      </c>
      <c r="V289">
        <v>2</v>
      </c>
      <c r="W289">
        <v>120</v>
      </c>
      <c r="X289">
        <v>2020</v>
      </c>
    </row>
    <row r="290" spans="1:24" x14ac:dyDescent="0.25">
      <c r="A290">
        <v>15073</v>
      </c>
      <c r="B290" t="s">
        <v>14</v>
      </c>
      <c r="C290">
        <v>20</v>
      </c>
      <c r="D290" t="s">
        <v>548</v>
      </c>
      <c r="E290">
        <v>158</v>
      </c>
      <c r="F290" t="s">
        <v>651</v>
      </c>
      <c r="G290">
        <v>160</v>
      </c>
      <c r="H290" t="s">
        <v>739</v>
      </c>
      <c r="I290">
        <v>4413</v>
      </c>
      <c r="J290" t="s">
        <v>679</v>
      </c>
      <c r="K290">
        <v>32</v>
      </c>
      <c r="L290" t="s">
        <v>944</v>
      </c>
      <c r="M290">
        <v>2935</v>
      </c>
      <c r="N290" t="s">
        <v>654</v>
      </c>
      <c r="O290">
        <v>3</v>
      </c>
      <c r="P290" t="s">
        <v>655</v>
      </c>
      <c r="Q290">
        <v>1</v>
      </c>
      <c r="R290" t="s">
        <v>656</v>
      </c>
      <c r="S290">
        <v>2</v>
      </c>
      <c r="T290" t="s">
        <v>661</v>
      </c>
      <c r="U290">
        <v>8</v>
      </c>
      <c r="V290">
        <v>2</v>
      </c>
      <c r="W290">
        <v>120</v>
      </c>
      <c r="X290">
        <v>2020</v>
      </c>
    </row>
    <row r="291" spans="1:24" x14ac:dyDescent="0.25">
      <c r="A291">
        <v>15070</v>
      </c>
      <c r="B291" t="s">
        <v>14</v>
      </c>
      <c r="C291">
        <v>20</v>
      </c>
      <c r="D291" t="s">
        <v>548</v>
      </c>
      <c r="E291">
        <v>158</v>
      </c>
      <c r="F291" t="s">
        <v>651</v>
      </c>
      <c r="G291">
        <v>160</v>
      </c>
      <c r="H291" t="s">
        <v>739</v>
      </c>
      <c r="I291">
        <v>4413</v>
      </c>
      <c r="J291" t="s">
        <v>679</v>
      </c>
      <c r="K291">
        <v>32</v>
      </c>
      <c r="L291" t="s">
        <v>945</v>
      </c>
      <c r="M291">
        <v>4240</v>
      </c>
      <c r="N291" t="s">
        <v>654</v>
      </c>
      <c r="O291">
        <v>3</v>
      </c>
      <c r="P291" t="s">
        <v>655</v>
      </c>
      <c r="Q291">
        <v>1</v>
      </c>
      <c r="R291" t="s">
        <v>656</v>
      </c>
      <c r="S291">
        <v>2</v>
      </c>
      <c r="T291" t="s">
        <v>661</v>
      </c>
      <c r="U291">
        <v>8</v>
      </c>
      <c r="V291">
        <v>2</v>
      </c>
      <c r="W291">
        <v>120</v>
      </c>
      <c r="X291">
        <v>2020</v>
      </c>
    </row>
    <row r="292" spans="1:24" x14ac:dyDescent="0.25">
      <c r="A292">
        <v>15067</v>
      </c>
      <c r="B292" t="s">
        <v>108</v>
      </c>
      <c r="C292">
        <v>13</v>
      </c>
      <c r="D292" t="s">
        <v>582</v>
      </c>
      <c r="E292">
        <v>86</v>
      </c>
      <c r="F292" t="s">
        <v>651</v>
      </c>
      <c r="G292">
        <v>160</v>
      </c>
      <c r="H292" t="s">
        <v>854</v>
      </c>
      <c r="I292">
        <v>1</v>
      </c>
      <c r="J292" t="s">
        <v>682</v>
      </c>
      <c r="K292">
        <v>20</v>
      </c>
      <c r="L292" t="s">
        <v>946</v>
      </c>
      <c r="M292">
        <v>4237</v>
      </c>
      <c r="N292" t="s">
        <v>654</v>
      </c>
      <c r="O292">
        <v>3</v>
      </c>
      <c r="P292" t="s">
        <v>655</v>
      </c>
      <c r="Q292">
        <v>1</v>
      </c>
      <c r="R292" t="s">
        <v>656</v>
      </c>
      <c r="S292">
        <v>2</v>
      </c>
      <c r="T292" t="s">
        <v>661</v>
      </c>
      <c r="U292">
        <v>8</v>
      </c>
      <c r="V292">
        <v>2</v>
      </c>
      <c r="W292">
        <v>120</v>
      </c>
      <c r="X292">
        <v>2020</v>
      </c>
    </row>
    <row r="293" spans="1:24" x14ac:dyDescent="0.25">
      <c r="A293">
        <v>15064</v>
      </c>
      <c r="B293" t="s">
        <v>16</v>
      </c>
      <c r="C293">
        <v>5</v>
      </c>
      <c r="D293" t="s">
        <v>458</v>
      </c>
      <c r="E293">
        <v>48</v>
      </c>
      <c r="F293" t="s">
        <v>651</v>
      </c>
      <c r="G293">
        <v>160</v>
      </c>
      <c r="H293" t="s">
        <v>658</v>
      </c>
      <c r="I293">
        <v>13755</v>
      </c>
      <c r="J293" t="s">
        <v>676</v>
      </c>
      <c r="K293">
        <v>4</v>
      </c>
      <c r="L293" t="s">
        <v>947</v>
      </c>
      <c r="M293">
        <v>4234</v>
      </c>
      <c r="N293" t="s">
        <v>654</v>
      </c>
      <c r="O293">
        <v>3</v>
      </c>
      <c r="P293" t="s">
        <v>655</v>
      </c>
      <c r="Q293">
        <v>1</v>
      </c>
      <c r="R293" t="s">
        <v>656</v>
      </c>
      <c r="S293">
        <v>2</v>
      </c>
      <c r="T293" t="s">
        <v>661</v>
      </c>
      <c r="U293">
        <v>8</v>
      </c>
      <c r="V293">
        <v>2</v>
      </c>
      <c r="W293">
        <v>120</v>
      </c>
      <c r="X293">
        <v>2020</v>
      </c>
    </row>
    <row r="294" spans="1:24" x14ac:dyDescent="0.25">
      <c r="A294">
        <v>15061</v>
      </c>
      <c r="B294" t="s">
        <v>16</v>
      </c>
      <c r="C294">
        <v>5</v>
      </c>
      <c r="D294" t="s">
        <v>458</v>
      </c>
      <c r="E294">
        <v>48</v>
      </c>
      <c r="F294" t="s">
        <v>651</v>
      </c>
      <c r="G294">
        <v>160</v>
      </c>
      <c r="H294" t="s">
        <v>658</v>
      </c>
      <c r="I294">
        <v>13755</v>
      </c>
      <c r="J294" t="s">
        <v>676</v>
      </c>
      <c r="K294">
        <v>4</v>
      </c>
      <c r="L294" t="s">
        <v>947</v>
      </c>
      <c r="M294">
        <v>4234</v>
      </c>
      <c r="N294" t="s">
        <v>654</v>
      </c>
      <c r="O294">
        <v>3</v>
      </c>
      <c r="P294" t="s">
        <v>746</v>
      </c>
      <c r="Q294">
        <v>2</v>
      </c>
      <c r="R294" t="s">
        <v>656</v>
      </c>
      <c r="S294">
        <v>2</v>
      </c>
      <c r="T294" t="s">
        <v>661</v>
      </c>
      <c r="U294">
        <v>8</v>
      </c>
      <c r="V294">
        <v>2</v>
      </c>
      <c r="W294">
        <v>120</v>
      </c>
      <c r="X294">
        <v>2020</v>
      </c>
    </row>
    <row r="295" spans="1:24" x14ac:dyDescent="0.25">
      <c r="A295">
        <v>15058</v>
      </c>
      <c r="B295" t="s">
        <v>16</v>
      </c>
      <c r="C295">
        <v>5</v>
      </c>
      <c r="D295" t="s">
        <v>515</v>
      </c>
      <c r="E295">
        <v>37</v>
      </c>
      <c r="F295" t="s">
        <v>651</v>
      </c>
      <c r="G295">
        <v>160</v>
      </c>
      <c r="H295" t="s">
        <v>658</v>
      </c>
      <c r="I295">
        <v>13755</v>
      </c>
      <c r="J295" t="s">
        <v>831</v>
      </c>
      <c r="K295">
        <v>5</v>
      </c>
      <c r="L295" t="s">
        <v>948</v>
      </c>
      <c r="M295">
        <v>4231</v>
      </c>
      <c r="N295" t="s">
        <v>654</v>
      </c>
      <c r="O295">
        <v>3</v>
      </c>
      <c r="P295" t="s">
        <v>655</v>
      </c>
      <c r="Q295">
        <v>1</v>
      </c>
      <c r="R295" t="s">
        <v>656</v>
      </c>
      <c r="S295">
        <v>2</v>
      </c>
      <c r="T295" t="s">
        <v>661</v>
      </c>
      <c r="U295">
        <v>8</v>
      </c>
      <c r="V295">
        <v>2</v>
      </c>
      <c r="W295">
        <v>120</v>
      </c>
      <c r="X295">
        <v>2020</v>
      </c>
    </row>
    <row r="296" spans="1:24" x14ac:dyDescent="0.25">
      <c r="A296">
        <v>15055</v>
      </c>
      <c r="B296" t="s">
        <v>16</v>
      </c>
      <c r="C296">
        <v>5</v>
      </c>
      <c r="D296" t="s">
        <v>515</v>
      </c>
      <c r="E296">
        <v>37</v>
      </c>
      <c r="F296" t="s">
        <v>651</v>
      </c>
      <c r="G296">
        <v>160</v>
      </c>
      <c r="H296" t="s">
        <v>658</v>
      </c>
      <c r="I296">
        <v>13755</v>
      </c>
      <c r="J296" t="s">
        <v>831</v>
      </c>
      <c r="K296">
        <v>5</v>
      </c>
      <c r="L296" t="s">
        <v>949</v>
      </c>
      <c r="M296">
        <v>4228</v>
      </c>
      <c r="N296" t="s">
        <v>654</v>
      </c>
      <c r="O296">
        <v>3</v>
      </c>
      <c r="P296" t="s">
        <v>655</v>
      </c>
      <c r="Q296">
        <v>1</v>
      </c>
      <c r="R296" t="s">
        <v>656</v>
      </c>
      <c r="S296">
        <v>2</v>
      </c>
      <c r="T296" t="s">
        <v>661</v>
      </c>
      <c r="U296">
        <v>8</v>
      </c>
      <c r="V296">
        <v>2</v>
      </c>
      <c r="W296">
        <v>120</v>
      </c>
      <c r="X296">
        <v>2020</v>
      </c>
    </row>
    <row r="297" spans="1:24" x14ac:dyDescent="0.25">
      <c r="A297">
        <v>15052</v>
      </c>
      <c r="B297" t="s">
        <v>226</v>
      </c>
      <c r="C297">
        <v>1</v>
      </c>
      <c r="D297" t="s">
        <v>622</v>
      </c>
      <c r="E297">
        <v>14</v>
      </c>
      <c r="F297" t="s">
        <v>651</v>
      </c>
      <c r="G297">
        <v>160</v>
      </c>
      <c r="H297" t="s">
        <v>658</v>
      </c>
      <c r="I297">
        <v>13755</v>
      </c>
      <c r="J297" t="s">
        <v>705</v>
      </c>
      <c r="K297">
        <v>70</v>
      </c>
      <c r="L297" t="s">
        <v>950</v>
      </c>
      <c r="M297">
        <v>4225</v>
      </c>
      <c r="N297" t="s">
        <v>654</v>
      </c>
      <c r="O297">
        <v>3</v>
      </c>
      <c r="P297" t="s">
        <v>655</v>
      </c>
      <c r="Q297">
        <v>1</v>
      </c>
      <c r="R297" t="s">
        <v>656</v>
      </c>
      <c r="S297">
        <v>2</v>
      </c>
      <c r="T297" t="s">
        <v>661</v>
      </c>
      <c r="U297">
        <v>8</v>
      </c>
      <c r="V297">
        <v>2</v>
      </c>
      <c r="W297">
        <v>120</v>
      </c>
      <c r="X297">
        <v>2020</v>
      </c>
    </row>
    <row r="298" spans="1:24" x14ac:dyDescent="0.25">
      <c r="A298">
        <v>15043</v>
      </c>
      <c r="B298" t="s">
        <v>93</v>
      </c>
      <c r="C298">
        <v>48</v>
      </c>
      <c r="D298" t="s">
        <v>453</v>
      </c>
      <c r="E298">
        <v>362</v>
      </c>
      <c r="F298" t="s">
        <v>651</v>
      </c>
      <c r="G298">
        <v>160</v>
      </c>
      <c r="H298" t="s">
        <v>773</v>
      </c>
      <c r="I298">
        <v>11846</v>
      </c>
      <c r="J298" t="s">
        <v>684</v>
      </c>
      <c r="K298">
        <v>22</v>
      </c>
      <c r="L298" t="s">
        <v>951</v>
      </c>
      <c r="M298">
        <v>4216</v>
      </c>
      <c r="N298" t="s">
        <v>654</v>
      </c>
      <c r="O298">
        <v>3</v>
      </c>
      <c r="P298" t="s">
        <v>655</v>
      </c>
      <c r="Q298">
        <v>1</v>
      </c>
      <c r="R298" t="s">
        <v>656</v>
      </c>
      <c r="S298">
        <v>2</v>
      </c>
      <c r="T298" t="s">
        <v>661</v>
      </c>
      <c r="U298">
        <v>8</v>
      </c>
      <c r="V298">
        <v>2</v>
      </c>
      <c r="W298">
        <v>120</v>
      </c>
      <c r="X298">
        <v>2020</v>
      </c>
    </row>
    <row r="299" spans="1:24" x14ac:dyDescent="0.25">
      <c r="A299">
        <v>15034</v>
      </c>
      <c r="B299" t="s">
        <v>18</v>
      </c>
      <c r="C299">
        <v>31</v>
      </c>
      <c r="D299" t="s">
        <v>387</v>
      </c>
      <c r="E299">
        <v>248</v>
      </c>
      <c r="F299" t="s">
        <v>651</v>
      </c>
      <c r="G299">
        <v>160</v>
      </c>
      <c r="H299" t="s">
        <v>719</v>
      </c>
      <c r="I299">
        <v>7630</v>
      </c>
      <c r="J299" t="s">
        <v>868</v>
      </c>
      <c r="K299">
        <v>23</v>
      </c>
      <c r="L299" t="s">
        <v>952</v>
      </c>
      <c r="M299">
        <v>4207</v>
      </c>
      <c r="N299" t="s">
        <v>654</v>
      </c>
      <c r="O299">
        <v>3</v>
      </c>
      <c r="P299" t="s">
        <v>655</v>
      </c>
      <c r="Q299">
        <v>1</v>
      </c>
      <c r="R299" t="s">
        <v>656</v>
      </c>
      <c r="S299">
        <v>2</v>
      </c>
      <c r="T299" t="s">
        <v>661</v>
      </c>
      <c r="U299">
        <v>8</v>
      </c>
      <c r="V299">
        <v>2</v>
      </c>
      <c r="W299">
        <v>120</v>
      </c>
      <c r="X299">
        <v>2020</v>
      </c>
    </row>
    <row r="300" spans="1:24" x14ac:dyDescent="0.25">
      <c r="A300">
        <v>15031</v>
      </c>
      <c r="B300" t="s">
        <v>18</v>
      </c>
      <c r="C300">
        <v>31</v>
      </c>
      <c r="D300" t="s">
        <v>11</v>
      </c>
      <c r="E300">
        <v>238</v>
      </c>
      <c r="F300" t="s">
        <v>651</v>
      </c>
      <c r="G300">
        <v>160</v>
      </c>
      <c r="H300" t="s">
        <v>719</v>
      </c>
      <c r="I300">
        <v>7630</v>
      </c>
      <c r="J300" t="s">
        <v>65</v>
      </c>
      <c r="K300">
        <v>15</v>
      </c>
      <c r="L300" t="s">
        <v>953</v>
      </c>
      <c r="M300">
        <v>4204</v>
      </c>
      <c r="N300" t="s">
        <v>654</v>
      </c>
      <c r="O300">
        <v>3</v>
      </c>
      <c r="P300" t="s">
        <v>655</v>
      </c>
      <c r="Q300">
        <v>1</v>
      </c>
      <c r="R300" t="s">
        <v>656</v>
      </c>
      <c r="S300">
        <v>2</v>
      </c>
      <c r="T300" t="s">
        <v>661</v>
      </c>
      <c r="U300">
        <v>8</v>
      </c>
      <c r="V300">
        <v>1</v>
      </c>
      <c r="W300">
        <v>60</v>
      </c>
      <c r="X300">
        <v>2020</v>
      </c>
    </row>
    <row r="301" spans="1:24" x14ac:dyDescent="0.25">
      <c r="A301">
        <v>15028</v>
      </c>
      <c r="B301" t="s">
        <v>16</v>
      </c>
      <c r="C301">
        <v>5</v>
      </c>
      <c r="D301" t="s">
        <v>515</v>
      </c>
      <c r="E301">
        <v>37</v>
      </c>
      <c r="F301" t="s">
        <v>651</v>
      </c>
      <c r="G301">
        <v>160</v>
      </c>
      <c r="H301" t="s">
        <v>658</v>
      </c>
      <c r="I301">
        <v>13755</v>
      </c>
      <c r="J301" t="s">
        <v>831</v>
      </c>
      <c r="K301">
        <v>5</v>
      </c>
      <c r="L301" t="s">
        <v>832</v>
      </c>
      <c r="M301">
        <v>4201</v>
      </c>
      <c r="N301" t="s">
        <v>654</v>
      </c>
      <c r="O301">
        <v>3</v>
      </c>
      <c r="P301" t="s">
        <v>655</v>
      </c>
      <c r="Q301">
        <v>1</v>
      </c>
      <c r="R301" t="s">
        <v>656</v>
      </c>
      <c r="S301">
        <v>2</v>
      </c>
      <c r="T301" t="s">
        <v>661</v>
      </c>
      <c r="U301">
        <v>8</v>
      </c>
      <c r="V301">
        <v>2</v>
      </c>
      <c r="W301">
        <v>120</v>
      </c>
      <c r="X301">
        <v>2020</v>
      </c>
    </row>
    <row r="302" spans="1:24" x14ac:dyDescent="0.25">
      <c r="A302">
        <v>15025</v>
      </c>
      <c r="B302" t="s">
        <v>198</v>
      </c>
      <c r="C302">
        <v>21</v>
      </c>
      <c r="D302" t="s">
        <v>322</v>
      </c>
      <c r="E302">
        <v>159</v>
      </c>
      <c r="F302" t="s">
        <v>651</v>
      </c>
      <c r="G302">
        <v>160</v>
      </c>
      <c r="H302" t="s">
        <v>739</v>
      </c>
      <c r="I302">
        <v>4413</v>
      </c>
      <c r="J302" t="s">
        <v>839</v>
      </c>
      <c r="K302">
        <v>89</v>
      </c>
      <c r="L302" t="s">
        <v>832</v>
      </c>
      <c r="M302">
        <v>4198</v>
      </c>
      <c r="N302" t="s">
        <v>654</v>
      </c>
      <c r="O302">
        <v>3</v>
      </c>
      <c r="P302" t="s">
        <v>655</v>
      </c>
      <c r="Q302">
        <v>1</v>
      </c>
      <c r="R302" t="s">
        <v>656</v>
      </c>
      <c r="S302">
        <v>2</v>
      </c>
      <c r="T302" t="s">
        <v>661</v>
      </c>
      <c r="U302">
        <v>8</v>
      </c>
      <c r="V302">
        <v>2</v>
      </c>
      <c r="W302">
        <v>120</v>
      </c>
      <c r="X302">
        <v>2020</v>
      </c>
    </row>
    <row r="303" spans="1:24" x14ac:dyDescent="0.25">
      <c r="A303">
        <v>15022</v>
      </c>
      <c r="B303" t="s">
        <v>289</v>
      </c>
      <c r="C303">
        <v>12</v>
      </c>
      <c r="D303" t="s">
        <v>584</v>
      </c>
      <c r="E303">
        <v>82</v>
      </c>
      <c r="F303" t="s">
        <v>651</v>
      </c>
      <c r="G303">
        <v>160</v>
      </c>
      <c r="H303" t="s">
        <v>658</v>
      </c>
      <c r="I303">
        <v>13755</v>
      </c>
      <c r="J303" t="s">
        <v>691</v>
      </c>
      <c r="K303">
        <v>21</v>
      </c>
      <c r="L303" t="s">
        <v>954</v>
      </c>
      <c r="M303">
        <v>4195</v>
      </c>
      <c r="N303" t="s">
        <v>654</v>
      </c>
      <c r="O303">
        <v>3</v>
      </c>
      <c r="P303" t="s">
        <v>655</v>
      </c>
      <c r="Q303">
        <v>1</v>
      </c>
      <c r="R303" t="s">
        <v>656</v>
      </c>
      <c r="S303">
        <v>2</v>
      </c>
      <c r="T303" t="s">
        <v>661</v>
      </c>
      <c r="U303">
        <v>8</v>
      </c>
      <c r="V303">
        <v>2</v>
      </c>
      <c r="W303">
        <v>120</v>
      </c>
      <c r="X303">
        <v>2020</v>
      </c>
    </row>
    <row r="304" spans="1:24" x14ac:dyDescent="0.25">
      <c r="A304">
        <v>15019</v>
      </c>
      <c r="B304" t="s">
        <v>76</v>
      </c>
      <c r="C304">
        <v>61</v>
      </c>
      <c r="D304" t="s">
        <v>316</v>
      </c>
      <c r="E304">
        <v>420</v>
      </c>
      <c r="F304" t="s">
        <v>651</v>
      </c>
      <c r="G304">
        <v>160</v>
      </c>
      <c r="H304" t="s">
        <v>658</v>
      </c>
      <c r="I304">
        <v>13755</v>
      </c>
      <c r="J304" t="s">
        <v>955</v>
      </c>
      <c r="K304">
        <v>29</v>
      </c>
      <c r="L304" t="s">
        <v>956</v>
      </c>
      <c r="M304">
        <v>4192</v>
      </c>
      <c r="N304" t="s">
        <v>654</v>
      </c>
      <c r="O304">
        <v>3</v>
      </c>
      <c r="P304" t="s">
        <v>655</v>
      </c>
      <c r="Q304">
        <v>1</v>
      </c>
      <c r="R304" t="s">
        <v>656</v>
      </c>
      <c r="S304">
        <v>2</v>
      </c>
      <c r="T304" t="s">
        <v>661</v>
      </c>
      <c r="U304">
        <v>8</v>
      </c>
      <c r="V304">
        <v>2</v>
      </c>
      <c r="W304">
        <v>120</v>
      </c>
      <c r="X304">
        <v>2020</v>
      </c>
    </row>
    <row r="305" spans="1:24" x14ac:dyDescent="0.25">
      <c r="A305">
        <v>15016</v>
      </c>
      <c r="B305" t="s">
        <v>18</v>
      </c>
      <c r="C305">
        <v>31</v>
      </c>
      <c r="D305" t="s">
        <v>426</v>
      </c>
      <c r="E305">
        <v>246</v>
      </c>
      <c r="F305" t="s">
        <v>651</v>
      </c>
      <c r="G305">
        <v>160</v>
      </c>
      <c r="H305" t="s">
        <v>719</v>
      </c>
      <c r="I305">
        <v>7630</v>
      </c>
      <c r="J305" t="s">
        <v>663</v>
      </c>
      <c r="K305">
        <v>99</v>
      </c>
      <c r="L305" t="s">
        <v>957</v>
      </c>
      <c r="M305">
        <v>4189</v>
      </c>
      <c r="N305" t="s">
        <v>654</v>
      </c>
      <c r="O305">
        <v>3</v>
      </c>
      <c r="P305" t="s">
        <v>655</v>
      </c>
      <c r="Q305">
        <v>1</v>
      </c>
      <c r="R305" t="s">
        <v>656</v>
      </c>
      <c r="S305">
        <v>2</v>
      </c>
      <c r="T305" t="s">
        <v>718</v>
      </c>
      <c r="U305">
        <v>2</v>
      </c>
      <c r="V305">
        <v>2</v>
      </c>
      <c r="W305">
        <v>120</v>
      </c>
      <c r="X305">
        <v>2020</v>
      </c>
    </row>
    <row r="306" spans="1:24" x14ac:dyDescent="0.25">
      <c r="A306">
        <v>15013</v>
      </c>
      <c r="B306" t="s">
        <v>18</v>
      </c>
      <c r="C306">
        <v>31</v>
      </c>
      <c r="D306" t="s">
        <v>426</v>
      </c>
      <c r="E306">
        <v>246</v>
      </c>
      <c r="F306" t="s">
        <v>651</v>
      </c>
      <c r="G306">
        <v>160</v>
      </c>
      <c r="H306" t="s">
        <v>719</v>
      </c>
      <c r="I306">
        <v>7630</v>
      </c>
      <c r="J306" t="s">
        <v>663</v>
      </c>
      <c r="K306">
        <v>99</v>
      </c>
      <c r="L306" t="s">
        <v>958</v>
      </c>
      <c r="M306">
        <v>4186</v>
      </c>
      <c r="N306" t="s">
        <v>654</v>
      </c>
      <c r="O306">
        <v>3</v>
      </c>
      <c r="P306" t="s">
        <v>655</v>
      </c>
      <c r="Q306">
        <v>1</v>
      </c>
      <c r="R306" t="s">
        <v>656</v>
      </c>
      <c r="S306">
        <v>2</v>
      </c>
      <c r="T306" t="s">
        <v>769</v>
      </c>
      <c r="U306">
        <v>3</v>
      </c>
      <c r="V306">
        <v>2</v>
      </c>
      <c r="W306">
        <v>120</v>
      </c>
      <c r="X306">
        <v>2020</v>
      </c>
    </row>
    <row r="307" spans="1:24" x14ac:dyDescent="0.25">
      <c r="A307">
        <v>15010</v>
      </c>
      <c r="B307" t="s">
        <v>28</v>
      </c>
      <c r="C307">
        <v>49</v>
      </c>
      <c r="D307" t="s">
        <v>321</v>
      </c>
      <c r="E307">
        <v>369</v>
      </c>
      <c r="F307" t="s">
        <v>651</v>
      </c>
      <c r="G307">
        <v>160</v>
      </c>
      <c r="H307" t="s">
        <v>773</v>
      </c>
      <c r="I307">
        <v>11846</v>
      </c>
      <c r="J307" t="s">
        <v>839</v>
      </c>
      <c r="K307">
        <v>89</v>
      </c>
      <c r="L307" t="s">
        <v>959</v>
      </c>
      <c r="M307">
        <v>4183</v>
      </c>
      <c r="N307" t="s">
        <v>654</v>
      </c>
      <c r="O307">
        <v>3</v>
      </c>
      <c r="P307" t="s">
        <v>655</v>
      </c>
      <c r="Q307">
        <v>1</v>
      </c>
      <c r="R307" t="s">
        <v>656</v>
      </c>
      <c r="S307">
        <v>2</v>
      </c>
      <c r="T307" t="s">
        <v>661</v>
      </c>
      <c r="U307">
        <v>8</v>
      </c>
      <c r="V307">
        <v>2</v>
      </c>
      <c r="W307">
        <v>120</v>
      </c>
      <c r="X307">
        <v>2020</v>
      </c>
    </row>
    <row r="308" spans="1:24" x14ac:dyDescent="0.25">
      <c r="A308">
        <v>15007</v>
      </c>
      <c r="B308" t="s">
        <v>192</v>
      </c>
      <c r="C308">
        <v>19</v>
      </c>
      <c r="D308" t="s">
        <v>329</v>
      </c>
      <c r="E308">
        <v>135</v>
      </c>
      <c r="F308" t="s">
        <v>651</v>
      </c>
      <c r="G308">
        <v>160</v>
      </c>
      <c r="H308" t="s">
        <v>739</v>
      </c>
      <c r="I308">
        <v>4413</v>
      </c>
      <c r="J308" t="s">
        <v>917</v>
      </c>
      <c r="K308">
        <v>83</v>
      </c>
      <c r="L308" t="s">
        <v>960</v>
      </c>
      <c r="M308">
        <v>4180</v>
      </c>
      <c r="N308" t="s">
        <v>654</v>
      </c>
      <c r="O308">
        <v>3</v>
      </c>
      <c r="P308" t="s">
        <v>655</v>
      </c>
      <c r="Q308">
        <v>1</v>
      </c>
      <c r="R308" t="s">
        <v>656</v>
      </c>
      <c r="S308">
        <v>2</v>
      </c>
      <c r="T308" t="s">
        <v>661</v>
      </c>
      <c r="U308">
        <v>8</v>
      </c>
      <c r="V308">
        <v>2</v>
      </c>
      <c r="W308">
        <v>120</v>
      </c>
      <c r="X308">
        <v>2020</v>
      </c>
    </row>
    <row r="309" spans="1:24" x14ac:dyDescent="0.25">
      <c r="A309">
        <v>15004</v>
      </c>
      <c r="B309" t="s">
        <v>95</v>
      </c>
      <c r="C309">
        <v>26</v>
      </c>
      <c r="D309" t="s">
        <v>426</v>
      </c>
      <c r="E309">
        <v>190</v>
      </c>
      <c r="F309" t="s">
        <v>651</v>
      </c>
      <c r="G309">
        <v>160</v>
      </c>
      <c r="H309" t="s">
        <v>833</v>
      </c>
      <c r="I309">
        <v>5562</v>
      </c>
      <c r="J309" t="s">
        <v>679</v>
      </c>
      <c r="K309">
        <v>32</v>
      </c>
      <c r="L309" t="s">
        <v>841</v>
      </c>
      <c r="M309">
        <v>4177</v>
      </c>
      <c r="N309" t="s">
        <v>654</v>
      </c>
      <c r="O309">
        <v>3</v>
      </c>
      <c r="P309" t="s">
        <v>655</v>
      </c>
      <c r="Q309">
        <v>1</v>
      </c>
      <c r="R309" t="s">
        <v>656</v>
      </c>
      <c r="S309">
        <v>2</v>
      </c>
      <c r="T309" t="s">
        <v>661</v>
      </c>
      <c r="U309">
        <v>8</v>
      </c>
      <c r="V309">
        <v>2</v>
      </c>
      <c r="W309">
        <v>120</v>
      </c>
      <c r="X309">
        <v>2020</v>
      </c>
    </row>
    <row r="310" spans="1:24" x14ac:dyDescent="0.25">
      <c r="A310">
        <v>15001</v>
      </c>
      <c r="B310" t="s">
        <v>218</v>
      </c>
      <c r="C310">
        <v>17</v>
      </c>
      <c r="D310" t="s">
        <v>322</v>
      </c>
      <c r="E310">
        <v>121</v>
      </c>
      <c r="F310" t="s">
        <v>651</v>
      </c>
      <c r="G310">
        <v>160</v>
      </c>
      <c r="H310" t="s">
        <v>744</v>
      </c>
      <c r="I310">
        <v>3143</v>
      </c>
      <c r="J310" t="s">
        <v>839</v>
      </c>
      <c r="K310">
        <v>89</v>
      </c>
      <c r="L310" t="s">
        <v>961</v>
      </c>
      <c r="M310">
        <v>4174</v>
      </c>
      <c r="N310" t="s">
        <v>654</v>
      </c>
      <c r="O310">
        <v>3</v>
      </c>
      <c r="P310" t="s">
        <v>655</v>
      </c>
      <c r="Q310">
        <v>1</v>
      </c>
      <c r="R310" t="s">
        <v>656</v>
      </c>
      <c r="S310">
        <v>2</v>
      </c>
      <c r="T310" t="s">
        <v>718</v>
      </c>
      <c r="U310">
        <v>2</v>
      </c>
      <c r="V310">
        <v>2</v>
      </c>
      <c r="W310">
        <v>120</v>
      </c>
      <c r="X310">
        <v>2020</v>
      </c>
    </row>
    <row r="311" spans="1:24" x14ac:dyDescent="0.25">
      <c r="A311">
        <v>14998</v>
      </c>
      <c r="B311" t="s">
        <v>14</v>
      </c>
      <c r="C311">
        <v>20</v>
      </c>
      <c r="D311" t="s">
        <v>458</v>
      </c>
      <c r="E311">
        <v>138</v>
      </c>
      <c r="F311" t="s">
        <v>651</v>
      </c>
      <c r="G311">
        <v>160</v>
      </c>
      <c r="H311" t="s">
        <v>739</v>
      </c>
      <c r="I311">
        <v>4413</v>
      </c>
      <c r="J311" t="s">
        <v>676</v>
      </c>
      <c r="K311">
        <v>4</v>
      </c>
      <c r="L311" t="s">
        <v>962</v>
      </c>
      <c r="M311">
        <v>4171</v>
      </c>
      <c r="N311" t="s">
        <v>654</v>
      </c>
      <c r="O311">
        <v>3</v>
      </c>
      <c r="P311" t="s">
        <v>655</v>
      </c>
      <c r="Q311">
        <v>1</v>
      </c>
      <c r="R311" t="s">
        <v>656</v>
      </c>
      <c r="S311">
        <v>2</v>
      </c>
      <c r="T311" t="s">
        <v>657</v>
      </c>
      <c r="U311">
        <v>7</v>
      </c>
      <c r="V311">
        <v>2</v>
      </c>
      <c r="W311">
        <v>120</v>
      </c>
      <c r="X311">
        <v>2020</v>
      </c>
    </row>
    <row r="312" spans="1:24" x14ac:dyDescent="0.25">
      <c r="A312">
        <v>14995</v>
      </c>
      <c r="B312" t="s">
        <v>14</v>
      </c>
      <c r="C312">
        <v>20</v>
      </c>
      <c r="D312" t="s">
        <v>458</v>
      </c>
      <c r="E312">
        <v>138</v>
      </c>
      <c r="F312" t="s">
        <v>651</v>
      </c>
      <c r="G312">
        <v>160</v>
      </c>
      <c r="H312" t="s">
        <v>739</v>
      </c>
      <c r="I312">
        <v>4413</v>
      </c>
      <c r="J312" t="s">
        <v>676</v>
      </c>
      <c r="K312">
        <v>4</v>
      </c>
      <c r="L312" t="s">
        <v>962</v>
      </c>
      <c r="M312">
        <v>4171</v>
      </c>
      <c r="N312" t="s">
        <v>654</v>
      </c>
      <c r="O312">
        <v>3</v>
      </c>
      <c r="P312" t="s">
        <v>655</v>
      </c>
      <c r="Q312">
        <v>1</v>
      </c>
      <c r="R312" t="s">
        <v>656</v>
      </c>
      <c r="S312">
        <v>2</v>
      </c>
      <c r="T312" t="s">
        <v>661</v>
      </c>
      <c r="U312">
        <v>8</v>
      </c>
      <c r="V312">
        <v>2</v>
      </c>
      <c r="W312">
        <v>120</v>
      </c>
      <c r="X312">
        <v>2020</v>
      </c>
    </row>
    <row r="313" spans="1:24" x14ac:dyDescent="0.25">
      <c r="A313">
        <v>14992</v>
      </c>
      <c r="B313" t="s">
        <v>14</v>
      </c>
      <c r="C313">
        <v>20</v>
      </c>
      <c r="D313" t="s">
        <v>458</v>
      </c>
      <c r="E313">
        <v>138</v>
      </c>
      <c r="F313" t="s">
        <v>651</v>
      </c>
      <c r="G313">
        <v>160</v>
      </c>
      <c r="H313" t="s">
        <v>739</v>
      </c>
      <c r="I313">
        <v>4413</v>
      </c>
      <c r="J313" t="s">
        <v>885</v>
      </c>
      <c r="K313">
        <v>1</v>
      </c>
      <c r="L313" t="s">
        <v>963</v>
      </c>
      <c r="M313">
        <v>4168</v>
      </c>
      <c r="N313" t="s">
        <v>654</v>
      </c>
      <c r="O313">
        <v>3</v>
      </c>
      <c r="P313" t="s">
        <v>655</v>
      </c>
      <c r="Q313">
        <v>1</v>
      </c>
      <c r="R313" t="s">
        <v>656</v>
      </c>
      <c r="S313">
        <v>2</v>
      </c>
      <c r="T313" t="s">
        <v>657</v>
      </c>
      <c r="U313">
        <v>7</v>
      </c>
      <c r="V313">
        <v>2</v>
      </c>
      <c r="W313">
        <v>120</v>
      </c>
      <c r="X313">
        <v>2020</v>
      </c>
    </row>
    <row r="314" spans="1:24" x14ac:dyDescent="0.25">
      <c r="A314">
        <v>14989</v>
      </c>
      <c r="B314" t="s">
        <v>14</v>
      </c>
      <c r="C314">
        <v>20</v>
      </c>
      <c r="D314" t="s">
        <v>458</v>
      </c>
      <c r="E314">
        <v>138</v>
      </c>
      <c r="F314" t="s">
        <v>651</v>
      </c>
      <c r="G314">
        <v>160</v>
      </c>
      <c r="H314" t="s">
        <v>739</v>
      </c>
      <c r="I314">
        <v>4413</v>
      </c>
      <c r="J314" t="s">
        <v>885</v>
      </c>
      <c r="K314">
        <v>1</v>
      </c>
      <c r="L314" t="s">
        <v>963</v>
      </c>
      <c r="M314">
        <v>4168</v>
      </c>
      <c r="N314" t="s">
        <v>654</v>
      </c>
      <c r="O314">
        <v>3</v>
      </c>
      <c r="P314" t="s">
        <v>655</v>
      </c>
      <c r="Q314">
        <v>1</v>
      </c>
      <c r="R314" t="s">
        <v>656</v>
      </c>
      <c r="S314">
        <v>2</v>
      </c>
      <c r="T314" t="s">
        <v>661</v>
      </c>
      <c r="U314">
        <v>8</v>
      </c>
      <c r="V314">
        <v>2</v>
      </c>
      <c r="W314">
        <v>120</v>
      </c>
      <c r="X314">
        <v>2020</v>
      </c>
    </row>
    <row r="315" spans="1:24" x14ac:dyDescent="0.25">
      <c r="A315">
        <v>14986</v>
      </c>
      <c r="B315" t="s">
        <v>95</v>
      </c>
      <c r="C315">
        <v>26</v>
      </c>
      <c r="D315" t="s">
        <v>426</v>
      </c>
      <c r="E315">
        <v>190</v>
      </c>
      <c r="F315" t="s">
        <v>651</v>
      </c>
      <c r="G315">
        <v>160</v>
      </c>
      <c r="H315" t="s">
        <v>833</v>
      </c>
      <c r="I315">
        <v>5562</v>
      </c>
      <c r="J315" t="s">
        <v>663</v>
      </c>
      <c r="K315">
        <v>99</v>
      </c>
      <c r="L315" t="s">
        <v>964</v>
      </c>
      <c r="M315">
        <v>4165</v>
      </c>
      <c r="N315" t="s">
        <v>654</v>
      </c>
      <c r="O315">
        <v>3</v>
      </c>
      <c r="P315" t="s">
        <v>655</v>
      </c>
      <c r="Q315">
        <v>1</v>
      </c>
      <c r="R315" t="s">
        <v>656</v>
      </c>
      <c r="S315">
        <v>2</v>
      </c>
      <c r="T315" t="s">
        <v>661</v>
      </c>
      <c r="U315">
        <v>8</v>
      </c>
      <c r="V315">
        <v>2</v>
      </c>
      <c r="W315">
        <v>120</v>
      </c>
      <c r="X315">
        <v>2020</v>
      </c>
    </row>
    <row r="316" spans="1:24" x14ac:dyDescent="0.25">
      <c r="A316">
        <v>14983</v>
      </c>
      <c r="B316" t="s">
        <v>95</v>
      </c>
      <c r="C316">
        <v>26</v>
      </c>
      <c r="D316" t="s">
        <v>426</v>
      </c>
      <c r="E316">
        <v>190</v>
      </c>
      <c r="F316" t="s">
        <v>651</v>
      </c>
      <c r="G316">
        <v>160</v>
      </c>
      <c r="H316" t="s">
        <v>833</v>
      </c>
      <c r="I316">
        <v>5562</v>
      </c>
      <c r="J316" t="s">
        <v>663</v>
      </c>
      <c r="K316">
        <v>99</v>
      </c>
      <c r="L316" t="s">
        <v>965</v>
      </c>
      <c r="M316">
        <v>4162</v>
      </c>
      <c r="N316" t="s">
        <v>654</v>
      </c>
      <c r="O316">
        <v>3</v>
      </c>
      <c r="P316" t="s">
        <v>655</v>
      </c>
      <c r="Q316">
        <v>1</v>
      </c>
      <c r="R316" t="s">
        <v>656</v>
      </c>
      <c r="S316">
        <v>2</v>
      </c>
      <c r="T316" t="s">
        <v>769</v>
      </c>
      <c r="U316">
        <v>3</v>
      </c>
      <c r="V316">
        <v>2</v>
      </c>
      <c r="W316">
        <v>120</v>
      </c>
      <c r="X316">
        <v>2020</v>
      </c>
    </row>
    <row r="317" spans="1:24" x14ac:dyDescent="0.25">
      <c r="A317">
        <v>14980</v>
      </c>
      <c r="B317" t="s">
        <v>28</v>
      </c>
      <c r="C317">
        <v>49</v>
      </c>
      <c r="D317" t="s">
        <v>322</v>
      </c>
      <c r="E317">
        <v>367</v>
      </c>
      <c r="F317" t="s">
        <v>651</v>
      </c>
      <c r="G317">
        <v>160</v>
      </c>
      <c r="H317" t="s">
        <v>773</v>
      </c>
      <c r="I317">
        <v>11846</v>
      </c>
      <c r="J317" t="s">
        <v>839</v>
      </c>
      <c r="K317">
        <v>89</v>
      </c>
      <c r="L317" t="s">
        <v>966</v>
      </c>
      <c r="M317">
        <v>4159</v>
      </c>
      <c r="N317" t="s">
        <v>654</v>
      </c>
      <c r="O317">
        <v>3</v>
      </c>
      <c r="P317" t="s">
        <v>655</v>
      </c>
      <c r="Q317">
        <v>1</v>
      </c>
      <c r="R317" t="s">
        <v>656</v>
      </c>
      <c r="S317">
        <v>2</v>
      </c>
      <c r="T317" t="s">
        <v>661</v>
      </c>
      <c r="U317">
        <v>8</v>
      </c>
      <c r="V317">
        <v>2</v>
      </c>
      <c r="W317">
        <v>120</v>
      </c>
      <c r="X317">
        <v>2020</v>
      </c>
    </row>
    <row r="318" spans="1:24" x14ac:dyDescent="0.25">
      <c r="A318">
        <v>14977</v>
      </c>
      <c r="B318" t="s">
        <v>104</v>
      </c>
      <c r="C318">
        <v>25</v>
      </c>
      <c r="D318" t="s">
        <v>536</v>
      </c>
      <c r="E318">
        <v>185</v>
      </c>
      <c r="F318" t="s">
        <v>651</v>
      </c>
      <c r="G318">
        <v>160</v>
      </c>
      <c r="H318" t="s">
        <v>747</v>
      </c>
      <c r="I318">
        <v>4847</v>
      </c>
      <c r="J318" t="s">
        <v>710</v>
      </c>
      <c r="K318">
        <v>53</v>
      </c>
      <c r="L318" t="s">
        <v>967</v>
      </c>
      <c r="M318">
        <v>4156</v>
      </c>
      <c r="N318" t="s">
        <v>654</v>
      </c>
      <c r="O318">
        <v>3</v>
      </c>
      <c r="P318" t="s">
        <v>655</v>
      </c>
      <c r="Q318">
        <v>1</v>
      </c>
      <c r="R318" t="s">
        <v>656</v>
      </c>
      <c r="S318">
        <v>2</v>
      </c>
      <c r="T318" t="s">
        <v>661</v>
      </c>
      <c r="U318">
        <v>8</v>
      </c>
      <c r="V318">
        <v>2</v>
      </c>
      <c r="W318">
        <v>120</v>
      </c>
      <c r="X318">
        <v>2020</v>
      </c>
    </row>
    <row r="319" spans="1:24" x14ac:dyDescent="0.25">
      <c r="A319">
        <v>14974</v>
      </c>
      <c r="B319" t="s">
        <v>409</v>
      </c>
      <c r="C319">
        <v>66</v>
      </c>
      <c r="D319" t="s">
        <v>316</v>
      </c>
      <c r="E319">
        <v>467</v>
      </c>
      <c r="F319" t="s">
        <v>651</v>
      </c>
      <c r="G319">
        <v>160</v>
      </c>
      <c r="H319" t="s">
        <v>658</v>
      </c>
      <c r="I319">
        <v>13755</v>
      </c>
      <c r="J319" t="s">
        <v>299</v>
      </c>
      <c r="K319">
        <v>27</v>
      </c>
      <c r="L319" t="s">
        <v>968</v>
      </c>
      <c r="M319">
        <v>4153</v>
      </c>
      <c r="N319" t="s">
        <v>654</v>
      </c>
      <c r="O319">
        <v>3</v>
      </c>
      <c r="P319" t="s">
        <v>655</v>
      </c>
      <c r="Q319">
        <v>1</v>
      </c>
      <c r="R319" t="s">
        <v>656</v>
      </c>
      <c r="S319">
        <v>2</v>
      </c>
      <c r="T319" t="s">
        <v>661</v>
      </c>
      <c r="U319">
        <v>8</v>
      </c>
      <c r="V319">
        <v>2</v>
      </c>
      <c r="W319">
        <v>120</v>
      </c>
      <c r="X319">
        <v>2020</v>
      </c>
    </row>
    <row r="320" spans="1:24" x14ac:dyDescent="0.25">
      <c r="A320">
        <v>14968</v>
      </c>
      <c r="B320" t="s">
        <v>138</v>
      </c>
      <c r="C320">
        <v>35</v>
      </c>
      <c r="D320" t="s">
        <v>497</v>
      </c>
      <c r="E320">
        <v>276</v>
      </c>
      <c r="F320" t="s">
        <v>651</v>
      </c>
      <c r="G320">
        <v>160</v>
      </c>
      <c r="H320" t="s">
        <v>914</v>
      </c>
      <c r="I320">
        <v>7004</v>
      </c>
      <c r="J320" t="s">
        <v>730</v>
      </c>
      <c r="K320">
        <v>66</v>
      </c>
      <c r="L320" t="s">
        <v>969</v>
      </c>
      <c r="M320">
        <v>290</v>
      </c>
      <c r="N320" t="s">
        <v>668</v>
      </c>
      <c r="O320">
        <v>4</v>
      </c>
      <c r="P320" t="s">
        <v>655</v>
      </c>
      <c r="Q320">
        <v>1</v>
      </c>
      <c r="R320" t="s">
        <v>669</v>
      </c>
      <c r="S320">
        <v>1</v>
      </c>
      <c r="T320" t="s">
        <v>661</v>
      </c>
      <c r="U320">
        <v>8</v>
      </c>
      <c r="V320">
        <v>4</v>
      </c>
      <c r="W320">
        <v>240</v>
      </c>
      <c r="X320">
        <v>2020</v>
      </c>
    </row>
    <row r="321" spans="1:24" x14ac:dyDescent="0.25">
      <c r="A321">
        <v>14962</v>
      </c>
      <c r="B321" t="s">
        <v>16</v>
      </c>
      <c r="C321">
        <v>5</v>
      </c>
      <c r="D321" t="s">
        <v>458</v>
      </c>
      <c r="E321">
        <v>48</v>
      </c>
      <c r="F321" t="s">
        <v>651</v>
      </c>
      <c r="G321">
        <v>160</v>
      </c>
      <c r="H321" t="s">
        <v>658</v>
      </c>
      <c r="I321">
        <v>13755</v>
      </c>
      <c r="J321" t="s">
        <v>676</v>
      </c>
      <c r="K321">
        <v>4</v>
      </c>
      <c r="L321" t="s">
        <v>970</v>
      </c>
      <c r="M321">
        <v>4144</v>
      </c>
      <c r="N321" t="s">
        <v>654</v>
      </c>
      <c r="O321">
        <v>3</v>
      </c>
      <c r="P321" t="s">
        <v>655</v>
      </c>
      <c r="Q321">
        <v>1</v>
      </c>
      <c r="R321" t="s">
        <v>656</v>
      </c>
      <c r="S321">
        <v>2</v>
      </c>
      <c r="T321" t="s">
        <v>718</v>
      </c>
      <c r="U321">
        <v>2</v>
      </c>
      <c r="V321">
        <v>2</v>
      </c>
      <c r="W321">
        <v>120</v>
      </c>
      <c r="X321">
        <v>2020</v>
      </c>
    </row>
    <row r="322" spans="1:24" x14ac:dyDescent="0.25">
      <c r="A322">
        <v>14959</v>
      </c>
      <c r="B322" t="s">
        <v>16</v>
      </c>
      <c r="C322">
        <v>5</v>
      </c>
      <c r="D322" t="s">
        <v>458</v>
      </c>
      <c r="E322">
        <v>48</v>
      </c>
      <c r="F322" t="s">
        <v>651</v>
      </c>
      <c r="G322">
        <v>160</v>
      </c>
      <c r="H322" t="s">
        <v>658</v>
      </c>
      <c r="I322">
        <v>13755</v>
      </c>
      <c r="J322" t="s">
        <v>885</v>
      </c>
      <c r="K322">
        <v>1</v>
      </c>
      <c r="L322" t="s">
        <v>971</v>
      </c>
      <c r="M322">
        <v>4141</v>
      </c>
      <c r="N322" t="s">
        <v>654</v>
      </c>
      <c r="O322">
        <v>3</v>
      </c>
      <c r="P322" t="s">
        <v>655</v>
      </c>
      <c r="Q322">
        <v>1</v>
      </c>
      <c r="R322" t="s">
        <v>656</v>
      </c>
      <c r="S322">
        <v>2</v>
      </c>
      <c r="T322" t="s">
        <v>718</v>
      </c>
      <c r="U322">
        <v>2</v>
      </c>
      <c r="V322">
        <v>2</v>
      </c>
      <c r="W322">
        <v>120</v>
      </c>
      <c r="X322">
        <v>2020</v>
      </c>
    </row>
    <row r="323" spans="1:24" x14ac:dyDescent="0.25">
      <c r="A323">
        <v>14956</v>
      </c>
      <c r="B323" t="s">
        <v>186</v>
      </c>
      <c r="C323">
        <v>47</v>
      </c>
      <c r="D323" t="s">
        <v>460</v>
      </c>
      <c r="E323">
        <v>354</v>
      </c>
      <c r="F323" t="s">
        <v>651</v>
      </c>
      <c r="G323">
        <v>160</v>
      </c>
      <c r="H323" t="s">
        <v>773</v>
      </c>
      <c r="I323">
        <v>11846</v>
      </c>
      <c r="J323" t="s">
        <v>880</v>
      </c>
      <c r="K323">
        <v>58</v>
      </c>
      <c r="L323" t="s">
        <v>972</v>
      </c>
      <c r="M323">
        <v>4138</v>
      </c>
      <c r="N323" t="s">
        <v>654</v>
      </c>
      <c r="O323">
        <v>3</v>
      </c>
      <c r="P323" t="s">
        <v>655</v>
      </c>
      <c r="Q323">
        <v>1</v>
      </c>
      <c r="R323" t="s">
        <v>656</v>
      </c>
      <c r="S323">
        <v>2</v>
      </c>
      <c r="T323" t="s">
        <v>718</v>
      </c>
      <c r="U323">
        <v>2</v>
      </c>
      <c r="V323">
        <v>2</v>
      </c>
      <c r="W323">
        <v>120</v>
      </c>
      <c r="X323">
        <v>2020</v>
      </c>
    </row>
    <row r="324" spans="1:24" x14ac:dyDescent="0.25">
      <c r="A324">
        <v>14953</v>
      </c>
      <c r="B324" t="s">
        <v>112</v>
      </c>
      <c r="C324">
        <v>29</v>
      </c>
      <c r="D324" t="s">
        <v>522</v>
      </c>
      <c r="E324">
        <v>225</v>
      </c>
      <c r="F324" t="s">
        <v>651</v>
      </c>
      <c r="G324">
        <v>160</v>
      </c>
      <c r="H324" t="s">
        <v>719</v>
      </c>
      <c r="I324">
        <v>7630</v>
      </c>
      <c r="J324" t="s">
        <v>710</v>
      </c>
      <c r="K324">
        <v>53</v>
      </c>
      <c r="L324" t="s">
        <v>973</v>
      </c>
      <c r="M324">
        <v>4135</v>
      </c>
      <c r="N324" t="s">
        <v>654</v>
      </c>
      <c r="O324">
        <v>3</v>
      </c>
      <c r="P324" t="s">
        <v>655</v>
      </c>
      <c r="Q324">
        <v>1</v>
      </c>
      <c r="R324" t="s">
        <v>656</v>
      </c>
      <c r="S324">
        <v>2</v>
      </c>
      <c r="T324" t="s">
        <v>718</v>
      </c>
      <c r="U324">
        <v>2</v>
      </c>
      <c r="V324">
        <v>2</v>
      </c>
      <c r="W324">
        <v>120</v>
      </c>
      <c r="X324">
        <v>2020</v>
      </c>
    </row>
    <row r="325" spans="1:24" x14ac:dyDescent="0.25">
      <c r="A325">
        <v>14950</v>
      </c>
      <c r="B325" t="s">
        <v>226</v>
      </c>
      <c r="C325">
        <v>1</v>
      </c>
      <c r="D325" t="s">
        <v>622</v>
      </c>
      <c r="E325">
        <v>14</v>
      </c>
      <c r="F325" t="s">
        <v>651</v>
      </c>
      <c r="G325">
        <v>160</v>
      </c>
      <c r="H325" t="s">
        <v>658</v>
      </c>
      <c r="I325">
        <v>13755</v>
      </c>
      <c r="J325" t="s">
        <v>705</v>
      </c>
      <c r="K325">
        <v>70</v>
      </c>
      <c r="L325" t="s">
        <v>974</v>
      </c>
      <c r="M325">
        <v>4129</v>
      </c>
      <c r="N325" t="s">
        <v>654</v>
      </c>
      <c r="O325">
        <v>3</v>
      </c>
      <c r="P325" t="s">
        <v>655</v>
      </c>
      <c r="Q325">
        <v>1</v>
      </c>
      <c r="R325" t="s">
        <v>656</v>
      </c>
      <c r="S325">
        <v>2</v>
      </c>
      <c r="T325" t="s">
        <v>661</v>
      </c>
      <c r="U325">
        <v>8</v>
      </c>
      <c r="V325">
        <v>2</v>
      </c>
      <c r="W325">
        <v>120</v>
      </c>
      <c r="X325">
        <v>2020</v>
      </c>
    </row>
    <row r="326" spans="1:24" x14ac:dyDescent="0.25">
      <c r="A326">
        <v>14947</v>
      </c>
      <c r="B326" t="s">
        <v>30</v>
      </c>
      <c r="C326">
        <v>18</v>
      </c>
      <c r="D326" t="s">
        <v>362</v>
      </c>
      <c r="E326">
        <v>106</v>
      </c>
      <c r="F326" t="s">
        <v>651</v>
      </c>
      <c r="G326">
        <v>160</v>
      </c>
      <c r="H326" t="s">
        <v>922</v>
      </c>
      <c r="I326">
        <v>8163</v>
      </c>
      <c r="J326" t="s">
        <v>880</v>
      </c>
      <c r="K326">
        <v>58</v>
      </c>
      <c r="L326" t="s">
        <v>975</v>
      </c>
      <c r="M326">
        <v>4123</v>
      </c>
      <c r="N326" t="s">
        <v>654</v>
      </c>
      <c r="O326">
        <v>3</v>
      </c>
      <c r="P326" t="s">
        <v>655</v>
      </c>
      <c r="Q326">
        <v>1</v>
      </c>
      <c r="R326" t="s">
        <v>656</v>
      </c>
      <c r="S326">
        <v>2</v>
      </c>
      <c r="T326" t="s">
        <v>661</v>
      </c>
      <c r="U326">
        <v>8</v>
      </c>
      <c r="V326">
        <v>2</v>
      </c>
      <c r="W326">
        <v>120</v>
      </c>
      <c r="X326">
        <v>2020</v>
      </c>
    </row>
    <row r="327" spans="1:24" x14ac:dyDescent="0.25">
      <c r="A327">
        <v>14944</v>
      </c>
      <c r="B327" t="s">
        <v>289</v>
      </c>
      <c r="C327">
        <v>12</v>
      </c>
      <c r="D327" t="s">
        <v>308</v>
      </c>
      <c r="E327">
        <v>684</v>
      </c>
      <c r="F327" t="s">
        <v>651</v>
      </c>
      <c r="G327">
        <v>160</v>
      </c>
      <c r="H327" t="s">
        <v>658</v>
      </c>
      <c r="I327">
        <v>13755</v>
      </c>
      <c r="J327" t="s">
        <v>894</v>
      </c>
      <c r="K327">
        <v>18</v>
      </c>
      <c r="L327" t="s">
        <v>976</v>
      </c>
      <c r="M327">
        <v>4120</v>
      </c>
      <c r="N327" t="s">
        <v>654</v>
      </c>
      <c r="O327">
        <v>3</v>
      </c>
      <c r="P327" t="s">
        <v>655</v>
      </c>
      <c r="Q327">
        <v>1</v>
      </c>
      <c r="R327" t="s">
        <v>656</v>
      </c>
      <c r="S327">
        <v>2</v>
      </c>
      <c r="T327" t="s">
        <v>718</v>
      </c>
      <c r="U327">
        <v>2</v>
      </c>
      <c r="V327">
        <v>2</v>
      </c>
      <c r="W327">
        <v>120</v>
      </c>
      <c r="X327">
        <v>2020</v>
      </c>
    </row>
    <row r="328" spans="1:24" x14ac:dyDescent="0.25">
      <c r="A328">
        <v>14941</v>
      </c>
      <c r="B328" t="s">
        <v>32</v>
      </c>
      <c r="C328">
        <v>24</v>
      </c>
      <c r="D328" t="s">
        <v>426</v>
      </c>
      <c r="E328">
        <v>168</v>
      </c>
      <c r="F328" t="s">
        <v>651</v>
      </c>
      <c r="G328">
        <v>160</v>
      </c>
      <c r="H328" t="s">
        <v>747</v>
      </c>
      <c r="I328">
        <v>4847</v>
      </c>
      <c r="J328" t="s">
        <v>691</v>
      </c>
      <c r="K328">
        <v>21</v>
      </c>
      <c r="L328" t="s">
        <v>977</v>
      </c>
      <c r="M328">
        <v>4117</v>
      </c>
      <c r="N328" t="s">
        <v>654</v>
      </c>
      <c r="O328">
        <v>3</v>
      </c>
      <c r="P328" t="s">
        <v>655</v>
      </c>
      <c r="Q328">
        <v>1</v>
      </c>
      <c r="R328" t="s">
        <v>656</v>
      </c>
      <c r="S328">
        <v>2</v>
      </c>
      <c r="T328" t="s">
        <v>661</v>
      </c>
      <c r="U328">
        <v>8</v>
      </c>
      <c r="V328">
        <v>2</v>
      </c>
      <c r="W328">
        <v>120</v>
      </c>
      <c r="X328">
        <v>2020</v>
      </c>
    </row>
    <row r="329" spans="1:24" x14ac:dyDescent="0.25">
      <c r="A329">
        <v>14935</v>
      </c>
      <c r="B329" t="s">
        <v>226</v>
      </c>
      <c r="C329">
        <v>1</v>
      </c>
      <c r="D329" t="s">
        <v>630</v>
      </c>
      <c r="E329">
        <v>2</v>
      </c>
      <c r="F329" t="s">
        <v>651</v>
      </c>
      <c r="G329">
        <v>160</v>
      </c>
      <c r="H329" t="s">
        <v>658</v>
      </c>
      <c r="I329">
        <v>13755</v>
      </c>
      <c r="J329" t="s">
        <v>695</v>
      </c>
      <c r="K329">
        <v>54</v>
      </c>
      <c r="L329" t="s">
        <v>978</v>
      </c>
      <c r="M329">
        <v>4111</v>
      </c>
      <c r="N329" t="s">
        <v>654</v>
      </c>
      <c r="O329">
        <v>3</v>
      </c>
      <c r="P329" t="s">
        <v>655</v>
      </c>
      <c r="Q329">
        <v>1</v>
      </c>
      <c r="R329" t="s">
        <v>656</v>
      </c>
      <c r="S329">
        <v>2</v>
      </c>
      <c r="T329" t="s">
        <v>661</v>
      </c>
      <c r="U329">
        <v>8</v>
      </c>
      <c r="V329">
        <v>2</v>
      </c>
      <c r="W329">
        <v>120</v>
      </c>
      <c r="X329">
        <v>2020</v>
      </c>
    </row>
    <row r="330" spans="1:24" x14ac:dyDescent="0.25">
      <c r="A330">
        <v>14932</v>
      </c>
      <c r="B330" t="s">
        <v>67</v>
      </c>
      <c r="C330">
        <v>62</v>
      </c>
      <c r="D330" t="s">
        <v>316</v>
      </c>
      <c r="E330">
        <v>668</v>
      </c>
      <c r="F330" t="s">
        <v>651</v>
      </c>
      <c r="G330">
        <v>160</v>
      </c>
      <c r="H330" t="s">
        <v>658</v>
      </c>
      <c r="I330">
        <v>13755</v>
      </c>
      <c r="J330" t="s">
        <v>295</v>
      </c>
      <c r="K330">
        <v>30</v>
      </c>
      <c r="L330" t="s">
        <v>979</v>
      </c>
      <c r="M330">
        <v>4108</v>
      </c>
      <c r="N330" t="s">
        <v>654</v>
      </c>
      <c r="O330">
        <v>3</v>
      </c>
      <c r="P330" t="s">
        <v>655</v>
      </c>
      <c r="Q330">
        <v>1</v>
      </c>
      <c r="R330" t="s">
        <v>656</v>
      </c>
      <c r="S330">
        <v>2</v>
      </c>
      <c r="T330" t="s">
        <v>661</v>
      </c>
      <c r="U330">
        <v>8</v>
      </c>
      <c r="V330">
        <v>2</v>
      </c>
      <c r="W330">
        <v>120</v>
      </c>
      <c r="X330">
        <v>2020</v>
      </c>
    </row>
    <row r="331" spans="1:24" x14ac:dyDescent="0.25">
      <c r="A331">
        <v>14929</v>
      </c>
      <c r="B331" t="s">
        <v>30</v>
      </c>
      <c r="C331">
        <v>18</v>
      </c>
      <c r="D331" t="s">
        <v>562</v>
      </c>
      <c r="E331">
        <v>132</v>
      </c>
      <c r="F331" t="s">
        <v>651</v>
      </c>
      <c r="G331">
        <v>160</v>
      </c>
      <c r="H331" t="s">
        <v>739</v>
      </c>
      <c r="I331">
        <v>4413</v>
      </c>
      <c r="J331" t="s">
        <v>980</v>
      </c>
      <c r="K331">
        <v>67</v>
      </c>
      <c r="L331" t="s">
        <v>981</v>
      </c>
      <c r="M331">
        <v>4102</v>
      </c>
      <c r="N331" t="s">
        <v>654</v>
      </c>
      <c r="O331">
        <v>3</v>
      </c>
      <c r="P331" t="s">
        <v>655</v>
      </c>
      <c r="Q331">
        <v>1</v>
      </c>
      <c r="R331" t="s">
        <v>656</v>
      </c>
      <c r="S331">
        <v>2</v>
      </c>
      <c r="T331" t="s">
        <v>661</v>
      </c>
      <c r="U331">
        <v>8</v>
      </c>
      <c r="V331">
        <v>2</v>
      </c>
      <c r="W331">
        <v>120</v>
      </c>
      <c r="X331">
        <v>2020</v>
      </c>
    </row>
    <row r="332" spans="1:24" x14ac:dyDescent="0.25">
      <c r="A332">
        <v>14926</v>
      </c>
      <c r="B332" t="s">
        <v>224</v>
      </c>
      <c r="C332">
        <v>46</v>
      </c>
      <c r="D332" t="s">
        <v>466</v>
      </c>
      <c r="E332">
        <v>346</v>
      </c>
      <c r="F332" t="s">
        <v>651</v>
      </c>
      <c r="G332">
        <v>160</v>
      </c>
      <c r="H332" t="s">
        <v>773</v>
      </c>
      <c r="I332">
        <v>11846</v>
      </c>
      <c r="J332" t="s">
        <v>730</v>
      </c>
      <c r="K332">
        <v>66</v>
      </c>
      <c r="L332" t="s">
        <v>982</v>
      </c>
      <c r="M332">
        <v>4099</v>
      </c>
      <c r="N332" t="s">
        <v>654</v>
      </c>
      <c r="O332">
        <v>3</v>
      </c>
      <c r="P332" t="s">
        <v>655</v>
      </c>
      <c r="Q332">
        <v>1</v>
      </c>
      <c r="R332" t="s">
        <v>656</v>
      </c>
      <c r="S332">
        <v>2</v>
      </c>
      <c r="T332" t="s">
        <v>718</v>
      </c>
      <c r="U332">
        <v>2</v>
      </c>
      <c r="V332">
        <v>2</v>
      </c>
      <c r="W332">
        <v>120</v>
      </c>
      <c r="X332">
        <v>2020</v>
      </c>
    </row>
    <row r="333" spans="1:24" x14ac:dyDescent="0.25">
      <c r="A333">
        <v>14923</v>
      </c>
      <c r="B333" t="s">
        <v>16</v>
      </c>
      <c r="C333">
        <v>5</v>
      </c>
      <c r="D333" t="s">
        <v>439</v>
      </c>
      <c r="E333">
        <v>47</v>
      </c>
      <c r="F333" t="s">
        <v>651</v>
      </c>
      <c r="G333">
        <v>160</v>
      </c>
      <c r="H333" t="s">
        <v>658</v>
      </c>
      <c r="I333">
        <v>13755</v>
      </c>
      <c r="J333" t="s">
        <v>663</v>
      </c>
      <c r="K333">
        <v>99</v>
      </c>
      <c r="L333" t="s">
        <v>983</v>
      </c>
      <c r="M333">
        <v>4096</v>
      </c>
      <c r="N333" t="s">
        <v>654</v>
      </c>
      <c r="O333">
        <v>3</v>
      </c>
      <c r="P333" t="s">
        <v>655</v>
      </c>
      <c r="Q333">
        <v>1</v>
      </c>
      <c r="R333" t="s">
        <v>656</v>
      </c>
      <c r="S333">
        <v>2</v>
      </c>
      <c r="T333" t="s">
        <v>718</v>
      </c>
      <c r="U333">
        <v>2</v>
      </c>
      <c r="V333">
        <v>2</v>
      </c>
      <c r="W333">
        <v>120</v>
      </c>
      <c r="X333">
        <v>2020</v>
      </c>
    </row>
    <row r="334" spans="1:24" x14ac:dyDescent="0.25">
      <c r="A334">
        <v>14920</v>
      </c>
      <c r="B334" t="s">
        <v>20</v>
      </c>
      <c r="C334">
        <v>14</v>
      </c>
      <c r="D334" t="s">
        <v>580</v>
      </c>
      <c r="E334">
        <v>90</v>
      </c>
      <c r="F334" t="s">
        <v>651</v>
      </c>
      <c r="G334">
        <v>160</v>
      </c>
      <c r="H334" t="s">
        <v>681</v>
      </c>
      <c r="I334">
        <v>717</v>
      </c>
      <c r="J334" t="s">
        <v>864</v>
      </c>
      <c r="K334">
        <v>14</v>
      </c>
      <c r="L334" t="s">
        <v>984</v>
      </c>
      <c r="M334">
        <v>4093</v>
      </c>
      <c r="N334" t="s">
        <v>654</v>
      </c>
      <c r="O334">
        <v>3</v>
      </c>
      <c r="P334" t="s">
        <v>655</v>
      </c>
      <c r="Q334">
        <v>1</v>
      </c>
      <c r="R334" t="s">
        <v>656</v>
      </c>
      <c r="S334">
        <v>2</v>
      </c>
      <c r="T334" t="s">
        <v>718</v>
      </c>
      <c r="U334">
        <v>2</v>
      </c>
      <c r="V334">
        <v>2</v>
      </c>
      <c r="W334">
        <v>120</v>
      </c>
      <c r="X334">
        <v>2020</v>
      </c>
    </row>
    <row r="335" spans="1:24" x14ac:dyDescent="0.25">
      <c r="A335">
        <v>14917</v>
      </c>
      <c r="B335" t="s">
        <v>242</v>
      </c>
      <c r="C335">
        <v>37</v>
      </c>
      <c r="D335" t="s">
        <v>316</v>
      </c>
      <c r="E335">
        <v>293</v>
      </c>
      <c r="F335" t="s">
        <v>651</v>
      </c>
      <c r="G335">
        <v>160</v>
      </c>
      <c r="H335" t="s">
        <v>821</v>
      </c>
      <c r="I335">
        <v>10029</v>
      </c>
      <c r="J335" t="s">
        <v>299</v>
      </c>
      <c r="K335">
        <v>27</v>
      </c>
      <c r="L335" t="s">
        <v>985</v>
      </c>
      <c r="M335">
        <v>4090</v>
      </c>
      <c r="N335" t="s">
        <v>654</v>
      </c>
      <c r="O335">
        <v>3</v>
      </c>
      <c r="P335" t="s">
        <v>655</v>
      </c>
      <c r="Q335">
        <v>1</v>
      </c>
      <c r="R335" t="s">
        <v>656</v>
      </c>
      <c r="S335">
        <v>2</v>
      </c>
      <c r="T335" t="s">
        <v>661</v>
      </c>
      <c r="U335">
        <v>8</v>
      </c>
      <c r="V335">
        <v>2</v>
      </c>
      <c r="W335">
        <v>120</v>
      </c>
      <c r="X335">
        <v>2020</v>
      </c>
    </row>
    <row r="336" spans="1:24" x14ac:dyDescent="0.25">
      <c r="A336">
        <v>14914</v>
      </c>
      <c r="B336" t="s">
        <v>22</v>
      </c>
      <c r="C336">
        <v>28</v>
      </c>
      <c r="D336" t="s">
        <v>526</v>
      </c>
      <c r="E336">
        <v>220</v>
      </c>
      <c r="F336" t="s">
        <v>734</v>
      </c>
      <c r="G336">
        <v>122</v>
      </c>
      <c r="H336" t="s">
        <v>986</v>
      </c>
      <c r="I336">
        <v>17522</v>
      </c>
      <c r="J336" t="s">
        <v>691</v>
      </c>
      <c r="K336">
        <v>21</v>
      </c>
      <c r="L336" t="s">
        <v>987</v>
      </c>
      <c r="M336">
        <v>4087</v>
      </c>
      <c r="N336" t="s">
        <v>654</v>
      </c>
      <c r="O336">
        <v>3</v>
      </c>
      <c r="P336" t="s">
        <v>655</v>
      </c>
      <c r="Q336">
        <v>1</v>
      </c>
      <c r="R336" t="s">
        <v>656</v>
      </c>
      <c r="S336">
        <v>2</v>
      </c>
      <c r="T336" t="s">
        <v>661</v>
      </c>
      <c r="U336">
        <v>8</v>
      </c>
      <c r="V336">
        <v>2</v>
      </c>
      <c r="W336">
        <v>120</v>
      </c>
      <c r="X336">
        <v>2020</v>
      </c>
    </row>
    <row r="337" spans="1:24" x14ac:dyDescent="0.25">
      <c r="A337">
        <v>14911</v>
      </c>
      <c r="B337" t="s">
        <v>226</v>
      </c>
      <c r="C337">
        <v>1</v>
      </c>
      <c r="D337" t="s">
        <v>624</v>
      </c>
      <c r="E337">
        <v>11</v>
      </c>
      <c r="F337" t="s">
        <v>651</v>
      </c>
      <c r="G337">
        <v>160</v>
      </c>
      <c r="H337" t="s">
        <v>658</v>
      </c>
      <c r="I337">
        <v>13755</v>
      </c>
      <c r="J337" t="s">
        <v>742</v>
      </c>
      <c r="K337">
        <v>48</v>
      </c>
      <c r="L337" t="s">
        <v>988</v>
      </c>
      <c r="M337">
        <v>4084</v>
      </c>
      <c r="N337" t="s">
        <v>654</v>
      </c>
      <c r="O337">
        <v>3</v>
      </c>
      <c r="P337" t="s">
        <v>655</v>
      </c>
      <c r="Q337">
        <v>1</v>
      </c>
      <c r="R337" t="s">
        <v>656</v>
      </c>
      <c r="S337">
        <v>2</v>
      </c>
      <c r="T337" t="s">
        <v>661</v>
      </c>
      <c r="U337">
        <v>8</v>
      </c>
      <c r="V337">
        <v>2</v>
      </c>
      <c r="W337">
        <v>120</v>
      </c>
      <c r="X337">
        <v>2020</v>
      </c>
    </row>
    <row r="338" spans="1:24" x14ac:dyDescent="0.25">
      <c r="A338">
        <v>14908</v>
      </c>
      <c r="B338" t="s">
        <v>16</v>
      </c>
      <c r="C338">
        <v>5</v>
      </c>
      <c r="D338" t="s">
        <v>439</v>
      </c>
      <c r="E338">
        <v>47</v>
      </c>
      <c r="F338" t="s">
        <v>651</v>
      </c>
      <c r="G338">
        <v>160</v>
      </c>
      <c r="H338" t="s">
        <v>658</v>
      </c>
      <c r="I338">
        <v>13755</v>
      </c>
      <c r="J338" t="s">
        <v>663</v>
      </c>
      <c r="K338">
        <v>99</v>
      </c>
      <c r="L338" t="s">
        <v>989</v>
      </c>
      <c r="M338">
        <v>4081</v>
      </c>
      <c r="N338" t="s">
        <v>654</v>
      </c>
      <c r="O338">
        <v>3</v>
      </c>
      <c r="P338" t="s">
        <v>655</v>
      </c>
      <c r="Q338">
        <v>1</v>
      </c>
      <c r="R338" t="s">
        <v>656</v>
      </c>
      <c r="S338">
        <v>2</v>
      </c>
      <c r="T338" t="s">
        <v>990</v>
      </c>
      <c r="U338">
        <v>185</v>
      </c>
      <c r="V338">
        <v>2</v>
      </c>
      <c r="W338">
        <v>120</v>
      </c>
      <c r="X338">
        <v>2020</v>
      </c>
    </row>
    <row r="339" spans="1:24" x14ac:dyDescent="0.25">
      <c r="A339">
        <v>14905</v>
      </c>
      <c r="B339" t="s">
        <v>53</v>
      </c>
      <c r="C339">
        <v>60</v>
      </c>
      <c r="D339" t="s">
        <v>428</v>
      </c>
      <c r="E339">
        <v>410</v>
      </c>
      <c r="F339" t="s">
        <v>651</v>
      </c>
      <c r="G339">
        <v>160</v>
      </c>
      <c r="H339" t="s">
        <v>658</v>
      </c>
      <c r="I339">
        <v>13755</v>
      </c>
      <c r="J339" t="s">
        <v>299</v>
      </c>
      <c r="K339">
        <v>27</v>
      </c>
      <c r="L339" t="s">
        <v>991</v>
      </c>
      <c r="M339">
        <v>4078</v>
      </c>
      <c r="N339" t="s">
        <v>654</v>
      </c>
      <c r="O339">
        <v>3</v>
      </c>
      <c r="P339" t="s">
        <v>655</v>
      </c>
      <c r="Q339">
        <v>1</v>
      </c>
      <c r="R339" t="s">
        <v>656</v>
      </c>
      <c r="S339">
        <v>2</v>
      </c>
      <c r="T339" t="s">
        <v>661</v>
      </c>
      <c r="U339">
        <v>8</v>
      </c>
      <c r="V339">
        <v>2</v>
      </c>
      <c r="W339">
        <v>120</v>
      </c>
      <c r="X339">
        <v>2020</v>
      </c>
    </row>
    <row r="340" spans="1:24" x14ac:dyDescent="0.25">
      <c r="A340">
        <v>14902</v>
      </c>
      <c r="B340" t="s">
        <v>16</v>
      </c>
      <c r="C340">
        <v>5</v>
      </c>
      <c r="D340" t="s">
        <v>458</v>
      </c>
      <c r="E340">
        <v>48</v>
      </c>
      <c r="F340" t="s">
        <v>651</v>
      </c>
      <c r="G340">
        <v>160</v>
      </c>
      <c r="H340" t="s">
        <v>658</v>
      </c>
      <c r="I340">
        <v>13755</v>
      </c>
      <c r="J340" t="s">
        <v>676</v>
      </c>
      <c r="K340">
        <v>4</v>
      </c>
      <c r="L340" t="s">
        <v>992</v>
      </c>
      <c r="M340">
        <v>3786</v>
      </c>
      <c r="N340" t="s">
        <v>654</v>
      </c>
      <c r="O340">
        <v>3</v>
      </c>
      <c r="P340" t="s">
        <v>655</v>
      </c>
      <c r="Q340">
        <v>1</v>
      </c>
      <c r="R340" t="s">
        <v>656</v>
      </c>
      <c r="S340">
        <v>2</v>
      </c>
      <c r="T340" t="s">
        <v>718</v>
      </c>
      <c r="U340">
        <v>2</v>
      </c>
      <c r="V340">
        <v>2</v>
      </c>
      <c r="W340">
        <v>120</v>
      </c>
      <c r="X340">
        <v>2020</v>
      </c>
    </row>
    <row r="341" spans="1:24" x14ac:dyDescent="0.25">
      <c r="A341">
        <v>14899</v>
      </c>
      <c r="B341" t="s">
        <v>30</v>
      </c>
      <c r="C341">
        <v>18</v>
      </c>
      <c r="D341" t="s">
        <v>562</v>
      </c>
      <c r="E341">
        <v>132</v>
      </c>
      <c r="F341" t="s">
        <v>651</v>
      </c>
      <c r="G341">
        <v>160</v>
      </c>
      <c r="H341" t="s">
        <v>739</v>
      </c>
      <c r="I341">
        <v>4413</v>
      </c>
      <c r="J341" t="s">
        <v>707</v>
      </c>
      <c r="K341">
        <v>59</v>
      </c>
      <c r="L341" t="s">
        <v>993</v>
      </c>
      <c r="M341">
        <v>3576</v>
      </c>
      <c r="N341" t="s">
        <v>654</v>
      </c>
      <c r="O341">
        <v>3</v>
      </c>
      <c r="P341" t="s">
        <v>655</v>
      </c>
      <c r="Q341">
        <v>1</v>
      </c>
      <c r="R341" t="s">
        <v>656</v>
      </c>
      <c r="S341">
        <v>2</v>
      </c>
      <c r="T341" t="s">
        <v>718</v>
      </c>
      <c r="U341">
        <v>2</v>
      </c>
      <c r="V341">
        <v>2</v>
      </c>
      <c r="W341">
        <v>120</v>
      </c>
      <c r="X341">
        <v>2020</v>
      </c>
    </row>
    <row r="342" spans="1:24" x14ac:dyDescent="0.25">
      <c r="A342">
        <v>14896</v>
      </c>
      <c r="B342" t="s">
        <v>16</v>
      </c>
      <c r="C342">
        <v>5</v>
      </c>
      <c r="D342" t="s">
        <v>458</v>
      </c>
      <c r="E342">
        <v>48</v>
      </c>
      <c r="F342" t="s">
        <v>651</v>
      </c>
      <c r="G342">
        <v>160</v>
      </c>
      <c r="H342" t="s">
        <v>658</v>
      </c>
      <c r="I342">
        <v>13755</v>
      </c>
      <c r="J342" t="s">
        <v>676</v>
      </c>
      <c r="K342">
        <v>4</v>
      </c>
      <c r="L342" t="s">
        <v>994</v>
      </c>
      <c r="M342">
        <v>897</v>
      </c>
      <c r="N342" t="s">
        <v>654</v>
      </c>
      <c r="O342">
        <v>3</v>
      </c>
      <c r="P342" t="s">
        <v>655</v>
      </c>
      <c r="Q342">
        <v>1</v>
      </c>
      <c r="R342" t="s">
        <v>656</v>
      </c>
      <c r="S342">
        <v>2</v>
      </c>
      <c r="T342" t="s">
        <v>718</v>
      </c>
      <c r="U342">
        <v>2</v>
      </c>
      <c r="V342">
        <v>2</v>
      </c>
      <c r="W342">
        <v>120</v>
      </c>
      <c r="X342">
        <v>2020</v>
      </c>
    </row>
    <row r="343" spans="1:24" x14ac:dyDescent="0.25">
      <c r="A343">
        <v>14893</v>
      </c>
      <c r="B343" t="s">
        <v>16</v>
      </c>
      <c r="C343">
        <v>5</v>
      </c>
      <c r="D343" t="s">
        <v>605</v>
      </c>
      <c r="E343">
        <v>36</v>
      </c>
      <c r="F343" t="s">
        <v>651</v>
      </c>
      <c r="G343">
        <v>160</v>
      </c>
      <c r="H343" t="s">
        <v>658</v>
      </c>
      <c r="I343">
        <v>13755</v>
      </c>
      <c r="J343" t="s">
        <v>682</v>
      </c>
      <c r="K343">
        <v>20</v>
      </c>
      <c r="L343" t="s">
        <v>995</v>
      </c>
      <c r="M343">
        <v>4105</v>
      </c>
      <c r="N343" t="s">
        <v>654</v>
      </c>
      <c r="O343">
        <v>3</v>
      </c>
      <c r="P343" t="s">
        <v>655</v>
      </c>
      <c r="Q343">
        <v>1</v>
      </c>
      <c r="R343" t="s">
        <v>656</v>
      </c>
      <c r="S343">
        <v>2</v>
      </c>
      <c r="T343" t="s">
        <v>661</v>
      </c>
      <c r="U343">
        <v>8</v>
      </c>
      <c r="V343">
        <v>2</v>
      </c>
      <c r="W343">
        <v>120</v>
      </c>
      <c r="X343">
        <v>2020</v>
      </c>
    </row>
    <row r="344" spans="1:24" x14ac:dyDescent="0.25">
      <c r="A344">
        <v>14890</v>
      </c>
      <c r="B344" t="s">
        <v>104</v>
      </c>
      <c r="C344">
        <v>25</v>
      </c>
      <c r="D344" t="s">
        <v>536</v>
      </c>
      <c r="E344">
        <v>185</v>
      </c>
      <c r="F344" t="s">
        <v>651</v>
      </c>
      <c r="G344">
        <v>160</v>
      </c>
      <c r="H344" t="s">
        <v>747</v>
      </c>
      <c r="I344">
        <v>4847</v>
      </c>
      <c r="J344" t="s">
        <v>710</v>
      </c>
      <c r="K344">
        <v>53</v>
      </c>
      <c r="L344" t="s">
        <v>996</v>
      </c>
      <c r="M344">
        <v>620</v>
      </c>
      <c r="N344" t="s">
        <v>654</v>
      </c>
      <c r="O344">
        <v>3</v>
      </c>
      <c r="P344" t="s">
        <v>655</v>
      </c>
      <c r="Q344">
        <v>1</v>
      </c>
      <c r="R344" t="s">
        <v>656</v>
      </c>
      <c r="S344">
        <v>2</v>
      </c>
      <c r="T344" t="s">
        <v>718</v>
      </c>
      <c r="U344">
        <v>2</v>
      </c>
      <c r="V344">
        <v>2</v>
      </c>
      <c r="W344">
        <v>120</v>
      </c>
      <c r="X344">
        <v>2020</v>
      </c>
    </row>
    <row r="345" spans="1:24" x14ac:dyDescent="0.25">
      <c r="A345">
        <v>14887</v>
      </c>
      <c r="B345" t="s">
        <v>206</v>
      </c>
      <c r="C345">
        <v>33</v>
      </c>
      <c r="D345" t="s">
        <v>349</v>
      </c>
      <c r="E345">
        <v>617</v>
      </c>
      <c r="F345" t="s">
        <v>651</v>
      </c>
      <c r="G345">
        <v>160</v>
      </c>
      <c r="H345" t="s">
        <v>719</v>
      </c>
      <c r="I345">
        <v>7630</v>
      </c>
      <c r="J345" t="s">
        <v>673</v>
      </c>
      <c r="K345">
        <v>34</v>
      </c>
      <c r="L345" t="s">
        <v>997</v>
      </c>
      <c r="M345">
        <v>1657</v>
      </c>
      <c r="N345" t="s">
        <v>654</v>
      </c>
      <c r="O345">
        <v>3</v>
      </c>
      <c r="P345" t="s">
        <v>655</v>
      </c>
      <c r="Q345">
        <v>1</v>
      </c>
      <c r="R345" t="s">
        <v>656</v>
      </c>
      <c r="S345">
        <v>2</v>
      </c>
      <c r="T345" t="s">
        <v>718</v>
      </c>
      <c r="U345">
        <v>2</v>
      </c>
      <c r="V345">
        <v>2</v>
      </c>
      <c r="W345">
        <v>120</v>
      </c>
      <c r="X345">
        <v>2020</v>
      </c>
    </row>
    <row r="346" spans="1:24" x14ac:dyDescent="0.25">
      <c r="A346">
        <v>14884</v>
      </c>
      <c r="B346" t="s">
        <v>226</v>
      </c>
      <c r="C346">
        <v>1</v>
      </c>
      <c r="D346" t="s">
        <v>625</v>
      </c>
      <c r="E346">
        <v>9</v>
      </c>
      <c r="F346" t="s">
        <v>651</v>
      </c>
      <c r="G346">
        <v>160</v>
      </c>
      <c r="H346" t="s">
        <v>658</v>
      </c>
      <c r="I346">
        <v>13755</v>
      </c>
      <c r="J346" t="s">
        <v>767</v>
      </c>
      <c r="K346">
        <v>44</v>
      </c>
      <c r="L346" t="s">
        <v>998</v>
      </c>
      <c r="M346">
        <v>4126</v>
      </c>
      <c r="N346" t="s">
        <v>654</v>
      </c>
      <c r="O346">
        <v>3</v>
      </c>
      <c r="P346" t="s">
        <v>655</v>
      </c>
      <c r="Q346">
        <v>1</v>
      </c>
      <c r="R346" t="s">
        <v>656</v>
      </c>
      <c r="S346">
        <v>2</v>
      </c>
      <c r="T346" t="s">
        <v>718</v>
      </c>
      <c r="U346">
        <v>2</v>
      </c>
      <c r="V346">
        <v>2</v>
      </c>
      <c r="W346">
        <v>120</v>
      </c>
      <c r="X346">
        <v>2020</v>
      </c>
    </row>
    <row r="347" spans="1:24" x14ac:dyDescent="0.25">
      <c r="A347">
        <v>14881</v>
      </c>
      <c r="B347" t="s">
        <v>26</v>
      </c>
      <c r="C347">
        <v>44</v>
      </c>
      <c r="D347" t="s">
        <v>25</v>
      </c>
      <c r="E347">
        <v>1363</v>
      </c>
      <c r="F347" t="s">
        <v>651</v>
      </c>
      <c r="G347">
        <v>160</v>
      </c>
      <c r="H347" t="s">
        <v>999</v>
      </c>
      <c r="I347">
        <v>17536</v>
      </c>
      <c r="J347" t="s">
        <v>932</v>
      </c>
      <c r="K347">
        <v>77</v>
      </c>
      <c r="L347" t="s">
        <v>839</v>
      </c>
      <c r="M347">
        <v>327</v>
      </c>
      <c r="N347" t="s">
        <v>668</v>
      </c>
      <c r="O347">
        <v>4</v>
      </c>
      <c r="P347" t="s">
        <v>655</v>
      </c>
      <c r="Q347">
        <v>1</v>
      </c>
      <c r="R347" t="s">
        <v>669</v>
      </c>
      <c r="S347">
        <v>1</v>
      </c>
      <c r="T347" t="s">
        <v>718</v>
      </c>
      <c r="U347">
        <v>2</v>
      </c>
      <c r="V347">
        <v>6</v>
      </c>
      <c r="W347">
        <v>360</v>
      </c>
      <c r="X347">
        <v>2020</v>
      </c>
    </row>
    <row r="348" spans="1:24" x14ac:dyDescent="0.25">
      <c r="A348">
        <v>14875</v>
      </c>
      <c r="B348" t="s">
        <v>93</v>
      </c>
      <c r="C348">
        <v>48</v>
      </c>
      <c r="D348" t="s">
        <v>170</v>
      </c>
      <c r="E348">
        <v>1126</v>
      </c>
      <c r="F348" t="s">
        <v>892</v>
      </c>
      <c r="G348" t="s">
        <v>892</v>
      </c>
      <c r="H348" t="s">
        <v>892</v>
      </c>
      <c r="I348" t="s">
        <v>892</v>
      </c>
      <c r="J348" t="s">
        <v>819</v>
      </c>
      <c r="K348">
        <v>101</v>
      </c>
      <c r="L348" t="s">
        <v>892</v>
      </c>
      <c r="M348" t="s">
        <v>892</v>
      </c>
      <c r="N348" t="s">
        <v>892</v>
      </c>
      <c r="O348" t="s">
        <v>892</v>
      </c>
      <c r="P348" t="s">
        <v>746</v>
      </c>
      <c r="Q348">
        <v>2</v>
      </c>
      <c r="R348" t="s">
        <v>893</v>
      </c>
      <c r="S348">
        <v>3</v>
      </c>
      <c r="T348" t="s">
        <v>892</v>
      </c>
      <c r="U348" t="s">
        <v>892</v>
      </c>
      <c r="V348">
        <v>3</v>
      </c>
      <c r="W348">
        <v>180</v>
      </c>
      <c r="X348">
        <v>2020</v>
      </c>
    </row>
    <row r="349" spans="1:24" x14ac:dyDescent="0.25">
      <c r="A349">
        <v>14872</v>
      </c>
      <c r="B349" t="s">
        <v>93</v>
      </c>
      <c r="C349">
        <v>48</v>
      </c>
      <c r="D349" t="s">
        <v>170</v>
      </c>
      <c r="E349">
        <v>1126</v>
      </c>
      <c r="F349" t="s">
        <v>892</v>
      </c>
      <c r="G349" t="s">
        <v>892</v>
      </c>
      <c r="H349" t="s">
        <v>892</v>
      </c>
      <c r="I349" t="s">
        <v>892</v>
      </c>
      <c r="J349" t="s">
        <v>819</v>
      </c>
      <c r="K349">
        <v>101</v>
      </c>
      <c r="L349" t="s">
        <v>892</v>
      </c>
      <c r="M349" t="s">
        <v>892</v>
      </c>
      <c r="N349" t="s">
        <v>892</v>
      </c>
      <c r="O349" t="s">
        <v>892</v>
      </c>
      <c r="P349" t="s">
        <v>655</v>
      </c>
      <c r="Q349">
        <v>1</v>
      </c>
      <c r="R349" t="s">
        <v>893</v>
      </c>
      <c r="S349">
        <v>3</v>
      </c>
      <c r="T349" t="s">
        <v>892</v>
      </c>
      <c r="U349" t="s">
        <v>892</v>
      </c>
      <c r="V349">
        <v>3</v>
      </c>
      <c r="W349">
        <v>180</v>
      </c>
      <c r="X349">
        <v>2020</v>
      </c>
    </row>
    <row r="350" spans="1:24" x14ac:dyDescent="0.25">
      <c r="A350">
        <v>14869</v>
      </c>
      <c r="B350" t="s">
        <v>95</v>
      </c>
      <c r="C350">
        <v>26</v>
      </c>
      <c r="D350" t="s">
        <v>147</v>
      </c>
      <c r="E350">
        <v>1151</v>
      </c>
      <c r="F350" t="s">
        <v>892</v>
      </c>
      <c r="G350" t="s">
        <v>892</v>
      </c>
      <c r="H350" t="s">
        <v>892</v>
      </c>
      <c r="I350" t="s">
        <v>892</v>
      </c>
      <c r="J350" t="s">
        <v>819</v>
      </c>
      <c r="K350">
        <v>101</v>
      </c>
      <c r="L350" t="s">
        <v>892</v>
      </c>
      <c r="M350" t="s">
        <v>892</v>
      </c>
      <c r="N350" t="s">
        <v>892</v>
      </c>
      <c r="O350" t="s">
        <v>892</v>
      </c>
      <c r="P350" t="s">
        <v>746</v>
      </c>
      <c r="Q350">
        <v>2</v>
      </c>
      <c r="R350" t="s">
        <v>893</v>
      </c>
      <c r="S350">
        <v>3</v>
      </c>
      <c r="T350" t="s">
        <v>892</v>
      </c>
      <c r="U350" t="s">
        <v>892</v>
      </c>
      <c r="V350">
        <v>3</v>
      </c>
      <c r="W350">
        <v>180</v>
      </c>
      <c r="X350">
        <v>2020</v>
      </c>
    </row>
    <row r="351" spans="1:24" x14ac:dyDescent="0.25">
      <c r="A351">
        <v>14866</v>
      </c>
      <c r="B351" t="s">
        <v>95</v>
      </c>
      <c r="C351">
        <v>26</v>
      </c>
      <c r="D351" t="s">
        <v>147</v>
      </c>
      <c r="E351">
        <v>1151</v>
      </c>
      <c r="F351" t="s">
        <v>892</v>
      </c>
      <c r="G351" t="s">
        <v>892</v>
      </c>
      <c r="H351" t="s">
        <v>892</v>
      </c>
      <c r="I351" t="s">
        <v>892</v>
      </c>
      <c r="J351" t="s">
        <v>819</v>
      </c>
      <c r="K351">
        <v>101</v>
      </c>
      <c r="L351" t="s">
        <v>892</v>
      </c>
      <c r="M351" t="s">
        <v>892</v>
      </c>
      <c r="N351" t="s">
        <v>892</v>
      </c>
      <c r="O351" t="s">
        <v>892</v>
      </c>
      <c r="P351" t="s">
        <v>655</v>
      </c>
      <c r="Q351">
        <v>1</v>
      </c>
      <c r="R351" t="s">
        <v>893</v>
      </c>
      <c r="S351">
        <v>3</v>
      </c>
      <c r="T351" t="s">
        <v>892</v>
      </c>
      <c r="U351" t="s">
        <v>892</v>
      </c>
      <c r="V351">
        <v>3</v>
      </c>
      <c r="W351">
        <v>180</v>
      </c>
      <c r="X351">
        <v>2020</v>
      </c>
    </row>
    <row r="352" spans="1:24" x14ac:dyDescent="0.25">
      <c r="A352">
        <v>14862</v>
      </c>
      <c r="B352" t="s">
        <v>30</v>
      </c>
      <c r="C352">
        <v>18</v>
      </c>
      <c r="D352" t="s">
        <v>426</v>
      </c>
      <c r="E352">
        <v>105</v>
      </c>
      <c r="F352" t="s">
        <v>651</v>
      </c>
      <c r="G352">
        <v>160</v>
      </c>
      <c r="H352" t="s">
        <v>922</v>
      </c>
      <c r="I352">
        <v>8163</v>
      </c>
      <c r="J352" t="s">
        <v>667</v>
      </c>
      <c r="K352">
        <v>11</v>
      </c>
      <c r="L352" t="s">
        <v>667</v>
      </c>
      <c r="M352">
        <v>35</v>
      </c>
      <c r="N352" t="s">
        <v>654</v>
      </c>
      <c r="O352">
        <v>3</v>
      </c>
      <c r="P352" t="s">
        <v>655</v>
      </c>
      <c r="Q352">
        <v>1</v>
      </c>
      <c r="R352" t="s">
        <v>669</v>
      </c>
      <c r="S352">
        <v>1</v>
      </c>
      <c r="T352" t="s">
        <v>1000</v>
      </c>
      <c r="U352">
        <v>60</v>
      </c>
      <c r="V352">
        <v>3</v>
      </c>
      <c r="W352">
        <v>180</v>
      </c>
      <c r="X352">
        <v>2020</v>
      </c>
    </row>
    <row r="353" spans="1:24" x14ac:dyDescent="0.25">
      <c r="A353">
        <v>14856</v>
      </c>
      <c r="B353" t="s">
        <v>53</v>
      </c>
      <c r="C353">
        <v>60</v>
      </c>
      <c r="D353" t="s">
        <v>427</v>
      </c>
      <c r="E353">
        <v>411</v>
      </c>
      <c r="F353" t="s">
        <v>651</v>
      </c>
      <c r="G353">
        <v>160</v>
      </c>
      <c r="H353" t="s">
        <v>658</v>
      </c>
      <c r="I353">
        <v>13755</v>
      </c>
      <c r="J353" t="s">
        <v>892</v>
      </c>
      <c r="K353" t="s">
        <v>892</v>
      </c>
      <c r="L353" t="s">
        <v>1001</v>
      </c>
      <c r="M353">
        <v>3895</v>
      </c>
      <c r="N353" t="s">
        <v>654</v>
      </c>
      <c r="O353">
        <v>3</v>
      </c>
      <c r="P353" t="s">
        <v>655</v>
      </c>
      <c r="Q353">
        <v>1</v>
      </c>
      <c r="R353" t="s">
        <v>1002</v>
      </c>
      <c r="S353">
        <v>5</v>
      </c>
      <c r="T353" t="s">
        <v>661</v>
      </c>
      <c r="U353">
        <v>8</v>
      </c>
      <c r="V353">
        <v>1</v>
      </c>
      <c r="W353">
        <v>60</v>
      </c>
      <c r="X353">
        <v>2020</v>
      </c>
    </row>
    <row r="354" spans="1:24" x14ac:dyDescent="0.25">
      <c r="A354">
        <v>14853</v>
      </c>
      <c r="B354" t="s">
        <v>16</v>
      </c>
      <c r="C354">
        <v>5</v>
      </c>
      <c r="D354" t="s">
        <v>439</v>
      </c>
      <c r="E354">
        <v>47</v>
      </c>
      <c r="F354" t="s">
        <v>651</v>
      </c>
      <c r="G354">
        <v>160</v>
      </c>
      <c r="H354" t="s">
        <v>658</v>
      </c>
      <c r="I354">
        <v>13755</v>
      </c>
      <c r="J354" t="s">
        <v>699</v>
      </c>
      <c r="K354">
        <v>10</v>
      </c>
      <c r="L354" t="s">
        <v>700</v>
      </c>
      <c r="M354">
        <v>348</v>
      </c>
      <c r="N354" t="s">
        <v>654</v>
      </c>
      <c r="O354">
        <v>3</v>
      </c>
      <c r="P354" t="s">
        <v>655</v>
      </c>
      <c r="Q354">
        <v>1</v>
      </c>
      <c r="R354" t="s">
        <v>669</v>
      </c>
      <c r="S354">
        <v>1</v>
      </c>
      <c r="T354" t="s">
        <v>1003</v>
      </c>
      <c r="U354">
        <v>779</v>
      </c>
      <c r="V354">
        <v>3</v>
      </c>
      <c r="W354">
        <v>180</v>
      </c>
      <c r="X354">
        <v>2020</v>
      </c>
    </row>
    <row r="355" spans="1:24" x14ac:dyDescent="0.25">
      <c r="A355">
        <v>14850</v>
      </c>
      <c r="B355" t="s">
        <v>186</v>
      </c>
      <c r="C355">
        <v>47</v>
      </c>
      <c r="D355" t="s">
        <v>461</v>
      </c>
      <c r="E355">
        <v>352</v>
      </c>
      <c r="F355" t="s">
        <v>651</v>
      </c>
      <c r="G355">
        <v>160</v>
      </c>
      <c r="H355" t="s">
        <v>773</v>
      </c>
      <c r="I355">
        <v>11846</v>
      </c>
      <c r="J355" t="s">
        <v>917</v>
      </c>
      <c r="K355">
        <v>83</v>
      </c>
      <c r="L355" t="s">
        <v>1004</v>
      </c>
      <c r="M355">
        <v>4074</v>
      </c>
      <c r="N355" t="s">
        <v>654</v>
      </c>
      <c r="O355">
        <v>3</v>
      </c>
      <c r="P355" t="s">
        <v>655</v>
      </c>
      <c r="Q355">
        <v>1</v>
      </c>
      <c r="R355" t="s">
        <v>656</v>
      </c>
      <c r="S355">
        <v>2</v>
      </c>
      <c r="T355" t="s">
        <v>718</v>
      </c>
      <c r="U355">
        <v>2</v>
      </c>
      <c r="V355">
        <v>2</v>
      </c>
      <c r="W355">
        <v>120</v>
      </c>
      <c r="X355">
        <v>2020</v>
      </c>
    </row>
    <row r="356" spans="1:24" x14ac:dyDescent="0.25">
      <c r="A356">
        <v>14844</v>
      </c>
      <c r="B356" t="s">
        <v>291</v>
      </c>
      <c r="C356">
        <v>500</v>
      </c>
      <c r="D356" t="s">
        <v>290</v>
      </c>
      <c r="E356">
        <v>1014</v>
      </c>
      <c r="F356" t="s">
        <v>892</v>
      </c>
      <c r="G356" t="s">
        <v>892</v>
      </c>
      <c r="H356" t="s">
        <v>892</v>
      </c>
      <c r="I356" t="s">
        <v>892</v>
      </c>
      <c r="J356" t="s">
        <v>1005</v>
      </c>
      <c r="K356">
        <v>72</v>
      </c>
      <c r="L356" t="s">
        <v>892</v>
      </c>
      <c r="M356" t="s">
        <v>892</v>
      </c>
      <c r="N356" t="s">
        <v>892</v>
      </c>
      <c r="O356" t="s">
        <v>892</v>
      </c>
      <c r="P356" t="s">
        <v>746</v>
      </c>
      <c r="Q356">
        <v>2</v>
      </c>
      <c r="R356" t="s">
        <v>893</v>
      </c>
      <c r="S356">
        <v>3</v>
      </c>
      <c r="T356" t="s">
        <v>892</v>
      </c>
      <c r="U356" t="s">
        <v>892</v>
      </c>
      <c r="V356">
        <v>3</v>
      </c>
      <c r="W356">
        <v>180</v>
      </c>
      <c r="X356">
        <v>2020</v>
      </c>
    </row>
    <row r="357" spans="1:24" x14ac:dyDescent="0.25">
      <c r="A357">
        <v>14841</v>
      </c>
      <c r="B357" t="s">
        <v>291</v>
      </c>
      <c r="C357">
        <v>500</v>
      </c>
      <c r="D357" t="s">
        <v>290</v>
      </c>
      <c r="E357">
        <v>1014</v>
      </c>
      <c r="F357" t="s">
        <v>892</v>
      </c>
      <c r="G357" t="s">
        <v>892</v>
      </c>
      <c r="H357" t="s">
        <v>892</v>
      </c>
      <c r="I357" t="s">
        <v>892</v>
      </c>
      <c r="J357" t="s">
        <v>1005</v>
      </c>
      <c r="K357">
        <v>72</v>
      </c>
      <c r="L357" t="s">
        <v>892</v>
      </c>
      <c r="M357" t="s">
        <v>892</v>
      </c>
      <c r="N357" t="s">
        <v>892</v>
      </c>
      <c r="O357" t="s">
        <v>892</v>
      </c>
      <c r="P357" t="s">
        <v>655</v>
      </c>
      <c r="Q357">
        <v>1</v>
      </c>
      <c r="R357" t="s">
        <v>893</v>
      </c>
      <c r="S357">
        <v>3</v>
      </c>
      <c r="T357" t="s">
        <v>892</v>
      </c>
      <c r="U357" t="s">
        <v>892</v>
      </c>
      <c r="V357">
        <v>3</v>
      </c>
      <c r="W357">
        <v>180</v>
      </c>
      <c r="X357">
        <v>2020</v>
      </c>
    </row>
    <row r="358" spans="1:24" x14ac:dyDescent="0.25">
      <c r="A358">
        <v>14838</v>
      </c>
      <c r="B358" t="s">
        <v>291</v>
      </c>
      <c r="C358">
        <v>500</v>
      </c>
      <c r="D358" t="s">
        <v>290</v>
      </c>
      <c r="E358">
        <v>1014</v>
      </c>
      <c r="F358" t="s">
        <v>892</v>
      </c>
      <c r="G358" t="s">
        <v>892</v>
      </c>
      <c r="H358" t="s">
        <v>892</v>
      </c>
      <c r="I358" t="s">
        <v>892</v>
      </c>
      <c r="J358" t="s">
        <v>703</v>
      </c>
      <c r="K358">
        <v>16</v>
      </c>
      <c r="L358" t="s">
        <v>892</v>
      </c>
      <c r="M358" t="s">
        <v>892</v>
      </c>
      <c r="N358" t="s">
        <v>892</v>
      </c>
      <c r="O358" t="s">
        <v>892</v>
      </c>
      <c r="P358" t="s">
        <v>746</v>
      </c>
      <c r="Q358">
        <v>2</v>
      </c>
      <c r="R358" t="s">
        <v>893</v>
      </c>
      <c r="S358">
        <v>3</v>
      </c>
      <c r="T358" t="s">
        <v>892</v>
      </c>
      <c r="U358" t="s">
        <v>892</v>
      </c>
      <c r="V358">
        <v>3</v>
      </c>
      <c r="W358">
        <v>180</v>
      </c>
      <c r="X358">
        <v>2020</v>
      </c>
    </row>
    <row r="359" spans="1:24" x14ac:dyDescent="0.25">
      <c r="A359">
        <v>14835</v>
      </c>
      <c r="B359" t="s">
        <v>291</v>
      </c>
      <c r="C359">
        <v>500</v>
      </c>
      <c r="D359" t="s">
        <v>290</v>
      </c>
      <c r="E359">
        <v>1014</v>
      </c>
      <c r="F359" t="s">
        <v>892</v>
      </c>
      <c r="G359" t="s">
        <v>892</v>
      </c>
      <c r="H359" t="s">
        <v>892</v>
      </c>
      <c r="I359" t="s">
        <v>892</v>
      </c>
      <c r="J359" t="s">
        <v>703</v>
      </c>
      <c r="K359">
        <v>16</v>
      </c>
      <c r="L359" t="s">
        <v>892</v>
      </c>
      <c r="M359" t="s">
        <v>892</v>
      </c>
      <c r="N359" t="s">
        <v>892</v>
      </c>
      <c r="O359" t="s">
        <v>892</v>
      </c>
      <c r="P359" t="s">
        <v>655</v>
      </c>
      <c r="Q359">
        <v>1</v>
      </c>
      <c r="R359" t="s">
        <v>893</v>
      </c>
      <c r="S359">
        <v>3</v>
      </c>
      <c r="T359" t="s">
        <v>892</v>
      </c>
      <c r="U359" t="s">
        <v>892</v>
      </c>
      <c r="V359">
        <v>3</v>
      </c>
      <c r="W359">
        <v>180</v>
      </c>
      <c r="X359">
        <v>2020</v>
      </c>
    </row>
    <row r="360" spans="1:24" x14ac:dyDescent="0.25">
      <c r="A360">
        <v>14832</v>
      </c>
      <c r="B360" t="s">
        <v>93</v>
      </c>
      <c r="C360">
        <v>48</v>
      </c>
      <c r="D360" t="s">
        <v>170</v>
      </c>
      <c r="E360">
        <v>1126</v>
      </c>
      <c r="F360" t="s">
        <v>892</v>
      </c>
      <c r="G360" t="s">
        <v>892</v>
      </c>
      <c r="H360" t="s">
        <v>892</v>
      </c>
      <c r="I360" t="s">
        <v>892</v>
      </c>
      <c r="J360" t="s">
        <v>684</v>
      </c>
      <c r="K360">
        <v>22</v>
      </c>
      <c r="L360" t="s">
        <v>892</v>
      </c>
      <c r="M360" t="s">
        <v>892</v>
      </c>
      <c r="N360" t="s">
        <v>892</v>
      </c>
      <c r="O360" t="s">
        <v>892</v>
      </c>
      <c r="P360" t="s">
        <v>746</v>
      </c>
      <c r="Q360">
        <v>2</v>
      </c>
      <c r="R360" t="s">
        <v>893</v>
      </c>
      <c r="S360">
        <v>3</v>
      </c>
      <c r="T360" t="s">
        <v>892</v>
      </c>
      <c r="U360" t="s">
        <v>892</v>
      </c>
      <c r="V360">
        <v>3</v>
      </c>
      <c r="W360">
        <v>180</v>
      </c>
      <c r="X360">
        <v>2020</v>
      </c>
    </row>
    <row r="361" spans="1:24" x14ac:dyDescent="0.25">
      <c r="A361">
        <v>14829</v>
      </c>
      <c r="B361" t="s">
        <v>93</v>
      </c>
      <c r="C361">
        <v>48</v>
      </c>
      <c r="D361" t="s">
        <v>170</v>
      </c>
      <c r="E361">
        <v>1126</v>
      </c>
      <c r="F361" t="s">
        <v>892</v>
      </c>
      <c r="G361" t="s">
        <v>892</v>
      </c>
      <c r="H361" t="s">
        <v>892</v>
      </c>
      <c r="I361" t="s">
        <v>892</v>
      </c>
      <c r="J361" t="s">
        <v>684</v>
      </c>
      <c r="K361">
        <v>22</v>
      </c>
      <c r="L361" t="s">
        <v>892</v>
      </c>
      <c r="M361" t="s">
        <v>892</v>
      </c>
      <c r="N361" t="s">
        <v>892</v>
      </c>
      <c r="O361" t="s">
        <v>892</v>
      </c>
      <c r="P361" t="s">
        <v>655</v>
      </c>
      <c r="Q361">
        <v>1</v>
      </c>
      <c r="R361" t="s">
        <v>893</v>
      </c>
      <c r="S361">
        <v>3</v>
      </c>
      <c r="T361" t="s">
        <v>892</v>
      </c>
      <c r="U361" t="s">
        <v>892</v>
      </c>
      <c r="V361">
        <v>3</v>
      </c>
      <c r="W361">
        <v>180</v>
      </c>
      <c r="X361">
        <v>2020</v>
      </c>
    </row>
    <row r="362" spans="1:24" x14ac:dyDescent="0.25">
      <c r="A362">
        <v>14826</v>
      </c>
      <c r="B362" t="s">
        <v>26</v>
      </c>
      <c r="C362">
        <v>44</v>
      </c>
      <c r="D362" t="s">
        <v>240</v>
      </c>
      <c r="E362">
        <v>1069</v>
      </c>
      <c r="F362" t="s">
        <v>892</v>
      </c>
      <c r="G362" t="s">
        <v>892</v>
      </c>
      <c r="H362" t="s">
        <v>892</v>
      </c>
      <c r="I362" t="s">
        <v>892</v>
      </c>
      <c r="J362" t="s">
        <v>730</v>
      </c>
      <c r="K362">
        <v>66</v>
      </c>
      <c r="L362" t="s">
        <v>892</v>
      </c>
      <c r="M362" t="s">
        <v>892</v>
      </c>
      <c r="N362" t="s">
        <v>892</v>
      </c>
      <c r="O362" t="s">
        <v>892</v>
      </c>
      <c r="P362" t="s">
        <v>746</v>
      </c>
      <c r="Q362">
        <v>2</v>
      </c>
      <c r="R362" t="s">
        <v>893</v>
      </c>
      <c r="S362">
        <v>3</v>
      </c>
      <c r="T362" t="s">
        <v>892</v>
      </c>
      <c r="U362" t="s">
        <v>892</v>
      </c>
      <c r="V362">
        <v>3</v>
      </c>
      <c r="W362">
        <v>180</v>
      </c>
      <c r="X362">
        <v>2020</v>
      </c>
    </row>
    <row r="363" spans="1:24" x14ac:dyDescent="0.25">
      <c r="A363">
        <v>14823</v>
      </c>
      <c r="B363" t="s">
        <v>26</v>
      </c>
      <c r="C363">
        <v>44</v>
      </c>
      <c r="D363" t="s">
        <v>240</v>
      </c>
      <c r="E363">
        <v>1069</v>
      </c>
      <c r="F363" t="s">
        <v>892</v>
      </c>
      <c r="G363" t="s">
        <v>892</v>
      </c>
      <c r="H363" t="s">
        <v>892</v>
      </c>
      <c r="I363" t="s">
        <v>892</v>
      </c>
      <c r="J363" t="s">
        <v>730</v>
      </c>
      <c r="K363">
        <v>66</v>
      </c>
      <c r="L363" t="s">
        <v>892</v>
      </c>
      <c r="M363" t="s">
        <v>892</v>
      </c>
      <c r="N363" t="s">
        <v>892</v>
      </c>
      <c r="O363" t="s">
        <v>892</v>
      </c>
      <c r="P363" t="s">
        <v>655</v>
      </c>
      <c r="Q363">
        <v>1</v>
      </c>
      <c r="R363" t="s">
        <v>893</v>
      </c>
      <c r="S363">
        <v>3</v>
      </c>
      <c r="T363" t="s">
        <v>892</v>
      </c>
      <c r="U363" t="s">
        <v>892</v>
      </c>
      <c r="V363">
        <v>3</v>
      </c>
      <c r="W363">
        <v>180</v>
      </c>
      <c r="X363">
        <v>2020</v>
      </c>
    </row>
    <row r="364" spans="1:24" x14ac:dyDescent="0.25">
      <c r="A364">
        <v>14820</v>
      </c>
      <c r="B364" t="s">
        <v>247</v>
      </c>
      <c r="C364">
        <v>39</v>
      </c>
      <c r="D364" t="s">
        <v>246</v>
      </c>
      <c r="E364">
        <v>1063</v>
      </c>
      <c r="F364" t="s">
        <v>892</v>
      </c>
      <c r="G364" t="s">
        <v>892</v>
      </c>
      <c r="H364" t="s">
        <v>892</v>
      </c>
      <c r="I364" t="s">
        <v>892</v>
      </c>
      <c r="J364" t="s">
        <v>885</v>
      </c>
      <c r="K364">
        <v>1</v>
      </c>
      <c r="L364" t="s">
        <v>892</v>
      </c>
      <c r="M364" t="s">
        <v>892</v>
      </c>
      <c r="N364" t="s">
        <v>892</v>
      </c>
      <c r="O364" t="s">
        <v>892</v>
      </c>
      <c r="P364" t="s">
        <v>746</v>
      </c>
      <c r="Q364">
        <v>2</v>
      </c>
      <c r="R364" t="s">
        <v>893</v>
      </c>
      <c r="S364">
        <v>3</v>
      </c>
      <c r="T364" t="s">
        <v>892</v>
      </c>
      <c r="U364" t="s">
        <v>892</v>
      </c>
      <c r="V364">
        <v>3</v>
      </c>
      <c r="W364">
        <v>180</v>
      </c>
      <c r="X364">
        <v>2020</v>
      </c>
    </row>
    <row r="365" spans="1:24" x14ac:dyDescent="0.25">
      <c r="A365">
        <v>14817</v>
      </c>
      <c r="B365" t="s">
        <v>247</v>
      </c>
      <c r="C365">
        <v>39</v>
      </c>
      <c r="D365" t="s">
        <v>246</v>
      </c>
      <c r="E365">
        <v>1063</v>
      </c>
      <c r="F365" t="s">
        <v>892</v>
      </c>
      <c r="G365" t="s">
        <v>892</v>
      </c>
      <c r="H365" t="s">
        <v>892</v>
      </c>
      <c r="I365" t="s">
        <v>892</v>
      </c>
      <c r="J365" t="s">
        <v>885</v>
      </c>
      <c r="K365">
        <v>1</v>
      </c>
      <c r="L365" t="s">
        <v>892</v>
      </c>
      <c r="M365" t="s">
        <v>892</v>
      </c>
      <c r="N365" t="s">
        <v>892</v>
      </c>
      <c r="O365" t="s">
        <v>892</v>
      </c>
      <c r="P365" t="s">
        <v>655</v>
      </c>
      <c r="Q365">
        <v>1</v>
      </c>
      <c r="R365" t="s">
        <v>893</v>
      </c>
      <c r="S365">
        <v>3</v>
      </c>
      <c r="T365" t="s">
        <v>892</v>
      </c>
      <c r="U365" t="s">
        <v>892</v>
      </c>
      <c r="V365">
        <v>3</v>
      </c>
      <c r="W365">
        <v>180</v>
      </c>
      <c r="X365">
        <v>2020</v>
      </c>
    </row>
    <row r="366" spans="1:24" x14ac:dyDescent="0.25">
      <c r="A366">
        <v>14814</v>
      </c>
      <c r="B366" t="s">
        <v>140</v>
      </c>
      <c r="C366">
        <v>34</v>
      </c>
      <c r="D366" t="s">
        <v>139</v>
      </c>
      <c r="E366">
        <v>1158</v>
      </c>
      <c r="F366" t="s">
        <v>892</v>
      </c>
      <c r="G366" t="s">
        <v>892</v>
      </c>
      <c r="H366" t="s">
        <v>892</v>
      </c>
      <c r="I366" t="s">
        <v>892</v>
      </c>
      <c r="J366" t="s">
        <v>885</v>
      </c>
      <c r="K366">
        <v>1</v>
      </c>
      <c r="L366" t="s">
        <v>892</v>
      </c>
      <c r="M366" t="s">
        <v>892</v>
      </c>
      <c r="N366" t="s">
        <v>892</v>
      </c>
      <c r="O366" t="s">
        <v>892</v>
      </c>
      <c r="P366" t="s">
        <v>746</v>
      </c>
      <c r="Q366">
        <v>2</v>
      </c>
      <c r="R366" t="s">
        <v>893</v>
      </c>
      <c r="S366">
        <v>3</v>
      </c>
      <c r="T366" t="s">
        <v>892</v>
      </c>
      <c r="U366" t="s">
        <v>892</v>
      </c>
      <c r="V366">
        <v>3</v>
      </c>
      <c r="W366">
        <v>180</v>
      </c>
      <c r="X366">
        <v>2020</v>
      </c>
    </row>
    <row r="367" spans="1:24" x14ac:dyDescent="0.25">
      <c r="A367">
        <v>14811</v>
      </c>
      <c r="B367" t="s">
        <v>140</v>
      </c>
      <c r="C367">
        <v>34</v>
      </c>
      <c r="D367" t="s">
        <v>139</v>
      </c>
      <c r="E367">
        <v>1158</v>
      </c>
      <c r="F367" t="s">
        <v>892</v>
      </c>
      <c r="G367" t="s">
        <v>892</v>
      </c>
      <c r="H367" t="s">
        <v>892</v>
      </c>
      <c r="I367" t="s">
        <v>892</v>
      </c>
      <c r="J367" t="s">
        <v>885</v>
      </c>
      <c r="K367">
        <v>1</v>
      </c>
      <c r="L367" t="s">
        <v>892</v>
      </c>
      <c r="M367" t="s">
        <v>892</v>
      </c>
      <c r="N367" t="s">
        <v>892</v>
      </c>
      <c r="O367" t="s">
        <v>892</v>
      </c>
      <c r="P367" t="s">
        <v>655</v>
      </c>
      <c r="Q367">
        <v>1</v>
      </c>
      <c r="R367" t="s">
        <v>893</v>
      </c>
      <c r="S367">
        <v>3</v>
      </c>
      <c r="T367" t="s">
        <v>892</v>
      </c>
      <c r="U367" t="s">
        <v>892</v>
      </c>
      <c r="V367">
        <v>3</v>
      </c>
      <c r="W367">
        <v>180</v>
      </c>
      <c r="X367">
        <v>2020</v>
      </c>
    </row>
    <row r="368" spans="1:24" x14ac:dyDescent="0.25">
      <c r="A368">
        <v>14808</v>
      </c>
      <c r="B368" t="s">
        <v>140</v>
      </c>
      <c r="C368">
        <v>34</v>
      </c>
      <c r="D368" t="s">
        <v>141</v>
      </c>
      <c r="E368">
        <v>1157</v>
      </c>
      <c r="F368" t="s">
        <v>892</v>
      </c>
      <c r="G368" t="s">
        <v>892</v>
      </c>
      <c r="H368" t="s">
        <v>892</v>
      </c>
      <c r="I368" t="s">
        <v>892</v>
      </c>
      <c r="J368" t="s">
        <v>878</v>
      </c>
      <c r="K368">
        <v>91</v>
      </c>
      <c r="L368" t="s">
        <v>892</v>
      </c>
      <c r="M368" t="s">
        <v>892</v>
      </c>
      <c r="N368" t="s">
        <v>892</v>
      </c>
      <c r="O368" t="s">
        <v>892</v>
      </c>
      <c r="P368" t="s">
        <v>746</v>
      </c>
      <c r="Q368">
        <v>2</v>
      </c>
      <c r="R368" t="s">
        <v>893</v>
      </c>
      <c r="S368">
        <v>3</v>
      </c>
      <c r="T368" t="s">
        <v>892</v>
      </c>
      <c r="U368" t="s">
        <v>892</v>
      </c>
      <c r="V368">
        <v>3</v>
      </c>
      <c r="W368">
        <v>180</v>
      </c>
      <c r="X368">
        <v>2020</v>
      </c>
    </row>
    <row r="369" spans="1:24" x14ac:dyDescent="0.25">
      <c r="A369">
        <v>14805</v>
      </c>
      <c r="B369" t="s">
        <v>140</v>
      </c>
      <c r="C369">
        <v>34</v>
      </c>
      <c r="D369" t="s">
        <v>141</v>
      </c>
      <c r="E369">
        <v>1157</v>
      </c>
      <c r="F369" t="s">
        <v>892</v>
      </c>
      <c r="G369" t="s">
        <v>892</v>
      </c>
      <c r="H369" t="s">
        <v>892</v>
      </c>
      <c r="I369" t="s">
        <v>892</v>
      </c>
      <c r="J369" t="s">
        <v>878</v>
      </c>
      <c r="K369">
        <v>91</v>
      </c>
      <c r="L369" t="s">
        <v>892</v>
      </c>
      <c r="M369" t="s">
        <v>892</v>
      </c>
      <c r="N369" t="s">
        <v>892</v>
      </c>
      <c r="O369" t="s">
        <v>892</v>
      </c>
      <c r="P369" t="s">
        <v>655</v>
      </c>
      <c r="Q369">
        <v>1</v>
      </c>
      <c r="R369" t="s">
        <v>893</v>
      </c>
      <c r="S369">
        <v>3</v>
      </c>
      <c r="T369" t="s">
        <v>892</v>
      </c>
      <c r="U369" t="s">
        <v>892</v>
      </c>
      <c r="V369">
        <v>3</v>
      </c>
      <c r="W369">
        <v>180</v>
      </c>
      <c r="X369">
        <v>2020</v>
      </c>
    </row>
    <row r="370" spans="1:24" x14ac:dyDescent="0.25">
      <c r="A370">
        <v>14802</v>
      </c>
      <c r="B370" t="s">
        <v>140</v>
      </c>
      <c r="C370">
        <v>34</v>
      </c>
      <c r="D370" t="s">
        <v>142</v>
      </c>
      <c r="E370">
        <v>1156</v>
      </c>
      <c r="F370" t="s">
        <v>892</v>
      </c>
      <c r="G370" t="s">
        <v>892</v>
      </c>
      <c r="H370" t="s">
        <v>892</v>
      </c>
      <c r="I370" t="s">
        <v>892</v>
      </c>
      <c r="J370" t="s">
        <v>301</v>
      </c>
      <c r="K370">
        <v>26</v>
      </c>
      <c r="L370" t="s">
        <v>892</v>
      </c>
      <c r="M370" t="s">
        <v>892</v>
      </c>
      <c r="N370" t="s">
        <v>892</v>
      </c>
      <c r="O370" t="s">
        <v>892</v>
      </c>
      <c r="P370" t="s">
        <v>746</v>
      </c>
      <c r="Q370">
        <v>2</v>
      </c>
      <c r="R370" t="s">
        <v>893</v>
      </c>
      <c r="S370">
        <v>3</v>
      </c>
      <c r="T370" t="s">
        <v>892</v>
      </c>
      <c r="U370" t="s">
        <v>892</v>
      </c>
      <c r="V370">
        <v>3</v>
      </c>
      <c r="W370">
        <v>180</v>
      </c>
      <c r="X370">
        <v>2020</v>
      </c>
    </row>
    <row r="371" spans="1:24" x14ac:dyDescent="0.25">
      <c r="A371">
        <v>14799</v>
      </c>
      <c r="B371" t="s">
        <v>140</v>
      </c>
      <c r="C371">
        <v>34</v>
      </c>
      <c r="D371" t="s">
        <v>142</v>
      </c>
      <c r="E371">
        <v>1156</v>
      </c>
      <c r="F371" t="s">
        <v>892</v>
      </c>
      <c r="G371" t="s">
        <v>892</v>
      </c>
      <c r="H371" t="s">
        <v>892</v>
      </c>
      <c r="I371" t="s">
        <v>892</v>
      </c>
      <c r="J371" t="s">
        <v>301</v>
      </c>
      <c r="K371">
        <v>26</v>
      </c>
      <c r="L371" t="s">
        <v>892</v>
      </c>
      <c r="M371" t="s">
        <v>892</v>
      </c>
      <c r="N371" t="s">
        <v>892</v>
      </c>
      <c r="O371" t="s">
        <v>892</v>
      </c>
      <c r="P371" t="s">
        <v>655</v>
      </c>
      <c r="Q371">
        <v>1</v>
      </c>
      <c r="R371" t="s">
        <v>893</v>
      </c>
      <c r="S371">
        <v>3</v>
      </c>
      <c r="T371" t="s">
        <v>892</v>
      </c>
      <c r="U371" t="s">
        <v>892</v>
      </c>
      <c r="V371">
        <v>3</v>
      </c>
      <c r="W371">
        <v>180</v>
      </c>
      <c r="X371">
        <v>2020</v>
      </c>
    </row>
    <row r="372" spans="1:24" x14ac:dyDescent="0.25">
      <c r="A372">
        <v>14796</v>
      </c>
      <c r="B372" t="s">
        <v>140</v>
      </c>
      <c r="C372">
        <v>34</v>
      </c>
      <c r="D372" t="s">
        <v>142</v>
      </c>
      <c r="E372">
        <v>1156</v>
      </c>
      <c r="F372" t="s">
        <v>892</v>
      </c>
      <c r="G372" t="s">
        <v>892</v>
      </c>
      <c r="H372" t="s">
        <v>892</v>
      </c>
      <c r="I372" t="s">
        <v>892</v>
      </c>
      <c r="J372" t="s">
        <v>807</v>
      </c>
      <c r="K372">
        <v>25</v>
      </c>
      <c r="L372" t="s">
        <v>892</v>
      </c>
      <c r="M372" t="s">
        <v>892</v>
      </c>
      <c r="N372" t="s">
        <v>892</v>
      </c>
      <c r="O372" t="s">
        <v>892</v>
      </c>
      <c r="P372" t="s">
        <v>746</v>
      </c>
      <c r="Q372">
        <v>2</v>
      </c>
      <c r="R372" t="s">
        <v>893</v>
      </c>
      <c r="S372">
        <v>3</v>
      </c>
      <c r="T372" t="s">
        <v>892</v>
      </c>
      <c r="U372" t="s">
        <v>892</v>
      </c>
      <c r="V372">
        <v>3</v>
      </c>
      <c r="W372">
        <v>180</v>
      </c>
      <c r="X372">
        <v>2020</v>
      </c>
    </row>
    <row r="373" spans="1:24" x14ac:dyDescent="0.25">
      <c r="A373">
        <v>14793</v>
      </c>
      <c r="B373" t="s">
        <v>140</v>
      </c>
      <c r="C373">
        <v>34</v>
      </c>
      <c r="D373" t="s">
        <v>142</v>
      </c>
      <c r="E373">
        <v>1156</v>
      </c>
      <c r="F373" t="s">
        <v>892</v>
      </c>
      <c r="G373" t="s">
        <v>892</v>
      </c>
      <c r="H373" t="s">
        <v>892</v>
      </c>
      <c r="I373" t="s">
        <v>892</v>
      </c>
      <c r="J373" t="s">
        <v>807</v>
      </c>
      <c r="K373">
        <v>25</v>
      </c>
      <c r="L373" t="s">
        <v>892</v>
      </c>
      <c r="M373" t="s">
        <v>892</v>
      </c>
      <c r="N373" t="s">
        <v>892</v>
      </c>
      <c r="O373" t="s">
        <v>892</v>
      </c>
      <c r="P373" t="s">
        <v>655</v>
      </c>
      <c r="Q373">
        <v>1</v>
      </c>
      <c r="R373" t="s">
        <v>893</v>
      </c>
      <c r="S373">
        <v>3</v>
      </c>
      <c r="T373" t="s">
        <v>892</v>
      </c>
      <c r="U373" t="s">
        <v>892</v>
      </c>
      <c r="V373">
        <v>3</v>
      </c>
      <c r="W373">
        <v>180</v>
      </c>
      <c r="X373">
        <v>2020</v>
      </c>
    </row>
    <row r="374" spans="1:24" x14ac:dyDescent="0.25">
      <c r="A374">
        <v>14790</v>
      </c>
      <c r="B374" t="s">
        <v>140</v>
      </c>
      <c r="C374">
        <v>34</v>
      </c>
      <c r="D374" t="s">
        <v>146</v>
      </c>
      <c r="E374">
        <v>1152</v>
      </c>
      <c r="F374" t="s">
        <v>892</v>
      </c>
      <c r="G374" t="s">
        <v>892</v>
      </c>
      <c r="H374" t="s">
        <v>892</v>
      </c>
      <c r="I374" t="s">
        <v>892</v>
      </c>
      <c r="J374" t="s">
        <v>864</v>
      </c>
      <c r="K374">
        <v>14</v>
      </c>
      <c r="L374" t="s">
        <v>892</v>
      </c>
      <c r="M374" t="s">
        <v>892</v>
      </c>
      <c r="N374" t="s">
        <v>892</v>
      </c>
      <c r="O374" t="s">
        <v>892</v>
      </c>
      <c r="P374" t="s">
        <v>746</v>
      </c>
      <c r="Q374">
        <v>2</v>
      </c>
      <c r="R374" t="s">
        <v>893</v>
      </c>
      <c r="S374">
        <v>3</v>
      </c>
      <c r="T374" t="s">
        <v>892</v>
      </c>
      <c r="U374" t="s">
        <v>892</v>
      </c>
      <c r="V374">
        <v>3</v>
      </c>
      <c r="W374">
        <v>180</v>
      </c>
      <c r="X374">
        <v>2020</v>
      </c>
    </row>
    <row r="375" spans="1:24" x14ac:dyDescent="0.25">
      <c r="A375">
        <v>14787</v>
      </c>
      <c r="B375" t="s">
        <v>140</v>
      </c>
      <c r="C375">
        <v>34</v>
      </c>
      <c r="D375" t="s">
        <v>146</v>
      </c>
      <c r="E375">
        <v>1152</v>
      </c>
      <c r="F375" t="s">
        <v>892</v>
      </c>
      <c r="G375" t="s">
        <v>892</v>
      </c>
      <c r="H375" t="s">
        <v>892</v>
      </c>
      <c r="I375" t="s">
        <v>892</v>
      </c>
      <c r="J375" t="s">
        <v>864</v>
      </c>
      <c r="K375">
        <v>14</v>
      </c>
      <c r="L375" t="s">
        <v>892</v>
      </c>
      <c r="M375" t="s">
        <v>892</v>
      </c>
      <c r="N375" t="s">
        <v>892</v>
      </c>
      <c r="O375" t="s">
        <v>892</v>
      </c>
      <c r="P375" t="s">
        <v>655</v>
      </c>
      <c r="Q375">
        <v>1</v>
      </c>
      <c r="R375" t="s">
        <v>893</v>
      </c>
      <c r="S375">
        <v>3</v>
      </c>
      <c r="T375" t="s">
        <v>892</v>
      </c>
      <c r="U375" t="s">
        <v>892</v>
      </c>
      <c r="V375">
        <v>3</v>
      </c>
      <c r="W375">
        <v>180</v>
      </c>
      <c r="X375">
        <v>2020</v>
      </c>
    </row>
    <row r="376" spans="1:24" x14ac:dyDescent="0.25">
      <c r="A376">
        <v>14784</v>
      </c>
      <c r="B376" t="s">
        <v>18</v>
      </c>
      <c r="C376">
        <v>31</v>
      </c>
      <c r="D376" t="s">
        <v>17</v>
      </c>
      <c r="E376">
        <v>1375</v>
      </c>
      <c r="F376" t="s">
        <v>892</v>
      </c>
      <c r="G376" t="s">
        <v>892</v>
      </c>
      <c r="H376" t="s">
        <v>892</v>
      </c>
      <c r="I376" t="s">
        <v>892</v>
      </c>
      <c r="J376" t="s">
        <v>819</v>
      </c>
      <c r="K376">
        <v>101</v>
      </c>
      <c r="L376" t="s">
        <v>892</v>
      </c>
      <c r="M376" t="s">
        <v>892</v>
      </c>
      <c r="N376" t="s">
        <v>892</v>
      </c>
      <c r="O376" t="s">
        <v>892</v>
      </c>
      <c r="P376" t="s">
        <v>746</v>
      </c>
      <c r="Q376">
        <v>2</v>
      </c>
      <c r="R376" t="s">
        <v>893</v>
      </c>
      <c r="S376">
        <v>3</v>
      </c>
      <c r="T376" t="s">
        <v>892</v>
      </c>
      <c r="U376" t="s">
        <v>892</v>
      </c>
      <c r="V376">
        <v>3</v>
      </c>
      <c r="W376">
        <v>180</v>
      </c>
      <c r="X376">
        <v>2020</v>
      </c>
    </row>
    <row r="377" spans="1:24" x14ac:dyDescent="0.25">
      <c r="A377">
        <v>14781</v>
      </c>
      <c r="B377" t="s">
        <v>18</v>
      </c>
      <c r="C377">
        <v>31</v>
      </c>
      <c r="D377" t="s">
        <v>17</v>
      </c>
      <c r="E377">
        <v>1375</v>
      </c>
      <c r="F377" t="s">
        <v>892</v>
      </c>
      <c r="G377" t="s">
        <v>892</v>
      </c>
      <c r="H377" t="s">
        <v>892</v>
      </c>
      <c r="I377" t="s">
        <v>892</v>
      </c>
      <c r="J377" t="s">
        <v>819</v>
      </c>
      <c r="K377">
        <v>101</v>
      </c>
      <c r="L377" t="s">
        <v>892</v>
      </c>
      <c r="M377" t="s">
        <v>892</v>
      </c>
      <c r="N377" t="s">
        <v>892</v>
      </c>
      <c r="O377" t="s">
        <v>892</v>
      </c>
      <c r="P377" t="s">
        <v>655</v>
      </c>
      <c r="Q377">
        <v>1</v>
      </c>
      <c r="R377" t="s">
        <v>893</v>
      </c>
      <c r="S377">
        <v>3</v>
      </c>
      <c r="T377" t="s">
        <v>892</v>
      </c>
      <c r="U377" t="s">
        <v>892</v>
      </c>
      <c r="V377">
        <v>3</v>
      </c>
      <c r="W377">
        <v>180</v>
      </c>
      <c r="X377">
        <v>2020</v>
      </c>
    </row>
    <row r="378" spans="1:24" x14ac:dyDescent="0.25">
      <c r="A378">
        <v>14778</v>
      </c>
      <c r="B378" t="s">
        <v>189</v>
      </c>
      <c r="C378">
        <v>30</v>
      </c>
      <c r="D378" t="s">
        <v>190</v>
      </c>
      <c r="E378">
        <v>1108</v>
      </c>
      <c r="F378" t="s">
        <v>892</v>
      </c>
      <c r="G378" t="s">
        <v>892</v>
      </c>
      <c r="H378" t="s">
        <v>892</v>
      </c>
      <c r="I378" t="s">
        <v>892</v>
      </c>
      <c r="J378" t="s">
        <v>917</v>
      </c>
      <c r="K378">
        <v>83</v>
      </c>
      <c r="L378" t="s">
        <v>892</v>
      </c>
      <c r="M378" t="s">
        <v>892</v>
      </c>
      <c r="N378" t="s">
        <v>892</v>
      </c>
      <c r="O378" t="s">
        <v>892</v>
      </c>
      <c r="P378" t="s">
        <v>746</v>
      </c>
      <c r="Q378">
        <v>2</v>
      </c>
      <c r="R378" t="s">
        <v>893</v>
      </c>
      <c r="S378">
        <v>3</v>
      </c>
      <c r="T378" t="s">
        <v>892</v>
      </c>
      <c r="U378" t="s">
        <v>892</v>
      </c>
      <c r="V378">
        <v>3</v>
      </c>
      <c r="W378">
        <v>180</v>
      </c>
      <c r="X378">
        <v>2020</v>
      </c>
    </row>
    <row r="379" spans="1:24" x14ac:dyDescent="0.25">
      <c r="A379">
        <v>14775</v>
      </c>
      <c r="B379" t="s">
        <v>189</v>
      </c>
      <c r="C379">
        <v>30</v>
      </c>
      <c r="D379" t="s">
        <v>190</v>
      </c>
      <c r="E379">
        <v>1108</v>
      </c>
      <c r="F379" t="s">
        <v>892</v>
      </c>
      <c r="G379" t="s">
        <v>892</v>
      </c>
      <c r="H379" t="s">
        <v>892</v>
      </c>
      <c r="I379" t="s">
        <v>892</v>
      </c>
      <c r="J379" t="s">
        <v>917</v>
      </c>
      <c r="K379">
        <v>83</v>
      </c>
      <c r="L379" t="s">
        <v>892</v>
      </c>
      <c r="M379" t="s">
        <v>892</v>
      </c>
      <c r="N379" t="s">
        <v>892</v>
      </c>
      <c r="O379" t="s">
        <v>892</v>
      </c>
      <c r="P379" t="s">
        <v>655</v>
      </c>
      <c r="Q379">
        <v>1</v>
      </c>
      <c r="R379" t="s">
        <v>893</v>
      </c>
      <c r="S379">
        <v>3</v>
      </c>
      <c r="T379" t="s">
        <v>892</v>
      </c>
      <c r="U379" t="s">
        <v>892</v>
      </c>
      <c r="V379">
        <v>3</v>
      </c>
      <c r="W379">
        <v>180</v>
      </c>
      <c r="X379">
        <v>2020</v>
      </c>
    </row>
    <row r="380" spans="1:24" x14ac:dyDescent="0.25">
      <c r="A380">
        <v>14772</v>
      </c>
      <c r="B380" t="s">
        <v>218</v>
      </c>
      <c r="C380">
        <v>17</v>
      </c>
      <c r="D380" t="s">
        <v>217</v>
      </c>
      <c r="E380">
        <v>1089</v>
      </c>
      <c r="F380" t="s">
        <v>892</v>
      </c>
      <c r="G380" t="s">
        <v>892</v>
      </c>
      <c r="H380" t="s">
        <v>892</v>
      </c>
      <c r="I380" t="s">
        <v>892</v>
      </c>
      <c r="J380" t="s">
        <v>807</v>
      </c>
      <c r="K380">
        <v>25</v>
      </c>
      <c r="L380" t="s">
        <v>892</v>
      </c>
      <c r="M380" t="s">
        <v>892</v>
      </c>
      <c r="N380" t="s">
        <v>892</v>
      </c>
      <c r="O380" t="s">
        <v>892</v>
      </c>
      <c r="P380" t="s">
        <v>746</v>
      </c>
      <c r="Q380">
        <v>2</v>
      </c>
      <c r="R380" t="s">
        <v>893</v>
      </c>
      <c r="S380">
        <v>3</v>
      </c>
      <c r="T380" t="s">
        <v>892</v>
      </c>
      <c r="U380" t="s">
        <v>892</v>
      </c>
      <c r="V380">
        <v>3</v>
      </c>
      <c r="W380">
        <v>180</v>
      </c>
      <c r="X380">
        <v>2020</v>
      </c>
    </row>
    <row r="381" spans="1:24" x14ac:dyDescent="0.25">
      <c r="A381">
        <v>14769</v>
      </c>
      <c r="B381" t="s">
        <v>218</v>
      </c>
      <c r="C381">
        <v>17</v>
      </c>
      <c r="D381" t="s">
        <v>217</v>
      </c>
      <c r="E381">
        <v>1089</v>
      </c>
      <c r="F381" t="s">
        <v>892</v>
      </c>
      <c r="G381" t="s">
        <v>892</v>
      </c>
      <c r="H381" t="s">
        <v>892</v>
      </c>
      <c r="I381" t="s">
        <v>892</v>
      </c>
      <c r="J381" t="s">
        <v>807</v>
      </c>
      <c r="K381">
        <v>25</v>
      </c>
      <c r="L381" t="s">
        <v>892</v>
      </c>
      <c r="M381" t="s">
        <v>892</v>
      </c>
      <c r="N381" t="s">
        <v>892</v>
      </c>
      <c r="O381" t="s">
        <v>892</v>
      </c>
      <c r="P381" t="s">
        <v>655</v>
      </c>
      <c r="Q381">
        <v>1</v>
      </c>
      <c r="R381" t="s">
        <v>893</v>
      </c>
      <c r="S381">
        <v>3</v>
      </c>
      <c r="T381" t="s">
        <v>892</v>
      </c>
      <c r="U381" t="s">
        <v>892</v>
      </c>
      <c r="V381">
        <v>3</v>
      </c>
      <c r="W381">
        <v>180</v>
      </c>
      <c r="X381">
        <v>2020</v>
      </c>
    </row>
    <row r="382" spans="1:24" x14ac:dyDescent="0.25">
      <c r="A382">
        <v>14766</v>
      </c>
      <c r="B382" t="s">
        <v>289</v>
      </c>
      <c r="C382">
        <v>12</v>
      </c>
      <c r="D382" t="s">
        <v>288</v>
      </c>
      <c r="E382">
        <v>1018</v>
      </c>
      <c r="F382" t="s">
        <v>892</v>
      </c>
      <c r="G382" t="s">
        <v>892</v>
      </c>
      <c r="H382" t="s">
        <v>892</v>
      </c>
      <c r="I382" t="s">
        <v>892</v>
      </c>
      <c r="J382" t="s">
        <v>295</v>
      </c>
      <c r="K382">
        <v>30</v>
      </c>
      <c r="L382" t="s">
        <v>892</v>
      </c>
      <c r="M382" t="s">
        <v>892</v>
      </c>
      <c r="N382" t="s">
        <v>892</v>
      </c>
      <c r="O382" t="s">
        <v>892</v>
      </c>
      <c r="P382" t="s">
        <v>746</v>
      </c>
      <c r="Q382">
        <v>2</v>
      </c>
      <c r="R382" t="s">
        <v>893</v>
      </c>
      <c r="S382">
        <v>3</v>
      </c>
      <c r="T382" t="s">
        <v>892</v>
      </c>
      <c r="U382" t="s">
        <v>892</v>
      </c>
      <c r="V382">
        <v>3</v>
      </c>
      <c r="W382">
        <v>180</v>
      </c>
      <c r="X382">
        <v>2020</v>
      </c>
    </row>
    <row r="383" spans="1:24" x14ac:dyDescent="0.25">
      <c r="A383">
        <v>14763</v>
      </c>
      <c r="B383" t="s">
        <v>289</v>
      </c>
      <c r="C383">
        <v>12</v>
      </c>
      <c r="D383" t="s">
        <v>288</v>
      </c>
      <c r="E383">
        <v>1018</v>
      </c>
      <c r="F383" t="s">
        <v>892</v>
      </c>
      <c r="G383" t="s">
        <v>892</v>
      </c>
      <c r="H383" t="s">
        <v>892</v>
      </c>
      <c r="I383" t="s">
        <v>892</v>
      </c>
      <c r="J383" t="s">
        <v>295</v>
      </c>
      <c r="K383">
        <v>30</v>
      </c>
      <c r="L383" t="s">
        <v>892</v>
      </c>
      <c r="M383" t="s">
        <v>892</v>
      </c>
      <c r="N383" t="s">
        <v>892</v>
      </c>
      <c r="O383" t="s">
        <v>892</v>
      </c>
      <c r="P383" t="s">
        <v>655</v>
      </c>
      <c r="Q383">
        <v>1</v>
      </c>
      <c r="R383" t="s">
        <v>893</v>
      </c>
      <c r="S383">
        <v>3</v>
      </c>
      <c r="T383" t="s">
        <v>892</v>
      </c>
      <c r="U383" t="s">
        <v>892</v>
      </c>
      <c r="V383">
        <v>3</v>
      </c>
      <c r="W383">
        <v>180</v>
      </c>
      <c r="X383">
        <v>2020</v>
      </c>
    </row>
    <row r="384" spans="1:24" x14ac:dyDescent="0.25">
      <c r="A384">
        <v>14758</v>
      </c>
      <c r="B384" t="s">
        <v>22</v>
      </c>
      <c r="C384">
        <v>28</v>
      </c>
      <c r="D384" t="s">
        <v>250</v>
      </c>
      <c r="E384">
        <v>1061</v>
      </c>
      <c r="F384" t="s">
        <v>892</v>
      </c>
      <c r="G384" t="s">
        <v>892</v>
      </c>
      <c r="H384" t="s">
        <v>892</v>
      </c>
      <c r="I384" t="s">
        <v>892</v>
      </c>
      <c r="J384" t="s">
        <v>819</v>
      </c>
      <c r="K384">
        <v>101</v>
      </c>
      <c r="L384" t="s">
        <v>892</v>
      </c>
      <c r="M384" t="s">
        <v>892</v>
      </c>
      <c r="N384" t="s">
        <v>892</v>
      </c>
      <c r="O384" t="s">
        <v>892</v>
      </c>
      <c r="P384" t="s">
        <v>746</v>
      </c>
      <c r="Q384">
        <v>2</v>
      </c>
      <c r="R384" t="s">
        <v>893</v>
      </c>
      <c r="S384">
        <v>3</v>
      </c>
      <c r="T384" t="s">
        <v>892</v>
      </c>
      <c r="U384" t="s">
        <v>892</v>
      </c>
      <c r="V384">
        <v>3</v>
      </c>
      <c r="W384">
        <v>180</v>
      </c>
      <c r="X384">
        <v>2020</v>
      </c>
    </row>
    <row r="385" spans="1:24" x14ac:dyDescent="0.25">
      <c r="A385">
        <v>14755</v>
      </c>
      <c r="B385" t="s">
        <v>22</v>
      </c>
      <c r="C385">
        <v>28</v>
      </c>
      <c r="D385" t="s">
        <v>250</v>
      </c>
      <c r="E385">
        <v>1061</v>
      </c>
      <c r="F385" t="s">
        <v>892</v>
      </c>
      <c r="G385" t="s">
        <v>892</v>
      </c>
      <c r="H385" t="s">
        <v>892</v>
      </c>
      <c r="I385" t="s">
        <v>892</v>
      </c>
      <c r="J385" t="s">
        <v>819</v>
      </c>
      <c r="K385">
        <v>101</v>
      </c>
      <c r="L385" t="s">
        <v>892</v>
      </c>
      <c r="M385" t="s">
        <v>892</v>
      </c>
      <c r="N385" t="s">
        <v>892</v>
      </c>
      <c r="O385" t="s">
        <v>892</v>
      </c>
      <c r="P385" t="s">
        <v>655</v>
      </c>
      <c r="Q385">
        <v>1</v>
      </c>
      <c r="R385" t="s">
        <v>893</v>
      </c>
      <c r="S385">
        <v>3</v>
      </c>
      <c r="T385" t="s">
        <v>892</v>
      </c>
      <c r="U385" t="s">
        <v>892</v>
      </c>
      <c r="V385">
        <v>3</v>
      </c>
      <c r="W385">
        <v>180</v>
      </c>
      <c r="X385">
        <v>2020</v>
      </c>
    </row>
    <row r="386" spans="1:24" x14ac:dyDescent="0.25">
      <c r="A386">
        <v>14752</v>
      </c>
      <c r="B386" t="s">
        <v>22</v>
      </c>
      <c r="C386">
        <v>28</v>
      </c>
      <c r="D386" t="s">
        <v>21</v>
      </c>
      <c r="E386">
        <v>1369</v>
      </c>
      <c r="F386" t="s">
        <v>892</v>
      </c>
      <c r="G386" t="s">
        <v>892</v>
      </c>
      <c r="H386" t="s">
        <v>892</v>
      </c>
      <c r="I386" t="s">
        <v>892</v>
      </c>
      <c r="J386" t="s">
        <v>839</v>
      </c>
      <c r="K386">
        <v>89</v>
      </c>
      <c r="L386" t="s">
        <v>892</v>
      </c>
      <c r="M386" t="s">
        <v>892</v>
      </c>
      <c r="N386" t="s">
        <v>892</v>
      </c>
      <c r="O386" t="s">
        <v>892</v>
      </c>
      <c r="P386" t="s">
        <v>746</v>
      </c>
      <c r="Q386">
        <v>2</v>
      </c>
      <c r="R386" t="s">
        <v>893</v>
      </c>
      <c r="S386">
        <v>3</v>
      </c>
      <c r="T386" t="s">
        <v>892</v>
      </c>
      <c r="U386" t="s">
        <v>892</v>
      </c>
      <c r="V386">
        <v>4</v>
      </c>
      <c r="W386">
        <v>240</v>
      </c>
      <c r="X386">
        <v>2020</v>
      </c>
    </row>
    <row r="387" spans="1:24" x14ac:dyDescent="0.25">
      <c r="A387">
        <v>14749</v>
      </c>
      <c r="B387" t="s">
        <v>22</v>
      </c>
      <c r="C387">
        <v>28</v>
      </c>
      <c r="D387" t="s">
        <v>21</v>
      </c>
      <c r="E387">
        <v>1369</v>
      </c>
      <c r="F387" t="s">
        <v>892</v>
      </c>
      <c r="G387" t="s">
        <v>892</v>
      </c>
      <c r="H387" t="s">
        <v>892</v>
      </c>
      <c r="I387" t="s">
        <v>892</v>
      </c>
      <c r="J387" t="s">
        <v>839</v>
      </c>
      <c r="K387">
        <v>89</v>
      </c>
      <c r="L387" t="s">
        <v>892</v>
      </c>
      <c r="M387" t="s">
        <v>892</v>
      </c>
      <c r="N387" t="s">
        <v>892</v>
      </c>
      <c r="O387" t="s">
        <v>892</v>
      </c>
      <c r="P387" t="s">
        <v>655</v>
      </c>
      <c r="Q387">
        <v>1</v>
      </c>
      <c r="R387" t="s">
        <v>893</v>
      </c>
      <c r="S387">
        <v>3</v>
      </c>
      <c r="T387" t="s">
        <v>892</v>
      </c>
      <c r="U387" t="s">
        <v>892</v>
      </c>
      <c r="V387">
        <v>4</v>
      </c>
      <c r="W387">
        <v>240</v>
      </c>
      <c r="X387">
        <v>2020</v>
      </c>
    </row>
    <row r="388" spans="1:24" x14ac:dyDescent="0.25">
      <c r="A388">
        <v>14746</v>
      </c>
      <c r="B388" t="s">
        <v>93</v>
      </c>
      <c r="C388">
        <v>48</v>
      </c>
      <c r="D388" t="s">
        <v>458</v>
      </c>
      <c r="E388">
        <v>356</v>
      </c>
      <c r="F388" t="s">
        <v>651</v>
      </c>
      <c r="G388">
        <v>160</v>
      </c>
      <c r="H388" t="s">
        <v>773</v>
      </c>
      <c r="I388">
        <v>11846</v>
      </c>
      <c r="J388" t="s">
        <v>676</v>
      </c>
      <c r="K388">
        <v>4</v>
      </c>
      <c r="L388" t="s">
        <v>816</v>
      </c>
      <c r="M388">
        <v>4069</v>
      </c>
      <c r="N388" t="s">
        <v>654</v>
      </c>
      <c r="O388">
        <v>3</v>
      </c>
      <c r="P388" t="s">
        <v>655</v>
      </c>
      <c r="Q388">
        <v>1</v>
      </c>
      <c r="R388" t="s">
        <v>656</v>
      </c>
      <c r="S388">
        <v>2</v>
      </c>
      <c r="T388" t="s">
        <v>661</v>
      </c>
      <c r="U388">
        <v>8</v>
      </c>
      <c r="V388">
        <v>2</v>
      </c>
      <c r="W388">
        <v>120</v>
      </c>
      <c r="X388">
        <v>2020</v>
      </c>
    </row>
    <row r="389" spans="1:24" x14ac:dyDescent="0.25">
      <c r="A389">
        <v>14740</v>
      </c>
      <c r="B389" t="s">
        <v>20</v>
      </c>
      <c r="C389">
        <v>14</v>
      </c>
      <c r="D389" t="s">
        <v>580</v>
      </c>
      <c r="E389">
        <v>90</v>
      </c>
      <c r="F389" t="s">
        <v>651</v>
      </c>
      <c r="G389">
        <v>160</v>
      </c>
      <c r="H389" t="s">
        <v>681</v>
      </c>
      <c r="I389">
        <v>717</v>
      </c>
      <c r="J389" t="s">
        <v>663</v>
      </c>
      <c r="K389">
        <v>99</v>
      </c>
      <c r="L389" t="s">
        <v>1006</v>
      </c>
      <c r="M389">
        <v>4064</v>
      </c>
      <c r="N389" t="s">
        <v>654</v>
      </c>
      <c r="O389">
        <v>3</v>
      </c>
      <c r="P389" t="s">
        <v>655</v>
      </c>
      <c r="Q389">
        <v>1</v>
      </c>
      <c r="R389" t="s">
        <v>656</v>
      </c>
      <c r="S389">
        <v>2</v>
      </c>
      <c r="T389" t="s">
        <v>718</v>
      </c>
      <c r="U389">
        <v>2</v>
      </c>
      <c r="V389">
        <v>2</v>
      </c>
      <c r="W389">
        <v>120</v>
      </c>
      <c r="X389">
        <v>2020</v>
      </c>
    </row>
    <row r="390" spans="1:24" x14ac:dyDescent="0.25">
      <c r="A390">
        <v>14735</v>
      </c>
      <c r="B390" t="s">
        <v>192</v>
      </c>
      <c r="C390">
        <v>19</v>
      </c>
      <c r="D390" t="s">
        <v>560</v>
      </c>
      <c r="E390">
        <v>136</v>
      </c>
      <c r="F390" t="s">
        <v>651</v>
      </c>
      <c r="G390">
        <v>160</v>
      </c>
      <c r="H390" t="s">
        <v>739</v>
      </c>
      <c r="I390">
        <v>4413</v>
      </c>
      <c r="J390" t="s">
        <v>851</v>
      </c>
      <c r="K390">
        <v>43</v>
      </c>
      <c r="L390" t="s">
        <v>1007</v>
      </c>
      <c r="M390">
        <v>509</v>
      </c>
      <c r="N390" t="s">
        <v>654</v>
      </c>
      <c r="O390">
        <v>3</v>
      </c>
      <c r="P390" t="s">
        <v>655</v>
      </c>
      <c r="Q390">
        <v>1</v>
      </c>
      <c r="R390" t="s">
        <v>669</v>
      </c>
      <c r="S390">
        <v>1</v>
      </c>
      <c r="T390" t="s">
        <v>661</v>
      </c>
      <c r="U390">
        <v>8</v>
      </c>
      <c r="V390">
        <v>2</v>
      </c>
      <c r="W390">
        <v>120</v>
      </c>
      <c r="X390">
        <v>2020</v>
      </c>
    </row>
    <row r="391" spans="1:24" x14ac:dyDescent="0.25">
      <c r="A391">
        <v>14730</v>
      </c>
      <c r="B391" t="s">
        <v>112</v>
      </c>
      <c r="C391">
        <v>29</v>
      </c>
      <c r="D391" t="s">
        <v>518</v>
      </c>
      <c r="E391">
        <v>230</v>
      </c>
      <c r="F391" t="s">
        <v>651</v>
      </c>
      <c r="G391">
        <v>160</v>
      </c>
      <c r="H391" t="s">
        <v>719</v>
      </c>
      <c r="I391">
        <v>7630</v>
      </c>
      <c r="J391" t="s">
        <v>730</v>
      </c>
      <c r="K391">
        <v>66</v>
      </c>
      <c r="L391" t="s">
        <v>1008</v>
      </c>
      <c r="M391">
        <v>3192</v>
      </c>
      <c r="N391" t="s">
        <v>654</v>
      </c>
      <c r="O391">
        <v>3</v>
      </c>
      <c r="P391" t="s">
        <v>655</v>
      </c>
      <c r="Q391">
        <v>1</v>
      </c>
      <c r="R391" t="s">
        <v>669</v>
      </c>
      <c r="S391">
        <v>1</v>
      </c>
      <c r="T391" t="s">
        <v>661</v>
      </c>
      <c r="U391">
        <v>8</v>
      </c>
      <c r="V391">
        <v>3</v>
      </c>
      <c r="W391">
        <v>180</v>
      </c>
      <c r="X391">
        <v>2020</v>
      </c>
    </row>
    <row r="392" spans="1:24" x14ac:dyDescent="0.25">
      <c r="A392">
        <v>14729</v>
      </c>
      <c r="B392" t="s">
        <v>20</v>
      </c>
      <c r="C392">
        <v>14</v>
      </c>
      <c r="D392" t="s">
        <v>580</v>
      </c>
      <c r="E392">
        <v>90</v>
      </c>
      <c r="F392" t="s">
        <v>651</v>
      </c>
      <c r="G392">
        <v>160</v>
      </c>
      <c r="H392" t="s">
        <v>681</v>
      </c>
      <c r="I392">
        <v>717</v>
      </c>
      <c r="J392" t="s">
        <v>892</v>
      </c>
      <c r="K392" t="s">
        <v>892</v>
      </c>
      <c r="L392" t="s">
        <v>1001</v>
      </c>
      <c r="M392">
        <v>3895</v>
      </c>
      <c r="N392" t="s">
        <v>654</v>
      </c>
      <c r="O392">
        <v>3</v>
      </c>
      <c r="P392" t="s">
        <v>655</v>
      </c>
      <c r="Q392">
        <v>1</v>
      </c>
      <c r="R392" t="s">
        <v>1002</v>
      </c>
      <c r="S392">
        <v>5</v>
      </c>
      <c r="T392" t="s">
        <v>661</v>
      </c>
      <c r="U392">
        <v>8</v>
      </c>
      <c r="V392">
        <v>1</v>
      </c>
      <c r="W392">
        <v>60</v>
      </c>
      <c r="X392">
        <v>2020</v>
      </c>
    </row>
    <row r="393" spans="1:24" x14ac:dyDescent="0.25">
      <c r="A393">
        <v>14723</v>
      </c>
      <c r="B393" t="s">
        <v>108</v>
      </c>
      <c r="C393">
        <v>13</v>
      </c>
      <c r="D393" t="s">
        <v>583</v>
      </c>
      <c r="E393">
        <v>84</v>
      </c>
      <c r="F393" t="s">
        <v>651</v>
      </c>
      <c r="G393">
        <v>160</v>
      </c>
      <c r="H393" t="s">
        <v>854</v>
      </c>
      <c r="I393">
        <v>1</v>
      </c>
      <c r="J393" t="s">
        <v>892</v>
      </c>
      <c r="K393" t="s">
        <v>892</v>
      </c>
      <c r="L393" t="s">
        <v>1001</v>
      </c>
      <c r="M393">
        <v>3895</v>
      </c>
      <c r="N393" t="s">
        <v>654</v>
      </c>
      <c r="O393">
        <v>3</v>
      </c>
      <c r="P393" t="s">
        <v>655</v>
      </c>
      <c r="Q393">
        <v>1</v>
      </c>
      <c r="R393" t="s">
        <v>1002</v>
      </c>
      <c r="S393">
        <v>5</v>
      </c>
      <c r="T393" t="s">
        <v>661</v>
      </c>
      <c r="U393">
        <v>8</v>
      </c>
      <c r="V393">
        <v>1</v>
      </c>
      <c r="W393">
        <v>60</v>
      </c>
      <c r="X393">
        <v>2020</v>
      </c>
    </row>
    <row r="394" spans="1:24" x14ac:dyDescent="0.25">
      <c r="A394">
        <v>14718</v>
      </c>
      <c r="B394" t="s">
        <v>226</v>
      </c>
      <c r="C394">
        <v>1</v>
      </c>
      <c r="D394" t="s">
        <v>621</v>
      </c>
      <c r="E394">
        <v>15</v>
      </c>
      <c r="F394" t="s">
        <v>651</v>
      </c>
      <c r="G394">
        <v>160</v>
      </c>
      <c r="H394" t="s">
        <v>658</v>
      </c>
      <c r="I394">
        <v>13755</v>
      </c>
      <c r="J394" t="s">
        <v>730</v>
      </c>
      <c r="K394">
        <v>66</v>
      </c>
      <c r="L394" t="s">
        <v>969</v>
      </c>
      <c r="M394">
        <v>290</v>
      </c>
      <c r="N394" t="s">
        <v>668</v>
      </c>
      <c r="O394">
        <v>4</v>
      </c>
      <c r="P394" t="s">
        <v>655</v>
      </c>
      <c r="Q394">
        <v>1</v>
      </c>
      <c r="R394" t="s">
        <v>669</v>
      </c>
      <c r="S394">
        <v>1</v>
      </c>
      <c r="T394" t="s">
        <v>718</v>
      </c>
      <c r="U394">
        <v>2</v>
      </c>
      <c r="V394">
        <v>4</v>
      </c>
      <c r="W394">
        <v>240</v>
      </c>
      <c r="X394">
        <v>2020</v>
      </c>
    </row>
    <row r="395" spans="1:24" x14ac:dyDescent="0.25">
      <c r="A395">
        <v>14715</v>
      </c>
      <c r="B395" t="s">
        <v>30</v>
      </c>
      <c r="C395">
        <v>18</v>
      </c>
      <c r="D395" t="s">
        <v>426</v>
      </c>
      <c r="E395">
        <v>105</v>
      </c>
      <c r="F395" t="s">
        <v>651</v>
      </c>
      <c r="G395">
        <v>160</v>
      </c>
      <c r="H395" t="s">
        <v>922</v>
      </c>
      <c r="I395">
        <v>8163</v>
      </c>
      <c r="J395" t="s">
        <v>667</v>
      </c>
      <c r="K395">
        <v>11</v>
      </c>
      <c r="L395" t="s">
        <v>667</v>
      </c>
      <c r="M395">
        <v>35</v>
      </c>
      <c r="N395" t="s">
        <v>654</v>
      </c>
      <c r="O395">
        <v>3</v>
      </c>
      <c r="P395" t="s">
        <v>655</v>
      </c>
      <c r="Q395">
        <v>1</v>
      </c>
      <c r="R395" t="s">
        <v>669</v>
      </c>
      <c r="S395">
        <v>1</v>
      </c>
      <c r="T395" t="s">
        <v>1009</v>
      </c>
      <c r="U395">
        <v>35</v>
      </c>
      <c r="V395">
        <v>3</v>
      </c>
      <c r="W395">
        <v>180</v>
      </c>
      <c r="X395">
        <v>2020</v>
      </c>
    </row>
    <row r="396" spans="1:24" x14ac:dyDescent="0.25">
      <c r="A396">
        <v>14712</v>
      </c>
      <c r="B396" t="s">
        <v>30</v>
      </c>
      <c r="C396">
        <v>18</v>
      </c>
      <c r="D396" t="s">
        <v>426</v>
      </c>
      <c r="E396">
        <v>105</v>
      </c>
      <c r="F396" t="s">
        <v>651</v>
      </c>
      <c r="G396">
        <v>160</v>
      </c>
      <c r="H396" t="s">
        <v>922</v>
      </c>
      <c r="I396">
        <v>8163</v>
      </c>
      <c r="J396" t="s">
        <v>667</v>
      </c>
      <c r="K396">
        <v>11</v>
      </c>
      <c r="L396" t="s">
        <v>667</v>
      </c>
      <c r="M396">
        <v>35</v>
      </c>
      <c r="N396" t="s">
        <v>654</v>
      </c>
      <c r="O396">
        <v>3</v>
      </c>
      <c r="P396" t="s">
        <v>655</v>
      </c>
      <c r="Q396">
        <v>1</v>
      </c>
      <c r="R396" t="s">
        <v>669</v>
      </c>
      <c r="S396">
        <v>1</v>
      </c>
      <c r="T396" t="s">
        <v>1010</v>
      </c>
      <c r="U396">
        <v>36</v>
      </c>
      <c r="V396">
        <v>3</v>
      </c>
      <c r="W396">
        <v>180</v>
      </c>
      <c r="X396">
        <v>2020</v>
      </c>
    </row>
    <row r="397" spans="1:24" x14ac:dyDescent="0.25">
      <c r="A397">
        <v>14709</v>
      </c>
      <c r="B397" t="s">
        <v>32</v>
      </c>
      <c r="C397">
        <v>24</v>
      </c>
      <c r="D397" t="s">
        <v>539</v>
      </c>
      <c r="E397">
        <v>174</v>
      </c>
      <c r="F397" t="s">
        <v>651</v>
      </c>
      <c r="G397">
        <v>160</v>
      </c>
      <c r="H397" t="s">
        <v>747</v>
      </c>
      <c r="I397">
        <v>4847</v>
      </c>
      <c r="J397" t="s">
        <v>897</v>
      </c>
      <c r="K397">
        <v>3</v>
      </c>
      <c r="L397" t="s">
        <v>923</v>
      </c>
      <c r="M397">
        <v>3082</v>
      </c>
      <c r="N397" t="s">
        <v>668</v>
      </c>
      <c r="O397">
        <v>4</v>
      </c>
      <c r="P397" t="s">
        <v>655</v>
      </c>
      <c r="Q397">
        <v>1</v>
      </c>
      <c r="R397" t="s">
        <v>669</v>
      </c>
      <c r="S397">
        <v>1</v>
      </c>
      <c r="T397" t="s">
        <v>661</v>
      </c>
      <c r="U397">
        <v>8</v>
      </c>
      <c r="V397">
        <v>3</v>
      </c>
      <c r="W397">
        <v>180</v>
      </c>
      <c r="X397">
        <v>2020</v>
      </c>
    </row>
    <row r="398" spans="1:24" x14ac:dyDescent="0.25">
      <c r="A398">
        <v>14706</v>
      </c>
      <c r="B398" t="s">
        <v>74</v>
      </c>
      <c r="C398">
        <v>40</v>
      </c>
      <c r="D398" t="s">
        <v>487</v>
      </c>
      <c r="E398">
        <v>312</v>
      </c>
      <c r="F398" t="s">
        <v>651</v>
      </c>
      <c r="G398">
        <v>160</v>
      </c>
      <c r="H398" t="s">
        <v>697</v>
      </c>
      <c r="I398">
        <v>11198</v>
      </c>
      <c r="J398" t="s">
        <v>738</v>
      </c>
      <c r="K398">
        <v>61</v>
      </c>
      <c r="L398" t="s">
        <v>738</v>
      </c>
      <c r="M398">
        <v>252</v>
      </c>
      <c r="N398" t="s">
        <v>668</v>
      </c>
      <c r="O398">
        <v>4</v>
      </c>
      <c r="P398" t="s">
        <v>655</v>
      </c>
      <c r="Q398">
        <v>1</v>
      </c>
      <c r="R398" t="s">
        <v>669</v>
      </c>
      <c r="S398">
        <v>1</v>
      </c>
      <c r="T398" t="s">
        <v>661</v>
      </c>
      <c r="U398">
        <v>8</v>
      </c>
      <c r="V398">
        <v>4</v>
      </c>
      <c r="W398">
        <v>240</v>
      </c>
      <c r="X398">
        <v>2020</v>
      </c>
    </row>
    <row r="399" spans="1:24" x14ac:dyDescent="0.25">
      <c r="A399">
        <v>14703</v>
      </c>
      <c r="B399" t="s">
        <v>67</v>
      </c>
      <c r="C399">
        <v>62</v>
      </c>
      <c r="D399" t="s">
        <v>421</v>
      </c>
      <c r="E399">
        <v>447</v>
      </c>
      <c r="F399" t="s">
        <v>651</v>
      </c>
      <c r="G399">
        <v>160</v>
      </c>
      <c r="H399" t="s">
        <v>658</v>
      </c>
      <c r="I399">
        <v>13755</v>
      </c>
      <c r="J399" t="s">
        <v>1005</v>
      </c>
      <c r="K399">
        <v>72</v>
      </c>
      <c r="L399" t="s">
        <v>1005</v>
      </c>
      <c r="M399">
        <v>326</v>
      </c>
      <c r="N399" t="s">
        <v>668</v>
      </c>
      <c r="O399">
        <v>4</v>
      </c>
      <c r="P399" t="s">
        <v>655</v>
      </c>
      <c r="Q399">
        <v>1</v>
      </c>
      <c r="R399" t="s">
        <v>669</v>
      </c>
      <c r="S399">
        <v>1</v>
      </c>
      <c r="T399" t="s">
        <v>718</v>
      </c>
      <c r="U399">
        <v>2</v>
      </c>
      <c r="V399">
        <v>6</v>
      </c>
      <c r="W399">
        <v>360</v>
      </c>
      <c r="X399">
        <v>2020</v>
      </c>
    </row>
    <row r="400" spans="1:24" x14ac:dyDescent="0.25">
      <c r="A400">
        <v>14700</v>
      </c>
      <c r="B400" t="s">
        <v>20</v>
      </c>
      <c r="C400">
        <v>14</v>
      </c>
      <c r="D400" t="s">
        <v>577</v>
      </c>
      <c r="E400">
        <v>94</v>
      </c>
      <c r="F400" t="s">
        <v>651</v>
      </c>
      <c r="G400">
        <v>160</v>
      </c>
      <c r="H400" t="s">
        <v>681</v>
      </c>
      <c r="I400">
        <v>717</v>
      </c>
      <c r="J400" t="s">
        <v>1011</v>
      </c>
      <c r="K400">
        <v>17</v>
      </c>
      <c r="L400" t="s">
        <v>1012</v>
      </c>
      <c r="M400">
        <v>4055</v>
      </c>
      <c r="N400" t="s">
        <v>654</v>
      </c>
      <c r="O400">
        <v>3</v>
      </c>
      <c r="P400" t="s">
        <v>655</v>
      </c>
      <c r="Q400">
        <v>1</v>
      </c>
      <c r="R400" t="s">
        <v>656</v>
      </c>
      <c r="S400">
        <v>2</v>
      </c>
      <c r="T400" t="s">
        <v>661</v>
      </c>
      <c r="U400">
        <v>8</v>
      </c>
      <c r="V400">
        <v>2</v>
      </c>
      <c r="W400">
        <v>120</v>
      </c>
      <c r="X400">
        <v>2020</v>
      </c>
    </row>
    <row r="401" spans="1:24" x14ac:dyDescent="0.25">
      <c r="A401">
        <v>14697</v>
      </c>
      <c r="B401" t="s">
        <v>226</v>
      </c>
      <c r="C401">
        <v>1</v>
      </c>
      <c r="D401" t="s">
        <v>615</v>
      </c>
      <c r="E401">
        <v>12</v>
      </c>
      <c r="F401" t="s">
        <v>651</v>
      </c>
      <c r="G401">
        <v>160</v>
      </c>
      <c r="H401" t="s">
        <v>658</v>
      </c>
      <c r="I401">
        <v>13755</v>
      </c>
      <c r="J401" t="s">
        <v>742</v>
      </c>
      <c r="K401">
        <v>48</v>
      </c>
      <c r="L401" t="s">
        <v>1013</v>
      </c>
      <c r="M401">
        <v>4052</v>
      </c>
      <c r="N401" t="s">
        <v>654</v>
      </c>
      <c r="O401">
        <v>3</v>
      </c>
      <c r="P401" t="s">
        <v>655</v>
      </c>
      <c r="Q401">
        <v>1</v>
      </c>
      <c r="R401" t="s">
        <v>656</v>
      </c>
      <c r="S401">
        <v>2</v>
      </c>
      <c r="T401" t="s">
        <v>718</v>
      </c>
      <c r="U401">
        <v>2</v>
      </c>
      <c r="V401">
        <v>2</v>
      </c>
      <c r="W401">
        <v>120</v>
      </c>
      <c r="X401">
        <v>2020</v>
      </c>
    </row>
    <row r="402" spans="1:24" x14ac:dyDescent="0.25">
      <c r="A402">
        <v>14694</v>
      </c>
      <c r="B402" t="s">
        <v>226</v>
      </c>
      <c r="C402">
        <v>1</v>
      </c>
      <c r="D402" t="s">
        <v>630</v>
      </c>
      <c r="E402">
        <v>2</v>
      </c>
      <c r="F402" t="s">
        <v>651</v>
      </c>
      <c r="G402">
        <v>160</v>
      </c>
      <c r="H402" t="s">
        <v>658</v>
      </c>
      <c r="I402">
        <v>13755</v>
      </c>
      <c r="J402" t="s">
        <v>695</v>
      </c>
      <c r="K402">
        <v>54</v>
      </c>
      <c r="L402" t="s">
        <v>1014</v>
      </c>
      <c r="M402">
        <v>4049</v>
      </c>
      <c r="N402" t="s">
        <v>654</v>
      </c>
      <c r="O402">
        <v>3</v>
      </c>
      <c r="P402" t="s">
        <v>655</v>
      </c>
      <c r="Q402">
        <v>1</v>
      </c>
      <c r="R402" t="s">
        <v>656</v>
      </c>
      <c r="S402">
        <v>2</v>
      </c>
      <c r="T402" t="s">
        <v>661</v>
      </c>
      <c r="U402">
        <v>8</v>
      </c>
      <c r="V402">
        <v>2</v>
      </c>
      <c r="W402">
        <v>120</v>
      </c>
      <c r="X402">
        <v>2020</v>
      </c>
    </row>
    <row r="403" spans="1:24" x14ac:dyDescent="0.25">
      <c r="A403">
        <v>14691</v>
      </c>
      <c r="B403" t="s">
        <v>226</v>
      </c>
      <c r="C403">
        <v>1</v>
      </c>
      <c r="D403" t="s">
        <v>630</v>
      </c>
      <c r="E403">
        <v>2</v>
      </c>
      <c r="F403" t="s">
        <v>651</v>
      </c>
      <c r="G403">
        <v>160</v>
      </c>
      <c r="H403" t="s">
        <v>658</v>
      </c>
      <c r="I403">
        <v>13755</v>
      </c>
      <c r="J403" t="s">
        <v>695</v>
      </c>
      <c r="K403">
        <v>54</v>
      </c>
      <c r="L403" t="s">
        <v>1015</v>
      </c>
      <c r="M403">
        <v>4046</v>
      </c>
      <c r="N403" t="s">
        <v>654</v>
      </c>
      <c r="O403">
        <v>3</v>
      </c>
      <c r="P403" t="s">
        <v>655</v>
      </c>
      <c r="Q403">
        <v>1</v>
      </c>
      <c r="R403" t="s">
        <v>656</v>
      </c>
      <c r="S403">
        <v>2</v>
      </c>
      <c r="T403" t="s">
        <v>661</v>
      </c>
      <c r="U403">
        <v>8</v>
      </c>
      <c r="V403">
        <v>2</v>
      </c>
      <c r="W403">
        <v>120</v>
      </c>
      <c r="X403">
        <v>2020</v>
      </c>
    </row>
    <row r="404" spans="1:24" x14ac:dyDescent="0.25">
      <c r="A404">
        <v>14688</v>
      </c>
      <c r="B404" t="s">
        <v>226</v>
      </c>
      <c r="C404">
        <v>1</v>
      </c>
      <c r="D404" t="s">
        <v>522</v>
      </c>
      <c r="E404">
        <v>4</v>
      </c>
      <c r="F404" t="s">
        <v>651</v>
      </c>
      <c r="G404">
        <v>160</v>
      </c>
      <c r="H404" t="s">
        <v>658</v>
      </c>
      <c r="I404">
        <v>13755</v>
      </c>
      <c r="J404" t="s">
        <v>710</v>
      </c>
      <c r="K404">
        <v>53</v>
      </c>
      <c r="L404" t="s">
        <v>1016</v>
      </c>
      <c r="M404">
        <v>4043</v>
      </c>
      <c r="N404" t="s">
        <v>654</v>
      </c>
      <c r="O404">
        <v>3</v>
      </c>
      <c r="P404" t="s">
        <v>655</v>
      </c>
      <c r="Q404">
        <v>1</v>
      </c>
      <c r="R404" t="s">
        <v>656</v>
      </c>
      <c r="S404">
        <v>2</v>
      </c>
      <c r="T404" t="s">
        <v>661</v>
      </c>
      <c r="U404">
        <v>8</v>
      </c>
      <c r="V404">
        <v>2</v>
      </c>
      <c r="W404">
        <v>120</v>
      </c>
      <c r="X404">
        <v>2020</v>
      </c>
    </row>
    <row r="405" spans="1:24" x14ac:dyDescent="0.25">
      <c r="A405">
        <v>14685</v>
      </c>
      <c r="B405" t="s">
        <v>226</v>
      </c>
      <c r="C405">
        <v>1</v>
      </c>
      <c r="D405" t="s">
        <v>626</v>
      </c>
      <c r="E405">
        <v>8</v>
      </c>
      <c r="F405" t="s">
        <v>651</v>
      </c>
      <c r="G405">
        <v>160</v>
      </c>
      <c r="H405" t="s">
        <v>658</v>
      </c>
      <c r="I405">
        <v>13755</v>
      </c>
      <c r="J405" t="s">
        <v>980</v>
      </c>
      <c r="K405">
        <v>67</v>
      </c>
      <c r="L405" t="s">
        <v>1017</v>
      </c>
      <c r="M405">
        <v>4040</v>
      </c>
      <c r="N405" t="s">
        <v>654</v>
      </c>
      <c r="O405">
        <v>3</v>
      </c>
      <c r="P405" t="s">
        <v>655</v>
      </c>
      <c r="Q405">
        <v>1</v>
      </c>
      <c r="R405" t="s">
        <v>656</v>
      </c>
      <c r="S405">
        <v>2</v>
      </c>
      <c r="T405" t="s">
        <v>718</v>
      </c>
      <c r="U405">
        <v>2</v>
      </c>
      <c r="V405">
        <v>2</v>
      </c>
      <c r="W405">
        <v>120</v>
      </c>
      <c r="X405">
        <v>2020</v>
      </c>
    </row>
    <row r="406" spans="1:24" x14ac:dyDescent="0.25">
      <c r="A406">
        <v>14682</v>
      </c>
      <c r="B406" t="s">
        <v>226</v>
      </c>
      <c r="C406">
        <v>1</v>
      </c>
      <c r="D406" t="s">
        <v>472</v>
      </c>
      <c r="E406">
        <v>3</v>
      </c>
      <c r="F406" t="s">
        <v>651</v>
      </c>
      <c r="G406">
        <v>160</v>
      </c>
      <c r="H406" t="s">
        <v>658</v>
      </c>
      <c r="I406">
        <v>13755</v>
      </c>
      <c r="J406" t="s">
        <v>797</v>
      </c>
      <c r="K406">
        <v>65</v>
      </c>
      <c r="L406" t="s">
        <v>1018</v>
      </c>
      <c r="M406">
        <v>4037</v>
      </c>
      <c r="N406" t="s">
        <v>654</v>
      </c>
      <c r="O406">
        <v>3</v>
      </c>
      <c r="P406" t="s">
        <v>655</v>
      </c>
      <c r="Q406">
        <v>1</v>
      </c>
      <c r="R406" t="s">
        <v>656</v>
      </c>
      <c r="S406">
        <v>2</v>
      </c>
      <c r="T406" t="s">
        <v>718</v>
      </c>
      <c r="U406">
        <v>2</v>
      </c>
      <c r="V406">
        <v>2</v>
      </c>
      <c r="W406">
        <v>120</v>
      </c>
      <c r="X406">
        <v>2020</v>
      </c>
    </row>
    <row r="407" spans="1:24" x14ac:dyDescent="0.25">
      <c r="A407">
        <v>14679</v>
      </c>
      <c r="B407" t="s">
        <v>226</v>
      </c>
      <c r="C407">
        <v>1</v>
      </c>
      <c r="D407" t="s">
        <v>472</v>
      </c>
      <c r="E407">
        <v>3</v>
      </c>
      <c r="F407" t="s">
        <v>651</v>
      </c>
      <c r="G407">
        <v>160</v>
      </c>
      <c r="H407" t="s">
        <v>658</v>
      </c>
      <c r="I407">
        <v>13755</v>
      </c>
      <c r="J407" t="s">
        <v>797</v>
      </c>
      <c r="K407">
        <v>65</v>
      </c>
      <c r="L407" t="s">
        <v>1019</v>
      </c>
      <c r="M407">
        <v>4034</v>
      </c>
      <c r="N407" t="s">
        <v>654</v>
      </c>
      <c r="O407">
        <v>3</v>
      </c>
      <c r="P407" t="s">
        <v>655</v>
      </c>
      <c r="Q407">
        <v>1</v>
      </c>
      <c r="R407" t="s">
        <v>656</v>
      </c>
      <c r="S407">
        <v>2</v>
      </c>
      <c r="T407" t="s">
        <v>718</v>
      </c>
      <c r="U407">
        <v>2</v>
      </c>
      <c r="V407">
        <v>2</v>
      </c>
      <c r="W407">
        <v>120</v>
      </c>
      <c r="X407">
        <v>2020</v>
      </c>
    </row>
    <row r="408" spans="1:24" x14ac:dyDescent="0.25">
      <c r="A408">
        <v>14676</v>
      </c>
      <c r="B408" t="s">
        <v>226</v>
      </c>
      <c r="C408">
        <v>1</v>
      </c>
      <c r="D408" t="s">
        <v>621</v>
      </c>
      <c r="E408">
        <v>15</v>
      </c>
      <c r="F408" t="s">
        <v>651</v>
      </c>
      <c r="G408">
        <v>160</v>
      </c>
      <c r="H408" t="s">
        <v>658</v>
      </c>
      <c r="I408">
        <v>13755</v>
      </c>
      <c r="J408" t="s">
        <v>730</v>
      </c>
      <c r="K408">
        <v>66</v>
      </c>
      <c r="L408" t="s">
        <v>1020</v>
      </c>
      <c r="M408">
        <v>4031</v>
      </c>
      <c r="N408" t="s">
        <v>654</v>
      </c>
      <c r="O408">
        <v>3</v>
      </c>
      <c r="P408" t="s">
        <v>655</v>
      </c>
      <c r="Q408">
        <v>1</v>
      </c>
      <c r="R408" t="s">
        <v>656</v>
      </c>
      <c r="S408">
        <v>2</v>
      </c>
      <c r="T408" t="s">
        <v>718</v>
      </c>
      <c r="U408">
        <v>2</v>
      </c>
      <c r="V408">
        <v>2</v>
      </c>
      <c r="W408">
        <v>120</v>
      </c>
      <c r="X408">
        <v>2020</v>
      </c>
    </row>
    <row r="409" spans="1:24" x14ac:dyDescent="0.25">
      <c r="A409">
        <v>14673</v>
      </c>
      <c r="B409" t="s">
        <v>226</v>
      </c>
      <c r="C409">
        <v>1</v>
      </c>
      <c r="D409" t="s">
        <v>629</v>
      </c>
      <c r="E409">
        <v>5</v>
      </c>
      <c r="F409" t="s">
        <v>651</v>
      </c>
      <c r="G409">
        <v>160</v>
      </c>
      <c r="H409" t="s">
        <v>658</v>
      </c>
      <c r="I409">
        <v>13755</v>
      </c>
      <c r="J409" t="s">
        <v>693</v>
      </c>
      <c r="K409">
        <v>56</v>
      </c>
      <c r="L409" t="s">
        <v>1021</v>
      </c>
      <c r="M409">
        <v>4028</v>
      </c>
      <c r="N409" t="s">
        <v>654</v>
      </c>
      <c r="O409">
        <v>3</v>
      </c>
      <c r="P409" t="s">
        <v>655</v>
      </c>
      <c r="Q409">
        <v>1</v>
      </c>
      <c r="R409" t="s">
        <v>656</v>
      </c>
      <c r="S409">
        <v>2</v>
      </c>
      <c r="T409" t="s">
        <v>661</v>
      </c>
      <c r="U409">
        <v>8</v>
      </c>
      <c r="V409">
        <v>2</v>
      </c>
      <c r="W409">
        <v>120</v>
      </c>
      <c r="X409">
        <v>2020</v>
      </c>
    </row>
    <row r="410" spans="1:24" x14ac:dyDescent="0.25">
      <c r="A410">
        <v>14670</v>
      </c>
      <c r="B410" t="s">
        <v>110</v>
      </c>
      <c r="C410">
        <v>2</v>
      </c>
      <c r="D410" t="s">
        <v>563</v>
      </c>
      <c r="E410">
        <v>19</v>
      </c>
      <c r="F410" t="s">
        <v>651</v>
      </c>
      <c r="G410">
        <v>160</v>
      </c>
      <c r="H410" t="s">
        <v>658</v>
      </c>
      <c r="I410">
        <v>13755</v>
      </c>
      <c r="J410" t="s">
        <v>1022</v>
      </c>
      <c r="K410">
        <v>85</v>
      </c>
      <c r="L410" t="s">
        <v>1023</v>
      </c>
      <c r="M410">
        <v>4025</v>
      </c>
      <c r="N410" t="s">
        <v>654</v>
      </c>
      <c r="O410">
        <v>3</v>
      </c>
      <c r="P410" t="s">
        <v>655</v>
      </c>
      <c r="Q410">
        <v>1</v>
      </c>
      <c r="R410" t="s">
        <v>656</v>
      </c>
      <c r="S410">
        <v>2</v>
      </c>
      <c r="T410" t="s">
        <v>661</v>
      </c>
      <c r="U410">
        <v>8</v>
      </c>
      <c r="V410">
        <v>2</v>
      </c>
      <c r="W410">
        <v>120</v>
      </c>
      <c r="X410">
        <v>2020</v>
      </c>
    </row>
    <row r="411" spans="1:24" x14ac:dyDescent="0.25">
      <c r="A411">
        <v>14667</v>
      </c>
      <c r="B411" t="s">
        <v>110</v>
      </c>
      <c r="C411">
        <v>2</v>
      </c>
      <c r="D411" t="s">
        <v>615</v>
      </c>
      <c r="E411">
        <v>22</v>
      </c>
      <c r="F411" t="s">
        <v>651</v>
      </c>
      <c r="G411">
        <v>160</v>
      </c>
      <c r="H411" t="s">
        <v>658</v>
      </c>
      <c r="I411">
        <v>13755</v>
      </c>
      <c r="J411" t="s">
        <v>1022</v>
      </c>
      <c r="K411">
        <v>85</v>
      </c>
      <c r="L411" t="s">
        <v>1024</v>
      </c>
      <c r="M411">
        <v>4022</v>
      </c>
      <c r="N411" t="s">
        <v>654</v>
      </c>
      <c r="O411">
        <v>3</v>
      </c>
      <c r="P411" t="s">
        <v>655</v>
      </c>
      <c r="Q411">
        <v>1</v>
      </c>
      <c r="R411" t="s">
        <v>656</v>
      </c>
      <c r="S411">
        <v>2</v>
      </c>
      <c r="T411" t="s">
        <v>718</v>
      </c>
      <c r="U411">
        <v>2</v>
      </c>
      <c r="V411">
        <v>2</v>
      </c>
      <c r="W411">
        <v>120</v>
      </c>
      <c r="X411">
        <v>2020</v>
      </c>
    </row>
    <row r="412" spans="1:24" x14ac:dyDescent="0.25">
      <c r="A412">
        <v>14661</v>
      </c>
      <c r="B412" t="s">
        <v>183</v>
      </c>
      <c r="C412">
        <v>4</v>
      </c>
      <c r="D412" t="s">
        <v>610</v>
      </c>
      <c r="E412">
        <v>30</v>
      </c>
      <c r="F412" t="s">
        <v>651</v>
      </c>
      <c r="G412">
        <v>160</v>
      </c>
      <c r="H412" t="s">
        <v>658</v>
      </c>
      <c r="I412">
        <v>13755</v>
      </c>
      <c r="J412" t="s">
        <v>880</v>
      </c>
      <c r="K412">
        <v>58</v>
      </c>
      <c r="L412" t="s">
        <v>1025</v>
      </c>
      <c r="M412">
        <v>747</v>
      </c>
      <c r="N412" t="s">
        <v>654</v>
      </c>
      <c r="O412">
        <v>3</v>
      </c>
      <c r="P412" t="s">
        <v>655</v>
      </c>
      <c r="Q412">
        <v>1</v>
      </c>
      <c r="R412" t="s">
        <v>656</v>
      </c>
      <c r="S412">
        <v>2</v>
      </c>
      <c r="T412" t="s">
        <v>661</v>
      </c>
      <c r="U412">
        <v>8</v>
      </c>
      <c r="V412">
        <v>2</v>
      </c>
      <c r="W412">
        <v>120</v>
      </c>
      <c r="X412">
        <v>2020</v>
      </c>
    </row>
    <row r="413" spans="1:24" x14ac:dyDescent="0.25">
      <c r="A413">
        <v>14658</v>
      </c>
      <c r="B413" t="s">
        <v>12</v>
      </c>
      <c r="C413">
        <v>7</v>
      </c>
      <c r="D413" t="s">
        <v>591</v>
      </c>
      <c r="E413">
        <v>69</v>
      </c>
      <c r="F413" t="s">
        <v>651</v>
      </c>
      <c r="G413">
        <v>160</v>
      </c>
      <c r="H413" t="s">
        <v>658</v>
      </c>
      <c r="I413">
        <v>13755</v>
      </c>
      <c r="J413" t="s">
        <v>955</v>
      </c>
      <c r="K413">
        <v>29</v>
      </c>
      <c r="L413" t="s">
        <v>1026</v>
      </c>
      <c r="M413">
        <v>4016</v>
      </c>
      <c r="N413" t="s">
        <v>654</v>
      </c>
      <c r="O413">
        <v>3</v>
      </c>
      <c r="P413" t="s">
        <v>655</v>
      </c>
      <c r="Q413">
        <v>1</v>
      </c>
      <c r="R413" t="s">
        <v>656</v>
      </c>
      <c r="S413">
        <v>2</v>
      </c>
      <c r="T413" t="s">
        <v>661</v>
      </c>
      <c r="U413">
        <v>8</v>
      </c>
      <c r="V413">
        <v>2</v>
      </c>
      <c r="W413">
        <v>120</v>
      </c>
      <c r="X413">
        <v>2020</v>
      </c>
    </row>
    <row r="414" spans="1:24" x14ac:dyDescent="0.25">
      <c r="A414">
        <v>14655</v>
      </c>
      <c r="B414" t="s">
        <v>12</v>
      </c>
      <c r="C414">
        <v>7</v>
      </c>
      <c r="D414" t="s">
        <v>592</v>
      </c>
      <c r="E414">
        <v>68</v>
      </c>
      <c r="F414" t="s">
        <v>651</v>
      </c>
      <c r="G414">
        <v>160</v>
      </c>
      <c r="H414" t="s">
        <v>658</v>
      </c>
      <c r="I414">
        <v>13755</v>
      </c>
      <c r="J414" t="s">
        <v>65</v>
      </c>
      <c r="K414">
        <v>15</v>
      </c>
      <c r="L414" t="s">
        <v>1027</v>
      </c>
      <c r="M414">
        <v>4013</v>
      </c>
      <c r="N414" t="s">
        <v>654</v>
      </c>
      <c r="O414">
        <v>3</v>
      </c>
      <c r="P414" t="s">
        <v>655</v>
      </c>
      <c r="Q414">
        <v>1</v>
      </c>
      <c r="R414" t="s">
        <v>656</v>
      </c>
      <c r="S414">
        <v>2</v>
      </c>
      <c r="T414" t="s">
        <v>661</v>
      </c>
      <c r="U414">
        <v>8</v>
      </c>
      <c r="V414">
        <v>2</v>
      </c>
      <c r="W414">
        <v>120</v>
      </c>
      <c r="X414">
        <v>2020</v>
      </c>
    </row>
    <row r="415" spans="1:24" x14ac:dyDescent="0.25">
      <c r="A415">
        <v>14652</v>
      </c>
      <c r="B415" t="s">
        <v>129</v>
      </c>
      <c r="C415">
        <v>10</v>
      </c>
      <c r="D415" t="s">
        <v>587</v>
      </c>
      <c r="E415">
        <v>77</v>
      </c>
      <c r="F415" t="s">
        <v>651</v>
      </c>
      <c r="G415">
        <v>160</v>
      </c>
      <c r="H415" t="s">
        <v>658</v>
      </c>
      <c r="I415">
        <v>13755</v>
      </c>
      <c r="J415" t="s">
        <v>1028</v>
      </c>
      <c r="K415">
        <v>33</v>
      </c>
      <c r="L415" t="s">
        <v>1029</v>
      </c>
      <c r="M415">
        <v>4010</v>
      </c>
      <c r="N415" t="s">
        <v>654</v>
      </c>
      <c r="O415">
        <v>3</v>
      </c>
      <c r="P415" t="s">
        <v>655</v>
      </c>
      <c r="Q415">
        <v>1</v>
      </c>
      <c r="R415" t="s">
        <v>656</v>
      </c>
      <c r="S415">
        <v>2</v>
      </c>
      <c r="T415" t="s">
        <v>718</v>
      </c>
      <c r="U415">
        <v>2</v>
      </c>
      <c r="V415">
        <v>2</v>
      </c>
      <c r="W415">
        <v>120</v>
      </c>
      <c r="X415">
        <v>2020</v>
      </c>
    </row>
    <row r="416" spans="1:24" x14ac:dyDescent="0.25">
      <c r="A416">
        <v>14649</v>
      </c>
      <c r="B416" t="s">
        <v>108</v>
      </c>
      <c r="C416">
        <v>13</v>
      </c>
      <c r="D416" t="s">
        <v>316</v>
      </c>
      <c r="E416">
        <v>85</v>
      </c>
      <c r="F416" t="s">
        <v>651</v>
      </c>
      <c r="G416">
        <v>160</v>
      </c>
      <c r="H416" t="s">
        <v>854</v>
      </c>
      <c r="I416">
        <v>1</v>
      </c>
      <c r="J416" t="s">
        <v>301</v>
      </c>
      <c r="K416">
        <v>26</v>
      </c>
      <c r="L416" t="s">
        <v>905</v>
      </c>
      <c r="M416">
        <v>3324</v>
      </c>
      <c r="N416" t="s">
        <v>654</v>
      </c>
      <c r="O416">
        <v>3</v>
      </c>
      <c r="P416" t="s">
        <v>655</v>
      </c>
      <c r="Q416">
        <v>1</v>
      </c>
      <c r="R416" t="s">
        <v>656</v>
      </c>
      <c r="S416">
        <v>2</v>
      </c>
      <c r="T416" t="s">
        <v>718</v>
      </c>
      <c r="U416">
        <v>2</v>
      </c>
      <c r="V416">
        <v>2</v>
      </c>
      <c r="W416">
        <v>120</v>
      </c>
      <c r="X416">
        <v>2020</v>
      </c>
    </row>
    <row r="417" spans="1:24" x14ac:dyDescent="0.25">
      <c r="A417">
        <v>14646</v>
      </c>
      <c r="B417" t="s">
        <v>20</v>
      </c>
      <c r="C417">
        <v>14</v>
      </c>
      <c r="D417" t="s">
        <v>581</v>
      </c>
      <c r="E417">
        <v>89</v>
      </c>
      <c r="F417" t="s">
        <v>651</v>
      </c>
      <c r="G417">
        <v>160</v>
      </c>
      <c r="H417" t="s">
        <v>681</v>
      </c>
      <c r="I417">
        <v>717</v>
      </c>
      <c r="J417" t="s">
        <v>917</v>
      </c>
      <c r="K417">
        <v>83</v>
      </c>
      <c r="L417" t="s">
        <v>1030</v>
      </c>
      <c r="M417">
        <v>4007</v>
      </c>
      <c r="N417" t="s">
        <v>654</v>
      </c>
      <c r="O417">
        <v>3</v>
      </c>
      <c r="P417" t="s">
        <v>655</v>
      </c>
      <c r="Q417">
        <v>1</v>
      </c>
      <c r="R417" t="s">
        <v>656</v>
      </c>
      <c r="S417">
        <v>2</v>
      </c>
      <c r="T417" t="s">
        <v>661</v>
      </c>
      <c r="U417">
        <v>8</v>
      </c>
      <c r="V417">
        <v>2</v>
      </c>
      <c r="W417">
        <v>120</v>
      </c>
      <c r="X417">
        <v>2020</v>
      </c>
    </row>
    <row r="418" spans="1:24" x14ac:dyDescent="0.25">
      <c r="A418">
        <v>14643</v>
      </c>
      <c r="B418" t="s">
        <v>218</v>
      </c>
      <c r="C418">
        <v>17</v>
      </c>
      <c r="D418" t="s">
        <v>488</v>
      </c>
      <c r="E418">
        <v>110</v>
      </c>
      <c r="F418" t="s">
        <v>651</v>
      </c>
      <c r="G418">
        <v>160</v>
      </c>
      <c r="H418" t="s">
        <v>744</v>
      </c>
      <c r="I418">
        <v>3143</v>
      </c>
      <c r="J418" t="s">
        <v>710</v>
      </c>
      <c r="K418">
        <v>53</v>
      </c>
      <c r="L418" t="s">
        <v>1031</v>
      </c>
      <c r="M418">
        <v>4004</v>
      </c>
      <c r="N418" t="s">
        <v>654</v>
      </c>
      <c r="O418">
        <v>3</v>
      </c>
      <c r="P418" t="s">
        <v>655</v>
      </c>
      <c r="Q418">
        <v>1</v>
      </c>
      <c r="R418" t="s">
        <v>656</v>
      </c>
      <c r="S418">
        <v>2</v>
      </c>
      <c r="T418" t="s">
        <v>718</v>
      </c>
      <c r="U418">
        <v>2</v>
      </c>
      <c r="V418">
        <v>2</v>
      </c>
      <c r="W418">
        <v>120</v>
      </c>
      <c r="X418">
        <v>2020</v>
      </c>
    </row>
    <row r="419" spans="1:24" x14ac:dyDescent="0.25">
      <c r="A419">
        <v>14640</v>
      </c>
      <c r="B419" t="s">
        <v>218</v>
      </c>
      <c r="C419">
        <v>17</v>
      </c>
      <c r="D419" t="s">
        <v>426</v>
      </c>
      <c r="E419">
        <v>122</v>
      </c>
      <c r="F419" t="s">
        <v>651</v>
      </c>
      <c r="G419">
        <v>160</v>
      </c>
      <c r="H419" t="s">
        <v>744</v>
      </c>
      <c r="I419">
        <v>3143</v>
      </c>
      <c r="J419" t="s">
        <v>663</v>
      </c>
      <c r="K419">
        <v>99</v>
      </c>
      <c r="L419" t="s">
        <v>745</v>
      </c>
      <c r="M419">
        <v>1315</v>
      </c>
      <c r="N419" t="s">
        <v>654</v>
      </c>
      <c r="O419">
        <v>3</v>
      </c>
      <c r="P419" t="s">
        <v>655</v>
      </c>
      <c r="Q419">
        <v>1</v>
      </c>
      <c r="R419" t="s">
        <v>656</v>
      </c>
      <c r="S419">
        <v>2</v>
      </c>
      <c r="T419" t="s">
        <v>718</v>
      </c>
      <c r="U419">
        <v>2</v>
      </c>
      <c r="V419">
        <v>2</v>
      </c>
      <c r="W419">
        <v>120</v>
      </c>
      <c r="X419">
        <v>2020</v>
      </c>
    </row>
    <row r="420" spans="1:24" x14ac:dyDescent="0.25">
      <c r="A420">
        <v>14637</v>
      </c>
      <c r="B420" t="s">
        <v>218</v>
      </c>
      <c r="C420">
        <v>17</v>
      </c>
      <c r="D420" t="s">
        <v>426</v>
      </c>
      <c r="E420">
        <v>122</v>
      </c>
      <c r="F420" t="s">
        <v>651</v>
      </c>
      <c r="G420">
        <v>160</v>
      </c>
      <c r="H420" t="s">
        <v>744</v>
      </c>
      <c r="I420">
        <v>3143</v>
      </c>
      <c r="J420" t="s">
        <v>663</v>
      </c>
      <c r="K420">
        <v>99</v>
      </c>
      <c r="L420" t="s">
        <v>1032</v>
      </c>
      <c r="M420">
        <v>1314</v>
      </c>
      <c r="N420" t="s">
        <v>654</v>
      </c>
      <c r="O420">
        <v>3</v>
      </c>
      <c r="P420" t="s">
        <v>655</v>
      </c>
      <c r="Q420">
        <v>1</v>
      </c>
      <c r="R420" t="s">
        <v>656</v>
      </c>
      <c r="S420">
        <v>2</v>
      </c>
      <c r="T420" t="s">
        <v>661</v>
      </c>
      <c r="U420">
        <v>8</v>
      </c>
      <c r="V420">
        <v>2</v>
      </c>
      <c r="W420">
        <v>120</v>
      </c>
      <c r="X420">
        <v>2020</v>
      </c>
    </row>
    <row r="421" spans="1:24" x14ac:dyDescent="0.25">
      <c r="A421">
        <v>14634</v>
      </c>
      <c r="B421" t="s">
        <v>30</v>
      </c>
      <c r="C421">
        <v>18</v>
      </c>
      <c r="D421" t="s">
        <v>562</v>
      </c>
      <c r="E421">
        <v>132</v>
      </c>
      <c r="F421" t="s">
        <v>651</v>
      </c>
      <c r="G421">
        <v>160</v>
      </c>
      <c r="H421" t="s">
        <v>739</v>
      </c>
      <c r="I421">
        <v>4413</v>
      </c>
      <c r="J421" t="s">
        <v>707</v>
      </c>
      <c r="K421">
        <v>59</v>
      </c>
      <c r="L421" t="s">
        <v>1033</v>
      </c>
      <c r="M421">
        <v>4001</v>
      </c>
      <c r="N421" t="s">
        <v>654</v>
      </c>
      <c r="O421">
        <v>3</v>
      </c>
      <c r="P421" t="s">
        <v>655</v>
      </c>
      <c r="Q421">
        <v>1</v>
      </c>
      <c r="R421" t="s">
        <v>656</v>
      </c>
      <c r="S421">
        <v>2</v>
      </c>
      <c r="T421" t="s">
        <v>661</v>
      </c>
      <c r="U421">
        <v>8</v>
      </c>
      <c r="V421">
        <v>2</v>
      </c>
      <c r="W421">
        <v>120</v>
      </c>
      <c r="X421">
        <v>2020</v>
      </c>
    </row>
    <row r="422" spans="1:24" x14ac:dyDescent="0.25">
      <c r="A422">
        <v>14631</v>
      </c>
      <c r="B422" t="s">
        <v>14</v>
      </c>
      <c r="C422">
        <v>20</v>
      </c>
      <c r="D422" t="s">
        <v>458</v>
      </c>
      <c r="E422">
        <v>138</v>
      </c>
      <c r="F422" t="s">
        <v>651</v>
      </c>
      <c r="G422">
        <v>160</v>
      </c>
      <c r="H422" t="s">
        <v>739</v>
      </c>
      <c r="I422">
        <v>4413</v>
      </c>
      <c r="J422" t="s">
        <v>676</v>
      </c>
      <c r="K422">
        <v>4</v>
      </c>
      <c r="L422" t="s">
        <v>1034</v>
      </c>
      <c r="M422">
        <v>3998</v>
      </c>
      <c r="N422" t="s">
        <v>654</v>
      </c>
      <c r="O422">
        <v>3</v>
      </c>
      <c r="P422" t="s">
        <v>655</v>
      </c>
      <c r="Q422">
        <v>1</v>
      </c>
      <c r="R422" t="s">
        <v>656</v>
      </c>
      <c r="S422">
        <v>2</v>
      </c>
      <c r="T422" t="s">
        <v>1035</v>
      </c>
      <c r="U422">
        <v>46</v>
      </c>
      <c r="V422">
        <v>2</v>
      </c>
      <c r="W422">
        <v>120</v>
      </c>
      <c r="X422">
        <v>2020</v>
      </c>
    </row>
    <row r="423" spans="1:24" x14ac:dyDescent="0.25">
      <c r="A423">
        <v>14628</v>
      </c>
      <c r="B423" t="s">
        <v>14</v>
      </c>
      <c r="C423">
        <v>20</v>
      </c>
      <c r="D423" t="s">
        <v>555</v>
      </c>
      <c r="E423">
        <v>147</v>
      </c>
      <c r="F423" t="s">
        <v>651</v>
      </c>
      <c r="G423">
        <v>160</v>
      </c>
      <c r="H423" t="s">
        <v>739</v>
      </c>
      <c r="I423">
        <v>4413</v>
      </c>
      <c r="J423" t="s">
        <v>1011</v>
      </c>
      <c r="K423">
        <v>17</v>
      </c>
      <c r="L423" t="s">
        <v>1036</v>
      </c>
      <c r="M423">
        <v>1548</v>
      </c>
      <c r="N423" t="s">
        <v>654</v>
      </c>
      <c r="O423">
        <v>3</v>
      </c>
      <c r="P423" t="s">
        <v>746</v>
      </c>
      <c r="Q423">
        <v>2</v>
      </c>
      <c r="R423" t="s">
        <v>656</v>
      </c>
      <c r="S423">
        <v>2</v>
      </c>
      <c r="T423" t="s">
        <v>661</v>
      </c>
      <c r="U423">
        <v>8</v>
      </c>
      <c r="V423">
        <v>2</v>
      </c>
      <c r="W423">
        <v>120</v>
      </c>
      <c r="X423">
        <v>2020</v>
      </c>
    </row>
    <row r="424" spans="1:24" x14ac:dyDescent="0.25">
      <c r="A424">
        <v>14625</v>
      </c>
      <c r="B424" t="s">
        <v>14</v>
      </c>
      <c r="C424">
        <v>20</v>
      </c>
      <c r="D424" t="s">
        <v>387</v>
      </c>
      <c r="E424">
        <v>148</v>
      </c>
      <c r="F424" t="s">
        <v>651</v>
      </c>
      <c r="G424">
        <v>160</v>
      </c>
      <c r="H424" t="s">
        <v>739</v>
      </c>
      <c r="I424">
        <v>4413</v>
      </c>
      <c r="J424" t="s">
        <v>684</v>
      </c>
      <c r="K424">
        <v>22</v>
      </c>
      <c r="L424" t="s">
        <v>1037</v>
      </c>
      <c r="M424">
        <v>1572</v>
      </c>
      <c r="N424" t="s">
        <v>654</v>
      </c>
      <c r="O424">
        <v>3</v>
      </c>
      <c r="P424" t="s">
        <v>746</v>
      </c>
      <c r="Q424">
        <v>2</v>
      </c>
      <c r="R424" t="s">
        <v>656</v>
      </c>
      <c r="S424">
        <v>2</v>
      </c>
      <c r="T424" t="s">
        <v>661</v>
      </c>
      <c r="U424">
        <v>8</v>
      </c>
      <c r="V424">
        <v>2</v>
      </c>
      <c r="W424">
        <v>120</v>
      </c>
      <c r="X424">
        <v>2020</v>
      </c>
    </row>
    <row r="425" spans="1:24" x14ac:dyDescent="0.25">
      <c r="A425">
        <v>14622</v>
      </c>
      <c r="B425" t="s">
        <v>14</v>
      </c>
      <c r="C425">
        <v>20</v>
      </c>
      <c r="D425" t="s">
        <v>548</v>
      </c>
      <c r="E425">
        <v>158</v>
      </c>
      <c r="F425" t="s">
        <v>651</v>
      </c>
      <c r="G425">
        <v>160</v>
      </c>
      <c r="H425" t="s">
        <v>739</v>
      </c>
      <c r="I425">
        <v>4413</v>
      </c>
      <c r="J425" t="s">
        <v>1028</v>
      </c>
      <c r="K425">
        <v>33</v>
      </c>
      <c r="L425" t="s">
        <v>1038</v>
      </c>
      <c r="M425">
        <v>3995</v>
      </c>
      <c r="N425" t="s">
        <v>654</v>
      </c>
      <c r="O425">
        <v>3</v>
      </c>
      <c r="P425" t="s">
        <v>655</v>
      </c>
      <c r="Q425">
        <v>1</v>
      </c>
      <c r="R425" t="s">
        <v>656</v>
      </c>
      <c r="S425">
        <v>2</v>
      </c>
      <c r="T425" t="s">
        <v>718</v>
      </c>
      <c r="U425">
        <v>2</v>
      </c>
      <c r="V425">
        <v>2</v>
      </c>
      <c r="W425">
        <v>120</v>
      </c>
      <c r="X425">
        <v>2020</v>
      </c>
    </row>
    <row r="426" spans="1:24" x14ac:dyDescent="0.25">
      <c r="A426">
        <v>14619</v>
      </c>
      <c r="B426" t="s">
        <v>14</v>
      </c>
      <c r="C426">
        <v>20</v>
      </c>
      <c r="D426" t="s">
        <v>549</v>
      </c>
      <c r="E426">
        <v>156</v>
      </c>
      <c r="F426" t="s">
        <v>651</v>
      </c>
      <c r="G426">
        <v>160</v>
      </c>
      <c r="H426" t="s">
        <v>739</v>
      </c>
      <c r="I426">
        <v>4413</v>
      </c>
      <c r="J426" t="s">
        <v>673</v>
      </c>
      <c r="K426">
        <v>34</v>
      </c>
      <c r="L426" t="s">
        <v>1039</v>
      </c>
      <c r="M426">
        <v>3929</v>
      </c>
      <c r="N426" t="s">
        <v>654</v>
      </c>
      <c r="O426">
        <v>3</v>
      </c>
      <c r="P426" t="s">
        <v>655</v>
      </c>
      <c r="Q426">
        <v>1</v>
      </c>
      <c r="R426" t="s">
        <v>656</v>
      </c>
      <c r="S426">
        <v>2</v>
      </c>
      <c r="T426" t="s">
        <v>657</v>
      </c>
      <c r="U426">
        <v>7</v>
      </c>
      <c r="V426">
        <v>2</v>
      </c>
      <c r="W426">
        <v>120</v>
      </c>
      <c r="X426">
        <v>2020</v>
      </c>
    </row>
    <row r="427" spans="1:24" x14ac:dyDescent="0.25">
      <c r="A427">
        <v>14616</v>
      </c>
      <c r="B427" t="s">
        <v>198</v>
      </c>
      <c r="C427">
        <v>21</v>
      </c>
      <c r="D427" t="s">
        <v>322</v>
      </c>
      <c r="E427">
        <v>159</v>
      </c>
      <c r="F427" t="s">
        <v>651</v>
      </c>
      <c r="G427">
        <v>160</v>
      </c>
      <c r="H427" t="s">
        <v>739</v>
      </c>
      <c r="I427">
        <v>4413</v>
      </c>
      <c r="J427" t="s">
        <v>839</v>
      </c>
      <c r="K427">
        <v>89</v>
      </c>
      <c r="L427" t="s">
        <v>1040</v>
      </c>
      <c r="M427">
        <v>3992</v>
      </c>
      <c r="N427" t="s">
        <v>654</v>
      </c>
      <c r="O427">
        <v>3</v>
      </c>
      <c r="P427" t="s">
        <v>655</v>
      </c>
      <c r="Q427">
        <v>1</v>
      </c>
      <c r="R427" t="s">
        <v>656</v>
      </c>
      <c r="S427">
        <v>2</v>
      </c>
      <c r="T427" t="s">
        <v>661</v>
      </c>
      <c r="U427">
        <v>8</v>
      </c>
      <c r="V427">
        <v>2</v>
      </c>
      <c r="W427">
        <v>120</v>
      </c>
      <c r="X427">
        <v>2020</v>
      </c>
    </row>
    <row r="428" spans="1:24" x14ac:dyDescent="0.25">
      <c r="A428">
        <v>14613</v>
      </c>
      <c r="B428" t="s">
        <v>305</v>
      </c>
      <c r="C428">
        <v>22</v>
      </c>
      <c r="D428" t="s">
        <v>545</v>
      </c>
      <c r="E428">
        <v>164</v>
      </c>
      <c r="F428" t="s">
        <v>651</v>
      </c>
      <c r="G428">
        <v>160</v>
      </c>
      <c r="H428" t="s">
        <v>739</v>
      </c>
      <c r="I428">
        <v>4413</v>
      </c>
      <c r="J428" t="s">
        <v>673</v>
      </c>
      <c r="K428">
        <v>34</v>
      </c>
      <c r="L428" t="s">
        <v>1041</v>
      </c>
      <c r="M428">
        <v>3989</v>
      </c>
      <c r="N428" t="s">
        <v>654</v>
      </c>
      <c r="O428">
        <v>3</v>
      </c>
      <c r="P428" t="s">
        <v>655</v>
      </c>
      <c r="Q428">
        <v>1</v>
      </c>
      <c r="R428" t="s">
        <v>656</v>
      </c>
      <c r="S428">
        <v>2</v>
      </c>
      <c r="T428" t="s">
        <v>718</v>
      </c>
      <c r="U428">
        <v>2</v>
      </c>
      <c r="V428">
        <v>2</v>
      </c>
      <c r="W428">
        <v>120</v>
      </c>
      <c r="X428">
        <v>2020</v>
      </c>
    </row>
    <row r="429" spans="1:24" x14ac:dyDescent="0.25">
      <c r="A429">
        <v>14610</v>
      </c>
      <c r="B429" t="s">
        <v>305</v>
      </c>
      <c r="C429">
        <v>22</v>
      </c>
      <c r="D429" t="s">
        <v>545</v>
      </c>
      <c r="E429">
        <v>164</v>
      </c>
      <c r="F429" t="s">
        <v>651</v>
      </c>
      <c r="G429">
        <v>160</v>
      </c>
      <c r="H429" t="s">
        <v>739</v>
      </c>
      <c r="I429">
        <v>4413</v>
      </c>
      <c r="J429" t="s">
        <v>673</v>
      </c>
      <c r="K429">
        <v>34</v>
      </c>
      <c r="L429" t="s">
        <v>1041</v>
      </c>
      <c r="M429">
        <v>3989</v>
      </c>
      <c r="N429" t="s">
        <v>654</v>
      </c>
      <c r="O429">
        <v>3</v>
      </c>
      <c r="P429" t="s">
        <v>746</v>
      </c>
      <c r="Q429">
        <v>2</v>
      </c>
      <c r="R429" t="s">
        <v>656</v>
      </c>
      <c r="S429">
        <v>2</v>
      </c>
      <c r="T429" t="s">
        <v>718</v>
      </c>
      <c r="U429">
        <v>2</v>
      </c>
      <c r="V429">
        <v>2</v>
      </c>
      <c r="W429">
        <v>120</v>
      </c>
      <c r="X429">
        <v>2020</v>
      </c>
    </row>
    <row r="430" spans="1:24" x14ac:dyDescent="0.25">
      <c r="A430">
        <v>14607</v>
      </c>
      <c r="B430" t="s">
        <v>210</v>
      </c>
      <c r="C430">
        <v>23</v>
      </c>
      <c r="D430" t="s">
        <v>543</v>
      </c>
      <c r="E430">
        <v>167</v>
      </c>
      <c r="F430" t="s">
        <v>651</v>
      </c>
      <c r="G430">
        <v>160</v>
      </c>
      <c r="H430" t="s">
        <v>739</v>
      </c>
      <c r="I430">
        <v>4413</v>
      </c>
      <c r="J430" t="s">
        <v>1042</v>
      </c>
      <c r="K430">
        <v>100</v>
      </c>
      <c r="L430" t="s">
        <v>1043</v>
      </c>
      <c r="M430">
        <v>4058</v>
      </c>
      <c r="N430" t="s">
        <v>654</v>
      </c>
      <c r="O430">
        <v>3</v>
      </c>
      <c r="P430" t="s">
        <v>655</v>
      </c>
      <c r="Q430">
        <v>1</v>
      </c>
      <c r="R430" t="s">
        <v>656</v>
      </c>
      <c r="S430">
        <v>2</v>
      </c>
      <c r="T430" t="s">
        <v>661</v>
      </c>
      <c r="U430">
        <v>8</v>
      </c>
      <c r="V430">
        <v>2</v>
      </c>
      <c r="W430">
        <v>120</v>
      </c>
      <c r="X430">
        <v>2020</v>
      </c>
    </row>
    <row r="431" spans="1:24" x14ac:dyDescent="0.25">
      <c r="A431">
        <v>14604</v>
      </c>
      <c r="B431" t="s">
        <v>32</v>
      </c>
      <c r="C431">
        <v>24</v>
      </c>
      <c r="D431" t="s">
        <v>470</v>
      </c>
      <c r="E431">
        <v>181</v>
      </c>
      <c r="F431" t="s">
        <v>651</v>
      </c>
      <c r="G431">
        <v>160</v>
      </c>
      <c r="H431" t="s">
        <v>747</v>
      </c>
      <c r="I431">
        <v>4847</v>
      </c>
      <c r="J431" t="s">
        <v>1022</v>
      </c>
      <c r="K431">
        <v>85</v>
      </c>
      <c r="L431" t="s">
        <v>1044</v>
      </c>
      <c r="M431">
        <v>3926</v>
      </c>
      <c r="N431" t="s">
        <v>654</v>
      </c>
      <c r="O431">
        <v>3</v>
      </c>
      <c r="P431" t="s">
        <v>655</v>
      </c>
      <c r="Q431">
        <v>1</v>
      </c>
      <c r="R431" t="s">
        <v>656</v>
      </c>
      <c r="S431">
        <v>2</v>
      </c>
      <c r="T431" t="s">
        <v>661</v>
      </c>
      <c r="U431">
        <v>8</v>
      </c>
      <c r="V431">
        <v>2</v>
      </c>
      <c r="W431">
        <v>120</v>
      </c>
      <c r="X431">
        <v>2020</v>
      </c>
    </row>
    <row r="432" spans="1:24" x14ac:dyDescent="0.25">
      <c r="A432">
        <v>14601</v>
      </c>
      <c r="B432" t="s">
        <v>32</v>
      </c>
      <c r="C432">
        <v>24</v>
      </c>
      <c r="D432" t="s">
        <v>316</v>
      </c>
      <c r="E432">
        <v>176</v>
      </c>
      <c r="F432" t="s">
        <v>651</v>
      </c>
      <c r="G432">
        <v>160</v>
      </c>
      <c r="H432" t="s">
        <v>747</v>
      </c>
      <c r="I432">
        <v>4847</v>
      </c>
      <c r="J432" t="s">
        <v>295</v>
      </c>
      <c r="K432">
        <v>30</v>
      </c>
      <c r="L432" t="s">
        <v>1045</v>
      </c>
      <c r="M432">
        <v>3986</v>
      </c>
      <c r="N432" t="s">
        <v>654</v>
      </c>
      <c r="O432">
        <v>3</v>
      </c>
      <c r="P432" t="s">
        <v>655</v>
      </c>
      <c r="Q432">
        <v>1</v>
      </c>
      <c r="R432" t="s">
        <v>656</v>
      </c>
      <c r="S432">
        <v>2</v>
      </c>
      <c r="T432" t="s">
        <v>661</v>
      </c>
      <c r="U432">
        <v>8</v>
      </c>
      <c r="V432">
        <v>2</v>
      </c>
      <c r="W432">
        <v>120</v>
      </c>
      <c r="X432">
        <v>2020</v>
      </c>
    </row>
    <row r="433" spans="1:24" x14ac:dyDescent="0.25">
      <c r="A433">
        <v>14598</v>
      </c>
      <c r="B433" t="s">
        <v>104</v>
      </c>
      <c r="C433">
        <v>25</v>
      </c>
      <c r="D433" t="s">
        <v>536</v>
      </c>
      <c r="E433">
        <v>185</v>
      </c>
      <c r="F433" t="s">
        <v>651</v>
      </c>
      <c r="G433">
        <v>160</v>
      </c>
      <c r="H433" t="s">
        <v>747</v>
      </c>
      <c r="I433">
        <v>4847</v>
      </c>
      <c r="J433" t="s">
        <v>103</v>
      </c>
      <c r="K433">
        <v>86</v>
      </c>
      <c r="L433" t="s">
        <v>1046</v>
      </c>
      <c r="M433">
        <v>3983</v>
      </c>
      <c r="N433" t="s">
        <v>654</v>
      </c>
      <c r="O433">
        <v>3</v>
      </c>
      <c r="P433" t="s">
        <v>655</v>
      </c>
      <c r="Q433">
        <v>1</v>
      </c>
      <c r="R433" t="s">
        <v>656</v>
      </c>
      <c r="S433">
        <v>2</v>
      </c>
      <c r="T433" t="s">
        <v>718</v>
      </c>
      <c r="U433">
        <v>2</v>
      </c>
      <c r="V433">
        <v>2</v>
      </c>
      <c r="W433">
        <v>120</v>
      </c>
      <c r="X433">
        <v>2020</v>
      </c>
    </row>
    <row r="434" spans="1:24" x14ac:dyDescent="0.25">
      <c r="A434">
        <v>14595</v>
      </c>
      <c r="B434" t="s">
        <v>95</v>
      </c>
      <c r="C434">
        <v>26</v>
      </c>
      <c r="D434" t="s">
        <v>329</v>
      </c>
      <c r="E434">
        <v>652</v>
      </c>
      <c r="F434" t="s">
        <v>651</v>
      </c>
      <c r="G434">
        <v>160</v>
      </c>
      <c r="H434" t="s">
        <v>833</v>
      </c>
      <c r="I434">
        <v>5562</v>
      </c>
      <c r="J434" t="s">
        <v>831</v>
      </c>
      <c r="K434">
        <v>5</v>
      </c>
      <c r="L434" t="s">
        <v>1047</v>
      </c>
      <c r="M434">
        <v>3980</v>
      </c>
      <c r="N434" t="s">
        <v>654</v>
      </c>
      <c r="O434">
        <v>3</v>
      </c>
      <c r="P434" t="s">
        <v>655</v>
      </c>
      <c r="Q434">
        <v>1</v>
      </c>
      <c r="R434" t="s">
        <v>656</v>
      </c>
      <c r="S434">
        <v>2</v>
      </c>
      <c r="T434" t="s">
        <v>661</v>
      </c>
      <c r="U434">
        <v>8</v>
      </c>
      <c r="V434">
        <v>2</v>
      </c>
      <c r="W434">
        <v>120</v>
      </c>
      <c r="X434">
        <v>2020</v>
      </c>
    </row>
    <row r="435" spans="1:24" x14ac:dyDescent="0.25">
      <c r="A435">
        <v>14592</v>
      </c>
      <c r="B435" t="s">
        <v>95</v>
      </c>
      <c r="C435">
        <v>26</v>
      </c>
      <c r="D435" t="s">
        <v>11</v>
      </c>
      <c r="E435">
        <v>649</v>
      </c>
      <c r="F435" t="s">
        <v>651</v>
      </c>
      <c r="G435">
        <v>160</v>
      </c>
      <c r="H435" t="s">
        <v>833</v>
      </c>
      <c r="I435">
        <v>5562</v>
      </c>
      <c r="J435" t="s">
        <v>682</v>
      </c>
      <c r="K435">
        <v>20</v>
      </c>
      <c r="L435" t="s">
        <v>1048</v>
      </c>
      <c r="M435">
        <v>3977</v>
      </c>
      <c r="N435" t="s">
        <v>654</v>
      </c>
      <c r="O435">
        <v>3</v>
      </c>
      <c r="P435" t="s">
        <v>655</v>
      </c>
      <c r="Q435">
        <v>1</v>
      </c>
      <c r="R435" t="s">
        <v>656</v>
      </c>
      <c r="S435">
        <v>2</v>
      </c>
      <c r="T435" t="s">
        <v>718</v>
      </c>
      <c r="U435">
        <v>2</v>
      </c>
      <c r="V435">
        <v>2</v>
      </c>
      <c r="W435">
        <v>120</v>
      </c>
      <c r="X435">
        <v>2020</v>
      </c>
    </row>
    <row r="436" spans="1:24" x14ac:dyDescent="0.25">
      <c r="A436">
        <v>14589</v>
      </c>
      <c r="B436" t="s">
        <v>95</v>
      </c>
      <c r="C436">
        <v>26</v>
      </c>
      <c r="D436" t="s">
        <v>509</v>
      </c>
      <c r="E436">
        <v>192</v>
      </c>
      <c r="F436" t="s">
        <v>651</v>
      </c>
      <c r="G436">
        <v>160</v>
      </c>
      <c r="H436" t="s">
        <v>833</v>
      </c>
      <c r="I436">
        <v>5562</v>
      </c>
      <c r="J436" t="s">
        <v>659</v>
      </c>
      <c r="K436">
        <v>35</v>
      </c>
      <c r="L436" t="s">
        <v>1049</v>
      </c>
      <c r="M436">
        <v>1666</v>
      </c>
      <c r="N436" t="s">
        <v>654</v>
      </c>
      <c r="O436">
        <v>3</v>
      </c>
      <c r="P436" t="s">
        <v>655</v>
      </c>
      <c r="Q436">
        <v>1</v>
      </c>
      <c r="R436" t="s">
        <v>656</v>
      </c>
      <c r="S436">
        <v>2</v>
      </c>
      <c r="T436" t="s">
        <v>661</v>
      </c>
      <c r="U436">
        <v>8</v>
      </c>
      <c r="V436">
        <v>2</v>
      </c>
      <c r="W436">
        <v>120</v>
      </c>
      <c r="X436">
        <v>2020</v>
      </c>
    </row>
    <row r="437" spans="1:24" x14ac:dyDescent="0.25">
      <c r="A437">
        <v>14586</v>
      </c>
      <c r="B437" t="s">
        <v>112</v>
      </c>
      <c r="C437">
        <v>29</v>
      </c>
      <c r="D437" t="s">
        <v>522</v>
      </c>
      <c r="E437">
        <v>225</v>
      </c>
      <c r="F437" t="s">
        <v>651</v>
      </c>
      <c r="G437">
        <v>160</v>
      </c>
      <c r="H437" t="s">
        <v>719</v>
      </c>
      <c r="I437">
        <v>7630</v>
      </c>
      <c r="J437" t="s">
        <v>710</v>
      </c>
      <c r="K437">
        <v>53</v>
      </c>
      <c r="L437" t="s">
        <v>1050</v>
      </c>
      <c r="M437">
        <v>3974</v>
      </c>
      <c r="N437" t="s">
        <v>654</v>
      </c>
      <c r="O437">
        <v>3</v>
      </c>
      <c r="P437" t="s">
        <v>655</v>
      </c>
      <c r="Q437">
        <v>1</v>
      </c>
      <c r="R437" t="s">
        <v>656</v>
      </c>
      <c r="S437">
        <v>2</v>
      </c>
      <c r="T437" t="s">
        <v>718</v>
      </c>
      <c r="U437">
        <v>2</v>
      </c>
      <c r="V437">
        <v>2</v>
      </c>
      <c r="W437">
        <v>120</v>
      </c>
      <c r="X437">
        <v>2020</v>
      </c>
    </row>
    <row r="438" spans="1:24" x14ac:dyDescent="0.25">
      <c r="A438">
        <v>14583</v>
      </c>
      <c r="B438" t="s">
        <v>18</v>
      </c>
      <c r="C438">
        <v>31</v>
      </c>
      <c r="D438" t="s">
        <v>457</v>
      </c>
      <c r="E438">
        <v>242</v>
      </c>
      <c r="F438" t="s">
        <v>651</v>
      </c>
      <c r="G438">
        <v>160</v>
      </c>
      <c r="H438" t="s">
        <v>719</v>
      </c>
      <c r="I438">
        <v>7630</v>
      </c>
      <c r="J438" t="s">
        <v>726</v>
      </c>
      <c r="K438">
        <v>2</v>
      </c>
      <c r="L438" t="s">
        <v>1051</v>
      </c>
      <c r="M438">
        <v>3971</v>
      </c>
      <c r="N438" t="s">
        <v>654</v>
      </c>
      <c r="O438">
        <v>3</v>
      </c>
      <c r="P438" t="s">
        <v>655</v>
      </c>
      <c r="Q438">
        <v>1</v>
      </c>
      <c r="R438" t="s">
        <v>656</v>
      </c>
      <c r="S438">
        <v>2</v>
      </c>
      <c r="T438" t="s">
        <v>661</v>
      </c>
      <c r="U438">
        <v>8</v>
      </c>
      <c r="V438">
        <v>2</v>
      </c>
      <c r="W438">
        <v>120</v>
      </c>
      <c r="X438">
        <v>2020</v>
      </c>
    </row>
    <row r="439" spans="1:24" x14ac:dyDescent="0.25">
      <c r="A439">
        <v>14580</v>
      </c>
      <c r="B439" t="s">
        <v>18</v>
      </c>
      <c r="C439">
        <v>31</v>
      </c>
      <c r="D439" t="s">
        <v>514</v>
      </c>
      <c r="E439">
        <v>237</v>
      </c>
      <c r="F439" t="s">
        <v>651</v>
      </c>
      <c r="G439">
        <v>160</v>
      </c>
      <c r="H439" t="s">
        <v>719</v>
      </c>
      <c r="I439">
        <v>7630</v>
      </c>
      <c r="J439" t="s">
        <v>897</v>
      </c>
      <c r="K439">
        <v>3</v>
      </c>
      <c r="L439" t="s">
        <v>1052</v>
      </c>
      <c r="M439">
        <v>1448</v>
      </c>
      <c r="N439" t="s">
        <v>654</v>
      </c>
      <c r="O439">
        <v>3</v>
      </c>
      <c r="P439" t="s">
        <v>655</v>
      </c>
      <c r="Q439">
        <v>1</v>
      </c>
      <c r="R439" t="s">
        <v>656</v>
      </c>
      <c r="S439">
        <v>2</v>
      </c>
      <c r="T439" t="s">
        <v>661</v>
      </c>
      <c r="U439">
        <v>8</v>
      </c>
      <c r="V439">
        <v>2</v>
      </c>
      <c r="W439">
        <v>120</v>
      </c>
      <c r="X439">
        <v>2020</v>
      </c>
    </row>
    <row r="440" spans="1:24" x14ac:dyDescent="0.25">
      <c r="A440">
        <v>14577</v>
      </c>
      <c r="B440" t="s">
        <v>18</v>
      </c>
      <c r="C440">
        <v>31</v>
      </c>
      <c r="D440" t="s">
        <v>11</v>
      </c>
      <c r="E440">
        <v>238</v>
      </c>
      <c r="F440" t="s">
        <v>651</v>
      </c>
      <c r="G440">
        <v>160</v>
      </c>
      <c r="H440" t="s">
        <v>719</v>
      </c>
      <c r="I440">
        <v>7630</v>
      </c>
      <c r="J440" t="s">
        <v>65</v>
      </c>
      <c r="K440">
        <v>15</v>
      </c>
      <c r="L440" t="s">
        <v>908</v>
      </c>
      <c r="M440">
        <v>799</v>
      </c>
      <c r="N440" t="s">
        <v>654</v>
      </c>
      <c r="O440">
        <v>3</v>
      </c>
      <c r="P440" t="s">
        <v>655</v>
      </c>
      <c r="Q440">
        <v>1</v>
      </c>
      <c r="R440" t="s">
        <v>656</v>
      </c>
      <c r="S440">
        <v>2</v>
      </c>
      <c r="T440" t="s">
        <v>661</v>
      </c>
      <c r="U440">
        <v>8</v>
      </c>
      <c r="V440">
        <v>1</v>
      </c>
      <c r="W440">
        <v>60</v>
      </c>
      <c r="X440">
        <v>2020</v>
      </c>
    </row>
    <row r="441" spans="1:24" x14ac:dyDescent="0.25">
      <c r="A441">
        <v>14574</v>
      </c>
      <c r="B441" t="s">
        <v>18</v>
      </c>
      <c r="C441">
        <v>31</v>
      </c>
      <c r="D441" t="s">
        <v>441</v>
      </c>
      <c r="E441">
        <v>245</v>
      </c>
      <c r="F441" t="s">
        <v>651</v>
      </c>
      <c r="G441">
        <v>160</v>
      </c>
      <c r="H441" t="s">
        <v>719</v>
      </c>
      <c r="I441">
        <v>7630</v>
      </c>
      <c r="J441" t="s">
        <v>802</v>
      </c>
      <c r="K441">
        <v>12</v>
      </c>
      <c r="L441" t="s">
        <v>1053</v>
      </c>
      <c r="M441">
        <v>3923</v>
      </c>
      <c r="N441" t="s">
        <v>654</v>
      </c>
      <c r="O441">
        <v>3</v>
      </c>
      <c r="P441" t="s">
        <v>655</v>
      </c>
      <c r="Q441">
        <v>1</v>
      </c>
      <c r="R441" t="s">
        <v>656</v>
      </c>
      <c r="S441">
        <v>2</v>
      </c>
      <c r="T441" t="s">
        <v>661</v>
      </c>
      <c r="U441">
        <v>8</v>
      </c>
      <c r="V441">
        <v>2</v>
      </c>
      <c r="W441">
        <v>120</v>
      </c>
      <c r="X441">
        <v>2020</v>
      </c>
    </row>
    <row r="442" spans="1:24" x14ac:dyDescent="0.25">
      <c r="A442">
        <v>14571</v>
      </c>
      <c r="B442" t="s">
        <v>200</v>
      </c>
      <c r="C442">
        <v>32</v>
      </c>
      <c r="D442" t="s">
        <v>54</v>
      </c>
      <c r="E442">
        <v>252</v>
      </c>
      <c r="F442" t="s">
        <v>651</v>
      </c>
      <c r="G442">
        <v>160</v>
      </c>
      <c r="H442" t="s">
        <v>719</v>
      </c>
      <c r="I442">
        <v>7630</v>
      </c>
      <c r="J442" t="s">
        <v>752</v>
      </c>
      <c r="K442">
        <v>90</v>
      </c>
      <c r="L442" t="s">
        <v>828</v>
      </c>
      <c r="M442">
        <v>3968</v>
      </c>
      <c r="N442" t="s">
        <v>654</v>
      </c>
      <c r="O442">
        <v>3</v>
      </c>
      <c r="P442" t="s">
        <v>655</v>
      </c>
      <c r="Q442">
        <v>1</v>
      </c>
      <c r="R442" t="s">
        <v>656</v>
      </c>
      <c r="S442">
        <v>2</v>
      </c>
      <c r="T442" t="s">
        <v>661</v>
      </c>
      <c r="U442">
        <v>8</v>
      </c>
      <c r="V442">
        <v>2</v>
      </c>
      <c r="W442">
        <v>120</v>
      </c>
      <c r="X442">
        <v>2020</v>
      </c>
    </row>
    <row r="443" spans="1:24" x14ac:dyDescent="0.25">
      <c r="A443">
        <v>14568</v>
      </c>
      <c r="B443" t="s">
        <v>138</v>
      </c>
      <c r="C443">
        <v>35</v>
      </c>
      <c r="D443" t="s">
        <v>497</v>
      </c>
      <c r="E443">
        <v>276</v>
      </c>
      <c r="F443" t="s">
        <v>651</v>
      </c>
      <c r="G443">
        <v>160</v>
      </c>
      <c r="H443" t="s">
        <v>1054</v>
      </c>
      <c r="I443">
        <v>7022</v>
      </c>
      <c r="J443" t="s">
        <v>1055</v>
      </c>
      <c r="K443">
        <v>69</v>
      </c>
      <c r="L443" t="s">
        <v>1056</v>
      </c>
      <c r="M443">
        <v>3965</v>
      </c>
      <c r="N443" t="s">
        <v>654</v>
      </c>
      <c r="O443">
        <v>3</v>
      </c>
      <c r="P443" t="s">
        <v>655</v>
      </c>
      <c r="Q443">
        <v>1</v>
      </c>
      <c r="R443" t="s">
        <v>656</v>
      </c>
      <c r="S443">
        <v>2</v>
      </c>
      <c r="T443" t="s">
        <v>661</v>
      </c>
      <c r="U443">
        <v>8</v>
      </c>
      <c r="V443">
        <v>2</v>
      </c>
      <c r="W443">
        <v>120</v>
      </c>
      <c r="X443">
        <v>2020</v>
      </c>
    </row>
    <row r="444" spans="1:24" x14ac:dyDescent="0.25">
      <c r="A444">
        <v>14565</v>
      </c>
      <c r="B444" t="s">
        <v>138</v>
      </c>
      <c r="C444">
        <v>35</v>
      </c>
      <c r="D444" t="s">
        <v>497</v>
      </c>
      <c r="E444">
        <v>276</v>
      </c>
      <c r="F444" t="s">
        <v>651</v>
      </c>
      <c r="G444">
        <v>160</v>
      </c>
      <c r="H444" t="s">
        <v>1054</v>
      </c>
      <c r="I444">
        <v>7022</v>
      </c>
      <c r="J444" t="s">
        <v>848</v>
      </c>
      <c r="K444">
        <v>62</v>
      </c>
      <c r="L444" t="s">
        <v>1057</v>
      </c>
      <c r="M444">
        <v>3962</v>
      </c>
      <c r="N444" t="s">
        <v>654</v>
      </c>
      <c r="O444">
        <v>3</v>
      </c>
      <c r="P444" t="s">
        <v>655</v>
      </c>
      <c r="Q444">
        <v>1</v>
      </c>
      <c r="R444" t="s">
        <v>656</v>
      </c>
      <c r="S444">
        <v>2</v>
      </c>
      <c r="T444" t="s">
        <v>661</v>
      </c>
      <c r="U444">
        <v>8</v>
      </c>
      <c r="V444">
        <v>2</v>
      </c>
      <c r="W444">
        <v>120</v>
      </c>
      <c r="X444">
        <v>2020</v>
      </c>
    </row>
    <row r="445" spans="1:24" x14ac:dyDescent="0.25">
      <c r="A445">
        <v>14562</v>
      </c>
      <c r="B445" t="s">
        <v>138</v>
      </c>
      <c r="C445">
        <v>35</v>
      </c>
      <c r="D445" t="s">
        <v>362</v>
      </c>
      <c r="E445">
        <v>278</v>
      </c>
      <c r="F445" t="s">
        <v>651</v>
      </c>
      <c r="G445">
        <v>160</v>
      </c>
      <c r="H445" t="s">
        <v>1054</v>
      </c>
      <c r="I445">
        <v>7022</v>
      </c>
      <c r="J445" t="s">
        <v>682</v>
      </c>
      <c r="K445">
        <v>20</v>
      </c>
      <c r="L445" t="s">
        <v>1058</v>
      </c>
      <c r="M445">
        <v>2883</v>
      </c>
      <c r="N445" t="s">
        <v>654</v>
      </c>
      <c r="O445">
        <v>3</v>
      </c>
      <c r="P445" t="s">
        <v>655</v>
      </c>
      <c r="Q445">
        <v>1</v>
      </c>
      <c r="R445" t="s">
        <v>656</v>
      </c>
      <c r="S445">
        <v>2</v>
      </c>
      <c r="T445" t="s">
        <v>661</v>
      </c>
      <c r="U445">
        <v>8</v>
      </c>
      <c r="V445">
        <v>2</v>
      </c>
      <c r="W445">
        <v>120</v>
      </c>
      <c r="X445">
        <v>2020</v>
      </c>
    </row>
    <row r="446" spans="1:24" x14ac:dyDescent="0.25">
      <c r="A446">
        <v>14559</v>
      </c>
      <c r="B446" t="s">
        <v>247</v>
      </c>
      <c r="C446">
        <v>39</v>
      </c>
      <c r="D446" t="s">
        <v>311</v>
      </c>
      <c r="E446">
        <v>602</v>
      </c>
      <c r="F446" t="s">
        <v>651</v>
      </c>
      <c r="G446">
        <v>160</v>
      </c>
      <c r="H446" t="s">
        <v>817</v>
      </c>
      <c r="I446">
        <v>11010</v>
      </c>
      <c r="J446" t="s">
        <v>684</v>
      </c>
      <c r="K446">
        <v>22</v>
      </c>
      <c r="L446" t="s">
        <v>1059</v>
      </c>
      <c r="M446">
        <v>3959</v>
      </c>
      <c r="N446" t="s">
        <v>654</v>
      </c>
      <c r="O446">
        <v>3</v>
      </c>
      <c r="P446" t="s">
        <v>655</v>
      </c>
      <c r="Q446">
        <v>1</v>
      </c>
      <c r="R446" t="s">
        <v>656</v>
      </c>
      <c r="S446">
        <v>2</v>
      </c>
      <c r="T446" t="s">
        <v>661</v>
      </c>
      <c r="U446">
        <v>8</v>
      </c>
      <c r="V446">
        <v>2</v>
      </c>
      <c r="W446">
        <v>120</v>
      </c>
      <c r="X446">
        <v>2020</v>
      </c>
    </row>
    <row r="447" spans="1:24" x14ac:dyDescent="0.25">
      <c r="A447">
        <v>14556</v>
      </c>
      <c r="B447" t="s">
        <v>59</v>
      </c>
      <c r="C447">
        <v>42</v>
      </c>
      <c r="D447" t="s">
        <v>58</v>
      </c>
      <c r="E447">
        <v>1283</v>
      </c>
      <c r="F447" t="s">
        <v>651</v>
      </c>
      <c r="G447">
        <v>160</v>
      </c>
      <c r="H447" t="s">
        <v>1060</v>
      </c>
      <c r="I447">
        <v>6305</v>
      </c>
      <c r="J447" t="s">
        <v>682</v>
      </c>
      <c r="K447">
        <v>20</v>
      </c>
      <c r="L447" t="s">
        <v>1061</v>
      </c>
      <c r="M447">
        <v>2333</v>
      </c>
      <c r="N447" t="s">
        <v>654</v>
      </c>
      <c r="O447">
        <v>3</v>
      </c>
      <c r="P447" t="s">
        <v>655</v>
      </c>
      <c r="Q447">
        <v>1</v>
      </c>
      <c r="R447" t="s">
        <v>656</v>
      </c>
      <c r="S447">
        <v>2</v>
      </c>
      <c r="T447" t="s">
        <v>661</v>
      </c>
      <c r="U447">
        <v>8</v>
      </c>
      <c r="V447">
        <v>2</v>
      </c>
      <c r="W447">
        <v>120</v>
      </c>
      <c r="X447">
        <v>2020</v>
      </c>
    </row>
    <row r="448" spans="1:24" x14ac:dyDescent="0.25">
      <c r="A448">
        <v>14553</v>
      </c>
      <c r="B448" t="s">
        <v>59</v>
      </c>
      <c r="C448">
        <v>42</v>
      </c>
      <c r="D448" t="s">
        <v>58</v>
      </c>
      <c r="E448">
        <v>1283</v>
      </c>
      <c r="F448" t="s">
        <v>651</v>
      </c>
      <c r="G448">
        <v>160</v>
      </c>
      <c r="H448" t="s">
        <v>1060</v>
      </c>
      <c r="I448">
        <v>6305</v>
      </c>
      <c r="J448" t="s">
        <v>756</v>
      </c>
      <c r="K448">
        <v>19</v>
      </c>
      <c r="L448" t="s">
        <v>1062</v>
      </c>
      <c r="M448">
        <v>3956</v>
      </c>
      <c r="N448" t="s">
        <v>654</v>
      </c>
      <c r="O448">
        <v>3</v>
      </c>
      <c r="P448" t="s">
        <v>655</v>
      </c>
      <c r="Q448">
        <v>1</v>
      </c>
      <c r="R448" t="s">
        <v>656</v>
      </c>
      <c r="S448">
        <v>2</v>
      </c>
      <c r="T448" t="s">
        <v>661</v>
      </c>
      <c r="U448">
        <v>8</v>
      </c>
      <c r="V448">
        <v>2</v>
      </c>
      <c r="W448">
        <v>120</v>
      </c>
      <c r="X448">
        <v>2020</v>
      </c>
    </row>
    <row r="449" spans="1:24" x14ac:dyDescent="0.25">
      <c r="A449">
        <v>14550</v>
      </c>
      <c r="B449" t="s">
        <v>59</v>
      </c>
      <c r="C449">
        <v>42</v>
      </c>
      <c r="D449" t="s">
        <v>476</v>
      </c>
      <c r="E449">
        <v>330</v>
      </c>
      <c r="F449" t="s">
        <v>651</v>
      </c>
      <c r="G449">
        <v>160</v>
      </c>
      <c r="H449" t="s">
        <v>1060</v>
      </c>
      <c r="I449">
        <v>6305</v>
      </c>
      <c r="J449" t="s">
        <v>819</v>
      </c>
      <c r="K449">
        <v>101</v>
      </c>
      <c r="L449" t="s">
        <v>1063</v>
      </c>
      <c r="M449">
        <v>3738</v>
      </c>
      <c r="N449" t="s">
        <v>654</v>
      </c>
      <c r="O449">
        <v>3</v>
      </c>
      <c r="P449" t="s">
        <v>655</v>
      </c>
      <c r="Q449">
        <v>1</v>
      </c>
      <c r="R449" t="s">
        <v>656</v>
      </c>
      <c r="S449">
        <v>2</v>
      </c>
      <c r="T449" t="s">
        <v>661</v>
      </c>
      <c r="U449">
        <v>8</v>
      </c>
      <c r="V449">
        <v>2</v>
      </c>
      <c r="W449">
        <v>120</v>
      </c>
      <c r="X449">
        <v>2020</v>
      </c>
    </row>
    <row r="450" spans="1:24" x14ac:dyDescent="0.25">
      <c r="A450">
        <v>14544</v>
      </c>
      <c r="B450" t="s">
        <v>26</v>
      </c>
      <c r="C450">
        <v>44</v>
      </c>
      <c r="D450" t="s">
        <v>54</v>
      </c>
      <c r="E450">
        <v>335</v>
      </c>
      <c r="F450" t="s">
        <v>651</v>
      </c>
      <c r="G450">
        <v>160</v>
      </c>
      <c r="H450" t="s">
        <v>666</v>
      </c>
      <c r="I450">
        <v>8767</v>
      </c>
      <c r="J450" t="s">
        <v>752</v>
      </c>
      <c r="K450">
        <v>90</v>
      </c>
      <c r="L450" t="s">
        <v>1064</v>
      </c>
      <c r="M450">
        <v>3953</v>
      </c>
      <c r="N450" t="s">
        <v>654</v>
      </c>
      <c r="O450">
        <v>3</v>
      </c>
      <c r="P450" t="s">
        <v>655</v>
      </c>
      <c r="Q450">
        <v>1</v>
      </c>
      <c r="R450" t="s">
        <v>656</v>
      </c>
      <c r="S450">
        <v>2</v>
      </c>
      <c r="T450" t="s">
        <v>661</v>
      </c>
      <c r="U450">
        <v>8</v>
      </c>
      <c r="V450">
        <v>1</v>
      </c>
      <c r="W450">
        <v>60</v>
      </c>
      <c r="X450">
        <v>2020</v>
      </c>
    </row>
    <row r="451" spans="1:24" x14ac:dyDescent="0.25">
      <c r="A451">
        <v>14541</v>
      </c>
      <c r="B451" t="s">
        <v>204</v>
      </c>
      <c r="C451">
        <v>45</v>
      </c>
      <c r="D451" t="s">
        <v>354</v>
      </c>
      <c r="E451">
        <v>605</v>
      </c>
      <c r="F451" t="s">
        <v>651</v>
      </c>
      <c r="G451">
        <v>160</v>
      </c>
      <c r="H451" t="s">
        <v>666</v>
      </c>
      <c r="I451">
        <v>8767</v>
      </c>
      <c r="J451" t="s">
        <v>1028</v>
      </c>
      <c r="K451">
        <v>33</v>
      </c>
      <c r="L451" t="s">
        <v>1065</v>
      </c>
      <c r="M451">
        <v>3950</v>
      </c>
      <c r="N451" t="s">
        <v>654</v>
      </c>
      <c r="O451">
        <v>3</v>
      </c>
      <c r="P451" t="s">
        <v>655</v>
      </c>
      <c r="Q451">
        <v>1</v>
      </c>
      <c r="R451" t="s">
        <v>656</v>
      </c>
      <c r="S451">
        <v>2</v>
      </c>
      <c r="T451" t="s">
        <v>657</v>
      </c>
      <c r="U451">
        <v>7</v>
      </c>
      <c r="V451">
        <v>2</v>
      </c>
      <c r="W451">
        <v>120</v>
      </c>
      <c r="X451">
        <v>2020</v>
      </c>
    </row>
    <row r="452" spans="1:24" x14ac:dyDescent="0.25">
      <c r="A452">
        <v>14538</v>
      </c>
      <c r="B452" t="s">
        <v>186</v>
      </c>
      <c r="C452">
        <v>47</v>
      </c>
      <c r="D452" t="s">
        <v>462</v>
      </c>
      <c r="E452">
        <v>351</v>
      </c>
      <c r="F452" t="s">
        <v>651</v>
      </c>
      <c r="G452">
        <v>160</v>
      </c>
      <c r="H452" t="s">
        <v>773</v>
      </c>
      <c r="I452">
        <v>11846</v>
      </c>
      <c r="J452" t="s">
        <v>794</v>
      </c>
      <c r="K452">
        <v>40</v>
      </c>
      <c r="L452" t="s">
        <v>1066</v>
      </c>
      <c r="M452">
        <v>3947</v>
      </c>
      <c r="N452" t="s">
        <v>654</v>
      </c>
      <c r="O452">
        <v>3</v>
      </c>
      <c r="P452" t="s">
        <v>655</v>
      </c>
      <c r="Q452">
        <v>1</v>
      </c>
      <c r="R452" t="s">
        <v>656</v>
      </c>
      <c r="S452">
        <v>2</v>
      </c>
      <c r="T452" t="s">
        <v>769</v>
      </c>
      <c r="U452">
        <v>3</v>
      </c>
      <c r="V452">
        <v>2</v>
      </c>
      <c r="W452">
        <v>120</v>
      </c>
      <c r="X452">
        <v>2020</v>
      </c>
    </row>
    <row r="453" spans="1:24" x14ac:dyDescent="0.25">
      <c r="A453">
        <v>14535</v>
      </c>
      <c r="B453" t="s">
        <v>186</v>
      </c>
      <c r="C453">
        <v>47</v>
      </c>
      <c r="D453" t="s">
        <v>461</v>
      </c>
      <c r="E453">
        <v>352</v>
      </c>
      <c r="F453" t="s">
        <v>651</v>
      </c>
      <c r="G453">
        <v>160</v>
      </c>
      <c r="H453" t="s">
        <v>773</v>
      </c>
      <c r="I453">
        <v>11846</v>
      </c>
      <c r="J453" t="s">
        <v>917</v>
      </c>
      <c r="K453">
        <v>83</v>
      </c>
      <c r="L453" t="s">
        <v>1067</v>
      </c>
      <c r="M453">
        <v>3944</v>
      </c>
      <c r="N453" t="s">
        <v>654</v>
      </c>
      <c r="O453">
        <v>3</v>
      </c>
      <c r="P453" t="s">
        <v>655</v>
      </c>
      <c r="Q453">
        <v>1</v>
      </c>
      <c r="R453" t="s">
        <v>656</v>
      </c>
      <c r="S453">
        <v>2</v>
      </c>
      <c r="T453" t="s">
        <v>718</v>
      </c>
      <c r="U453">
        <v>2</v>
      </c>
      <c r="V453">
        <v>2</v>
      </c>
      <c r="W453">
        <v>120</v>
      </c>
      <c r="X453">
        <v>2020</v>
      </c>
    </row>
    <row r="454" spans="1:24" x14ac:dyDescent="0.25">
      <c r="A454">
        <v>14532</v>
      </c>
      <c r="B454" t="s">
        <v>93</v>
      </c>
      <c r="C454">
        <v>48</v>
      </c>
      <c r="D454" t="s">
        <v>458</v>
      </c>
      <c r="E454">
        <v>356</v>
      </c>
      <c r="F454" t="s">
        <v>651</v>
      </c>
      <c r="G454">
        <v>160</v>
      </c>
      <c r="H454" t="s">
        <v>773</v>
      </c>
      <c r="I454">
        <v>11846</v>
      </c>
      <c r="J454" t="s">
        <v>676</v>
      </c>
      <c r="K454">
        <v>4</v>
      </c>
      <c r="L454" t="s">
        <v>1068</v>
      </c>
      <c r="M454">
        <v>3941</v>
      </c>
      <c r="N454" t="s">
        <v>654</v>
      </c>
      <c r="O454">
        <v>3</v>
      </c>
      <c r="P454" t="s">
        <v>655</v>
      </c>
      <c r="Q454">
        <v>1</v>
      </c>
      <c r="R454" t="s">
        <v>656</v>
      </c>
      <c r="S454">
        <v>2</v>
      </c>
      <c r="T454" t="s">
        <v>718</v>
      </c>
      <c r="U454">
        <v>2</v>
      </c>
      <c r="V454">
        <v>2</v>
      </c>
      <c r="W454">
        <v>120</v>
      </c>
      <c r="X454">
        <v>2020</v>
      </c>
    </row>
    <row r="455" spans="1:24" x14ac:dyDescent="0.25">
      <c r="A455">
        <v>14529</v>
      </c>
      <c r="B455" t="s">
        <v>37</v>
      </c>
      <c r="C455">
        <v>50</v>
      </c>
      <c r="D455" t="s">
        <v>40</v>
      </c>
      <c r="E455">
        <v>1325</v>
      </c>
      <c r="F455" t="s">
        <v>651</v>
      </c>
      <c r="G455">
        <v>160</v>
      </c>
      <c r="H455" t="s">
        <v>658</v>
      </c>
      <c r="I455">
        <v>13755</v>
      </c>
      <c r="J455" t="s">
        <v>1069</v>
      </c>
      <c r="K455">
        <v>87</v>
      </c>
      <c r="L455" t="s">
        <v>1070</v>
      </c>
      <c r="M455">
        <v>3938</v>
      </c>
      <c r="N455" t="s">
        <v>654</v>
      </c>
      <c r="O455">
        <v>3</v>
      </c>
      <c r="P455" t="s">
        <v>655</v>
      </c>
      <c r="Q455">
        <v>1</v>
      </c>
      <c r="R455" t="s">
        <v>656</v>
      </c>
      <c r="S455">
        <v>2</v>
      </c>
      <c r="T455" t="s">
        <v>661</v>
      </c>
      <c r="U455">
        <v>8</v>
      </c>
      <c r="V455">
        <v>2</v>
      </c>
      <c r="W455">
        <v>120</v>
      </c>
      <c r="X455">
        <v>2020</v>
      </c>
    </row>
    <row r="456" spans="1:24" x14ac:dyDescent="0.25">
      <c r="A456">
        <v>14526</v>
      </c>
      <c r="B456" t="s">
        <v>131</v>
      </c>
      <c r="C456">
        <v>51</v>
      </c>
      <c r="D456" t="s">
        <v>347</v>
      </c>
      <c r="E456">
        <v>622</v>
      </c>
      <c r="F456" t="s">
        <v>651</v>
      </c>
      <c r="G456">
        <v>160</v>
      </c>
      <c r="H456" t="s">
        <v>658</v>
      </c>
      <c r="I456">
        <v>13755</v>
      </c>
      <c r="J456" t="s">
        <v>1071</v>
      </c>
      <c r="K456">
        <v>94</v>
      </c>
      <c r="L456" t="s">
        <v>1072</v>
      </c>
      <c r="M456">
        <v>3935</v>
      </c>
      <c r="N456" t="s">
        <v>654</v>
      </c>
      <c r="O456">
        <v>3</v>
      </c>
      <c r="P456" t="s">
        <v>655</v>
      </c>
      <c r="Q456">
        <v>1</v>
      </c>
      <c r="R456" t="s">
        <v>656</v>
      </c>
      <c r="S456">
        <v>2</v>
      </c>
      <c r="T456" t="s">
        <v>661</v>
      </c>
      <c r="U456">
        <v>8</v>
      </c>
      <c r="V456">
        <v>2</v>
      </c>
      <c r="W456">
        <v>120</v>
      </c>
      <c r="X456">
        <v>2020</v>
      </c>
    </row>
    <row r="457" spans="1:24" x14ac:dyDescent="0.25">
      <c r="A457">
        <v>14523</v>
      </c>
      <c r="B457" t="s">
        <v>8</v>
      </c>
      <c r="C457">
        <v>75</v>
      </c>
      <c r="D457" t="s">
        <v>351</v>
      </c>
      <c r="E457">
        <v>613</v>
      </c>
      <c r="F457" t="s">
        <v>651</v>
      </c>
      <c r="G457">
        <v>160</v>
      </c>
      <c r="H457" t="s">
        <v>675</v>
      </c>
      <c r="I457">
        <v>5952</v>
      </c>
      <c r="J457" t="s">
        <v>756</v>
      </c>
      <c r="K457">
        <v>19</v>
      </c>
      <c r="L457" t="s">
        <v>1073</v>
      </c>
      <c r="M457">
        <v>3932</v>
      </c>
      <c r="N457" t="s">
        <v>654</v>
      </c>
      <c r="O457">
        <v>3</v>
      </c>
      <c r="P457" t="s">
        <v>655</v>
      </c>
      <c r="Q457">
        <v>1</v>
      </c>
      <c r="R457" t="s">
        <v>656</v>
      </c>
      <c r="S457">
        <v>2</v>
      </c>
      <c r="T457" t="s">
        <v>661</v>
      </c>
      <c r="U457">
        <v>8</v>
      </c>
      <c r="V457">
        <v>2</v>
      </c>
      <c r="W457">
        <v>120</v>
      </c>
      <c r="X457">
        <v>2020</v>
      </c>
    </row>
    <row r="458" spans="1:24" x14ac:dyDescent="0.25">
      <c r="A458">
        <v>14520</v>
      </c>
      <c r="B458" t="s">
        <v>79</v>
      </c>
      <c r="C458">
        <v>86</v>
      </c>
      <c r="D458" t="s">
        <v>80</v>
      </c>
      <c r="E458">
        <v>1236</v>
      </c>
      <c r="F458" t="s">
        <v>651</v>
      </c>
      <c r="G458">
        <v>160</v>
      </c>
      <c r="H458" t="s">
        <v>652</v>
      </c>
      <c r="I458">
        <v>2094</v>
      </c>
      <c r="J458" t="s">
        <v>1011</v>
      </c>
      <c r="K458">
        <v>17</v>
      </c>
      <c r="L458" t="s">
        <v>1074</v>
      </c>
      <c r="M458">
        <v>3917</v>
      </c>
      <c r="N458" t="s">
        <v>654</v>
      </c>
      <c r="O458">
        <v>3</v>
      </c>
      <c r="P458" t="s">
        <v>655</v>
      </c>
      <c r="Q458">
        <v>1</v>
      </c>
      <c r="R458" t="s">
        <v>656</v>
      </c>
      <c r="S458">
        <v>2</v>
      </c>
      <c r="T458" t="s">
        <v>657</v>
      </c>
      <c r="U458">
        <v>7</v>
      </c>
      <c r="V458">
        <v>2</v>
      </c>
      <c r="W458">
        <v>120</v>
      </c>
      <c r="X458">
        <v>2020</v>
      </c>
    </row>
    <row r="459" spans="1:24" x14ac:dyDescent="0.25">
      <c r="A459">
        <v>14514</v>
      </c>
      <c r="B459" t="s">
        <v>226</v>
      </c>
      <c r="C459">
        <v>1</v>
      </c>
      <c r="D459" t="s">
        <v>630</v>
      </c>
      <c r="E459">
        <v>2</v>
      </c>
      <c r="F459" t="s">
        <v>651</v>
      </c>
      <c r="G459">
        <v>160</v>
      </c>
      <c r="H459" t="s">
        <v>658</v>
      </c>
      <c r="I459">
        <v>13755</v>
      </c>
      <c r="J459" t="s">
        <v>695</v>
      </c>
      <c r="K459">
        <v>54</v>
      </c>
      <c r="L459" t="s">
        <v>696</v>
      </c>
      <c r="M459">
        <v>3911</v>
      </c>
      <c r="N459" t="s">
        <v>668</v>
      </c>
      <c r="O459">
        <v>4</v>
      </c>
      <c r="P459" t="s">
        <v>655</v>
      </c>
      <c r="Q459">
        <v>1</v>
      </c>
      <c r="R459" t="s">
        <v>669</v>
      </c>
      <c r="S459">
        <v>1</v>
      </c>
      <c r="T459" t="s">
        <v>661</v>
      </c>
      <c r="U459">
        <v>8</v>
      </c>
      <c r="V459">
        <v>4</v>
      </c>
      <c r="W459">
        <v>240</v>
      </c>
      <c r="X459">
        <v>2020</v>
      </c>
    </row>
    <row r="460" spans="1:24" x14ac:dyDescent="0.25">
      <c r="A460">
        <v>14511</v>
      </c>
      <c r="B460" t="s">
        <v>226</v>
      </c>
      <c r="C460">
        <v>1</v>
      </c>
      <c r="D460" t="s">
        <v>627</v>
      </c>
      <c r="E460">
        <v>7</v>
      </c>
      <c r="F460" t="s">
        <v>651</v>
      </c>
      <c r="G460">
        <v>160</v>
      </c>
      <c r="H460" t="s">
        <v>658</v>
      </c>
      <c r="I460">
        <v>13755</v>
      </c>
      <c r="J460" t="s">
        <v>848</v>
      </c>
      <c r="K460">
        <v>62</v>
      </c>
      <c r="L460" t="s">
        <v>1075</v>
      </c>
      <c r="M460">
        <v>3899</v>
      </c>
      <c r="N460" t="s">
        <v>668</v>
      </c>
      <c r="O460">
        <v>4</v>
      </c>
      <c r="P460" t="s">
        <v>655</v>
      </c>
      <c r="Q460">
        <v>1</v>
      </c>
      <c r="R460" t="s">
        <v>669</v>
      </c>
      <c r="S460">
        <v>1</v>
      </c>
      <c r="T460" t="s">
        <v>661</v>
      </c>
      <c r="U460">
        <v>8</v>
      </c>
      <c r="V460">
        <v>4</v>
      </c>
      <c r="W460">
        <v>240</v>
      </c>
      <c r="X460">
        <v>2020</v>
      </c>
    </row>
    <row r="461" spans="1:24" x14ac:dyDescent="0.25">
      <c r="A461">
        <v>14508</v>
      </c>
      <c r="B461" t="s">
        <v>226</v>
      </c>
      <c r="C461">
        <v>1</v>
      </c>
      <c r="D461" t="s">
        <v>627</v>
      </c>
      <c r="E461">
        <v>7</v>
      </c>
      <c r="F461" t="s">
        <v>651</v>
      </c>
      <c r="G461">
        <v>160</v>
      </c>
      <c r="H461" t="s">
        <v>658</v>
      </c>
      <c r="I461">
        <v>13755</v>
      </c>
      <c r="J461" t="s">
        <v>716</v>
      </c>
      <c r="K461">
        <v>68</v>
      </c>
      <c r="L461" t="s">
        <v>1076</v>
      </c>
      <c r="M461">
        <v>3905</v>
      </c>
      <c r="N461" t="s">
        <v>668</v>
      </c>
      <c r="O461">
        <v>4</v>
      </c>
      <c r="P461" t="s">
        <v>655</v>
      </c>
      <c r="Q461">
        <v>1</v>
      </c>
      <c r="R461" t="s">
        <v>669</v>
      </c>
      <c r="S461">
        <v>1</v>
      </c>
      <c r="T461" t="s">
        <v>661</v>
      </c>
      <c r="U461">
        <v>8</v>
      </c>
      <c r="V461">
        <v>4</v>
      </c>
      <c r="W461">
        <v>240</v>
      </c>
      <c r="X461">
        <v>2020</v>
      </c>
    </row>
    <row r="462" spans="1:24" x14ac:dyDescent="0.25">
      <c r="A462">
        <v>14505</v>
      </c>
      <c r="B462" t="s">
        <v>12</v>
      </c>
      <c r="C462">
        <v>7</v>
      </c>
      <c r="D462" t="s">
        <v>598</v>
      </c>
      <c r="E462">
        <v>61</v>
      </c>
      <c r="F462" t="s">
        <v>651</v>
      </c>
      <c r="G462">
        <v>160</v>
      </c>
      <c r="H462" t="s">
        <v>1077</v>
      </c>
      <c r="I462">
        <v>12171</v>
      </c>
      <c r="J462" t="s">
        <v>813</v>
      </c>
      <c r="K462">
        <v>24</v>
      </c>
      <c r="L462" t="s">
        <v>1078</v>
      </c>
      <c r="M462">
        <v>79</v>
      </c>
      <c r="N462" t="s">
        <v>668</v>
      </c>
      <c r="O462">
        <v>4</v>
      </c>
      <c r="P462" t="s">
        <v>689</v>
      </c>
      <c r="Q462">
        <v>4</v>
      </c>
      <c r="R462" t="s">
        <v>669</v>
      </c>
      <c r="S462">
        <v>1</v>
      </c>
      <c r="T462" t="s">
        <v>661</v>
      </c>
      <c r="U462">
        <v>8</v>
      </c>
      <c r="V462">
        <v>3</v>
      </c>
      <c r="W462">
        <v>180</v>
      </c>
      <c r="X462">
        <v>2020</v>
      </c>
    </row>
    <row r="463" spans="1:24" x14ac:dyDescent="0.25">
      <c r="A463">
        <v>14502</v>
      </c>
      <c r="B463" t="s">
        <v>129</v>
      </c>
      <c r="C463">
        <v>10</v>
      </c>
      <c r="D463" t="s">
        <v>587</v>
      </c>
      <c r="E463">
        <v>77</v>
      </c>
      <c r="F463" t="s">
        <v>651</v>
      </c>
      <c r="G463">
        <v>160</v>
      </c>
      <c r="H463" t="s">
        <v>658</v>
      </c>
      <c r="I463">
        <v>13755</v>
      </c>
      <c r="J463" t="s">
        <v>1028</v>
      </c>
      <c r="K463">
        <v>33</v>
      </c>
      <c r="L463" t="s">
        <v>1079</v>
      </c>
      <c r="M463">
        <v>3902</v>
      </c>
      <c r="N463" t="s">
        <v>668</v>
      </c>
      <c r="O463">
        <v>4</v>
      </c>
      <c r="P463" t="s">
        <v>655</v>
      </c>
      <c r="Q463">
        <v>1</v>
      </c>
      <c r="R463" t="s">
        <v>669</v>
      </c>
      <c r="S463">
        <v>1</v>
      </c>
      <c r="T463" t="s">
        <v>661</v>
      </c>
      <c r="U463">
        <v>8</v>
      </c>
      <c r="V463">
        <v>3</v>
      </c>
      <c r="W463">
        <v>180</v>
      </c>
      <c r="X463">
        <v>2020</v>
      </c>
    </row>
    <row r="464" spans="1:24" x14ac:dyDescent="0.25">
      <c r="A464">
        <v>14499</v>
      </c>
      <c r="B464" t="s">
        <v>108</v>
      </c>
      <c r="C464">
        <v>13</v>
      </c>
      <c r="D464" t="s">
        <v>336</v>
      </c>
      <c r="E464">
        <v>644</v>
      </c>
      <c r="F464" t="s">
        <v>651</v>
      </c>
      <c r="G464">
        <v>160</v>
      </c>
      <c r="H464" t="s">
        <v>854</v>
      </c>
      <c r="I464">
        <v>1</v>
      </c>
      <c r="J464" t="s">
        <v>1080</v>
      </c>
      <c r="K464">
        <v>49</v>
      </c>
      <c r="L464" t="s">
        <v>1081</v>
      </c>
      <c r="M464">
        <v>189</v>
      </c>
      <c r="N464" t="s">
        <v>668</v>
      </c>
      <c r="O464">
        <v>4</v>
      </c>
      <c r="P464" t="s">
        <v>655</v>
      </c>
      <c r="Q464">
        <v>1</v>
      </c>
      <c r="R464" t="s">
        <v>669</v>
      </c>
      <c r="S464">
        <v>1</v>
      </c>
      <c r="T464" t="s">
        <v>661</v>
      </c>
      <c r="U464">
        <v>8</v>
      </c>
      <c r="V464">
        <v>4</v>
      </c>
      <c r="W464">
        <v>240</v>
      </c>
      <c r="X464">
        <v>2020</v>
      </c>
    </row>
    <row r="465" spans="1:24" x14ac:dyDescent="0.25">
      <c r="A465">
        <v>14496</v>
      </c>
      <c r="B465" t="s">
        <v>108</v>
      </c>
      <c r="C465">
        <v>13</v>
      </c>
      <c r="D465" t="s">
        <v>509</v>
      </c>
      <c r="E465">
        <v>87</v>
      </c>
      <c r="F465" t="s">
        <v>651</v>
      </c>
      <c r="G465">
        <v>160</v>
      </c>
      <c r="H465" t="s">
        <v>854</v>
      </c>
      <c r="I465">
        <v>1</v>
      </c>
      <c r="J465" t="s">
        <v>659</v>
      </c>
      <c r="K465">
        <v>35</v>
      </c>
      <c r="L465" t="s">
        <v>1082</v>
      </c>
      <c r="M465">
        <v>48</v>
      </c>
      <c r="N465" t="s">
        <v>668</v>
      </c>
      <c r="O465">
        <v>4</v>
      </c>
      <c r="P465" t="s">
        <v>655</v>
      </c>
      <c r="Q465">
        <v>1</v>
      </c>
      <c r="R465" t="s">
        <v>669</v>
      </c>
      <c r="S465">
        <v>1</v>
      </c>
      <c r="T465" t="s">
        <v>661</v>
      </c>
      <c r="U465">
        <v>8</v>
      </c>
      <c r="V465">
        <v>3</v>
      </c>
      <c r="W465">
        <v>180</v>
      </c>
      <c r="X465">
        <v>2020</v>
      </c>
    </row>
    <row r="466" spans="1:24" x14ac:dyDescent="0.25">
      <c r="A466">
        <v>14493</v>
      </c>
      <c r="B466" t="s">
        <v>218</v>
      </c>
      <c r="C466">
        <v>17</v>
      </c>
      <c r="D466" t="s">
        <v>565</v>
      </c>
      <c r="E466">
        <v>124</v>
      </c>
      <c r="F466" t="s">
        <v>651</v>
      </c>
      <c r="G466">
        <v>160</v>
      </c>
      <c r="H466" t="s">
        <v>744</v>
      </c>
      <c r="I466">
        <v>3143</v>
      </c>
      <c r="J466" t="s">
        <v>691</v>
      </c>
      <c r="K466">
        <v>21</v>
      </c>
      <c r="L466" t="s">
        <v>698</v>
      </c>
      <c r="M466">
        <v>3480</v>
      </c>
      <c r="N466" t="s">
        <v>668</v>
      </c>
      <c r="O466">
        <v>4</v>
      </c>
      <c r="P466" t="s">
        <v>655</v>
      </c>
      <c r="Q466">
        <v>1</v>
      </c>
      <c r="R466" t="s">
        <v>669</v>
      </c>
      <c r="S466">
        <v>1</v>
      </c>
      <c r="T466" t="s">
        <v>661</v>
      </c>
      <c r="U466">
        <v>8</v>
      </c>
      <c r="V466">
        <v>3</v>
      </c>
      <c r="W466">
        <v>180</v>
      </c>
      <c r="X466">
        <v>2020</v>
      </c>
    </row>
    <row r="467" spans="1:24" x14ac:dyDescent="0.25">
      <c r="A467">
        <v>14490</v>
      </c>
      <c r="B467" t="s">
        <v>14</v>
      </c>
      <c r="C467">
        <v>20</v>
      </c>
      <c r="D467" t="s">
        <v>557</v>
      </c>
      <c r="E467">
        <v>143</v>
      </c>
      <c r="F467" t="s">
        <v>651</v>
      </c>
      <c r="G467">
        <v>160</v>
      </c>
      <c r="H467" t="s">
        <v>739</v>
      </c>
      <c r="I467">
        <v>4413</v>
      </c>
      <c r="J467" t="s">
        <v>736</v>
      </c>
      <c r="K467">
        <v>8</v>
      </c>
      <c r="L467" t="s">
        <v>1083</v>
      </c>
      <c r="M467">
        <v>3914</v>
      </c>
      <c r="N467" t="s">
        <v>668</v>
      </c>
      <c r="O467">
        <v>4</v>
      </c>
      <c r="P467" t="s">
        <v>655</v>
      </c>
      <c r="Q467">
        <v>1</v>
      </c>
      <c r="R467" t="s">
        <v>669</v>
      </c>
      <c r="S467">
        <v>1</v>
      </c>
      <c r="T467" t="s">
        <v>661</v>
      </c>
      <c r="U467">
        <v>8</v>
      </c>
      <c r="V467">
        <v>3</v>
      </c>
      <c r="W467">
        <v>180</v>
      </c>
      <c r="X467">
        <v>2020</v>
      </c>
    </row>
    <row r="468" spans="1:24" x14ac:dyDescent="0.25">
      <c r="A468">
        <v>14487</v>
      </c>
      <c r="B468" t="s">
        <v>14</v>
      </c>
      <c r="C468">
        <v>20</v>
      </c>
      <c r="D468" t="s">
        <v>556</v>
      </c>
      <c r="E468">
        <v>146</v>
      </c>
      <c r="F468" t="s">
        <v>651</v>
      </c>
      <c r="G468">
        <v>160</v>
      </c>
      <c r="H468" t="s">
        <v>739</v>
      </c>
      <c r="I468">
        <v>4413</v>
      </c>
      <c r="J468" t="s">
        <v>1084</v>
      </c>
      <c r="K468">
        <v>118</v>
      </c>
      <c r="L468" t="s">
        <v>1084</v>
      </c>
      <c r="M468">
        <v>59</v>
      </c>
      <c r="N468" t="s">
        <v>668</v>
      </c>
      <c r="O468">
        <v>4</v>
      </c>
      <c r="P468" t="s">
        <v>689</v>
      </c>
      <c r="Q468">
        <v>4</v>
      </c>
      <c r="R468" t="s">
        <v>669</v>
      </c>
      <c r="S468">
        <v>1</v>
      </c>
      <c r="T468" t="s">
        <v>661</v>
      </c>
      <c r="U468">
        <v>8</v>
      </c>
      <c r="V468">
        <v>3</v>
      </c>
      <c r="W468">
        <v>180</v>
      </c>
      <c r="X468">
        <v>2020</v>
      </c>
    </row>
    <row r="469" spans="1:24" x14ac:dyDescent="0.25">
      <c r="A469">
        <v>14484</v>
      </c>
      <c r="B469" t="s">
        <v>95</v>
      </c>
      <c r="C469">
        <v>26</v>
      </c>
      <c r="D469" t="s">
        <v>426</v>
      </c>
      <c r="E469">
        <v>190</v>
      </c>
      <c r="F469" t="s">
        <v>651</v>
      </c>
      <c r="G469">
        <v>160</v>
      </c>
      <c r="H469" t="s">
        <v>833</v>
      </c>
      <c r="I469">
        <v>5562</v>
      </c>
      <c r="J469" t="s">
        <v>1028</v>
      </c>
      <c r="K469">
        <v>33</v>
      </c>
      <c r="L469" t="s">
        <v>1085</v>
      </c>
      <c r="M469">
        <v>529</v>
      </c>
      <c r="N469" t="s">
        <v>668</v>
      </c>
      <c r="O469">
        <v>4</v>
      </c>
      <c r="P469" t="s">
        <v>655</v>
      </c>
      <c r="Q469">
        <v>1</v>
      </c>
      <c r="R469" t="s">
        <v>669</v>
      </c>
      <c r="S469">
        <v>1</v>
      </c>
      <c r="T469" t="s">
        <v>661</v>
      </c>
      <c r="U469">
        <v>8</v>
      </c>
      <c r="V469">
        <v>3</v>
      </c>
      <c r="W469">
        <v>180</v>
      </c>
      <c r="X469">
        <v>2020</v>
      </c>
    </row>
    <row r="470" spans="1:24" x14ac:dyDescent="0.25">
      <c r="A470">
        <v>14481</v>
      </c>
      <c r="B470" t="s">
        <v>22</v>
      </c>
      <c r="C470">
        <v>28</v>
      </c>
      <c r="D470" t="s">
        <v>477</v>
      </c>
      <c r="E470">
        <v>206</v>
      </c>
      <c r="F470" t="s">
        <v>651</v>
      </c>
      <c r="G470">
        <v>160</v>
      </c>
      <c r="H470" t="s">
        <v>675</v>
      </c>
      <c r="I470">
        <v>5952</v>
      </c>
      <c r="J470" t="s">
        <v>705</v>
      </c>
      <c r="K470">
        <v>70</v>
      </c>
      <c r="L470" t="s">
        <v>890</v>
      </c>
      <c r="M470">
        <v>301</v>
      </c>
      <c r="N470" t="s">
        <v>668</v>
      </c>
      <c r="O470">
        <v>4</v>
      </c>
      <c r="P470" t="s">
        <v>655</v>
      </c>
      <c r="Q470">
        <v>1</v>
      </c>
      <c r="R470" t="s">
        <v>669</v>
      </c>
      <c r="S470">
        <v>1</v>
      </c>
      <c r="T470" t="s">
        <v>661</v>
      </c>
      <c r="U470">
        <v>8</v>
      </c>
      <c r="V470">
        <v>4</v>
      </c>
      <c r="W470">
        <v>240</v>
      </c>
      <c r="X470">
        <v>2020</v>
      </c>
    </row>
    <row r="471" spans="1:24" x14ac:dyDescent="0.25">
      <c r="A471">
        <v>14478</v>
      </c>
      <c r="B471" t="s">
        <v>22</v>
      </c>
      <c r="C471">
        <v>28</v>
      </c>
      <c r="D471" t="s">
        <v>530</v>
      </c>
      <c r="E471">
        <v>211</v>
      </c>
      <c r="F471" t="s">
        <v>651</v>
      </c>
      <c r="G471">
        <v>160</v>
      </c>
      <c r="H471" t="s">
        <v>675</v>
      </c>
      <c r="I471">
        <v>5952</v>
      </c>
      <c r="J471" t="s">
        <v>880</v>
      </c>
      <c r="K471">
        <v>58</v>
      </c>
      <c r="L471" t="s">
        <v>1086</v>
      </c>
      <c r="M471">
        <v>238</v>
      </c>
      <c r="N471" t="s">
        <v>668</v>
      </c>
      <c r="O471">
        <v>4</v>
      </c>
      <c r="P471" t="s">
        <v>655</v>
      </c>
      <c r="Q471">
        <v>1</v>
      </c>
      <c r="R471" t="s">
        <v>669</v>
      </c>
      <c r="S471">
        <v>1</v>
      </c>
      <c r="T471" t="s">
        <v>718</v>
      </c>
      <c r="U471">
        <v>2</v>
      </c>
      <c r="V471">
        <v>4</v>
      </c>
      <c r="W471">
        <v>240</v>
      </c>
      <c r="X471">
        <v>2020</v>
      </c>
    </row>
    <row r="472" spans="1:24" x14ac:dyDescent="0.25">
      <c r="A472">
        <v>14475</v>
      </c>
      <c r="B472" t="s">
        <v>22</v>
      </c>
      <c r="C472">
        <v>28</v>
      </c>
      <c r="D472" t="s">
        <v>530</v>
      </c>
      <c r="E472">
        <v>211</v>
      </c>
      <c r="F472" t="s">
        <v>651</v>
      </c>
      <c r="G472">
        <v>160</v>
      </c>
      <c r="H472" t="s">
        <v>675</v>
      </c>
      <c r="I472">
        <v>5952</v>
      </c>
      <c r="J472" t="s">
        <v>880</v>
      </c>
      <c r="K472">
        <v>58</v>
      </c>
      <c r="L472" t="s">
        <v>880</v>
      </c>
      <c r="M472">
        <v>236</v>
      </c>
      <c r="N472" t="s">
        <v>668</v>
      </c>
      <c r="O472">
        <v>4</v>
      </c>
      <c r="P472" t="s">
        <v>655</v>
      </c>
      <c r="Q472">
        <v>1</v>
      </c>
      <c r="R472" t="s">
        <v>669</v>
      </c>
      <c r="S472">
        <v>1</v>
      </c>
      <c r="T472" t="s">
        <v>718</v>
      </c>
      <c r="U472">
        <v>2</v>
      </c>
      <c r="V472">
        <v>4</v>
      </c>
      <c r="W472">
        <v>240</v>
      </c>
      <c r="X472">
        <v>2020</v>
      </c>
    </row>
    <row r="473" spans="1:24" x14ac:dyDescent="0.25">
      <c r="A473">
        <v>14472</v>
      </c>
      <c r="B473" t="s">
        <v>22</v>
      </c>
      <c r="C473">
        <v>28</v>
      </c>
      <c r="D473" t="s">
        <v>529</v>
      </c>
      <c r="E473">
        <v>213</v>
      </c>
      <c r="F473" t="s">
        <v>651</v>
      </c>
      <c r="G473">
        <v>160</v>
      </c>
      <c r="H473" t="s">
        <v>675</v>
      </c>
      <c r="I473">
        <v>5952</v>
      </c>
      <c r="J473" t="s">
        <v>726</v>
      </c>
      <c r="K473">
        <v>2</v>
      </c>
      <c r="L473" t="s">
        <v>1087</v>
      </c>
      <c r="M473">
        <v>5</v>
      </c>
      <c r="N473" t="s">
        <v>668</v>
      </c>
      <c r="O473">
        <v>4</v>
      </c>
      <c r="P473" t="s">
        <v>655</v>
      </c>
      <c r="Q473">
        <v>1</v>
      </c>
      <c r="R473" t="s">
        <v>669</v>
      </c>
      <c r="S473">
        <v>1</v>
      </c>
      <c r="T473" t="s">
        <v>661</v>
      </c>
      <c r="U473">
        <v>8</v>
      </c>
      <c r="V473">
        <v>3</v>
      </c>
      <c r="W473">
        <v>180</v>
      </c>
      <c r="X473">
        <v>2020</v>
      </c>
    </row>
    <row r="474" spans="1:24" x14ac:dyDescent="0.25">
      <c r="A474">
        <v>14469</v>
      </c>
      <c r="B474" t="s">
        <v>22</v>
      </c>
      <c r="C474">
        <v>28</v>
      </c>
      <c r="D474" t="s">
        <v>526</v>
      </c>
      <c r="E474">
        <v>220</v>
      </c>
      <c r="F474" t="s">
        <v>734</v>
      </c>
      <c r="G474">
        <v>122</v>
      </c>
      <c r="H474" t="s">
        <v>986</v>
      </c>
      <c r="I474">
        <v>17522</v>
      </c>
      <c r="J474" t="s">
        <v>1088</v>
      </c>
      <c r="K474">
        <v>38</v>
      </c>
      <c r="L474" t="s">
        <v>1089</v>
      </c>
      <c r="M474">
        <v>135</v>
      </c>
      <c r="N474" t="s">
        <v>668</v>
      </c>
      <c r="O474">
        <v>4</v>
      </c>
      <c r="P474" t="s">
        <v>655</v>
      </c>
      <c r="Q474">
        <v>1</v>
      </c>
      <c r="R474" t="s">
        <v>669</v>
      </c>
      <c r="S474">
        <v>1</v>
      </c>
      <c r="T474" t="s">
        <v>661</v>
      </c>
      <c r="U474">
        <v>8</v>
      </c>
      <c r="V474">
        <v>3</v>
      </c>
      <c r="W474">
        <v>180</v>
      </c>
      <c r="X474">
        <v>2020</v>
      </c>
    </row>
    <row r="475" spans="1:24" x14ac:dyDescent="0.25">
      <c r="A475">
        <v>14466</v>
      </c>
      <c r="B475" t="s">
        <v>189</v>
      </c>
      <c r="C475">
        <v>30</v>
      </c>
      <c r="D475" t="s">
        <v>329</v>
      </c>
      <c r="E475">
        <v>233</v>
      </c>
      <c r="F475" t="s">
        <v>651</v>
      </c>
      <c r="G475">
        <v>160</v>
      </c>
      <c r="H475" t="s">
        <v>719</v>
      </c>
      <c r="I475">
        <v>7630</v>
      </c>
      <c r="J475" t="s">
        <v>851</v>
      </c>
      <c r="K475">
        <v>43</v>
      </c>
      <c r="L475" t="s">
        <v>1090</v>
      </c>
      <c r="M475">
        <v>472</v>
      </c>
      <c r="N475" t="s">
        <v>668</v>
      </c>
      <c r="O475">
        <v>4</v>
      </c>
      <c r="P475" t="s">
        <v>655</v>
      </c>
      <c r="Q475">
        <v>1</v>
      </c>
      <c r="R475" t="s">
        <v>669</v>
      </c>
      <c r="S475">
        <v>1</v>
      </c>
      <c r="T475" t="s">
        <v>661</v>
      </c>
      <c r="U475">
        <v>8</v>
      </c>
      <c r="V475">
        <v>4</v>
      </c>
      <c r="W475">
        <v>240</v>
      </c>
      <c r="X475">
        <v>2020</v>
      </c>
    </row>
    <row r="476" spans="1:24" x14ac:dyDescent="0.25">
      <c r="A476">
        <v>14463</v>
      </c>
      <c r="B476" t="s">
        <v>242</v>
      </c>
      <c r="C476">
        <v>37</v>
      </c>
      <c r="D476" t="s">
        <v>492</v>
      </c>
      <c r="E476">
        <v>292</v>
      </c>
      <c r="F476" t="s">
        <v>651</v>
      </c>
      <c r="G476">
        <v>160</v>
      </c>
      <c r="H476" t="s">
        <v>821</v>
      </c>
      <c r="I476">
        <v>10029</v>
      </c>
      <c r="J476" t="s">
        <v>742</v>
      </c>
      <c r="K476">
        <v>48</v>
      </c>
      <c r="L476" t="s">
        <v>1091</v>
      </c>
      <c r="M476">
        <v>172</v>
      </c>
      <c r="N476" t="s">
        <v>668</v>
      </c>
      <c r="O476">
        <v>4</v>
      </c>
      <c r="P476" t="s">
        <v>655</v>
      </c>
      <c r="Q476">
        <v>1</v>
      </c>
      <c r="R476" t="s">
        <v>669</v>
      </c>
      <c r="S476">
        <v>1</v>
      </c>
      <c r="T476" t="s">
        <v>661</v>
      </c>
      <c r="U476">
        <v>8</v>
      </c>
      <c r="V476">
        <v>4</v>
      </c>
      <c r="W476">
        <v>240</v>
      </c>
      <c r="X476">
        <v>2020</v>
      </c>
    </row>
    <row r="477" spans="1:24" x14ac:dyDescent="0.25">
      <c r="A477">
        <v>14460</v>
      </c>
      <c r="B477" t="s">
        <v>242</v>
      </c>
      <c r="C477">
        <v>37</v>
      </c>
      <c r="D477" t="s">
        <v>492</v>
      </c>
      <c r="E477">
        <v>292</v>
      </c>
      <c r="F477" t="s">
        <v>651</v>
      </c>
      <c r="G477">
        <v>160</v>
      </c>
      <c r="H477" t="s">
        <v>821</v>
      </c>
      <c r="I477">
        <v>10029</v>
      </c>
      <c r="J477" t="s">
        <v>742</v>
      </c>
      <c r="K477">
        <v>48</v>
      </c>
      <c r="L477" t="s">
        <v>1092</v>
      </c>
      <c r="M477">
        <v>178</v>
      </c>
      <c r="N477" t="s">
        <v>668</v>
      </c>
      <c r="O477">
        <v>4</v>
      </c>
      <c r="P477" t="s">
        <v>655</v>
      </c>
      <c r="Q477">
        <v>1</v>
      </c>
      <c r="R477" t="s">
        <v>669</v>
      </c>
      <c r="S477">
        <v>1</v>
      </c>
      <c r="T477" t="s">
        <v>718</v>
      </c>
      <c r="U477">
        <v>2</v>
      </c>
      <c r="V477">
        <v>4</v>
      </c>
      <c r="W477">
        <v>240</v>
      </c>
      <c r="X477">
        <v>2020</v>
      </c>
    </row>
    <row r="478" spans="1:24" x14ac:dyDescent="0.25">
      <c r="A478">
        <v>14457</v>
      </c>
      <c r="B478" t="s">
        <v>186</v>
      </c>
      <c r="C478">
        <v>47</v>
      </c>
      <c r="D478" t="s">
        <v>461</v>
      </c>
      <c r="E478">
        <v>352</v>
      </c>
      <c r="F478" t="s">
        <v>651</v>
      </c>
      <c r="G478">
        <v>160</v>
      </c>
      <c r="H478" t="s">
        <v>773</v>
      </c>
      <c r="I478">
        <v>11846</v>
      </c>
      <c r="J478" t="s">
        <v>917</v>
      </c>
      <c r="K478">
        <v>83</v>
      </c>
      <c r="L478" t="s">
        <v>918</v>
      </c>
      <c r="M478">
        <v>287</v>
      </c>
      <c r="N478" t="s">
        <v>668</v>
      </c>
      <c r="O478">
        <v>4</v>
      </c>
      <c r="P478" t="s">
        <v>746</v>
      </c>
      <c r="Q478">
        <v>2</v>
      </c>
      <c r="R478" t="s">
        <v>669</v>
      </c>
      <c r="S478">
        <v>1</v>
      </c>
      <c r="T478" t="s">
        <v>661</v>
      </c>
      <c r="U478">
        <v>8</v>
      </c>
      <c r="V478">
        <v>4</v>
      </c>
      <c r="W478">
        <v>240</v>
      </c>
      <c r="X478">
        <v>2020</v>
      </c>
    </row>
    <row r="479" spans="1:24" x14ac:dyDescent="0.25">
      <c r="A479">
        <v>14454</v>
      </c>
      <c r="B479" t="s">
        <v>186</v>
      </c>
      <c r="C479">
        <v>47</v>
      </c>
      <c r="D479" t="s">
        <v>421</v>
      </c>
      <c r="E479">
        <v>353</v>
      </c>
      <c r="F479" t="s">
        <v>651</v>
      </c>
      <c r="G479">
        <v>160</v>
      </c>
      <c r="H479" t="s">
        <v>773</v>
      </c>
      <c r="I479">
        <v>11846</v>
      </c>
      <c r="J479" t="s">
        <v>1005</v>
      </c>
      <c r="K479">
        <v>72</v>
      </c>
      <c r="L479" t="s">
        <v>1005</v>
      </c>
      <c r="M479">
        <v>326</v>
      </c>
      <c r="N479" t="s">
        <v>668</v>
      </c>
      <c r="O479">
        <v>4</v>
      </c>
      <c r="P479" t="s">
        <v>655</v>
      </c>
      <c r="Q479">
        <v>1</v>
      </c>
      <c r="R479" t="s">
        <v>669</v>
      </c>
      <c r="S479">
        <v>1</v>
      </c>
      <c r="T479" t="s">
        <v>769</v>
      </c>
      <c r="U479">
        <v>3</v>
      </c>
      <c r="V479">
        <v>6</v>
      </c>
      <c r="W479">
        <v>360</v>
      </c>
      <c r="X479">
        <v>2020</v>
      </c>
    </row>
    <row r="480" spans="1:24" x14ac:dyDescent="0.25">
      <c r="A480">
        <v>14451</v>
      </c>
      <c r="B480" t="s">
        <v>93</v>
      </c>
      <c r="C480">
        <v>48</v>
      </c>
      <c r="D480" t="s">
        <v>456</v>
      </c>
      <c r="E480">
        <v>358</v>
      </c>
      <c r="F480" t="s">
        <v>651</v>
      </c>
      <c r="G480">
        <v>160</v>
      </c>
      <c r="H480" t="s">
        <v>773</v>
      </c>
      <c r="I480">
        <v>11846</v>
      </c>
      <c r="J480" t="s">
        <v>792</v>
      </c>
      <c r="K480">
        <v>6</v>
      </c>
      <c r="L480" t="s">
        <v>1093</v>
      </c>
      <c r="M480">
        <v>18</v>
      </c>
      <c r="N480" t="s">
        <v>668</v>
      </c>
      <c r="O480">
        <v>4</v>
      </c>
      <c r="P480" t="s">
        <v>655</v>
      </c>
      <c r="Q480">
        <v>1</v>
      </c>
      <c r="R480" t="s">
        <v>669</v>
      </c>
      <c r="S480">
        <v>1</v>
      </c>
      <c r="T480" t="s">
        <v>661</v>
      </c>
      <c r="U480">
        <v>8</v>
      </c>
      <c r="V480">
        <v>3</v>
      </c>
      <c r="W480">
        <v>180</v>
      </c>
      <c r="X480">
        <v>2020</v>
      </c>
    </row>
    <row r="481" spans="1:24" x14ac:dyDescent="0.25">
      <c r="A481">
        <v>14448</v>
      </c>
      <c r="B481" t="s">
        <v>10</v>
      </c>
      <c r="C481">
        <v>57</v>
      </c>
      <c r="D481" t="s">
        <v>9</v>
      </c>
      <c r="E481">
        <v>1385</v>
      </c>
      <c r="F481" t="s">
        <v>651</v>
      </c>
      <c r="G481">
        <v>160</v>
      </c>
      <c r="H481" t="s">
        <v>658</v>
      </c>
      <c r="I481">
        <v>13755</v>
      </c>
      <c r="J481" t="s">
        <v>294</v>
      </c>
      <c r="K481">
        <v>31</v>
      </c>
      <c r="L481" t="s">
        <v>294</v>
      </c>
      <c r="M481">
        <v>98</v>
      </c>
      <c r="N481" t="s">
        <v>668</v>
      </c>
      <c r="O481">
        <v>4</v>
      </c>
      <c r="P481" t="s">
        <v>746</v>
      </c>
      <c r="Q481">
        <v>2</v>
      </c>
      <c r="R481" t="s">
        <v>669</v>
      </c>
      <c r="S481">
        <v>1</v>
      </c>
      <c r="T481" t="s">
        <v>661</v>
      </c>
      <c r="U481">
        <v>8</v>
      </c>
      <c r="V481">
        <v>3</v>
      </c>
      <c r="W481">
        <v>180</v>
      </c>
      <c r="X481">
        <v>2020</v>
      </c>
    </row>
    <row r="482" spans="1:24" x14ac:dyDescent="0.25">
      <c r="A482">
        <v>14445</v>
      </c>
      <c r="B482" t="s">
        <v>76</v>
      </c>
      <c r="C482">
        <v>61</v>
      </c>
      <c r="D482" t="s">
        <v>316</v>
      </c>
      <c r="E482">
        <v>420</v>
      </c>
      <c r="F482" t="s">
        <v>651</v>
      </c>
      <c r="G482">
        <v>160</v>
      </c>
      <c r="H482" t="s">
        <v>779</v>
      </c>
      <c r="I482">
        <v>10487</v>
      </c>
      <c r="J482" t="s">
        <v>299</v>
      </c>
      <c r="K482">
        <v>27</v>
      </c>
      <c r="L482" t="s">
        <v>690</v>
      </c>
      <c r="M482">
        <v>89</v>
      </c>
      <c r="N482" t="s">
        <v>668</v>
      </c>
      <c r="O482">
        <v>4</v>
      </c>
      <c r="P482" t="s">
        <v>655</v>
      </c>
      <c r="Q482">
        <v>1</v>
      </c>
      <c r="R482" t="s">
        <v>669</v>
      </c>
      <c r="S482">
        <v>1</v>
      </c>
      <c r="T482" t="s">
        <v>661</v>
      </c>
      <c r="U482">
        <v>8</v>
      </c>
      <c r="V482">
        <v>3</v>
      </c>
      <c r="W482">
        <v>180</v>
      </c>
      <c r="X482">
        <v>2020</v>
      </c>
    </row>
    <row r="483" spans="1:24" x14ac:dyDescent="0.25">
      <c r="A483">
        <v>14442</v>
      </c>
      <c r="B483" t="s">
        <v>409</v>
      </c>
      <c r="C483">
        <v>66</v>
      </c>
      <c r="D483" t="s">
        <v>316</v>
      </c>
      <c r="E483">
        <v>467</v>
      </c>
      <c r="F483" t="s">
        <v>651</v>
      </c>
      <c r="G483">
        <v>160</v>
      </c>
      <c r="H483" t="s">
        <v>658</v>
      </c>
      <c r="I483">
        <v>13755</v>
      </c>
      <c r="J483" t="s">
        <v>1094</v>
      </c>
      <c r="K483">
        <v>28</v>
      </c>
      <c r="L483" t="s">
        <v>296</v>
      </c>
      <c r="M483">
        <v>91</v>
      </c>
      <c r="N483" t="s">
        <v>668</v>
      </c>
      <c r="O483">
        <v>4</v>
      </c>
      <c r="P483" t="s">
        <v>655</v>
      </c>
      <c r="Q483">
        <v>1</v>
      </c>
      <c r="R483" t="s">
        <v>669</v>
      </c>
      <c r="S483">
        <v>1</v>
      </c>
      <c r="T483" t="s">
        <v>661</v>
      </c>
      <c r="U483">
        <v>8</v>
      </c>
      <c r="V483">
        <v>3</v>
      </c>
      <c r="W483">
        <v>180</v>
      </c>
      <c r="X483">
        <v>2020</v>
      </c>
    </row>
    <row r="484" spans="1:24" x14ac:dyDescent="0.25">
      <c r="A484">
        <v>14439</v>
      </c>
      <c r="B484" t="s">
        <v>14</v>
      </c>
      <c r="C484">
        <v>20</v>
      </c>
      <c r="D484" t="s">
        <v>387</v>
      </c>
      <c r="E484">
        <v>148</v>
      </c>
      <c r="F484" t="s">
        <v>651</v>
      </c>
      <c r="G484">
        <v>160</v>
      </c>
      <c r="H484" t="s">
        <v>739</v>
      </c>
      <c r="I484">
        <v>4413</v>
      </c>
      <c r="J484" t="s">
        <v>684</v>
      </c>
      <c r="K484">
        <v>22</v>
      </c>
      <c r="L484" t="s">
        <v>685</v>
      </c>
      <c r="M484">
        <v>72</v>
      </c>
      <c r="N484" t="s">
        <v>654</v>
      </c>
      <c r="O484">
        <v>3</v>
      </c>
      <c r="P484" t="s">
        <v>655</v>
      </c>
      <c r="Q484">
        <v>1</v>
      </c>
      <c r="R484" t="s">
        <v>669</v>
      </c>
      <c r="S484">
        <v>1</v>
      </c>
      <c r="T484" t="s">
        <v>729</v>
      </c>
      <c r="U484">
        <v>4</v>
      </c>
      <c r="V484">
        <v>3</v>
      </c>
      <c r="W484">
        <v>180</v>
      </c>
      <c r="X484">
        <v>2020</v>
      </c>
    </row>
    <row r="485" spans="1:24" x14ac:dyDescent="0.25">
      <c r="A485">
        <v>14436</v>
      </c>
      <c r="B485" t="s">
        <v>26</v>
      </c>
      <c r="C485">
        <v>44</v>
      </c>
      <c r="D485" t="s">
        <v>474</v>
      </c>
      <c r="E485">
        <v>332</v>
      </c>
      <c r="F485" t="s">
        <v>651</v>
      </c>
      <c r="G485">
        <v>160</v>
      </c>
      <c r="H485" t="s">
        <v>666</v>
      </c>
      <c r="I485">
        <v>8767</v>
      </c>
      <c r="J485" t="s">
        <v>684</v>
      </c>
      <c r="K485">
        <v>22</v>
      </c>
      <c r="L485" t="s">
        <v>685</v>
      </c>
      <c r="M485">
        <v>72</v>
      </c>
      <c r="N485" t="s">
        <v>668</v>
      </c>
      <c r="O485">
        <v>4</v>
      </c>
      <c r="P485" t="s">
        <v>655</v>
      </c>
      <c r="Q485">
        <v>1</v>
      </c>
      <c r="R485" t="s">
        <v>669</v>
      </c>
      <c r="S485">
        <v>1</v>
      </c>
      <c r="T485" t="s">
        <v>661</v>
      </c>
      <c r="U485">
        <v>8</v>
      </c>
      <c r="V485">
        <v>3</v>
      </c>
      <c r="W485">
        <v>180</v>
      </c>
      <c r="X485">
        <v>2020</v>
      </c>
    </row>
    <row r="486" spans="1:24" x14ac:dyDescent="0.25">
      <c r="A486">
        <v>14433</v>
      </c>
      <c r="B486" t="s">
        <v>226</v>
      </c>
      <c r="C486">
        <v>1</v>
      </c>
      <c r="D486" t="s">
        <v>232</v>
      </c>
      <c r="E486">
        <v>1077</v>
      </c>
      <c r="F486" t="s">
        <v>892</v>
      </c>
      <c r="G486" t="s">
        <v>892</v>
      </c>
      <c r="H486" t="s">
        <v>892</v>
      </c>
      <c r="I486" t="s">
        <v>892</v>
      </c>
      <c r="J486" t="s">
        <v>730</v>
      </c>
      <c r="K486">
        <v>66</v>
      </c>
      <c r="L486" t="s">
        <v>892</v>
      </c>
      <c r="M486" t="s">
        <v>892</v>
      </c>
      <c r="N486" t="s">
        <v>892</v>
      </c>
      <c r="O486" t="s">
        <v>892</v>
      </c>
      <c r="P486" t="s">
        <v>655</v>
      </c>
      <c r="Q486">
        <v>1</v>
      </c>
      <c r="R486" t="s">
        <v>893</v>
      </c>
      <c r="S486">
        <v>3</v>
      </c>
      <c r="T486" t="s">
        <v>892</v>
      </c>
      <c r="U486" t="s">
        <v>892</v>
      </c>
      <c r="V486">
        <v>3</v>
      </c>
      <c r="W486">
        <v>180</v>
      </c>
      <c r="X486">
        <v>2020</v>
      </c>
    </row>
    <row r="487" spans="1:24" x14ac:dyDescent="0.25">
      <c r="A487">
        <v>14430</v>
      </c>
      <c r="B487" t="s">
        <v>226</v>
      </c>
      <c r="C487">
        <v>1</v>
      </c>
      <c r="D487" t="s">
        <v>232</v>
      </c>
      <c r="E487">
        <v>1077</v>
      </c>
      <c r="F487" t="s">
        <v>892</v>
      </c>
      <c r="G487" t="s">
        <v>892</v>
      </c>
      <c r="H487" t="s">
        <v>892</v>
      </c>
      <c r="I487" t="s">
        <v>892</v>
      </c>
      <c r="J487" t="s">
        <v>730</v>
      </c>
      <c r="K487">
        <v>66</v>
      </c>
      <c r="L487" t="s">
        <v>892</v>
      </c>
      <c r="M487" t="s">
        <v>892</v>
      </c>
      <c r="N487" t="s">
        <v>892</v>
      </c>
      <c r="O487" t="s">
        <v>892</v>
      </c>
      <c r="P487" t="s">
        <v>746</v>
      </c>
      <c r="Q487">
        <v>2</v>
      </c>
      <c r="R487" t="s">
        <v>893</v>
      </c>
      <c r="S487">
        <v>3</v>
      </c>
      <c r="T487" t="s">
        <v>892</v>
      </c>
      <c r="U487" t="s">
        <v>892</v>
      </c>
      <c r="V487">
        <v>3</v>
      </c>
      <c r="W487">
        <v>180</v>
      </c>
      <c r="X487">
        <v>2020</v>
      </c>
    </row>
    <row r="488" spans="1:24" x14ac:dyDescent="0.25">
      <c r="A488">
        <v>14427</v>
      </c>
      <c r="B488" t="s">
        <v>226</v>
      </c>
      <c r="C488">
        <v>1</v>
      </c>
      <c r="D488" t="s">
        <v>228</v>
      </c>
      <c r="E488">
        <v>1081</v>
      </c>
      <c r="F488" t="s">
        <v>892</v>
      </c>
      <c r="G488" t="s">
        <v>892</v>
      </c>
      <c r="H488" t="s">
        <v>892</v>
      </c>
      <c r="I488" t="s">
        <v>892</v>
      </c>
      <c r="J488" t="s">
        <v>848</v>
      </c>
      <c r="K488">
        <v>62</v>
      </c>
      <c r="L488" t="s">
        <v>892</v>
      </c>
      <c r="M488" t="s">
        <v>892</v>
      </c>
      <c r="N488" t="s">
        <v>892</v>
      </c>
      <c r="O488" t="s">
        <v>892</v>
      </c>
      <c r="P488" t="s">
        <v>655</v>
      </c>
      <c r="Q488">
        <v>1</v>
      </c>
      <c r="R488" t="s">
        <v>893</v>
      </c>
      <c r="S488">
        <v>3</v>
      </c>
      <c r="T488" t="s">
        <v>892</v>
      </c>
      <c r="U488" t="s">
        <v>892</v>
      </c>
      <c r="V488">
        <v>3</v>
      </c>
      <c r="W488">
        <v>180</v>
      </c>
      <c r="X488">
        <v>2020</v>
      </c>
    </row>
    <row r="489" spans="1:24" x14ac:dyDescent="0.25">
      <c r="A489">
        <v>14424</v>
      </c>
      <c r="B489" t="s">
        <v>226</v>
      </c>
      <c r="C489">
        <v>1</v>
      </c>
      <c r="D489" t="s">
        <v>228</v>
      </c>
      <c r="E489">
        <v>1081</v>
      </c>
      <c r="F489" t="s">
        <v>892</v>
      </c>
      <c r="G489" t="s">
        <v>892</v>
      </c>
      <c r="H489" t="s">
        <v>892</v>
      </c>
      <c r="I489" t="s">
        <v>892</v>
      </c>
      <c r="J489" t="s">
        <v>848</v>
      </c>
      <c r="K489">
        <v>62</v>
      </c>
      <c r="L489" t="s">
        <v>892</v>
      </c>
      <c r="M489" t="s">
        <v>892</v>
      </c>
      <c r="N489" t="s">
        <v>892</v>
      </c>
      <c r="O489" t="s">
        <v>892</v>
      </c>
      <c r="P489" t="s">
        <v>746</v>
      </c>
      <c r="Q489">
        <v>2</v>
      </c>
      <c r="R489" t="s">
        <v>893</v>
      </c>
      <c r="S489">
        <v>3</v>
      </c>
      <c r="T489" t="s">
        <v>892</v>
      </c>
      <c r="U489" t="s">
        <v>892</v>
      </c>
      <c r="V489">
        <v>3</v>
      </c>
      <c r="W489">
        <v>180</v>
      </c>
      <c r="X489">
        <v>2020</v>
      </c>
    </row>
    <row r="490" spans="1:24" x14ac:dyDescent="0.25">
      <c r="A490">
        <v>14421</v>
      </c>
      <c r="B490" t="s">
        <v>192</v>
      </c>
      <c r="C490">
        <v>19</v>
      </c>
      <c r="D490" t="s">
        <v>191</v>
      </c>
      <c r="E490">
        <v>1107</v>
      </c>
      <c r="F490" t="s">
        <v>892</v>
      </c>
      <c r="G490" t="s">
        <v>892</v>
      </c>
      <c r="H490" t="s">
        <v>892</v>
      </c>
      <c r="I490" t="s">
        <v>892</v>
      </c>
      <c r="J490" t="s">
        <v>917</v>
      </c>
      <c r="K490">
        <v>83</v>
      </c>
      <c r="L490" t="s">
        <v>892</v>
      </c>
      <c r="M490" t="s">
        <v>892</v>
      </c>
      <c r="N490" t="s">
        <v>892</v>
      </c>
      <c r="O490" t="s">
        <v>892</v>
      </c>
      <c r="P490" t="s">
        <v>655</v>
      </c>
      <c r="Q490">
        <v>1</v>
      </c>
      <c r="R490" t="s">
        <v>893</v>
      </c>
      <c r="S490">
        <v>3</v>
      </c>
      <c r="T490" t="s">
        <v>892</v>
      </c>
      <c r="U490" t="s">
        <v>892</v>
      </c>
      <c r="V490">
        <v>3</v>
      </c>
      <c r="W490">
        <v>180</v>
      </c>
      <c r="X490">
        <v>2020</v>
      </c>
    </row>
    <row r="491" spans="1:24" x14ac:dyDescent="0.25">
      <c r="A491">
        <v>14418</v>
      </c>
      <c r="B491" t="s">
        <v>192</v>
      </c>
      <c r="C491">
        <v>19</v>
      </c>
      <c r="D491" t="s">
        <v>191</v>
      </c>
      <c r="E491">
        <v>1107</v>
      </c>
      <c r="F491" t="s">
        <v>892</v>
      </c>
      <c r="G491" t="s">
        <v>892</v>
      </c>
      <c r="H491" t="s">
        <v>892</v>
      </c>
      <c r="I491" t="s">
        <v>892</v>
      </c>
      <c r="J491" t="s">
        <v>917</v>
      </c>
      <c r="K491">
        <v>83</v>
      </c>
      <c r="L491" t="s">
        <v>892</v>
      </c>
      <c r="M491" t="s">
        <v>892</v>
      </c>
      <c r="N491" t="s">
        <v>892</v>
      </c>
      <c r="O491" t="s">
        <v>892</v>
      </c>
      <c r="P491" t="s">
        <v>746</v>
      </c>
      <c r="Q491">
        <v>2</v>
      </c>
      <c r="R491" t="s">
        <v>893</v>
      </c>
      <c r="S491">
        <v>3</v>
      </c>
      <c r="T491" t="s">
        <v>892</v>
      </c>
      <c r="U491" t="s">
        <v>892</v>
      </c>
      <c r="V491">
        <v>3</v>
      </c>
      <c r="W491">
        <v>180</v>
      </c>
      <c r="X491">
        <v>2020</v>
      </c>
    </row>
    <row r="492" spans="1:24" x14ac:dyDescent="0.25">
      <c r="A492">
        <v>14415</v>
      </c>
      <c r="B492" t="s">
        <v>26</v>
      </c>
      <c r="C492">
        <v>44</v>
      </c>
      <c r="D492" t="s">
        <v>240</v>
      </c>
      <c r="E492">
        <v>1069</v>
      </c>
      <c r="F492" t="s">
        <v>892</v>
      </c>
      <c r="G492" t="s">
        <v>892</v>
      </c>
      <c r="H492" t="s">
        <v>892</v>
      </c>
      <c r="I492" t="s">
        <v>892</v>
      </c>
      <c r="J492" t="s">
        <v>676</v>
      </c>
      <c r="K492">
        <v>4</v>
      </c>
      <c r="L492" t="s">
        <v>892</v>
      </c>
      <c r="M492" t="s">
        <v>892</v>
      </c>
      <c r="N492" t="s">
        <v>892</v>
      </c>
      <c r="O492" t="s">
        <v>892</v>
      </c>
      <c r="P492" t="s">
        <v>655</v>
      </c>
      <c r="Q492">
        <v>1</v>
      </c>
      <c r="R492" t="s">
        <v>893</v>
      </c>
      <c r="S492">
        <v>3</v>
      </c>
      <c r="T492" t="s">
        <v>892</v>
      </c>
      <c r="U492" t="s">
        <v>892</v>
      </c>
      <c r="V492">
        <v>3</v>
      </c>
      <c r="W492">
        <v>180</v>
      </c>
      <c r="X492">
        <v>2020</v>
      </c>
    </row>
    <row r="493" spans="1:24" x14ac:dyDescent="0.25">
      <c r="A493">
        <v>14412</v>
      </c>
      <c r="B493" t="s">
        <v>26</v>
      </c>
      <c r="C493">
        <v>44</v>
      </c>
      <c r="D493" t="s">
        <v>240</v>
      </c>
      <c r="E493">
        <v>1069</v>
      </c>
      <c r="F493" t="s">
        <v>892</v>
      </c>
      <c r="G493" t="s">
        <v>892</v>
      </c>
      <c r="H493" t="s">
        <v>892</v>
      </c>
      <c r="I493" t="s">
        <v>892</v>
      </c>
      <c r="J493" t="s">
        <v>676</v>
      </c>
      <c r="K493">
        <v>4</v>
      </c>
      <c r="L493" t="s">
        <v>892</v>
      </c>
      <c r="M493" t="s">
        <v>892</v>
      </c>
      <c r="N493" t="s">
        <v>892</v>
      </c>
      <c r="O493" t="s">
        <v>892</v>
      </c>
      <c r="P493" t="s">
        <v>746</v>
      </c>
      <c r="Q493">
        <v>2</v>
      </c>
      <c r="R493" t="s">
        <v>893</v>
      </c>
      <c r="S493">
        <v>3</v>
      </c>
      <c r="T493" t="s">
        <v>892</v>
      </c>
      <c r="U493" t="s">
        <v>892</v>
      </c>
      <c r="V493">
        <v>3</v>
      </c>
      <c r="W493">
        <v>180</v>
      </c>
      <c r="X493">
        <v>2020</v>
      </c>
    </row>
    <row r="494" spans="1:24" x14ac:dyDescent="0.25">
      <c r="A494">
        <v>14409</v>
      </c>
      <c r="B494" t="s">
        <v>93</v>
      </c>
      <c r="C494">
        <v>48</v>
      </c>
      <c r="D494" t="s">
        <v>92</v>
      </c>
      <c r="E494">
        <v>1206</v>
      </c>
      <c r="F494" t="s">
        <v>892</v>
      </c>
      <c r="G494" t="s">
        <v>892</v>
      </c>
      <c r="H494" t="s">
        <v>892</v>
      </c>
      <c r="I494" t="s">
        <v>892</v>
      </c>
      <c r="J494" t="s">
        <v>679</v>
      </c>
      <c r="K494">
        <v>32</v>
      </c>
      <c r="L494" t="s">
        <v>892</v>
      </c>
      <c r="M494" t="s">
        <v>892</v>
      </c>
      <c r="N494" t="s">
        <v>892</v>
      </c>
      <c r="O494" t="s">
        <v>892</v>
      </c>
      <c r="P494" t="s">
        <v>655</v>
      </c>
      <c r="Q494">
        <v>1</v>
      </c>
      <c r="R494" t="s">
        <v>893</v>
      </c>
      <c r="S494">
        <v>3</v>
      </c>
      <c r="T494" t="s">
        <v>892</v>
      </c>
      <c r="U494" t="s">
        <v>892</v>
      </c>
      <c r="V494">
        <v>3</v>
      </c>
      <c r="W494">
        <v>180</v>
      </c>
      <c r="X494">
        <v>2020</v>
      </c>
    </row>
    <row r="495" spans="1:24" x14ac:dyDescent="0.25">
      <c r="A495">
        <v>14406</v>
      </c>
      <c r="B495" t="s">
        <v>93</v>
      </c>
      <c r="C495">
        <v>48</v>
      </c>
      <c r="D495" t="s">
        <v>92</v>
      </c>
      <c r="E495">
        <v>1206</v>
      </c>
      <c r="F495" t="s">
        <v>892</v>
      </c>
      <c r="G495" t="s">
        <v>892</v>
      </c>
      <c r="H495" t="s">
        <v>892</v>
      </c>
      <c r="I495" t="s">
        <v>892</v>
      </c>
      <c r="J495" t="s">
        <v>679</v>
      </c>
      <c r="K495">
        <v>32</v>
      </c>
      <c r="L495" t="s">
        <v>892</v>
      </c>
      <c r="M495" t="s">
        <v>892</v>
      </c>
      <c r="N495" t="s">
        <v>892</v>
      </c>
      <c r="O495" t="s">
        <v>892</v>
      </c>
      <c r="P495" t="s">
        <v>746</v>
      </c>
      <c r="Q495">
        <v>2</v>
      </c>
      <c r="R495" t="s">
        <v>893</v>
      </c>
      <c r="S495">
        <v>3</v>
      </c>
      <c r="T495" t="s">
        <v>892</v>
      </c>
      <c r="U495" t="s">
        <v>892</v>
      </c>
      <c r="V495">
        <v>3</v>
      </c>
      <c r="W495">
        <v>180</v>
      </c>
      <c r="X495">
        <v>2020</v>
      </c>
    </row>
    <row r="496" spans="1:24" x14ac:dyDescent="0.25">
      <c r="A496">
        <v>14403</v>
      </c>
      <c r="B496" t="s">
        <v>28</v>
      </c>
      <c r="C496">
        <v>49</v>
      </c>
      <c r="D496" t="s">
        <v>196</v>
      </c>
      <c r="E496">
        <v>1103</v>
      </c>
      <c r="F496" t="s">
        <v>892</v>
      </c>
      <c r="G496" t="s">
        <v>892</v>
      </c>
      <c r="H496" t="s">
        <v>892</v>
      </c>
      <c r="I496" t="s">
        <v>892</v>
      </c>
      <c r="J496" t="s">
        <v>878</v>
      </c>
      <c r="K496">
        <v>91</v>
      </c>
      <c r="L496" t="s">
        <v>892</v>
      </c>
      <c r="M496" t="s">
        <v>892</v>
      </c>
      <c r="N496" t="s">
        <v>892</v>
      </c>
      <c r="O496" t="s">
        <v>892</v>
      </c>
      <c r="P496" t="s">
        <v>655</v>
      </c>
      <c r="Q496">
        <v>1</v>
      </c>
      <c r="R496" t="s">
        <v>893</v>
      </c>
      <c r="S496">
        <v>3</v>
      </c>
      <c r="T496" t="s">
        <v>892</v>
      </c>
      <c r="U496" t="s">
        <v>892</v>
      </c>
      <c r="V496">
        <v>3</v>
      </c>
      <c r="W496">
        <v>180</v>
      </c>
      <c r="X496">
        <v>2020</v>
      </c>
    </row>
    <row r="497" spans="1:24" x14ac:dyDescent="0.25">
      <c r="A497">
        <v>14400</v>
      </c>
      <c r="B497" t="s">
        <v>28</v>
      </c>
      <c r="C497">
        <v>49</v>
      </c>
      <c r="D497" t="s">
        <v>196</v>
      </c>
      <c r="E497">
        <v>1103</v>
      </c>
      <c r="F497" t="s">
        <v>892</v>
      </c>
      <c r="G497" t="s">
        <v>892</v>
      </c>
      <c r="H497" t="s">
        <v>892</v>
      </c>
      <c r="I497" t="s">
        <v>892</v>
      </c>
      <c r="J497" t="s">
        <v>878</v>
      </c>
      <c r="K497">
        <v>91</v>
      </c>
      <c r="L497" t="s">
        <v>892</v>
      </c>
      <c r="M497" t="s">
        <v>892</v>
      </c>
      <c r="N497" t="s">
        <v>892</v>
      </c>
      <c r="O497" t="s">
        <v>892</v>
      </c>
      <c r="P497" t="s">
        <v>746</v>
      </c>
      <c r="Q497">
        <v>2</v>
      </c>
      <c r="R497" t="s">
        <v>893</v>
      </c>
      <c r="S497">
        <v>3</v>
      </c>
      <c r="T497" t="s">
        <v>892</v>
      </c>
      <c r="U497" t="s">
        <v>892</v>
      </c>
      <c r="V497">
        <v>3</v>
      </c>
      <c r="W497">
        <v>180</v>
      </c>
      <c r="X497">
        <v>2020</v>
      </c>
    </row>
    <row r="498" spans="1:24" x14ac:dyDescent="0.25">
      <c r="A498">
        <v>14397</v>
      </c>
      <c r="B498" t="s">
        <v>14</v>
      </c>
      <c r="C498">
        <v>20</v>
      </c>
      <c r="D498" t="s">
        <v>44</v>
      </c>
      <c r="E498">
        <v>1313</v>
      </c>
      <c r="F498" t="s">
        <v>892</v>
      </c>
      <c r="G498" t="s">
        <v>892</v>
      </c>
      <c r="H498" t="s">
        <v>892</v>
      </c>
      <c r="I498" t="s">
        <v>892</v>
      </c>
      <c r="J498" t="s">
        <v>864</v>
      </c>
      <c r="K498">
        <v>14</v>
      </c>
      <c r="L498" t="s">
        <v>892</v>
      </c>
      <c r="M498" t="s">
        <v>892</v>
      </c>
      <c r="N498" t="s">
        <v>892</v>
      </c>
      <c r="O498" t="s">
        <v>892</v>
      </c>
      <c r="P498" t="s">
        <v>655</v>
      </c>
      <c r="Q498">
        <v>1</v>
      </c>
      <c r="R498" t="s">
        <v>893</v>
      </c>
      <c r="S498">
        <v>3</v>
      </c>
      <c r="T498" t="s">
        <v>892</v>
      </c>
      <c r="U498" t="s">
        <v>892</v>
      </c>
      <c r="V498">
        <v>3</v>
      </c>
      <c r="W498">
        <v>180</v>
      </c>
      <c r="X498">
        <v>2020</v>
      </c>
    </row>
    <row r="499" spans="1:24" x14ac:dyDescent="0.25">
      <c r="A499">
        <v>14394</v>
      </c>
      <c r="B499" t="s">
        <v>14</v>
      </c>
      <c r="C499">
        <v>20</v>
      </c>
      <c r="D499" t="s">
        <v>44</v>
      </c>
      <c r="E499">
        <v>1313</v>
      </c>
      <c r="F499" t="s">
        <v>892</v>
      </c>
      <c r="G499" t="s">
        <v>892</v>
      </c>
      <c r="H499" t="s">
        <v>892</v>
      </c>
      <c r="I499" t="s">
        <v>892</v>
      </c>
      <c r="J499" t="s">
        <v>864</v>
      </c>
      <c r="K499">
        <v>14</v>
      </c>
      <c r="L499" t="s">
        <v>892</v>
      </c>
      <c r="M499" t="s">
        <v>892</v>
      </c>
      <c r="N499" t="s">
        <v>892</v>
      </c>
      <c r="O499" t="s">
        <v>892</v>
      </c>
      <c r="P499" t="s">
        <v>746</v>
      </c>
      <c r="Q499">
        <v>2</v>
      </c>
      <c r="R499" t="s">
        <v>893</v>
      </c>
      <c r="S499">
        <v>3</v>
      </c>
      <c r="T499" t="s">
        <v>892</v>
      </c>
      <c r="U499" t="s">
        <v>892</v>
      </c>
      <c r="V499">
        <v>3</v>
      </c>
      <c r="W499">
        <v>180</v>
      </c>
      <c r="X499">
        <v>2020</v>
      </c>
    </row>
    <row r="500" spans="1:24" x14ac:dyDescent="0.25">
      <c r="A500">
        <v>14390</v>
      </c>
      <c r="B500" t="s">
        <v>67</v>
      </c>
      <c r="C500">
        <v>62</v>
      </c>
      <c r="D500" t="s">
        <v>426</v>
      </c>
      <c r="E500">
        <v>425</v>
      </c>
      <c r="F500" t="s">
        <v>651</v>
      </c>
      <c r="G500">
        <v>160</v>
      </c>
      <c r="H500" t="s">
        <v>658</v>
      </c>
      <c r="I500">
        <v>13755</v>
      </c>
      <c r="J500" t="s">
        <v>892</v>
      </c>
      <c r="K500" t="s">
        <v>892</v>
      </c>
      <c r="L500" t="s">
        <v>1001</v>
      </c>
      <c r="M500">
        <v>3895</v>
      </c>
      <c r="N500" t="s">
        <v>654</v>
      </c>
      <c r="O500">
        <v>3</v>
      </c>
      <c r="P500" t="s">
        <v>655</v>
      </c>
      <c r="Q500">
        <v>1</v>
      </c>
      <c r="R500" t="s">
        <v>1002</v>
      </c>
      <c r="S500">
        <v>5</v>
      </c>
      <c r="T500" t="s">
        <v>661</v>
      </c>
      <c r="U500">
        <v>8</v>
      </c>
      <c r="V500">
        <v>1</v>
      </c>
      <c r="W500">
        <v>60</v>
      </c>
      <c r="X500">
        <v>2020</v>
      </c>
    </row>
    <row r="501" spans="1:24" x14ac:dyDescent="0.25">
      <c r="A501">
        <v>14387</v>
      </c>
      <c r="B501" t="s">
        <v>10</v>
      </c>
      <c r="C501">
        <v>57</v>
      </c>
      <c r="D501" t="s">
        <v>439</v>
      </c>
      <c r="E501">
        <v>387</v>
      </c>
      <c r="F501" t="s">
        <v>651</v>
      </c>
      <c r="G501">
        <v>160</v>
      </c>
      <c r="H501" t="s">
        <v>658</v>
      </c>
      <c r="I501">
        <v>13755</v>
      </c>
      <c r="J501" t="s">
        <v>892</v>
      </c>
      <c r="K501" t="s">
        <v>892</v>
      </c>
      <c r="L501" t="s">
        <v>1001</v>
      </c>
      <c r="M501">
        <v>3895</v>
      </c>
      <c r="N501" t="s">
        <v>654</v>
      </c>
      <c r="O501">
        <v>3</v>
      </c>
      <c r="P501" t="s">
        <v>655</v>
      </c>
      <c r="Q501">
        <v>1</v>
      </c>
      <c r="R501" t="s">
        <v>1002</v>
      </c>
      <c r="S501">
        <v>5</v>
      </c>
      <c r="T501" t="s">
        <v>661</v>
      </c>
      <c r="U501">
        <v>8</v>
      </c>
      <c r="V501">
        <v>1</v>
      </c>
      <c r="W501">
        <v>60</v>
      </c>
      <c r="X501">
        <v>2020</v>
      </c>
    </row>
    <row r="502" spans="1:24" x14ac:dyDescent="0.25">
      <c r="A502">
        <v>14384</v>
      </c>
      <c r="B502" t="s">
        <v>303</v>
      </c>
      <c r="C502">
        <v>53</v>
      </c>
      <c r="D502" t="s">
        <v>446</v>
      </c>
      <c r="E502">
        <v>375</v>
      </c>
      <c r="F502" t="s">
        <v>651</v>
      </c>
      <c r="G502">
        <v>160</v>
      </c>
      <c r="H502" t="s">
        <v>658</v>
      </c>
      <c r="I502">
        <v>13755</v>
      </c>
      <c r="J502" t="s">
        <v>892</v>
      </c>
      <c r="K502" t="s">
        <v>892</v>
      </c>
      <c r="L502" t="s">
        <v>1001</v>
      </c>
      <c r="M502">
        <v>3895</v>
      </c>
      <c r="N502" t="s">
        <v>654</v>
      </c>
      <c r="O502">
        <v>3</v>
      </c>
      <c r="P502" t="s">
        <v>655</v>
      </c>
      <c r="Q502">
        <v>1</v>
      </c>
      <c r="R502" t="s">
        <v>1002</v>
      </c>
      <c r="S502">
        <v>5</v>
      </c>
      <c r="T502" t="s">
        <v>661</v>
      </c>
      <c r="U502">
        <v>8</v>
      </c>
      <c r="V502">
        <v>1</v>
      </c>
      <c r="W502">
        <v>60</v>
      </c>
      <c r="X502">
        <v>2020</v>
      </c>
    </row>
    <row r="503" spans="1:24" x14ac:dyDescent="0.25">
      <c r="A503">
        <v>14381</v>
      </c>
      <c r="B503" t="s">
        <v>93</v>
      </c>
      <c r="C503">
        <v>48</v>
      </c>
      <c r="D503" t="s">
        <v>455</v>
      </c>
      <c r="E503">
        <v>359</v>
      </c>
      <c r="F503" t="s">
        <v>651</v>
      </c>
      <c r="G503">
        <v>160</v>
      </c>
      <c r="H503" t="s">
        <v>773</v>
      </c>
      <c r="I503">
        <v>11846</v>
      </c>
      <c r="J503" t="s">
        <v>892</v>
      </c>
      <c r="K503" t="s">
        <v>892</v>
      </c>
      <c r="L503" t="s">
        <v>1001</v>
      </c>
      <c r="M503">
        <v>3895</v>
      </c>
      <c r="N503" t="s">
        <v>654</v>
      </c>
      <c r="O503">
        <v>3</v>
      </c>
      <c r="P503" t="s">
        <v>655</v>
      </c>
      <c r="Q503">
        <v>1</v>
      </c>
      <c r="R503" t="s">
        <v>1002</v>
      </c>
      <c r="S503">
        <v>5</v>
      </c>
      <c r="T503" t="s">
        <v>661</v>
      </c>
      <c r="U503">
        <v>8</v>
      </c>
      <c r="V503">
        <v>1</v>
      </c>
      <c r="W503">
        <v>60</v>
      </c>
      <c r="X503">
        <v>2020</v>
      </c>
    </row>
    <row r="504" spans="1:24" x14ac:dyDescent="0.25">
      <c r="A504">
        <v>14378</v>
      </c>
      <c r="B504" t="s">
        <v>26</v>
      </c>
      <c r="C504">
        <v>44</v>
      </c>
      <c r="D504" t="s">
        <v>474</v>
      </c>
      <c r="E504">
        <v>332</v>
      </c>
      <c r="F504" t="s">
        <v>651</v>
      </c>
      <c r="G504">
        <v>160</v>
      </c>
      <c r="H504" t="s">
        <v>666</v>
      </c>
      <c r="I504">
        <v>8767</v>
      </c>
      <c r="J504" t="s">
        <v>892</v>
      </c>
      <c r="K504" t="s">
        <v>892</v>
      </c>
      <c r="L504" t="s">
        <v>1001</v>
      </c>
      <c r="M504">
        <v>3895</v>
      </c>
      <c r="N504" t="s">
        <v>654</v>
      </c>
      <c r="O504">
        <v>3</v>
      </c>
      <c r="P504" t="s">
        <v>655</v>
      </c>
      <c r="Q504">
        <v>1</v>
      </c>
      <c r="R504" t="s">
        <v>1002</v>
      </c>
      <c r="S504">
        <v>5</v>
      </c>
      <c r="T504" t="s">
        <v>661</v>
      </c>
      <c r="U504">
        <v>8</v>
      </c>
      <c r="V504">
        <v>1</v>
      </c>
      <c r="W504">
        <v>60</v>
      </c>
      <c r="X504">
        <v>2020</v>
      </c>
    </row>
    <row r="505" spans="1:24" x14ac:dyDescent="0.25">
      <c r="A505">
        <v>14375</v>
      </c>
      <c r="B505" t="s">
        <v>74</v>
      </c>
      <c r="C505">
        <v>40</v>
      </c>
      <c r="D505" t="s">
        <v>485</v>
      </c>
      <c r="E505">
        <v>314</v>
      </c>
      <c r="F505" t="s">
        <v>651</v>
      </c>
      <c r="G505">
        <v>160</v>
      </c>
      <c r="H505" t="s">
        <v>697</v>
      </c>
      <c r="I505">
        <v>11198</v>
      </c>
      <c r="J505" t="s">
        <v>892</v>
      </c>
      <c r="K505" t="s">
        <v>892</v>
      </c>
      <c r="L505" t="s">
        <v>1001</v>
      </c>
      <c r="M505">
        <v>3895</v>
      </c>
      <c r="N505" t="s">
        <v>654</v>
      </c>
      <c r="O505">
        <v>3</v>
      </c>
      <c r="P505" t="s">
        <v>655</v>
      </c>
      <c r="Q505">
        <v>1</v>
      </c>
      <c r="R505" t="s">
        <v>1002</v>
      </c>
      <c r="S505">
        <v>5</v>
      </c>
      <c r="T505" t="s">
        <v>661</v>
      </c>
      <c r="U505">
        <v>8</v>
      </c>
      <c r="V505">
        <v>1</v>
      </c>
      <c r="W505">
        <v>60</v>
      </c>
      <c r="X505">
        <v>2020</v>
      </c>
    </row>
    <row r="506" spans="1:24" x14ac:dyDescent="0.25">
      <c r="A506">
        <v>14372</v>
      </c>
      <c r="B506" t="s">
        <v>247</v>
      </c>
      <c r="C506">
        <v>39</v>
      </c>
      <c r="D506" t="s">
        <v>490</v>
      </c>
      <c r="E506">
        <v>299</v>
      </c>
      <c r="F506" t="s">
        <v>651</v>
      </c>
      <c r="G506">
        <v>160</v>
      </c>
      <c r="H506" t="s">
        <v>817</v>
      </c>
      <c r="I506">
        <v>11010</v>
      </c>
      <c r="J506" t="s">
        <v>892</v>
      </c>
      <c r="K506" t="s">
        <v>892</v>
      </c>
      <c r="L506" t="s">
        <v>1001</v>
      </c>
      <c r="M506">
        <v>3895</v>
      </c>
      <c r="N506" t="s">
        <v>654</v>
      </c>
      <c r="O506">
        <v>3</v>
      </c>
      <c r="P506" t="s">
        <v>655</v>
      </c>
      <c r="Q506">
        <v>1</v>
      </c>
      <c r="R506" t="s">
        <v>1002</v>
      </c>
      <c r="S506">
        <v>5</v>
      </c>
      <c r="T506" t="s">
        <v>661</v>
      </c>
      <c r="U506">
        <v>8</v>
      </c>
      <c r="V506">
        <v>1</v>
      </c>
      <c r="W506">
        <v>60</v>
      </c>
      <c r="X506">
        <v>2020</v>
      </c>
    </row>
    <row r="507" spans="1:24" x14ac:dyDescent="0.25">
      <c r="A507">
        <v>14369</v>
      </c>
      <c r="B507" t="s">
        <v>242</v>
      </c>
      <c r="C507">
        <v>37</v>
      </c>
      <c r="D507" t="s">
        <v>491</v>
      </c>
      <c r="E507">
        <v>294</v>
      </c>
      <c r="F507" t="s">
        <v>651</v>
      </c>
      <c r="G507">
        <v>160</v>
      </c>
      <c r="H507" t="s">
        <v>821</v>
      </c>
      <c r="I507">
        <v>10029</v>
      </c>
      <c r="J507" t="s">
        <v>892</v>
      </c>
      <c r="K507" t="s">
        <v>892</v>
      </c>
      <c r="L507" t="s">
        <v>1001</v>
      </c>
      <c r="M507">
        <v>3895</v>
      </c>
      <c r="N507" t="s">
        <v>654</v>
      </c>
      <c r="O507">
        <v>3</v>
      </c>
      <c r="P507" t="s">
        <v>655</v>
      </c>
      <c r="Q507">
        <v>1</v>
      </c>
      <c r="R507" t="s">
        <v>1002</v>
      </c>
      <c r="S507">
        <v>5</v>
      </c>
      <c r="T507" t="s">
        <v>661</v>
      </c>
      <c r="U507">
        <v>8</v>
      </c>
      <c r="V507">
        <v>1</v>
      </c>
      <c r="W507">
        <v>60</v>
      </c>
      <c r="X507">
        <v>2020</v>
      </c>
    </row>
    <row r="508" spans="1:24" x14ac:dyDescent="0.25">
      <c r="A508">
        <v>14366</v>
      </c>
      <c r="B508" t="s">
        <v>69</v>
      </c>
      <c r="C508">
        <v>36</v>
      </c>
      <c r="D508" t="s">
        <v>71</v>
      </c>
      <c r="E508">
        <v>1254</v>
      </c>
      <c r="F508" t="s">
        <v>651</v>
      </c>
      <c r="G508">
        <v>160</v>
      </c>
      <c r="H508" t="s">
        <v>732</v>
      </c>
      <c r="I508">
        <v>1000</v>
      </c>
      <c r="J508" t="s">
        <v>892</v>
      </c>
      <c r="K508" t="s">
        <v>892</v>
      </c>
      <c r="L508" t="s">
        <v>1001</v>
      </c>
      <c r="M508">
        <v>3895</v>
      </c>
      <c r="N508" t="s">
        <v>654</v>
      </c>
      <c r="O508">
        <v>3</v>
      </c>
      <c r="P508" t="s">
        <v>655</v>
      </c>
      <c r="Q508">
        <v>1</v>
      </c>
      <c r="R508" t="s">
        <v>1002</v>
      </c>
      <c r="S508">
        <v>5</v>
      </c>
      <c r="T508" t="s">
        <v>661</v>
      </c>
      <c r="U508">
        <v>8</v>
      </c>
      <c r="V508">
        <v>1</v>
      </c>
      <c r="W508">
        <v>60</v>
      </c>
      <c r="X508">
        <v>2020</v>
      </c>
    </row>
    <row r="509" spans="1:24" x14ac:dyDescent="0.25">
      <c r="A509">
        <v>14363</v>
      </c>
      <c r="B509" t="s">
        <v>140</v>
      </c>
      <c r="C509">
        <v>34</v>
      </c>
      <c r="D509" t="s">
        <v>426</v>
      </c>
      <c r="E509">
        <v>265</v>
      </c>
      <c r="F509" t="s">
        <v>651</v>
      </c>
      <c r="G509">
        <v>160</v>
      </c>
      <c r="H509" t="s">
        <v>652</v>
      </c>
      <c r="I509">
        <v>2094</v>
      </c>
      <c r="J509" t="s">
        <v>892</v>
      </c>
      <c r="K509" t="s">
        <v>892</v>
      </c>
      <c r="L509" t="s">
        <v>1001</v>
      </c>
      <c r="M509">
        <v>3895</v>
      </c>
      <c r="N509" t="s">
        <v>654</v>
      </c>
      <c r="O509">
        <v>3</v>
      </c>
      <c r="P509" t="s">
        <v>655</v>
      </c>
      <c r="Q509">
        <v>1</v>
      </c>
      <c r="R509" t="s">
        <v>1002</v>
      </c>
      <c r="S509">
        <v>5</v>
      </c>
      <c r="T509" t="s">
        <v>661</v>
      </c>
      <c r="U509">
        <v>8</v>
      </c>
      <c r="V509">
        <v>1</v>
      </c>
      <c r="W509">
        <v>60</v>
      </c>
      <c r="X509">
        <v>2020</v>
      </c>
    </row>
    <row r="510" spans="1:24" x14ac:dyDescent="0.25">
      <c r="A510">
        <v>14360</v>
      </c>
      <c r="B510" t="s">
        <v>18</v>
      </c>
      <c r="C510">
        <v>31</v>
      </c>
      <c r="D510" t="s">
        <v>426</v>
      </c>
      <c r="E510">
        <v>246</v>
      </c>
      <c r="F510" t="s">
        <v>651</v>
      </c>
      <c r="G510">
        <v>160</v>
      </c>
      <c r="H510" t="s">
        <v>719</v>
      </c>
      <c r="I510">
        <v>7630</v>
      </c>
      <c r="J510" t="s">
        <v>892</v>
      </c>
      <c r="K510" t="s">
        <v>892</v>
      </c>
      <c r="L510" t="s">
        <v>1001</v>
      </c>
      <c r="M510">
        <v>3895</v>
      </c>
      <c r="N510" t="s">
        <v>654</v>
      </c>
      <c r="O510">
        <v>3</v>
      </c>
      <c r="P510" t="s">
        <v>655</v>
      </c>
      <c r="Q510">
        <v>1</v>
      </c>
      <c r="R510" t="s">
        <v>1002</v>
      </c>
      <c r="S510">
        <v>5</v>
      </c>
      <c r="T510" t="s">
        <v>661</v>
      </c>
      <c r="U510">
        <v>8</v>
      </c>
      <c r="V510">
        <v>1</v>
      </c>
      <c r="W510">
        <v>60</v>
      </c>
      <c r="X510">
        <v>2020</v>
      </c>
    </row>
    <row r="511" spans="1:24" x14ac:dyDescent="0.25">
      <c r="A511">
        <v>14357</v>
      </c>
      <c r="B511" t="s">
        <v>22</v>
      </c>
      <c r="C511">
        <v>28</v>
      </c>
      <c r="D511" t="s">
        <v>526</v>
      </c>
      <c r="E511">
        <v>220</v>
      </c>
      <c r="F511" t="s">
        <v>651</v>
      </c>
      <c r="G511">
        <v>160</v>
      </c>
      <c r="H511" t="s">
        <v>675</v>
      </c>
      <c r="I511">
        <v>5952</v>
      </c>
      <c r="J511" t="s">
        <v>892</v>
      </c>
      <c r="K511" t="s">
        <v>892</v>
      </c>
      <c r="L511" t="s">
        <v>1001</v>
      </c>
      <c r="M511">
        <v>3895</v>
      </c>
      <c r="N511" t="s">
        <v>654</v>
      </c>
      <c r="O511">
        <v>3</v>
      </c>
      <c r="P511" t="s">
        <v>655</v>
      </c>
      <c r="Q511">
        <v>1</v>
      </c>
      <c r="R511" t="s">
        <v>1002</v>
      </c>
      <c r="S511">
        <v>5</v>
      </c>
      <c r="T511" t="s">
        <v>661</v>
      </c>
      <c r="U511">
        <v>8</v>
      </c>
      <c r="V511">
        <v>1</v>
      </c>
      <c r="W511">
        <v>60</v>
      </c>
      <c r="X511">
        <v>2020</v>
      </c>
    </row>
    <row r="512" spans="1:24" x14ac:dyDescent="0.25">
      <c r="A512">
        <v>14354</v>
      </c>
      <c r="B512" t="s">
        <v>95</v>
      </c>
      <c r="C512">
        <v>26</v>
      </c>
      <c r="D512" t="s">
        <v>426</v>
      </c>
      <c r="E512">
        <v>190</v>
      </c>
      <c r="F512" t="s">
        <v>651</v>
      </c>
      <c r="G512">
        <v>160</v>
      </c>
      <c r="H512" t="s">
        <v>833</v>
      </c>
      <c r="I512">
        <v>5562</v>
      </c>
      <c r="J512" t="s">
        <v>892</v>
      </c>
      <c r="K512" t="s">
        <v>892</v>
      </c>
      <c r="L512" t="s">
        <v>1001</v>
      </c>
      <c r="M512">
        <v>3895</v>
      </c>
      <c r="N512" t="s">
        <v>654</v>
      </c>
      <c r="O512">
        <v>3</v>
      </c>
      <c r="P512" t="s">
        <v>655</v>
      </c>
      <c r="Q512">
        <v>1</v>
      </c>
      <c r="R512" t="s">
        <v>1002</v>
      </c>
      <c r="S512">
        <v>5</v>
      </c>
      <c r="T512" t="s">
        <v>661</v>
      </c>
      <c r="U512">
        <v>8</v>
      </c>
      <c r="V512">
        <v>1</v>
      </c>
      <c r="W512">
        <v>60</v>
      </c>
      <c r="X512">
        <v>2020</v>
      </c>
    </row>
    <row r="513" spans="1:24" x14ac:dyDescent="0.25">
      <c r="A513">
        <v>14351</v>
      </c>
      <c r="B513" t="s">
        <v>32</v>
      </c>
      <c r="C513">
        <v>24</v>
      </c>
      <c r="D513" t="s">
        <v>426</v>
      </c>
      <c r="E513">
        <v>168</v>
      </c>
      <c r="F513" t="s">
        <v>651</v>
      </c>
      <c r="G513">
        <v>160</v>
      </c>
      <c r="H513" t="s">
        <v>747</v>
      </c>
      <c r="I513">
        <v>4847</v>
      </c>
      <c r="J513" t="s">
        <v>892</v>
      </c>
      <c r="K513" t="s">
        <v>892</v>
      </c>
      <c r="L513" t="s">
        <v>1001</v>
      </c>
      <c r="M513">
        <v>3895</v>
      </c>
      <c r="N513" t="s">
        <v>654</v>
      </c>
      <c r="O513">
        <v>3</v>
      </c>
      <c r="P513" t="s">
        <v>655</v>
      </c>
      <c r="Q513">
        <v>1</v>
      </c>
      <c r="R513" t="s">
        <v>1002</v>
      </c>
      <c r="S513">
        <v>5</v>
      </c>
      <c r="T513" t="s">
        <v>661</v>
      </c>
      <c r="U513">
        <v>8</v>
      </c>
      <c r="V513">
        <v>1</v>
      </c>
      <c r="W513">
        <v>60</v>
      </c>
      <c r="X513">
        <v>2020</v>
      </c>
    </row>
    <row r="514" spans="1:24" x14ac:dyDescent="0.25">
      <c r="A514">
        <v>14345</v>
      </c>
      <c r="B514" t="s">
        <v>14</v>
      </c>
      <c r="C514">
        <v>20</v>
      </c>
      <c r="D514" t="s">
        <v>426</v>
      </c>
      <c r="E514">
        <v>145</v>
      </c>
      <c r="F514" t="s">
        <v>651</v>
      </c>
      <c r="G514">
        <v>160</v>
      </c>
      <c r="H514" t="s">
        <v>739</v>
      </c>
      <c r="I514">
        <v>4413</v>
      </c>
      <c r="J514" t="s">
        <v>892</v>
      </c>
      <c r="K514" t="s">
        <v>892</v>
      </c>
      <c r="L514" t="s">
        <v>1001</v>
      </c>
      <c r="M514">
        <v>3895</v>
      </c>
      <c r="N514" t="s">
        <v>654</v>
      </c>
      <c r="O514">
        <v>3</v>
      </c>
      <c r="P514" t="s">
        <v>655</v>
      </c>
      <c r="Q514">
        <v>1</v>
      </c>
      <c r="R514" t="s">
        <v>1002</v>
      </c>
      <c r="S514">
        <v>5</v>
      </c>
      <c r="T514" t="s">
        <v>661</v>
      </c>
      <c r="U514">
        <v>8</v>
      </c>
      <c r="V514">
        <v>1</v>
      </c>
      <c r="W514">
        <v>60</v>
      </c>
      <c r="X514">
        <v>2020</v>
      </c>
    </row>
    <row r="515" spans="1:24" x14ac:dyDescent="0.25">
      <c r="A515">
        <v>14342</v>
      </c>
      <c r="B515" t="s">
        <v>30</v>
      </c>
      <c r="C515">
        <v>18</v>
      </c>
      <c r="D515" t="s">
        <v>46</v>
      </c>
      <c r="E515">
        <v>1308</v>
      </c>
      <c r="F515" t="s">
        <v>651</v>
      </c>
      <c r="G515">
        <v>160</v>
      </c>
      <c r="H515" t="s">
        <v>739</v>
      </c>
      <c r="I515">
        <v>4413</v>
      </c>
      <c r="J515" t="s">
        <v>892</v>
      </c>
      <c r="K515" t="s">
        <v>892</v>
      </c>
      <c r="L515" t="s">
        <v>1001</v>
      </c>
      <c r="M515">
        <v>3895</v>
      </c>
      <c r="N515" t="s">
        <v>654</v>
      </c>
      <c r="O515">
        <v>3</v>
      </c>
      <c r="P515" t="s">
        <v>655</v>
      </c>
      <c r="Q515">
        <v>1</v>
      </c>
      <c r="R515" t="s">
        <v>1002</v>
      </c>
      <c r="S515">
        <v>5</v>
      </c>
      <c r="T515" t="s">
        <v>661</v>
      </c>
      <c r="U515">
        <v>8</v>
      </c>
      <c r="V515">
        <v>1</v>
      </c>
      <c r="W515">
        <v>60</v>
      </c>
      <c r="X515">
        <v>2020</v>
      </c>
    </row>
    <row r="516" spans="1:24" x14ac:dyDescent="0.25">
      <c r="A516">
        <v>14339</v>
      </c>
      <c r="B516" t="s">
        <v>218</v>
      </c>
      <c r="C516">
        <v>17</v>
      </c>
      <c r="D516" t="s">
        <v>426</v>
      </c>
      <c r="E516">
        <v>122</v>
      </c>
      <c r="F516" t="s">
        <v>651</v>
      </c>
      <c r="G516">
        <v>160</v>
      </c>
      <c r="H516" t="s">
        <v>744</v>
      </c>
      <c r="I516">
        <v>3143</v>
      </c>
      <c r="J516" t="s">
        <v>892</v>
      </c>
      <c r="K516" t="s">
        <v>892</v>
      </c>
      <c r="L516" t="s">
        <v>1001</v>
      </c>
      <c r="M516">
        <v>3895</v>
      </c>
      <c r="N516" t="s">
        <v>654</v>
      </c>
      <c r="O516">
        <v>3</v>
      </c>
      <c r="P516" t="s">
        <v>655</v>
      </c>
      <c r="Q516">
        <v>1</v>
      </c>
      <c r="R516" t="s">
        <v>1002</v>
      </c>
      <c r="S516">
        <v>5</v>
      </c>
      <c r="T516" t="s">
        <v>661</v>
      </c>
      <c r="U516">
        <v>8</v>
      </c>
      <c r="V516">
        <v>1</v>
      </c>
      <c r="W516">
        <v>60</v>
      </c>
      <c r="X516">
        <v>2020</v>
      </c>
    </row>
    <row r="517" spans="1:24" x14ac:dyDescent="0.25">
      <c r="A517">
        <v>14336</v>
      </c>
      <c r="B517" t="s">
        <v>213</v>
      </c>
      <c r="C517">
        <v>15</v>
      </c>
      <c r="D517" t="s">
        <v>426</v>
      </c>
      <c r="E517">
        <v>98</v>
      </c>
      <c r="F517" t="s">
        <v>651</v>
      </c>
      <c r="G517">
        <v>160</v>
      </c>
      <c r="H517" t="s">
        <v>741</v>
      </c>
      <c r="I517">
        <v>1585</v>
      </c>
      <c r="J517" t="s">
        <v>892</v>
      </c>
      <c r="K517" t="s">
        <v>892</v>
      </c>
      <c r="L517" t="s">
        <v>1001</v>
      </c>
      <c r="M517">
        <v>3895</v>
      </c>
      <c r="N517" t="s">
        <v>654</v>
      </c>
      <c r="O517">
        <v>3</v>
      </c>
      <c r="P517" t="s">
        <v>655</v>
      </c>
      <c r="Q517">
        <v>1</v>
      </c>
      <c r="R517" t="s">
        <v>1002</v>
      </c>
      <c r="S517">
        <v>5</v>
      </c>
      <c r="T517" t="s">
        <v>661</v>
      </c>
      <c r="U517">
        <v>8</v>
      </c>
      <c r="V517">
        <v>1</v>
      </c>
      <c r="W517">
        <v>60</v>
      </c>
      <c r="X517">
        <v>2020</v>
      </c>
    </row>
    <row r="518" spans="1:24" x14ac:dyDescent="0.25">
      <c r="A518">
        <v>14333</v>
      </c>
      <c r="B518" t="s">
        <v>12</v>
      </c>
      <c r="C518">
        <v>7</v>
      </c>
      <c r="D518" t="s">
        <v>591</v>
      </c>
      <c r="E518">
        <v>69</v>
      </c>
      <c r="F518" t="s">
        <v>651</v>
      </c>
      <c r="G518">
        <v>160</v>
      </c>
      <c r="H518" t="s">
        <v>658</v>
      </c>
      <c r="I518">
        <v>13755</v>
      </c>
      <c r="J518" t="s">
        <v>892</v>
      </c>
      <c r="K518" t="s">
        <v>892</v>
      </c>
      <c r="L518" t="s">
        <v>1001</v>
      </c>
      <c r="M518">
        <v>3895</v>
      </c>
      <c r="N518" t="s">
        <v>654</v>
      </c>
      <c r="O518">
        <v>3</v>
      </c>
      <c r="P518" t="s">
        <v>655</v>
      </c>
      <c r="Q518">
        <v>1</v>
      </c>
      <c r="R518" t="s">
        <v>1002</v>
      </c>
      <c r="S518">
        <v>5</v>
      </c>
      <c r="T518" t="s">
        <v>661</v>
      </c>
      <c r="U518">
        <v>8</v>
      </c>
      <c r="V518">
        <v>1</v>
      </c>
      <c r="W518">
        <v>60</v>
      </c>
      <c r="X518">
        <v>2020</v>
      </c>
    </row>
    <row r="519" spans="1:24" x14ac:dyDescent="0.25">
      <c r="A519">
        <v>14330</v>
      </c>
      <c r="B519" t="s">
        <v>16</v>
      </c>
      <c r="C519">
        <v>5</v>
      </c>
      <c r="D519" t="s">
        <v>426</v>
      </c>
      <c r="E519">
        <v>46</v>
      </c>
      <c r="F519" t="s">
        <v>651</v>
      </c>
      <c r="G519">
        <v>160</v>
      </c>
      <c r="H519" t="s">
        <v>658</v>
      </c>
      <c r="I519">
        <v>13755</v>
      </c>
      <c r="J519" t="s">
        <v>892</v>
      </c>
      <c r="K519" t="s">
        <v>892</v>
      </c>
      <c r="L519" t="s">
        <v>1001</v>
      </c>
      <c r="M519">
        <v>3895</v>
      </c>
      <c r="N519" t="s">
        <v>654</v>
      </c>
      <c r="O519">
        <v>3</v>
      </c>
      <c r="P519" t="s">
        <v>655</v>
      </c>
      <c r="Q519">
        <v>1</v>
      </c>
      <c r="R519" t="s">
        <v>1002</v>
      </c>
      <c r="S519">
        <v>5</v>
      </c>
      <c r="T519" t="s">
        <v>661</v>
      </c>
      <c r="U519">
        <v>8</v>
      </c>
      <c r="V519">
        <v>1</v>
      </c>
      <c r="W519">
        <v>60</v>
      </c>
      <c r="X519">
        <v>2020</v>
      </c>
    </row>
    <row r="520" spans="1:24" x14ac:dyDescent="0.25">
      <c r="A520">
        <v>14325</v>
      </c>
      <c r="B520" t="s">
        <v>247</v>
      </c>
      <c r="C520">
        <v>39</v>
      </c>
      <c r="D520" t="s">
        <v>311</v>
      </c>
      <c r="E520">
        <v>602</v>
      </c>
      <c r="F520" t="s">
        <v>651</v>
      </c>
      <c r="G520">
        <v>160</v>
      </c>
      <c r="H520" t="s">
        <v>817</v>
      </c>
      <c r="I520">
        <v>11010</v>
      </c>
      <c r="J520" t="s">
        <v>864</v>
      </c>
      <c r="K520">
        <v>14</v>
      </c>
      <c r="L520" t="s">
        <v>1095</v>
      </c>
      <c r="M520">
        <v>359</v>
      </c>
      <c r="N520" t="s">
        <v>654</v>
      </c>
      <c r="O520">
        <v>3</v>
      </c>
      <c r="P520" t="s">
        <v>655</v>
      </c>
      <c r="Q520">
        <v>1</v>
      </c>
      <c r="R520" t="s">
        <v>669</v>
      </c>
      <c r="S520">
        <v>1</v>
      </c>
      <c r="T520" t="s">
        <v>729</v>
      </c>
      <c r="U520">
        <v>4</v>
      </c>
      <c r="V520">
        <v>4</v>
      </c>
      <c r="W520">
        <v>240</v>
      </c>
      <c r="X520">
        <v>2020</v>
      </c>
    </row>
    <row r="521" spans="1:24" x14ac:dyDescent="0.25">
      <c r="A521">
        <v>14322</v>
      </c>
      <c r="B521" t="s">
        <v>16</v>
      </c>
      <c r="C521">
        <v>5</v>
      </c>
      <c r="D521" t="s">
        <v>426</v>
      </c>
      <c r="E521">
        <v>46</v>
      </c>
      <c r="F521" t="s">
        <v>651</v>
      </c>
      <c r="G521">
        <v>160</v>
      </c>
      <c r="H521" t="s">
        <v>658</v>
      </c>
      <c r="I521">
        <v>13755</v>
      </c>
      <c r="J521" t="s">
        <v>699</v>
      </c>
      <c r="K521">
        <v>10</v>
      </c>
      <c r="L521" t="s">
        <v>1096</v>
      </c>
      <c r="M521">
        <v>341</v>
      </c>
      <c r="N521" t="s">
        <v>654</v>
      </c>
      <c r="O521">
        <v>3</v>
      </c>
      <c r="P521" t="s">
        <v>655</v>
      </c>
      <c r="Q521">
        <v>1</v>
      </c>
      <c r="R521" t="s">
        <v>669</v>
      </c>
      <c r="S521">
        <v>1</v>
      </c>
      <c r="T521" t="s">
        <v>1097</v>
      </c>
      <c r="U521">
        <v>959</v>
      </c>
      <c r="V521">
        <v>3</v>
      </c>
      <c r="W521">
        <v>180</v>
      </c>
      <c r="X521">
        <v>2020</v>
      </c>
    </row>
    <row r="522" spans="1:24" x14ac:dyDescent="0.25">
      <c r="A522">
        <v>14316</v>
      </c>
      <c r="B522" t="s">
        <v>218</v>
      </c>
      <c r="C522">
        <v>17</v>
      </c>
      <c r="D522" t="s">
        <v>470</v>
      </c>
      <c r="E522">
        <v>113</v>
      </c>
      <c r="F522" t="s">
        <v>651</v>
      </c>
      <c r="G522">
        <v>160</v>
      </c>
      <c r="H522" t="s">
        <v>744</v>
      </c>
      <c r="I522">
        <v>3143</v>
      </c>
      <c r="J522" t="s">
        <v>1080</v>
      </c>
      <c r="K522">
        <v>49</v>
      </c>
      <c r="L522" t="s">
        <v>1098</v>
      </c>
      <c r="M522">
        <v>3216</v>
      </c>
      <c r="N522" t="s">
        <v>654</v>
      </c>
      <c r="O522">
        <v>3</v>
      </c>
      <c r="P522" t="s">
        <v>655</v>
      </c>
      <c r="Q522">
        <v>1</v>
      </c>
      <c r="R522" t="s">
        <v>669</v>
      </c>
      <c r="S522">
        <v>1</v>
      </c>
      <c r="T522" t="s">
        <v>661</v>
      </c>
      <c r="U522">
        <v>8</v>
      </c>
      <c r="V522">
        <v>4</v>
      </c>
      <c r="W522">
        <v>240</v>
      </c>
      <c r="X522">
        <v>2020</v>
      </c>
    </row>
    <row r="523" spans="1:24" x14ac:dyDescent="0.25">
      <c r="A523">
        <v>14310</v>
      </c>
      <c r="B523" t="s">
        <v>57</v>
      </c>
      <c r="C523">
        <v>506</v>
      </c>
      <c r="D523" t="s">
        <v>57</v>
      </c>
      <c r="E523">
        <v>1289</v>
      </c>
      <c r="F523" t="s">
        <v>651</v>
      </c>
      <c r="G523">
        <v>160</v>
      </c>
      <c r="H523" t="s">
        <v>658</v>
      </c>
      <c r="I523">
        <v>13755</v>
      </c>
      <c r="J523" t="s">
        <v>831</v>
      </c>
      <c r="K523">
        <v>5</v>
      </c>
      <c r="L523" t="s">
        <v>1099</v>
      </c>
      <c r="M523">
        <v>3873</v>
      </c>
      <c r="N523" t="s">
        <v>654</v>
      </c>
      <c r="O523">
        <v>3</v>
      </c>
      <c r="P523" t="s">
        <v>655</v>
      </c>
      <c r="Q523">
        <v>1</v>
      </c>
      <c r="R523" t="s">
        <v>656</v>
      </c>
      <c r="S523">
        <v>2</v>
      </c>
      <c r="T523" t="s">
        <v>661</v>
      </c>
      <c r="U523">
        <v>8</v>
      </c>
      <c r="V523">
        <v>2</v>
      </c>
      <c r="W523">
        <v>120</v>
      </c>
      <c r="X523">
        <v>2020</v>
      </c>
    </row>
    <row r="524" spans="1:24" x14ac:dyDescent="0.25">
      <c r="A524">
        <v>14307</v>
      </c>
      <c r="B524" t="s">
        <v>57</v>
      </c>
      <c r="C524">
        <v>506</v>
      </c>
      <c r="D524" t="s">
        <v>57</v>
      </c>
      <c r="E524">
        <v>1289</v>
      </c>
      <c r="F524" t="s">
        <v>651</v>
      </c>
      <c r="G524">
        <v>160</v>
      </c>
      <c r="H524" t="s">
        <v>658</v>
      </c>
      <c r="I524">
        <v>13755</v>
      </c>
      <c r="J524" t="s">
        <v>885</v>
      </c>
      <c r="K524">
        <v>1</v>
      </c>
      <c r="L524" t="s">
        <v>1100</v>
      </c>
      <c r="M524">
        <v>3870</v>
      </c>
      <c r="N524" t="s">
        <v>654</v>
      </c>
      <c r="O524">
        <v>3</v>
      </c>
      <c r="P524" t="s">
        <v>655</v>
      </c>
      <c r="Q524">
        <v>1</v>
      </c>
      <c r="R524" t="s">
        <v>656</v>
      </c>
      <c r="S524">
        <v>2</v>
      </c>
      <c r="T524" t="s">
        <v>661</v>
      </c>
      <c r="U524">
        <v>8</v>
      </c>
      <c r="V524">
        <v>2</v>
      </c>
      <c r="W524">
        <v>120</v>
      </c>
      <c r="X524">
        <v>2020</v>
      </c>
    </row>
    <row r="525" spans="1:24" x14ac:dyDescent="0.25">
      <c r="A525">
        <v>14304</v>
      </c>
      <c r="B525" t="s">
        <v>57</v>
      </c>
      <c r="C525">
        <v>506</v>
      </c>
      <c r="D525" t="s">
        <v>57</v>
      </c>
      <c r="E525">
        <v>1289</v>
      </c>
      <c r="F525" t="s">
        <v>651</v>
      </c>
      <c r="G525">
        <v>160</v>
      </c>
      <c r="H525" t="s">
        <v>658</v>
      </c>
      <c r="I525">
        <v>13755</v>
      </c>
      <c r="J525" t="s">
        <v>885</v>
      </c>
      <c r="K525">
        <v>1</v>
      </c>
      <c r="L525" t="s">
        <v>1101</v>
      </c>
      <c r="M525">
        <v>3867</v>
      </c>
      <c r="N525" t="s">
        <v>654</v>
      </c>
      <c r="O525">
        <v>3</v>
      </c>
      <c r="P525" t="s">
        <v>655</v>
      </c>
      <c r="Q525">
        <v>1</v>
      </c>
      <c r="R525" t="s">
        <v>656</v>
      </c>
      <c r="S525">
        <v>2</v>
      </c>
      <c r="T525" t="s">
        <v>661</v>
      </c>
      <c r="U525">
        <v>8</v>
      </c>
      <c r="V525">
        <v>2</v>
      </c>
      <c r="W525">
        <v>120</v>
      </c>
      <c r="X525">
        <v>2020</v>
      </c>
    </row>
    <row r="526" spans="1:24" x14ac:dyDescent="0.25">
      <c r="A526">
        <v>14301</v>
      </c>
      <c r="B526" t="s">
        <v>57</v>
      </c>
      <c r="C526">
        <v>506</v>
      </c>
      <c r="D526" t="s">
        <v>57</v>
      </c>
      <c r="E526">
        <v>1289</v>
      </c>
      <c r="F526" t="s">
        <v>651</v>
      </c>
      <c r="G526">
        <v>160</v>
      </c>
      <c r="H526" t="s">
        <v>658</v>
      </c>
      <c r="I526">
        <v>13755</v>
      </c>
      <c r="J526" t="s">
        <v>885</v>
      </c>
      <c r="K526">
        <v>1</v>
      </c>
      <c r="L526" t="s">
        <v>1102</v>
      </c>
      <c r="M526">
        <v>3858</v>
      </c>
      <c r="N526" t="s">
        <v>654</v>
      </c>
      <c r="O526">
        <v>3</v>
      </c>
      <c r="P526" t="s">
        <v>655</v>
      </c>
      <c r="Q526">
        <v>1</v>
      </c>
      <c r="R526" t="s">
        <v>656</v>
      </c>
      <c r="S526">
        <v>2</v>
      </c>
      <c r="T526" t="s">
        <v>661</v>
      </c>
      <c r="U526">
        <v>8</v>
      </c>
      <c r="V526">
        <v>2</v>
      </c>
      <c r="W526">
        <v>120</v>
      </c>
      <c r="X526">
        <v>2020</v>
      </c>
    </row>
    <row r="527" spans="1:24" x14ac:dyDescent="0.25">
      <c r="A527">
        <v>14298</v>
      </c>
      <c r="B527" t="s">
        <v>226</v>
      </c>
      <c r="C527">
        <v>1</v>
      </c>
      <c r="D527" t="s">
        <v>615</v>
      </c>
      <c r="E527">
        <v>12</v>
      </c>
      <c r="F527" t="s">
        <v>651</v>
      </c>
      <c r="G527">
        <v>160</v>
      </c>
      <c r="H527" t="s">
        <v>658</v>
      </c>
      <c r="I527">
        <v>13755</v>
      </c>
      <c r="J527" t="s">
        <v>742</v>
      </c>
      <c r="K527">
        <v>48</v>
      </c>
      <c r="L527" t="s">
        <v>1103</v>
      </c>
      <c r="M527">
        <v>3855</v>
      </c>
      <c r="N527" t="s">
        <v>654</v>
      </c>
      <c r="O527">
        <v>3</v>
      </c>
      <c r="P527" t="s">
        <v>655</v>
      </c>
      <c r="Q527">
        <v>1</v>
      </c>
      <c r="R527" t="s">
        <v>656</v>
      </c>
      <c r="S527">
        <v>2</v>
      </c>
      <c r="T527" t="s">
        <v>718</v>
      </c>
      <c r="U527">
        <v>2</v>
      </c>
      <c r="V527">
        <v>2</v>
      </c>
      <c r="W527">
        <v>120</v>
      </c>
      <c r="X527">
        <v>2020</v>
      </c>
    </row>
    <row r="528" spans="1:24" x14ac:dyDescent="0.25">
      <c r="A528">
        <v>14295</v>
      </c>
      <c r="B528" t="s">
        <v>226</v>
      </c>
      <c r="C528">
        <v>1</v>
      </c>
      <c r="D528" t="s">
        <v>630</v>
      </c>
      <c r="E528">
        <v>2</v>
      </c>
      <c r="F528" t="s">
        <v>651</v>
      </c>
      <c r="G528">
        <v>160</v>
      </c>
      <c r="H528" t="s">
        <v>658</v>
      </c>
      <c r="I528">
        <v>13755</v>
      </c>
      <c r="J528" t="s">
        <v>695</v>
      </c>
      <c r="K528">
        <v>54</v>
      </c>
      <c r="L528" t="s">
        <v>1104</v>
      </c>
      <c r="M528">
        <v>3852</v>
      </c>
      <c r="N528" t="s">
        <v>654</v>
      </c>
      <c r="O528">
        <v>3</v>
      </c>
      <c r="P528" t="s">
        <v>655</v>
      </c>
      <c r="Q528">
        <v>1</v>
      </c>
      <c r="R528" t="s">
        <v>656</v>
      </c>
      <c r="S528">
        <v>2</v>
      </c>
      <c r="T528" t="s">
        <v>661</v>
      </c>
      <c r="U528">
        <v>8</v>
      </c>
      <c r="V528">
        <v>2</v>
      </c>
      <c r="W528">
        <v>120</v>
      </c>
      <c r="X528">
        <v>2020</v>
      </c>
    </row>
    <row r="529" spans="1:24" x14ac:dyDescent="0.25">
      <c r="A529">
        <v>14292</v>
      </c>
      <c r="B529" t="s">
        <v>226</v>
      </c>
      <c r="C529">
        <v>1</v>
      </c>
      <c r="D529" t="s">
        <v>522</v>
      </c>
      <c r="E529">
        <v>4</v>
      </c>
      <c r="F529" t="s">
        <v>651</v>
      </c>
      <c r="G529">
        <v>160</v>
      </c>
      <c r="H529" t="s">
        <v>658</v>
      </c>
      <c r="I529">
        <v>13755</v>
      </c>
      <c r="J529" t="s">
        <v>710</v>
      </c>
      <c r="K529">
        <v>53</v>
      </c>
      <c r="L529" t="s">
        <v>1105</v>
      </c>
      <c r="M529">
        <v>3849</v>
      </c>
      <c r="N529" t="s">
        <v>654</v>
      </c>
      <c r="O529">
        <v>3</v>
      </c>
      <c r="P529" t="s">
        <v>655</v>
      </c>
      <c r="Q529">
        <v>1</v>
      </c>
      <c r="R529" t="s">
        <v>656</v>
      </c>
      <c r="S529">
        <v>2</v>
      </c>
      <c r="T529" t="s">
        <v>718</v>
      </c>
      <c r="U529">
        <v>2</v>
      </c>
      <c r="V529">
        <v>2</v>
      </c>
      <c r="W529">
        <v>120</v>
      </c>
      <c r="X529">
        <v>2020</v>
      </c>
    </row>
    <row r="530" spans="1:24" x14ac:dyDescent="0.25">
      <c r="A530">
        <v>14289</v>
      </c>
      <c r="B530" t="s">
        <v>226</v>
      </c>
      <c r="C530">
        <v>1</v>
      </c>
      <c r="D530" t="s">
        <v>522</v>
      </c>
      <c r="E530">
        <v>4</v>
      </c>
      <c r="F530" t="s">
        <v>651</v>
      </c>
      <c r="G530">
        <v>160</v>
      </c>
      <c r="H530" t="s">
        <v>658</v>
      </c>
      <c r="I530">
        <v>13755</v>
      </c>
      <c r="J530" t="s">
        <v>710</v>
      </c>
      <c r="K530">
        <v>53</v>
      </c>
      <c r="L530" t="s">
        <v>1106</v>
      </c>
      <c r="M530">
        <v>3846</v>
      </c>
      <c r="N530" t="s">
        <v>654</v>
      </c>
      <c r="O530">
        <v>3</v>
      </c>
      <c r="P530" t="s">
        <v>655</v>
      </c>
      <c r="Q530">
        <v>1</v>
      </c>
      <c r="R530" t="s">
        <v>656</v>
      </c>
      <c r="S530">
        <v>2</v>
      </c>
      <c r="T530" t="s">
        <v>661</v>
      </c>
      <c r="U530">
        <v>8</v>
      </c>
      <c r="V530">
        <v>2</v>
      </c>
      <c r="W530">
        <v>120</v>
      </c>
      <c r="X530">
        <v>2020</v>
      </c>
    </row>
    <row r="531" spans="1:24" x14ac:dyDescent="0.25">
      <c r="A531">
        <v>14286</v>
      </c>
      <c r="B531" t="s">
        <v>226</v>
      </c>
      <c r="C531">
        <v>1</v>
      </c>
      <c r="D531" t="s">
        <v>615</v>
      </c>
      <c r="E531">
        <v>12</v>
      </c>
      <c r="F531" t="s">
        <v>651</v>
      </c>
      <c r="G531">
        <v>160</v>
      </c>
      <c r="H531" t="s">
        <v>658</v>
      </c>
      <c r="I531">
        <v>13755</v>
      </c>
      <c r="J531" t="s">
        <v>730</v>
      </c>
      <c r="K531">
        <v>66</v>
      </c>
      <c r="L531" t="s">
        <v>1107</v>
      </c>
      <c r="M531">
        <v>3843</v>
      </c>
      <c r="N531" t="s">
        <v>654</v>
      </c>
      <c r="O531">
        <v>3</v>
      </c>
      <c r="P531" t="s">
        <v>655</v>
      </c>
      <c r="Q531">
        <v>1</v>
      </c>
      <c r="R531" t="s">
        <v>656</v>
      </c>
      <c r="S531">
        <v>2</v>
      </c>
      <c r="T531" t="s">
        <v>729</v>
      </c>
      <c r="U531">
        <v>4</v>
      </c>
      <c r="V531">
        <v>2</v>
      </c>
      <c r="W531">
        <v>120</v>
      </c>
      <c r="X531">
        <v>2020</v>
      </c>
    </row>
    <row r="532" spans="1:24" x14ac:dyDescent="0.25">
      <c r="A532">
        <v>14277</v>
      </c>
      <c r="B532" t="s">
        <v>16</v>
      </c>
      <c r="C532">
        <v>5</v>
      </c>
      <c r="D532" t="s">
        <v>515</v>
      </c>
      <c r="E532">
        <v>37</v>
      </c>
      <c r="F532" t="s">
        <v>651</v>
      </c>
      <c r="G532">
        <v>160</v>
      </c>
      <c r="H532" t="s">
        <v>658</v>
      </c>
      <c r="I532">
        <v>13755</v>
      </c>
      <c r="J532" t="s">
        <v>831</v>
      </c>
      <c r="K532">
        <v>5</v>
      </c>
      <c r="L532" t="s">
        <v>1108</v>
      </c>
      <c r="M532">
        <v>3831</v>
      </c>
      <c r="N532" t="s">
        <v>654</v>
      </c>
      <c r="O532">
        <v>3</v>
      </c>
      <c r="P532" t="s">
        <v>655</v>
      </c>
      <c r="Q532">
        <v>1</v>
      </c>
      <c r="R532" t="s">
        <v>656</v>
      </c>
      <c r="S532">
        <v>2</v>
      </c>
      <c r="T532" t="s">
        <v>718</v>
      </c>
      <c r="U532">
        <v>2</v>
      </c>
      <c r="V532">
        <v>2</v>
      </c>
      <c r="W532">
        <v>120</v>
      </c>
      <c r="X532">
        <v>2020</v>
      </c>
    </row>
    <row r="533" spans="1:24" x14ac:dyDescent="0.25">
      <c r="A533">
        <v>14274</v>
      </c>
      <c r="B533" t="s">
        <v>16</v>
      </c>
      <c r="C533">
        <v>5</v>
      </c>
      <c r="D533" t="s">
        <v>11</v>
      </c>
      <c r="E533">
        <v>39</v>
      </c>
      <c r="F533" t="s">
        <v>651</v>
      </c>
      <c r="G533">
        <v>160</v>
      </c>
      <c r="H533" t="s">
        <v>658</v>
      </c>
      <c r="I533">
        <v>13755</v>
      </c>
      <c r="J533" t="s">
        <v>65</v>
      </c>
      <c r="K533">
        <v>15</v>
      </c>
      <c r="L533" t="s">
        <v>1109</v>
      </c>
      <c r="M533">
        <v>3822</v>
      </c>
      <c r="N533" t="s">
        <v>654</v>
      </c>
      <c r="O533">
        <v>3</v>
      </c>
      <c r="P533" t="s">
        <v>655</v>
      </c>
      <c r="Q533">
        <v>1</v>
      </c>
      <c r="R533" t="s">
        <v>656</v>
      </c>
      <c r="S533">
        <v>2</v>
      </c>
      <c r="T533" t="s">
        <v>661</v>
      </c>
      <c r="U533">
        <v>8</v>
      </c>
      <c r="V533">
        <v>1</v>
      </c>
      <c r="W533">
        <v>60</v>
      </c>
      <c r="X533">
        <v>2020</v>
      </c>
    </row>
    <row r="534" spans="1:24" x14ac:dyDescent="0.25">
      <c r="A534">
        <v>14271</v>
      </c>
      <c r="B534" t="s">
        <v>16</v>
      </c>
      <c r="C534">
        <v>5</v>
      </c>
      <c r="D534" t="s">
        <v>425</v>
      </c>
      <c r="E534">
        <v>50</v>
      </c>
      <c r="F534" t="s">
        <v>651</v>
      </c>
      <c r="G534">
        <v>160</v>
      </c>
      <c r="H534" t="s">
        <v>658</v>
      </c>
      <c r="I534">
        <v>13755</v>
      </c>
      <c r="J534" t="s">
        <v>868</v>
      </c>
      <c r="K534">
        <v>23</v>
      </c>
      <c r="L534" t="s">
        <v>1110</v>
      </c>
      <c r="M534">
        <v>3819</v>
      </c>
      <c r="N534" t="s">
        <v>654</v>
      </c>
      <c r="O534">
        <v>3</v>
      </c>
      <c r="P534" t="s">
        <v>655</v>
      </c>
      <c r="Q534">
        <v>1</v>
      </c>
      <c r="R534" t="s">
        <v>656</v>
      </c>
      <c r="S534">
        <v>2</v>
      </c>
      <c r="T534" t="s">
        <v>661</v>
      </c>
      <c r="U534">
        <v>8</v>
      </c>
      <c r="V534">
        <v>2</v>
      </c>
      <c r="W534">
        <v>120</v>
      </c>
      <c r="X534">
        <v>2020</v>
      </c>
    </row>
    <row r="535" spans="1:24" x14ac:dyDescent="0.25">
      <c r="A535">
        <v>14268</v>
      </c>
      <c r="B535" t="s">
        <v>16</v>
      </c>
      <c r="C535">
        <v>5</v>
      </c>
      <c r="D535" t="s">
        <v>600</v>
      </c>
      <c r="E535">
        <v>54</v>
      </c>
      <c r="F535" t="s">
        <v>651</v>
      </c>
      <c r="G535">
        <v>160</v>
      </c>
      <c r="H535" t="s">
        <v>658</v>
      </c>
      <c r="I535">
        <v>13755</v>
      </c>
      <c r="J535" t="s">
        <v>864</v>
      </c>
      <c r="K535">
        <v>14</v>
      </c>
      <c r="L535" t="s">
        <v>1111</v>
      </c>
      <c r="M535">
        <v>3816</v>
      </c>
      <c r="N535" t="s">
        <v>654</v>
      </c>
      <c r="O535">
        <v>3</v>
      </c>
      <c r="P535" t="s">
        <v>655</v>
      </c>
      <c r="Q535">
        <v>1</v>
      </c>
      <c r="R535" t="s">
        <v>656</v>
      </c>
      <c r="S535">
        <v>2</v>
      </c>
      <c r="T535" t="s">
        <v>661</v>
      </c>
      <c r="U535">
        <v>8</v>
      </c>
      <c r="V535">
        <v>2</v>
      </c>
      <c r="W535">
        <v>120</v>
      </c>
      <c r="X535">
        <v>2020</v>
      </c>
    </row>
    <row r="536" spans="1:24" x14ac:dyDescent="0.25">
      <c r="A536">
        <v>14265</v>
      </c>
      <c r="B536" t="s">
        <v>12</v>
      </c>
      <c r="C536">
        <v>7</v>
      </c>
      <c r="D536" t="s">
        <v>593</v>
      </c>
      <c r="E536">
        <v>67</v>
      </c>
      <c r="F536" t="s">
        <v>651</v>
      </c>
      <c r="G536">
        <v>160</v>
      </c>
      <c r="H536" t="s">
        <v>658</v>
      </c>
      <c r="I536">
        <v>13755</v>
      </c>
      <c r="J536" t="s">
        <v>807</v>
      </c>
      <c r="K536">
        <v>25</v>
      </c>
      <c r="L536" t="s">
        <v>1112</v>
      </c>
      <c r="M536">
        <v>3801</v>
      </c>
      <c r="N536" t="s">
        <v>654</v>
      </c>
      <c r="O536">
        <v>3</v>
      </c>
      <c r="P536" t="s">
        <v>655</v>
      </c>
      <c r="Q536">
        <v>1</v>
      </c>
      <c r="R536" t="s">
        <v>656</v>
      </c>
      <c r="S536">
        <v>2</v>
      </c>
      <c r="T536" t="s">
        <v>718</v>
      </c>
      <c r="U536">
        <v>2</v>
      </c>
      <c r="V536">
        <v>2</v>
      </c>
      <c r="W536">
        <v>120</v>
      </c>
      <c r="X536">
        <v>2020</v>
      </c>
    </row>
    <row r="537" spans="1:24" x14ac:dyDescent="0.25">
      <c r="A537">
        <v>14262</v>
      </c>
      <c r="B537" t="s">
        <v>12</v>
      </c>
      <c r="C537">
        <v>7</v>
      </c>
      <c r="D537" t="s">
        <v>396</v>
      </c>
      <c r="E537">
        <v>64</v>
      </c>
      <c r="F537" t="s">
        <v>651</v>
      </c>
      <c r="G537">
        <v>160</v>
      </c>
      <c r="H537" t="s">
        <v>658</v>
      </c>
      <c r="I537">
        <v>13755</v>
      </c>
      <c r="J537" t="s">
        <v>295</v>
      </c>
      <c r="K537">
        <v>30</v>
      </c>
      <c r="L537" t="s">
        <v>1113</v>
      </c>
      <c r="M537">
        <v>3798</v>
      </c>
      <c r="N537" t="s">
        <v>654</v>
      </c>
      <c r="O537">
        <v>3</v>
      </c>
      <c r="P537" t="s">
        <v>655</v>
      </c>
      <c r="Q537">
        <v>1</v>
      </c>
      <c r="R537" t="s">
        <v>656</v>
      </c>
      <c r="S537">
        <v>2</v>
      </c>
      <c r="T537" t="s">
        <v>718</v>
      </c>
      <c r="U537">
        <v>2</v>
      </c>
      <c r="V537">
        <v>2</v>
      </c>
      <c r="W537">
        <v>120</v>
      </c>
      <c r="X537">
        <v>2020</v>
      </c>
    </row>
    <row r="538" spans="1:24" x14ac:dyDescent="0.25">
      <c r="A538">
        <v>14259</v>
      </c>
      <c r="B538" t="s">
        <v>129</v>
      </c>
      <c r="C538">
        <v>10</v>
      </c>
      <c r="D538" t="s">
        <v>348</v>
      </c>
      <c r="E538">
        <v>76</v>
      </c>
      <c r="F538" t="s">
        <v>651</v>
      </c>
      <c r="G538">
        <v>160</v>
      </c>
      <c r="H538" t="s">
        <v>658</v>
      </c>
      <c r="I538">
        <v>13755</v>
      </c>
      <c r="J538" t="s">
        <v>679</v>
      </c>
      <c r="K538">
        <v>32</v>
      </c>
      <c r="L538" t="s">
        <v>1114</v>
      </c>
      <c r="M538">
        <v>3792</v>
      </c>
      <c r="N538" t="s">
        <v>654</v>
      </c>
      <c r="O538">
        <v>3</v>
      </c>
      <c r="P538" t="s">
        <v>655</v>
      </c>
      <c r="Q538">
        <v>1</v>
      </c>
      <c r="R538" t="s">
        <v>656</v>
      </c>
      <c r="S538">
        <v>2</v>
      </c>
      <c r="T538" t="s">
        <v>661</v>
      </c>
      <c r="U538">
        <v>8</v>
      </c>
      <c r="V538">
        <v>2</v>
      </c>
      <c r="W538">
        <v>120</v>
      </c>
      <c r="X538">
        <v>2020</v>
      </c>
    </row>
    <row r="539" spans="1:24" x14ac:dyDescent="0.25">
      <c r="A539">
        <v>14256</v>
      </c>
      <c r="B539" t="s">
        <v>20</v>
      </c>
      <c r="C539">
        <v>14</v>
      </c>
      <c r="D539" t="s">
        <v>577</v>
      </c>
      <c r="E539">
        <v>94</v>
      </c>
      <c r="F539" t="s">
        <v>651</v>
      </c>
      <c r="G539">
        <v>160</v>
      </c>
      <c r="H539" t="s">
        <v>681</v>
      </c>
      <c r="I539">
        <v>717</v>
      </c>
      <c r="J539" t="s">
        <v>868</v>
      </c>
      <c r="K539">
        <v>23</v>
      </c>
      <c r="L539" t="s">
        <v>1115</v>
      </c>
      <c r="M539">
        <v>3789</v>
      </c>
      <c r="N539" t="s">
        <v>654</v>
      </c>
      <c r="O539">
        <v>3</v>
      </c>
      <c r="P539" t="s">
        <v>655</v>
      </c>
      <c r="Q539">
        <v>1</v>
      </c>
      <c r="R539" t="s">
        <v>656</v>
      </c>
      <c r="S539">
        <v>2</v>
      </c>
      <c r="T539" t="s">
        <v>661</v>
      </c>
      <c r="U539">
        <v>8</v>
      </c>
      <c r="V539">
        <v>2</v>
      </c>
      <c r="W539">
        <v>120</v>
      </c>
      <c r="X539">
        <v>2020</v>
      </c>
    </row>
    <row r="540" spans="1:24" x14ac:dyDescent="0.25">
      <c r="A540">
        <v>14250</v>
      </c>
      <c r="B540" t="s">
        <v>14</v>
      </c>
      <c r="C540">
        <v>20</v>
      </c>
      <c r="D540" t="s">
        <v>559</v>
      </c>
      <c r="E540">
        <v>140</v>
      </c>
      <c r="F540" t="s">
        <v>651</v>
      </c>
      <c r="G540">
        <v>160</v>
      </c>
      <c r="H540" t="s">
        <v>739</v>
      </c>
      <c r="I540">
        <v>4413</v>
      </c>
      <c r="J540" t="s">
        <v>742</v>
      </c>
      <c r="K540">
        <v>48</v>
      </c>
      <c r="L540" t="s">
        <v>1116</v>
      </c>
      <c r="M540">
        <v>3780</v>
      </c>
      <c r="N540" t="s">
        <v>654</v>
      </c>
      <c r="O540">
        <v>3</v>
      </c>
      <c r="P540" t="s">
        <v>655</v>
      </c>
      <c r="Q540">
        <v>1</v>
      </c>
      <c r="R540" t="s">
        <v>656</v>
      </c>
      <c r="S540">
        <v>2</v>
      </c>
      <c r="T540" t="s">
        <v>657</v>
      </c>
      <c r="U540">
        <v>7</v>
      </c>
      <c r="V540">
        <v>2</v>
      </c>
      <c r="W540">
        <v>120</v>
      </c>
      <c r="X540">
        <v>2020</v>
      </c>
    </row>
    <row r="541" spans="1:24" x14ac:dyDescent="0.25">
      <c r="A541">
        <v>14247</v>
      </c>
      <c r="B541" t="s">
        <v>14</v>
      </c>
      <c r="C541">
        <v>20</v>
      </c>
      <c r="D541" t="s">
        <v>551</v>
      </c>
      <c r="E541">
        <v>152</v>
      </c>
      <c r="F541" t="s">
        <v>651</v>
      </c>
      <c r="G541">
        <v>160</v>
      </c>
      <c r="H541" t="s">
        <v>739</v>
      </c>
      <c r="I541">
        <v>4413</v>
      </c>
      <c r="J541" t="s">
        <v>682</v>
      </c>
      <c r="K541">
        <v>20</v>
      </c>
      <c r="L541" t="s">
        <v>1117</v>
      </c>
      <c r="M541">
        <v>3774</v>
      </c>
      <c r="N541" t="s">
        <v>654</v>
      </c>
      <c r="O541">
        <v>3</v>
      </c>
      <c r="P541" t="s">
        <v>655</v>
      </c>
      <c r="Q541">
        <v>1</v>
      </c>
      <c r="R541" t="s">
        <v>656</v>
      </c>
      <c r="S541">
        <v>2</v>
      </c>
      <c r="T541" t="s">
        <v>661</v>
      </c>
      <c r="U541">
        <v>8</v>
      </c>
      <c r="V541">
        <v>2</v>
      </c>
      <c r="W541">
        <v>120</v>
      </c>
      <c r="X541">
        <v>2020</v>
      </c>
    </row>
    <row r="542" spans="1:24" x14ac:dyDescent="0.25">
      <c r="A542">
        <v>14244</v>
      </c>
      <c r="B542" t="s">
        <v>14</v>
      </c>
      <c r="C542">
        <v>20</v>
      </c>
      <c r="D542" t="s">
        <v>555</v>
      </c>
      <c r="E542">
        <v>147</v>
      </c>
      <c r="F542" t="s">
        <v>651</v>
      </c>
      <c r="G542">
        <v>160</v>
      </c>
      <c r="H542" t="s">
        <v>739</v>
      </c>
      <c r="I542">
        <v>4413</v>
      </c>
      <c r="J542" t="s">
        <v>703</v>
      </c>
      <c r="K542">
        <v>16</v>
      </c>
      <c r="L542" t="s">
        <v>1118</v>
      </c>
      <c r="M542">
        <v>3765</v>
      </c>
      <c r="N542" t="s">
        <v>654</v>
      </c>
      <c r="O542">
        <v>3</v>
      </c>
      <c r="P542" t="s">
        <v>655</v>
      </c>
      <c r="Q542">
        <v>1</v>
      </c>
      <c r="R542" t="s">
        <v>656</v>
      </c>
      <c r="S542">
        <v>2</v>
      </c>
      <c r="T542" t="s">
        <v>657</v>
      </c>
      <c r="U542">
        <v>7</v>
      </c>
      <c r="V542">
        <v>2</v>
      </c>
      <c r="W542">
        <v>120</v>
      </c>
      <c r="X542">
        <v>2020</v>
      </c>
    </row>
    <row r="543" spans="1:24" x14ac:dyDescent="0.25">
      <c r="A543">
        <v>14238</v>
      </c>
      <c r="B543" t="s">
        <v>22</v>
      </c>
      <c r="C543">
        <v>28</v>
      </c>
      <c r="D543" t="s">
        <v>529</v>
      </c>
      <c r="E543">
        <v>213</v>
      </c>
      <c r="F543" t="s">
        <v>651</v>
      </c>
      <c r="G543">
        <v>160</v>
      </c>
      <c r="H543" t="s">
        <v>675</v>
      </c>
      <c r="I543">
        <v>5952</v>
      </c>
      <c r="J543" t="s">
        <v>897</v>
      </c>
      <c r="K543">
        <v>3</v>
      </c>
      <c r="L543" t="s">
        <v>1119</v>
      </c>
      <c r="M543">
        <v>3750</v>
      </c>
      <c r="N543" t="s">
        <v>654</v>
      </c>
      <c r="O543">
        <v>3</v>
      </c>
      <c r="P543" t="s">
        <v>655</v>
      </c>
      <c r="Q543">
        <v>1</v>
      </c>
      <c r="R543" t="s">
        <v>656</v>
      </c>
      <c r="S543">
        <v>2</v>
      </c>
      <c r="T543" t="s">
        <v>718</v>
      </c>
      <c r="U543">
        <v>2</v>
      </c>
      <c r="V543">
        <v>2</v>
      </c>
      <c r="W543">
        <v>120</v>
      </c>
      <c r="X543">
        <v>2020</v>
      </c>
    </row>
    <row r="544" spans="1:24" x14ac:dyDescent="0.25">
      <c r="A544">
        <v>14235</v>
      </c>
      <c r="B544" t="s">
        <v>22</v>
      </c>
      <c r="C544">
        <v>28</v>
      </c>
      <c r="D544" t="s">
        <v>529</v>
      </c>
      <c r="E544">
        <v>213</v>
      </c>
      <c r="F544" t="s">
        <v>651</v>
      </c>
      <c r="G544">
        <v>160</v>
      </c>
      <c r="H544" t="s">
        <v>675</v>
      </c>
      <c r="I544">
        <v>5952</v>
      </c>
      <c r="J544" t="s">
        <v>897</v>
      </c>
      <c r="K544">
        <v>3</v>
      </c>
      <c r="L544" t="s">
        <v>1120</v>
      </c>
      <c r="M544">
        <v>3753</v>
      </c>
      <c r="N544" t="s">
        <v>654</v>
      </c>
      <c r="O544">
        <v>3</v>
      </c>
      <c r="P544" t="s">
        <v>655</v>
      </c>
      <c r="Q544">
        <v>1</v>
      </c>
      <c r="R544" t="s">
        <v>656</v>
      </c>
      <c r="S544">
        <v>2</v>
      </c>
      <c r="T544" t="s">
        <v>661</v>
      </c>
      <c r="U544">
        <v>8</v>
      </c>
      <c r="V544">
        <v>2</v>
      </c>
      <c r="W544">
        <v>120</v>
      </c>
      <c r="X544">
        <v>2020</v>
      </c>
    </row>
    <row r="545" spans="1:24" x14ac:dyDescent="0.25">
      <c r="A545">
        <v>14232</v>
      </c>
      <c r="B545" t="s">
        <v>20</v>
      </c>
      <c r="C545">
        <v>14</v>
      </c>
      <c r="D545" t="s">
        <v>316</v>
      </c>
      <c r="E545">
        <v>91</v>
      </c>
      <c r="F545" t="s">
        <v>651</v>
      </c>
      <c r="G545">
        <v>160</v>
      </c>
      <c r="H545" t="s">
        <v>681</v>
      </c>
      <c r="I545">
        <v>717</v>
      </c>
      <c r="J545" t="s">
        <v>301</v>
      </c>
      <c r="K545">
        <v>26</v>
      </c>
      <c r="L545" t="s">
        <v>1121</v>
      </c>
      <c r="M545">
        <v>973</v>
      </c>
      <c r="N545" t="s">
        <v>654</v>
      </c>
      <c r="O545">
        <v>3</v>
      </c>
      <c r="P545" t="s">
        <v>655</v>
      </c>
      <c r="Q545">
        <v>1</v>
      </c>
      <c r="R545" t="s">
        <v>656</v>
      </c>
      <c r="S545">
        <v>2</v>
      </c>
      <c r="T545" t="s">
        <v>661</v>
      </c>
      <c r="U545">
        <v>8</v>
      </c>
      <c r="V545">
        <v>2</v>
      </c>
      <c r="W545">
        <v>120</v>
      </c>
      <c r="X545">
        <v>2020</v>
      </c>
    </row>
    <row r="546" spans="1:24" x14ac:dyDescent="0.25">
      <c r="A546">
        <v>14229</v>
      </c>
      <c r="B546" t="s">
        <v>305</v>
      </c>
      <c r="C546">
        <v>22</v>
      </c>
      <c r="D546" t="s">
        <v>545</v>
      </c>
      <c r="E546">
        <v>164</v>
      </c>
      <c r="F546" t="s">
        <v>651</v>
      </c>
      <c r="G546">
        <v>160</v>
      </c>
      <c r="H546" t="s">
        <v>739</v>
      </c>
      <c r="I546">
        <v>4413</v>
      </c>
      <c r="J546" t="s">
        <v>673</v>
      </c>
      <c r="K546">
        <v>34</v>
      </c>
      <c r="L546" t="s">
        <v>1122</v>
      </c>
      <c r="M546">
        <v>2936</v>
      </c>
      <c r="N546" t="s">
        <v>654</v>
      </c>
      <c r="O546">
        <v>3</v>
      </c>
      <c r="P546" t="s">
        <v>655</v>
      </c>
      <c r="Q546">
        <v>1</v>
      </c>
      <c r="R546" t="s">
        <v>656</v>
      </c>
      <c r="S546">
        <v>2</v>
      </c>
      <c r="T546" t="s">
        <v>661</v>
      </c>
      <c r="U546">
        <v>8</v>
      </c>
      <c r="V546">
        <v>2</v>
      </c>
      <c r="W546">
        <v>120</v>
      </c>
      <c r="X546">
        <v>2020</v>
      </c>
    </row>
    <row r="547" spans="1:24" x14ac:dyDescent="0.25">
      <c r="A547">
        <v>14226</v>
      </c>
      <c r="B547" t="s">
        <v>95</v>
      </c>
      <c r="C547">
        <v>26</v>
      </c>
      <c r="D547" t="s">
        <v>426</v>
      </c>
      <c r="E547">
        <v>190</v>
      </c>
      <c r="F547" t="s">
        <v>651</v>
      </c>
      <c r="G547">
        <v>160</v>
      </c>
      <c r="H547" t="s">
        <v>833</v>
      </c>
      <c r="I547">
        <v>5562</v>
      </c>
      <c r="J547" t="s">
        <v>663</v>
      </c>
      <c r="K547">
        <v>99</v>
      </c>
      <c r="L547" t="s">
        <v>1123</v>
      </c>
      <c r="M547">
        <v>3759</v>
      </c>
      <c r="N547" t="s">
        <v>654</v>
      </c>
      <c r="O547">
        <v>3</v>
      </c>
      <c r="P547" t="s">
        <v>655</v>
      </c>
      <c r="Q547">
        <v>1</v>
      </c>
      <c r="R547" t="s">
        <v>656</v>
      </c>
      <c r="S547">
        <v>2</v>
      </c>
      <c r="T547" t="s">
        <v>1124</v>
      </c>
      <c r="U547">
        <v>956</v>
      </c>
      <c r="V547">
        <v>2</v>
      </c>
      <c r="W547">
        <v>120</v>
      </c>
      <c r="X547">
        <v>2020</v>
      </c>
    </row>
    <row r="548" spans="1:24" x14ac:dyDescent="0.25">
      <c r="A548">
        <v>14223</v>
      </c>
      <c r="B548" t="s">
        <v>95</v>
      </c>
      <c r="C548">
        <v>26</v>
      </c>
      <c r="D548" t="s">
        <v>330</v>
      </c>
      <c r="E548">
        <v>651</v>
      </c>
      <c r="F548" t="s">
        <v>651</v>
      </c>
      <c r="G548">
        <v>160</v>
      </c>
      <c r="H548" t="s">
        <v>833</v>
      </c>
      <c r="I548">
        <v>5562</v>
      </c>
      <c r="J548" t="s">
        <v>866</v>
      </c>
      <c r="K548">
        <v>9</v>
      </c>
      <c r="L548" t="s">
        <v>1125</v>
      </c>
      <c r="M548">
        <v>3762</v>
      </c>
      <c r="N548" t="s">
        <v>654</v>
      </c>
      <c r="O548">
        <v>3</v>
      </c>
      <c r="P548" t="s">
        <v>655</v>
      </c>
      <c r="Q548">
        <v>1</v>
      </c>
      <c r="R548" t="s">
        <v>656</v>
      </c>
      <c r="S548">
        <v>2</v>
      </c>
      <c r="T548" t="s">
        <v>661</v>
      </c>
      <c r="U548">
        <v>8</v>
      </c>
      <c r="V548">
        <v>2</v>
      </c>
      <c r="W548">
        <v>120</v>
      </c>
      <c r="X548">
        <v>2020</v>
      </c>
    </row>
    <row r="549" spans="1:24" x14ac:dyDescent="0.25">
      <c r="A549">
        <v>14220</v>
      </c>
      <c r="B549" t="s">
        <v>18</v>
      </c>
      <c r="C549">
        <v>31</v>
      </c>
      <c r="D549" t="s">
        <v>11</v>
      </c>
      <c r="E549">
        <v>238</v>
      </c>
      <c r="F549" t="s">
        <v>734</v>
      </c>
      <c r="G549">
        <v>122</v>
      </c>
      <c r="H549" t="s">
        <v>1126</v>
      </c>
      <c r="I549">
        <v>13789</v>
      </c>
      <c r="J549" t="s">
        <v>65</v>
      </c>
      <c r="K549">
        <v>15</v>
      </c>
      <c r="L549" t="s">
        <v>1127</v>
      </c>
      <c r="M549">
        <v>2003</v>
      </c>
      <c r="N549" t="s">
        <v>654</v>
      </c>
      <c r="O549">
        <v>3</v>
      </c>
      <c r="P549" t="s">
        <v>655</v>
      </c>
      <c r="Q549">
        <v>1</v>
      </c>
      <c r="R549" t="s">
        <v>656</v>
      </c>
      <c r="S549">
        <v>2</v>
      </c>
      <c r="T549" t="s">
        <v>661</v>
      </c>
      <c r="U549">
        <v>8</v>
      </c>
      <c r="V549">
        <v>2</v>
      </c>
      <c r="W549">
        <v>120</v>
      </c>
      <c r="X549">
        <v>2020</v>
      </c>
    </row>
    <row r="550" spans="1:24" x14ac:dyDescent="0.25">
      <c r="A550">
        <v>14214</v>
      </c>
      <c r="B550" t="s">
        <v>26</v>
      </c>
      <c r="C550">
        <v>44</v>
      </c>
      <c r="D550" t="s">
        <v>474</v>
      </c>
      <c r="E550">
        <v>332</v>
      </c>
      <c r="F550" t="s">
        <v>651</v>
      </c>
      <c r="G550">
        <v>160</v>
      </c>
      <c r="H550" t="s">
        <v>666</v>
      </c>
      <c r="I550">
        <v>8767</v>
      </c>
      <c r="J550" t="s">
        <v>819</v>
      </c>
      <c r="K550">
        <v>101</v>
      </c>
      <c r="L550" t="s">
        <v>1128</v>
      </c>
      <c r="M550">
        <v>3744</v>
      </c>
      <c r="N550" t="s">
        <v>654</v>
      </c>
      <c r="O550">
        <v>3</v>
      </c>
      <c r="P550" t="s">
        <v>655</v>
      </c>
      <c r="Q550">
        <v>1</v>
      </c>
      <c r="R550" t="s">
        <v>656</v>
      </c>
      <c r="S550">
        <v>2</v>
      </c>
      <c r="T550" t="s">
        <v>661</v>
      </c>
      <c r="U550">
        <v>8</v>
      </c>
      <c r="V550">
        <v>2</v>
      </c>
      <c r="W550">
        <v>120</v>
      </c>
      <c r="X550">
        <v>2020</v>
      </c>
    </row>
    <row r="551" spans="1:24" x14ac:dyDescent="0.25">
      <c r="A551">
        <v>14211</v>
      </c>
      <c r="B551" t="s">
        <v>183</v>
      </c>
      <c r="C551">
        <v>4</v>
      </c>
      <c r="D551" t="s">
        <v>421</v>
      </c>
      <c r="E551">
        <v>31</v>
      </c>
      <c r="F551" t="s">
        <v>651</v>
      </c>
      <c r="G551">
        <v>160</v>
      </c>
      <c r="H551" t="s">
        <v>658</v>
      </c>
      <c r="I551">
        <v>13755</v>
      </c>
      <c r="J551" t="s">
        <v>1005</v>
      </c>
      <c r="K551">
        <v>72</v>
      </c>
      <c r="L551" t="s">
        <v>1005</v>
      </c>
      <c r="M551">
        <v>326</v>
      </c>
      <c r="N551" t="s">
        <v>668</v>
      </c>
      <c r="O551">
        <v>4</v>
      </c>
      <c r="P551" t="s">
        <v>655</v>
      </c>
      <c r="Q551">
        <v>1</v>
      </c>
      <c r="R551" t="s">
        <v>669</v>
      </c>
      <c r="S551">
        <v>1</v>
      </c>
      <c r="T551" t="s">
        <v>769</v>
      </c>
      <c r="U551">
        <v>3</v>
      </c>
      <c r="V551">
        <v>6</v>
      </c>
      <c r="W551">
        <v>360</v>
      </c>
      <c r="X551">
        <v>2020</v>
      </c>
    </row>
    <row r="552" spans="1:24" x14ac:dyDescent="0.25">
      <c r="A552">
        <v>14208</v>
      </c>
      <c r="B552" t="s">
        <v>93</v>
      </c>
      <c r="C552">
        <v>48</v>
      </c>
      <c r="D552" t="s">
        <v>453</v>
      </c>
      <c r="E552">
        <v>362</v>
      </c>
      <c r="F552" t="s">
        <v>651</v>
      </c>
      <c r="G552">
        <v>160</v>
      </c>
      <c r="H552" t="s">
        <v>773</v>
      </c>
      <c r="I552">
        <v>11846</v>
      </c>
      <c r="J552" t="s">
        <v>868</v>
      </c>
      <c r="K552">
        <v>23</v>
      </c>
      <c r="L552" t="s">
        <v>1129</v>
      </c>
      <c r="M552">
        <v>2094</v>
      </c>
      <c r="N552" t="s">
        <v>654</v>
      </c>
      <c r="O552">
        <v>3</v>
      </c>
      <c r="P552" t="s">
        <v>655</v>
      </c>
      <c r="Q552">
        <v>1</v>
      </c>
      <c r="R552" t="s">
        <v>656</v>
      </c>
      <c r="S552">
        <v>2</v>
      </c>
      <c r="T552" t="s">
        <v>661</v>
      </c>
      <c r="U552">
        <v>8</v>
      </c>
      <c r="V552">
        <v>2</v>
      </c>
      <c r="W552">
        <v>120</v>
      </c>
      <c r="X552">
        <v>2020</v>
      </c>
    </row>
    <row r="553" spans="1:24" x14ac:dyDescent="0.25">
      <c r="A553">
        <v>14205</v>
      </c>
      <c r="B553" t="s">
        <v>93</v>
      </c>
      <c r="C553">
        <v>48</v>
      </c>
      <c r="D553" t="s">
        <v>450</v>
      </c>
      <c r="E553">
        <v>365</v>
      </c>
      <c r="F553" t="s">
        <v>651</v>
      </c>
      <c r="G553">
        <v>160</v>
      </c>
      <c r="H553" t="s">
        <v>773</v>
      </c>
      <c r="I553">
        <v>11846</v>
      </c>
      <c r="J553" t="s">
        <v>679</v>
      </c>
      <c r="K553">
        <v>32</v>
      </c>
      <c r="L553" t="s">
        <v>1130</v>
      </c>
      <c r="M553">
        <v>3735</v>
      </c>
      <c r="N553" t="s">
        <v>654</v>
      </c>
      <c r="O553">
        <v>3</v>
      </c>
      <c r="P553" t="s">
        <v>655</v>
      </c>
      <c r="Q553">
        <v>1</v>
      </c>
      <c r="R553" t="s">
        <v>656</v>
      </c>
      <c r="S553">
        <v>2</v>
      </c>
      <c r="T553" t="s">
        <v>661</v>
      </c>
      <c r="U553">
        <v>8</v>
      </c>
      <c r="V553">
        <v>2</v>
      </c>
      <c r="W553">
        <v>120</v>
      </c>
      <c r="X553">
        <v>2020</v>
      </c>
    </row>
    <row r="554" spans="1:24" x14ac:dyDescent="0.25">
      <c r="A554">
        <v>14202</v>
      </c>
      <c r="B554" t="s">
        <v>131</v>
      </c>
      <c r="C554">
        <v>51</v>
      </c>
      <c r="D554" t="s">
        <v>449</v>
      </c>
      <c r="E554">
        <v>372</v>
      </c>
      <c r="F554" t="s">
        <v>651</v>
      </c>
      <c r="G554">
        <v>160</v>
      </c>
      <c r="H554" t="s">
        <v>658</v>
      </c>
      <c r="I554">
        <v>13755</v>
      </c>
      <c r="J554" t="s">
        <v>785</v>
      </c>
      <c r="K554">
        <v>93</v>
      </c>
      <c r="L554" t="s">
        <v>1131</v>
      </c>
      <c r="M554">
        <v>2785</v>
      </c>
      <c r="N554" t="s">
        <v>654</v>
      </c>
      <c r="O554">
        <v>3</v>
      </c>
      <c r="P554" t="s">
        <v>746</v>
      </c>
      <c r="Q554">
        <v>2</v>
      </c>
      <c r="R554" t="s">
        <v>656</v>
      </c>
      <c r="S554">
        <v>2</v>
      </c>
      <c r="T554" t="s">
        <v>661</v>
      </c>
      <c r="U554">
        <v>8</v>
      </c>
      <c r="V554">
        <v>2</v>
      </c>
      <c r="W554">
        <v>120</v>
      </c>
      <c r="X554">
        <v>2020</v>
      </c>
    </row>
    <row r="555" spans="1:24" x14ac:dyDescent="0.25">
      <c r="A555">
        <v>14199</v>
      </c>
      <c r="B555" t="s">
        <v>131</v>
      </c>
      <c r="C555">
        <v>51</v>
      </c>
      <c r="D555" t="s">
        <v>449</v>
      </c>
      <c r="E555">
        <v>372</v>
      </c>
      <c r="F555" t="s">
        <v>651</v>
      </c>
      <c r="G555">
        <v>160</v>
      </c>
      <c r="H555" t="s">
        <v>658</v>
      </c>
      <c r="I555">
        <v>13755</v>
      </c>
      <c r="J555" t="s">
        <v>785</v>
      </c>
      <c r="K555">
        <v>93</v>
      </c>
      <c r="L555" t="s">
        <v>1132</v>
      </c>
      <c r="M555">
        <v>2783</v>
      </c>
      <c r="N555" t="s">
        <v>654</v>
      </c>
      <c r="O555">
        <v>3</v>
      </c>
      <c r="P555" t="s">
        <v>746</v>
      </c>
      <c r="Q555">
        <v>2</v>
      </c>
      <c r="R555" t="s">
        <v>656</v>
      </c>
      <c r="S555">
        <v>2</v>
      </c>
      <c r="T555" t="s">
        <v>661</v>
      </c>
      <c r="U555">
        <v>8</v>
      </c>
      <c r="V555">
        <v>2</v>
      </c>
      <c r="W555">
        <v>120</v>
      </c>
      <c r="X555">
        <v>2020</v>
      </c>
    </row>
    <row r="556" spans="1:24" x14ac:dyDescent="0.25">
      <c r="A556">
        <v>14196</v>
      </c>
      <c r="B556" t="s">
        <v>131</v>
      </c>
      <c r="C556">
        <v>51</v>
      </c>
      <c r="D556" t="s">
        <v>449</v>
      </c>
      <c r="E556">
        <v>372</v>
      </c>
      <c r="F556" t="s">
        <v>651</v>
      </c>
      <c r="G556">
        <v>160</v>
      </c>
      <c r="H556" t="s">
        <v>658</v>
      </c>
      <c r="I556">
        <v>13755</v>
      </c>
      <c r="J556" t="s">
        <v>785</v>
      </c>
      <c r="K556">
        <v>93</v>
      </c>
      <c r="L556" t="s">
        <v>1133</v>
      </c>
      <c r="M556">
        <v>2782</v>
      </c>
      <c r="N556" t="s">
        <v>654</v>
      </c>
      <c r="O556">
        <v>3</v>
      </c>
      <c r="P556" t="s">
        <v>746</v>
      </c>
      <c r="Q556">
        <v>2</v>
      </c>
      <c r="R556" t="s">
        <v>656</v>
      </c>
      <c r="S556">
        <v>2</v>
      </c>
      <c r="T556" t="s">
        <v>661</v>
      </c>
      <c r="U556">
        <v>8</v>
      </c>
      <c r="V556">
        <v>2</v>
      </c>
      <c r="W556">
        <v>120</v>
      </c>
      <c r="X556">
        <v>2020</v>
      </c>
    </row>
    <row r="557" spans="1:24" x14ac:dyDescent="0.25">
      <c r="A557">
        <v>14193</v>
      </c>
      <c r="B557" t="s">
        <v>131</v>
      </c>
      <c r="C557">
        <v>51</v>
      </c>
      <c r="D557" t="s">
        <v>449</v>
      </c>
      <c r="E557">
        <v>372</v>
      </c>
      <c r="F557" t="s">
        <v>651</v>
      </c>
      <c r="G557">
        <v>160</v>
      </c>
      <c r="H557" t="s">
        <v>658</v>
      </c>
      <c r="I557">
        <v>13755</v>
      </c>
      <c r="J557" t="s">
        <v>785</v>
      </c>
      <c r="K557">
        <v>93</v>
      </c>
      <c r="L557" t="s">
        <v>1134</v>
      </c>
      <c r="M557">
        <v>2781</v>
      </c>
      <c r="N557" t="s">
        <v>654</v>
      </c>
      <c r="O557">
        <v>3</v>
      </c>
      <c r="P557" t="s">
        <v>746</v>
      </c>
      <c r="Q557">
        <v>2</v>
      </c>
      <c r="R557" t="s">
        <v>656</v>
      </c>
      <c r="S557">
        <v>2</v>
      </c>
      <c r="T557" t="s">
        <v>661</v>
      </c>
      <c r="U557">
        <v>8</v>
      </c>
      <c r="V557">
        <v>2</v>
      </c>
      <c r="W557">
        <v>120</v>
      </c>
      <c r="X557">
        <v>2020</v>
      </c>
    </row>
    <row r="558" spans="1:24" x14ac:dyDescent="0.25">
      <c r="A558">
        <v>14190</v>
      </c>
      <c r="B558" t="s">
        <v>131</v>
      </c>
      <c r="C558">
        <v>51</v>
      </c>
      <c r="D558" t="s">
        <v>449</v>
      </c>
      <c r="E558">
        <v>372</v>
      </c>
      <c r="F558" t="s">
        <v>651</v>
      </c>
      <c r="G558">
        <v>160</v>
      </c>
      <c r="H558" t="s">
        <v>658</v>
      </c>
      <c r="I558">
        <v>13755</v>
      </c>
      <c r="J558" t="s">
        <v>785</v>
      </c>
      <c r="K558">
        <v>93</v>
      </c>
      <c r="L558" t="s">
        <v>1135</v>
      </c>
      <c r="M558">
        <v>2784</v>
      </c>
      <c r="N558" t="s">
        <v>654</v>
      </c>
      <c r="O558">
        <v>3</v>
      </c>
      <c r="P558" t="s">
        <v>746</v>
      </c>
      <c r="Q558">
        <v>2</v>
      </c>
      <c r="R558" t="s">
        <v>656</v>
      </c>
      <c r="S558">
        <v>2</v>
      </c>
      <c r="T558" t="s">
        <v>661</v>
      </c>
      <c r="U558">
        <v>8</v>
      </c>
      <c r="V558">
        <v>2</v>
      </c>
      <c r="W558">
        <v>120</v>
      </c>
      <c r="X558">
        <v>2020</v>
      </c>
    </row>
    <row r="559" spans="1:24" x14ac:dyDescent="0.25">
      <c r="A559">
        <v>14187</v>
      </c>
      <c r="B559" t="s">
        <v>14</v>
      </c>
      <c r="C559">
        <v>20</v>
      </c>
      <c r="D559" t="s">
        <v>558</v>
      </c>
      <c r="E559">
        <v>141</v>
      </c>
      <c r="F559" t="s">
        <v>651</v>
      </c>
      <c r="G559">
        <v>160</v>
      </c>
      <c r="H559" t="s">
        <v>739</v>
      </c>
      <c r="I559">
        <v>4413</v>
      </c>
      <c r="J559" t="s">
        <v>831</v>
      </c>
      <c r="K559">
        <v>5</v>
      </c>
      <c r="L559" t="s">
        <v>1136</v>
      </c>
      <c r="M559">
        <v>3894</v>
      </c>
      <c r="N559" t="s">
        <v>668</v>
      </c>
      <c r="O559">
        <v>4</v>
      </c>
      <c r="P559" t="s">
        <v>655</v>
      </c>
      <c r="Q559">
        <v>1</v>
      </c>
      <c r="R559" t="s">
        <v>669</v>
      </c>
      <c r="S559">
        <v>1</v>
      </c>
      <c r="T559" t="s">
        <v>661</v>
      </c>
      <c r="U559">
        <v>8</v>
      </c>
      <c r="V559">
        <v>3</v>
      </c>
      <c r="W559">
        <v>180</v>
      </c>
      <c r="X559">
        <v>2020</v>
      </c>
    </row>
    <row r="560" spans="1:24" x14ac:dyDescent="0.25">
      <c r="A560">
        <v>14184</v>
      </c>
      <c r="B560" t="s">
        <v>131</v>
      </c>
      <c r="C560">
        <v>51</v>
      </c>
      <c r="D560" t="s">
        <v>347</v>
      </c>
      <c r="E560">
        <v>622</v>
      </c>
      <c r="F560" t="s">
        <v>651</v>
      </c>
      <c r="G560">
        <v>160</v>
      </c>
      <c r="H560" t="s">
        <v>658</v>
      </c>
      <c r="I560">
        <v>13755</v>
      </c>
      <c r="J560" t="s">
        <v>1071</v>
      </c>
      <c r="K560">
        <v>94</v>
      </c>
      <c r="L560" t="s">
        <v>1137</v>
      </c>
      <c r="M560">
        <v>3729</v>
      </c>
      <c r="N560" t="s">
        <v>654</v>
      </c>
      <c r="O560">
        <v>3</v>
      </c>
      <c r="P560" t="s">
        <v>655</v>
      </c>
      <c r="Q560">
        <v>1</v>
      </c>
      <c r="R560" t="s">
        <v>656</v>
      </c>
      <c r="S560">
        <v>2</v>
      </c>
      <c r="T560" t="s">
        <v>661</v>
      </c>
      <c r="U560">
        <v>8</v>
      </c>
      <c r="V560">
        <v>2</v>
      </c>
      <c r="W560">
        <v>120</v>
      </c>
      <c r="X560">
        <v>2020</v>
      </c>
    </row>
    <row r="561" spans="1:24" x14ac:dyDescent="0.25">
      <c r="A561">
        <v>14181</v>
      </c>
      <c r="B561" t="s">
        <v>303</v>
      </c>
      <c r="C561">
        <v>53</v>
      </c>
      <c r="D561" t="s">
        <v>446</v>
      </c>
      <c r="E561">
        <v>375</v>
      </c>
      <c r="F561" t="s">
        <v>651</v>
      </c>
      <c r="G561">
        <v>160</v>
      </c>
      <c r="H561" t="s">
        <v>658</v>
      </c>
      <c r="I561">
        <v>13755</v>
      </c>
      <c r="J561" t="s">
        <v>1022</v>
      </c>
      <c r="K561">
        <v>85</v>
      </c>
      <c r="L561" t="s">
        <v>1138</v>
      </c>
      <c r="M561">
        <v>3723</v>
      </c>
      <c r="N561" t="s">
        <v>654</v>
      </c>
      <c r="O561">
        <v>3</v>
      </c>
      <c r="P561" t="s">
        <v>655</v>
      </c>
      <c r="Q561">
        <v>1</v>
      </c>
      <c r="R561" t="s">
        <v>656</v>
      </c>
      <c r="S561">
        <v>2</v>
      </c>
      <c r="T561" t="s">
        <v>661</v>
      </c>
      <c r="U561">
        <v>8</v>
      </c>
      <c r="V561">
        <v>1.5</v>
      </c>
      <c r="W561">
        <v>90</v>
      </c>
      <c r="X561">
        <v>2020</v>
      </c>
    </row>
    <row r="562" spans="1:24" x14ac:dyDescent="0.25">
      <c r="A562">
        <v>14178</v>
      </c>
      <c r="B562" t="s">
        <v>303</v>
      </c>
      <c r="C562">
        <v>53</v>
      </c>
      <c r="D562" t="s">
        <v>323</v>
      </c>
      <c r="E562">
        <v>655</v>
      </c>
      <c r="F562" t="s">
        <v>651</v>
      </c>
      <c r="G562">
        <v>160</v>
      </c>
      <c r="H562" t="s">
        <v>658</v>
      </c>
      <c r="I562">
        <v>13755</v>
      </c>
      <c r="J562" t="s">
        <v>65</v>
      </c>
      <c r="K562">
        <v>15</v>
      </c>
      <c r="L562" t="s">
        <v>1139</v>
      </c>
      <c r="M562">
        <v>3717</v>
      </c>
      <c r="N562" t="s">
        <v>654</v>
      </c>
      <c r="O562">
        <v>3</v>
      </c>
      <c r="P562" t="s">
        <v>655</v>
      </c>
      <c r="Q562">
        <v>1</v>
      </c>
      <c r="R562" t="s">
        <v>656</v>
      </c>
      <c r="S562">
        <v>2</v>
      </c>
      <c r="T562" t="s">
        <v>661</v>
      </c>
      <c r="U562">
        <v>8</v>
      </c>
      <c r="V562">
        <v>2</v>
      </c>
      <c r="W562">
        <v>120</v>
      </c>
      <c r="X562">
        <v>2020</v>
      </c>
    </row>
    <row r="563" spans="1:24" x14ac:dyDescent="0.25">
      <c r="A563">
        <v>14175</v>
      </c>
      <c r="B563" t="s">
        <v>140</v>
      </c>
      <c r="C563">
        <v>34</v>
      </c>
      <c r="D563" t="s">
        <v>359</v>
      </c>
      <c r="E563">
        <v>593</v>
      </c>
      <c r="F563" t="s">
        <v>651</v>
      </c>
      <c r="G563">
        <v>160</v>
      </c>
      <c r="H563" t="s">
        <v>652</v>
      </c>
      <c r="I563">
        <v>2094</v>
      </c>
      <c r="J563" t="s">
        <v>765</v>
      </c>
      <c r="K563">
        <v>76</v>
      </c>
      <c r="L563" t="s">
        <v>766</v>
      </c>
      <c r="M563">
        <v>137</v>
      </c>
      <c r="N563" t="s">
        <v>668</v>
      </c>
      <c r="O563">
        <v>4</v>
      </c>
      <c r="P563" t="s">
        <v>655</v>
      </c>
      <c r="Q563">
        <v>1</v>
      </c>
      <c r="R563" t="s">
        <v>669</v>
      </c>
      <c r="S563">
        <v>1</v>
      </c>
      <c r="T563" t="s">
        <v>718</v>
      </c>
      <c r="U563">
        <v>2</v>
      </c>
      <c r="V563">
        <v>3</v>
      </c>
      <c r="W563">
        <v>180</v>
      </c>
      <c r="X563">
        <v>2020</v>
      </c>
    </row>
    <row r="564" spans="1:24" x14ac:dyDescent="0.25">
      <c r="A564">
        <v>14172</v>
      </c>
      <c r="B564" t="s">
        <v>10</v>
      </c>
      <c r="C564">
        <v>57</v>
      </c>
      <c r="D564" t="s">
        <v>9</v>
      </c>
      <c r="E564">
        <v>1385</v>
      </c>
      <c r="F564" t="s">
        <v>651</v>
      </c>
      <c r="G564">
        <v>160</v>
      </c>
      <c r="H564" t="s">
        <v>658</v>
      </c>
      <c r="I564">
        <v>13755</v>
      </c>
      <c r="J564" t="s">
        <v>807</v>
      </c>
      <c r="K564">
        <v>25</v>
      </c>
      <c r="L564" t="s">
        <v>1140</v>
      </c>
      <c r="M564">
        <v>3711</v>
      </c>
      <c r="N564" t="s">
        <v>654</v>
      </c>
      <c r="O564">
        <v>3</v>
      </c>
      <c r="P564" t="s">
        <v>655</v>
      </c>
      <c r="Q564">
        <v>1</v>
      </c>
      <c r="R564" t="s">
        <v>656</v>
      </c>
      <c r="S564">
        <v>2</v>
      </c>
      <c r="T564" t="s">
        <v>661</v>
      </c>
      <c r="U564">
        <v>8</v>
      </c>
      <c r="V564">
        <v>2</v>
      </c>
      <c r="W564">
        <v>120</v>
      </c>
      <c r="X564">
        <v>2020</v>
      </c>
    </row>
    <row r="565" spans="1:24" x14ac:dyDescent="0.25">
      <c r="A565">
        <v>14169</v>
      </c>
      <c r="B565" t="s">
        <v>10</v>
      </c>
      <c r="C565">
        <v>57</v>
      </c>
      <c r="D565" t="s">
        <v>9</v>
      </c>
      <c r="E565">
        <v>1385</v>
      </c>
      <c r="F565" t="s">
        <v>651</v>
      </c>
      <c r="G565">
        <v>160</v>
      </c>
      <c r="H565" t="s">
        <v>658</v>
      </c>
      <c r="I565">
        <v>13755</v>
      </c>
      <c r="J565" t="s">
        <v>955</v>
      </c>
      <c r="K565">
        <v>29</v>
      </c>
      <c r="L565" t="s">
        <v>1141</v>
      </c>
      <c r="M565">
        <v>3708</v>
      </c>
      <c r="N565" t="s">
        <v>654</v>
      </c>
      <c r="O565">
        <v>3</v>
      </c>
      <c r="P565" t="s">
        <v>655</v>
      </c>
      <c r="Q565">
        <v>1</v>
      </c>
      <c r="R565" t="s">
        <v>656</v>
      </c>
      <c r="S565">
        <v>2</v>
      </c>
      <c r="T565" t="s">
        <v>718</v>
      </c>
      <c r="U565">
        <v>2</v>
      </c>
      <c r="V565">
        <v>2</v>
      </c>
      <c r="W565">
        <v>120</v>
      </c>
      <c r="X565">
        <v>2020</v>
      </c>
    </row>
    <row r="566" spans="1:24" x14ac:dyDescent="0.25">
      <c r="A566">
        <v>14166</v>
      </c>
      <c r="B566" t="s">
        <v>67</v>
      </c>
      <c r="C566">
        <v>62</v>
      </c>
      <c r="D566" t="s">
        <v>425</v>
      </c>
      <c r="E566">
        <v>432</v>
      </c>
      <c r="F566" t="s">
        <v>651</v>
      </c>
      <c r="G566">
        <v>160</v>
      </c>
      <c r="H566" t="s">
        <v>658</v>
      </c>
      <c r="I566">
        <v>13755</v>
      </c>
      <c r="J566" t="s">
        <v>868</v>
      </c>
      <c r="K566">
        <v>23</v>
      </c>
      <c r="L566" t="s">
        <v>1142</v>
      </c>
      <c r="M566">
        <v>931</v>
      </c>
      <c r="N566" t="s">
        <v>654</v>
      </c>
      <c r="O566">
        <v>3</v>
      </c>
      <c r="P566" t="s">
        <v>655</v>
      </c>
      <c r="Q566">
        <v>1</v>
      </c>
      <c r="R566" t="s">
        <v>656</v>
      </c>
      <c r="S566">
        <v>2</v>
      </c>
      <c r="T566" t="s">
        <v>661</v>
      </c>
      <c r="U566">
        <v>8</v>
      </c>
      <c r="V566">
        <v>2</v>
      </c>
      <c r="W566">
        <v>120</v>
      </c>
      <c r="X566">
        <v>2020</v>
      </c>
    </row>
    <row r="567" spans="1:24" x14ac:dyDescent="0.25">
      <c r="A567">
        <v>14163</v>
      </c>
      <c r="B567" t="s">
        <v>140</v>
      </c>
      <c r="C567">
        <v>34</v>
      </c>
      <c r="D567" t="s">
        <v>502</v>
      </c>
      <c r="E567">
        <v>266</v>
      </c>
      <c r="F567" t="s">
        <v>651</v>
      </c>
      <c r="G567">
        <v>160</v>
      </c>
      <c r="H567" t="s">
        <v>652</v>
      </c>
      <c r="I567">
        <v>2094</v>
      </c>
      <c r="J567" t="s">
        <v>915</v>
      </c>
      <c r="K567">
        <v>78</v>
      </c>
      <c r="L567" t="s">
        <v>1143</v>
      </c>
      <c r="M567">
        <v>340</v>
      </c>
      <c r="N567" t="s">
        <v>668</v>
      </c>
      <c r="O567">
        <v>4</v>
      </c>
      <c r="P567" t="s">
        <v>655</v>
      </c>
      <c r="Q567">
        <v>1</v>
      </c>
      <c r="R567" t="s">
        <v>669</v>
      </c>
      <c r="S567">
        <v>1</v>
      </c>
      <c r="T567" t="s">
        <v>661</v>
      </c>
      <c r="U567">
        <v>8</v>
      </c>
      <c r="V567">
        <v>3</v>
      </c>
      <c r="W567">
        <v>180</v>
      </c>
      <c r="X567">
        <v>2020</v>
      </c>
    </row>
    <row r="568" spans="1:24" x14ac:dyDescent="0.25">
      <c r="A568">
        <v>14160</v>
      </c>
      <c r="B568" t="s">
        <v>12</v>
      </c>
      <c r="C568">
        <v>7</v>
      </c>
      <c r="D568" t="s">
        <v>306</v>
      </c>
      <c r="E568">
        <v>688</v>
      </c>
      <c r="F568" t="s">
        <v>651</v>
      </c>
      <c r="G568">
        <v>160</v>
      </c>
      <c r="H568" t="s">
        <v>658</v>
      </c>
      <c r="I568">
        <v>13755</v>
      </c>
      <c r="J568" t="s">
        <v>301</v>
      </c>
      <c r="K568">
        <v>26</v>
      </c>
      <c r="L568" t="s">
        <v>1144</v>
      </c>
      <c r="M568">
        <v>972</v>
      </c>
      <c r="N568" t="s">
        <v>654</v>
      </c>
      <c r="O568">
        <v>3</v>
      </c>
      <c r="P568" t="s">
        <v>655</v>
      </c>
      <c r="Q568">
        <v>1</v>
      </c>
      <c r="R568" t="s">
        <v>656</v>
      </c>
      <c r="S568">
        <v>2</v>
      </c>
      <c r="T568" t="s">
        <v>729</v>
      </c>
      <c r="U568">
        <v>4</v>
      </c>
      <c r="V568">
        <v>2</v>
      </c>
      <c r="W568">
        <v>120</v>
      </c>
      <c r="X568">
        <v>2020</v>
      </c>
    </row>
    <row r="569" spans="1:24" x14ac:dyDescent="0.25">
      <c r="A569">
        <v>14157</v>
      </c>
      <c r="B569" t="s">
        <v>226</v>
      </c>
      <c r="C569">
        <v>1</v>
      </c>
      <c r="D569" t="s">
        <v>615</v>
      </c>
      <c r="E569">
        <v>12</v>
      </c>
      <c r="F569" t="s">
        <v>651</v>
      </c>
      <c r="G569">
        <v>160</v>
      </c>
      <c r="H569" t="s">
        <v>658</v>
      </c>
      <c r="I569">
        <v>13755</v>
      </c>
      <c r="J569" t="s">
        <v>742</v>
      </c>
      <c r="K569">
        <v>48</v>
      </c>
      <c r="L569" t="s">
        <v>1145</v>
      </c>
      <c r="M569">
        <v>3702</v>
      </c>
      <c r="N569" t="s">
        <v>654</v>
      </c>
      <c r="O569">
        <v>3</v>
      </c>
      <c r="P569" t="s">
        <v>655</v>
      </c>
      <c r="Q569">
        <v>1</v>
      </c>
      <c r="R569" t="s">
        <v>656</v>
      </c>
      <c r="S569">
        <v>2</v>
      </c>
      <c r="T569" t="s">
        <v>718</v>
      </c>
      <c r="U569">
        <v>2</v>
      </c>
      <c r="V569">
        <v>2</v>
      </c>
      <c r="W569">
        <v>120</v>
      </c>
      <c r="X569">
        <v>2020</v>
      </c>
    </row>
    <row r="570" spans="1:24" x14ac:dyDescent="0.25">
      <c r="A570">
        <v>14154</v>
      </c>
      <c r="B570" t="s">
        <v>59</v>
      </c>
      <c r="C570">
        <v>42</v>
      </c>
      <c r="D570" t="s">
        <v>477</v>
      </c>
      <c r="E570">
        <v>326</v>
      </c>
      <c r="F570" t="s">
        <v>651</v>
      </c>
      <c r="G570">
        <v>160</v>
      </c>
      <c r="H570" t="s">
        <v>1060</v>
      </c>
      <c r="I570">
        <v>6305</v>
      </c>
      <c r="J570" t="s">
        <v>917</v>
      </c>
      <c r="K570">
        <v>83</v>
      </c>
      <c r="L570" t="s">
        <v>918</v>
      </c>
      <c r="M570">
        <v>287</v>
      </c>
      <c r="N570" t="s">
        <v>668</v>
      </c>
      <c r="O570">
        <v>4</v>
      </c>
      <c r="P570" t="s">
        <v>655</v>
      </c>
      <c r="Q570">
        <v>1</v>
      </c>
      <c r="R570" t="s">
        <v>669</v>
      </c>
      <c r="S570">
        <v>1</v>
      </c>
      <c r="T570" t="s">
        <v>661</v>
      </c>
      <c r="U570">
        <v>8</v>
      </c>
      <c r="V570">
        <v>4</v>
      </c>
      <c r="W570">
        <v>240</v>
      </c>
      <c r="X570">
        <v>2020</v>
      </c>
    </row>
    <row r="571" spans="1:24" x14ac:dyDescent="0.25">
      <c r="A571">
        <v>14151</v>
      </c>
      <c r="B571" t="s">
        <v>226</v>
      </c>
      <c r="C571">
        <v>1</v>
      </c>
      <c r="D571" t="s">
        <v>624</v>
      </c>
      <c r="E571">
        <v>11</v>
      </c>
      <c r="F571" t="s">
        <v>651</v>
      </c>
      <c r="G571">
        <v>160</v>
      </c>
      <c r="H571" t="s">
        <v>658</v>
      </c>
      <c r="I571">
        <v>13755</v>
      </c>
      <c r="J571" t="s">
        <v>742</v>
      </c>
      <c r="K571">
        <v>48</v>
      </c>
      <c r="L571" t="s">
        <v>1146</v>
      </c>
      <c r="M571">
        <v>3699</v>
      </c>
      <c r="N571" t="s">
        <v>654</v>
      </c>
      <c r="O571">
        <v>3</v>
      </c>
      <c r="P571" t="s">
        <v>655</v>
      </c>
      <c r="Q571">
        <v>1</v>
      </c>
      <c r="R571" t="s">
        <v>656</v>
      </c>
      <c r="S571">
        <v>2</v>
      </c>
      <c r="T571" t="s">
        <v>661</v>
      </c>
      <c r="U571">
        <v>8</v>
      </c>
      <c r="V571">
        <v>2</v>
      </c>
      <c r="W571">
        <v>120</v>
      </c>
      <c r="X571">
        <v>2020</v>
      </c>
    </row>
    <row r="572" spans="1:24" x14ac:dyDescent="0.25">
      <c r="A572">
        <v>14148</v>
      </c>
      <c r="B572" t="s">
        <v>226</v>
      </c>
      <c r="C572">
        <v>1</v>
      </c>
      <c r="D572" t="s">
        <v>361</v>
      </c>
      <c r="E572">
        <v>1</v>
      </c>
      <c r="F572" t="s">
        <v>651</v>
      </c>
      <c r="G572">
        <v>160</v>
      </c>
      <c r="H572" t="s">
        <v>658</v>
      </c>
      <c r="I572">
        <v>13755</v>
      </c>
      <c r="J572" t="s">
        <v>714</v>
      </c>
      <c r="K572">
        <v>52</v>
      </c>
      <c r="L572" t="s">
        <v>1147</v>
      </c>
      <c r="M572">
        <v>3549</v>
      </c>
      <c r="N572" t="s">
        <v>654</v>
      </c>
      <c r="O572">
        <v>3</v>
      </c>
      <c r="P572" t="s">
        <v>655</v>
      </c>
      <c r="Q572">
        <v>1</v>
      </c>
      <c r="R572" t="s">
        <v>656</v>
      </c>
      <c r="S572">
        <v>2</v>
      </c>
      <c r="T572" t="s">
        <v>718</v>
      </c>
      <c r="U572">
        <v>2</v>
      </c>
      <c r="V572">
        <v>2</v>
      </c>
      <c r="W572">
        <v>120</v>
      </c>
      <c r="X572">
        <v>2020</v>
      </c>
    </row>
    <row r="573" spans="1:24" x14ac:dyDescent="0.25">
      <c r="A573">
        <v>14145</v>
      </c>
      <c r="B573" t="s">
        <v>67</v>
      </c>
      <c r="C573">
        <v>62</v>
      </c>
      <c r="D573" t="s">
        <v>426</v>
      </c>
      <c r="E573">
        <v>425</v>
      </c>
      <c r="F573" t="s">
        <v>651</v>
      </c>
      <c r="G573">
        <v>160</v>
      </c>
      <c r="H573" t="s">
        <v>658</v>
      </c>
      <c r="I573">
        <v>13755</v>
      </c>
      <c r="J573" t="s">
        <v>667</v>
      </c>
      <c r="K573">
        <v>11</v>
      </c>
      <c r="L573" t="s">
        <v>667</v>
      </c>
      <c r="M573">
        <v>35</v>
      </c>
      <c r="N573" t="s">
        <v>668</v>
      </c>
      <c r="O573">
        <v>4</v>
      </c>
      <c r="P573" t="s">
        <v>655</v>
      </c>
      <c r="Q573">
        <v>1</v>
      </c>
      <c r="R573" t="s">
        <v>669</v>
      </c>
      <c r="S573">
        <v>1</v>
      </c>
      <c r="T573" t="s">
        <v>1009</v>
      </c>
      <c r="U573">
        <v>35</v>
      </c>
      <c r="V573">
        <v>3</v>
      </c>
      <c r="W573">
        <v>180</v>
      </c>
      <c r="X573">
        <v>2020</v>
      </c>
    </row>
    <row r="574" spans="1:24" x14ac:dyDescent="0.25">
      <c r="A574">
        <v>14142</v>
      </c>
      <c r="B574" t="s">
        <v>226</v>
      </c>
      <c r="C574">
        <v>1</v>
      </c>
      <c r="D574" t="s">
        <v>615</v>
      </c>
      <c r="E574">
        <v>12</v>
      </c>
      <c r="F574" t="s">
        <v>651</v>
      </c>
      <c r="G574">
        <v>160</v>
      </c>
      <c r="H574" t="s">
        <v>658</v>
      </c>
      <c r="I574">
        <v>13755</v>
      </c>
      <c r="J574" t="s">
        <v>767</v>
      </c>
      <c r="K574">
        <v>44</v>
      </c>
      <c r="L574" t="s">
        <v>1148</v>
      </c>
      <c r="M574">
        <v>3696</v>
      </c>
      <c r="N574" t="s">
        <v>654</v>
      </c>
      <c r="O574">
        <v>3</v>
      </c>
      <c r="P574" t="s">
        <v>655</v>
      </c>
      <c r="Q574">
        <v>1</v>
      </c>
      <c r="R574" t="s">
        <v>656</v>
      </c>
      <c r="S574">
        <v>2</v>
      </c>
      <c r="T574" t="s">
        <v>718</v>
      </c>
      <c r="U574">
        <v>2</v>
      </c>
      <c r="V574">
        <v>2</v>
      </c>
      <c r="W574">
        <v>120</v>
      </c>
      <c r="X574">
        <v>2020</v>
      </c>
    </row>
    <row r="575" spans="1:24" x14ac:dyDescent="0.25">
      <c r="A575">
        <v>14139</v>
      </c>
      <c r="B575" t="s">
        <v>226</v>
      </c>
      <c r="C575">
        <v>1</v>
      </c>
      <c r="D575" t="s">
        <v>615</v>
      </c>
      <c r="E575">
        <v>12</v>
      </c>
      <c r="F575" t="s">
        <v>651</v>
      </c>
      <c r="G575">
        <v>160</v>
      </c>
      <c r="H575" t="s">
        <v>658</v>
      </c>
      <c r="I575">
        <v>13755</v>
      </c>
      <c r="J575" t="s">
        <v>767</v>
      </c>
      <c r="K575">
        <v>44</v>
      </c>
      <c r="L575" t="s">
        <v>1149</v>
      </c>
      <c r="M575">
        <v>3693</v>
      </c>
      <c r="N575" t="s">
        <v>654</v>
      </c>
      <c r="O575">
        <v>3</v>
      </c>
      <c r="P575" t="s">
        <v>655</v>
      </c>
      <c r="Q575">
        <v>1</v>
      </c>
      <c r="R575" t="s">
        <v>656</v>
      </c>
      <c r="S575">
        <v>2</v>
      </c>
      <c r="T575" t="s">
        <v>718</v>
      </c>
      <c r="U575">
        <v>2</v>
      </c>
      <c r="V575">
        <v>2</v>
      </c>
      <c r="W575">
        <v>120</v>
      </c>
      <c r="X575">
        <v>2020</v>
      </c>
    </row>
    <row r="576" spans="1:24" x14ac:dyDescent="0.25">
      <c r="A576">
        <v>14136</v>
      </c>
      <c r="B576" t="s">
        <v>67</v>
      </c>
      <c r="C576">
        <v>62</v>
      </c>
      <c r="D576" t="s">
        <v>426</v>
      </c>
      <c r="E576">
        <v>425</v>
      </c>
      <c r="F576" t="s">
        <v>651</v>
      </c>
      <c r="G576">
        <v>160</v>
      </c>
      <c r="H576" t="s">
        <v>658</v>
      </c>
      <c r="I576">
        <v>13755</v>
      </c>
      <c r="J576" t="s">
        <v>667</v>
      </c>
      <c r="K576">
        <v>11</v>
      </c>
      <c r="L576" t="s">
        <v>667</v>
      </c>
      <c r="M576">
        <v>35</v>
      </c>
      <c r="N576" t="s">
        <v>668</v>
      </c>
      <c r="O576">
        <v>4</v>
      </c>
      <c r="P576" t="s">
        <v>655</v>
      </c>
      <c r="Q576">
        <v>1</v>
      </c>
      <c r="R576" t="s">
        <v>669</v>
      </c>
      <c r="S576">
        <v>1</v>
      </c>
      <c r="T576" t="s">
        <v>701</v>
      </c>
      <c r="U576">
        <v>38</v>
      </c>
      <c r="V576">
        <v>3</v>
      </c>
      <c r="W576">
        <v>180</v>
      </c>
      <c r="X576">
        <v>2020</v>
      </c>
    </row>
    <row r="577" spans="1:24" x14ac:dyDescent="0.25">
      <c r="A577">
        <v>14133</v>
      </c>
      <c r="B577" t="s">
        <v>67</v>
      </c>
      <c r="C577">
        <v>62</v>
      </c>
      <c r="D577" t="s">
        <v>426</v>
      </c>
      <c r="E577">
        <v>425</v>
      </c>
      <c r="F577" t="s">
        <v>651</v>
      </c>
      <c r="G577">
        <v>160</v>
      </c>
      <c r="H577" t="s">
        <v>658</v>
      </c>
      <c r="I577">
        <v>13755</v>
      </c>
      <c r="J577" t="s">
        <v>667</v>
      </c>
      <c r="K577">
        <v>11</v>
      </c>
      <c r="L577" t="s">
        <v>667</v>
      </c>
      <c r="M577">
        <v>35</v>
      </c>
      <c r="N577" t="s">
        <v>668</v>
      </c>
      <c r="O577">
        <v>4</v>
      </c>
      <c r="P577" t="s">
        <v>655</v>
      </c>
      <c r="Q577">
        <v>1</v>
      </c>
      <c r="R577" t="s">
        <v>669</v>
      </c>
      <c r="S577">
        <v>1</v>
      </c>
      <c r="T577" t="s">
        <v>702</v>
      </c>
      <c r="U577">
        <v>39</v>
      </c>
      <c r="V577">
        <v>3</v>
      </c>
      <c r="W577">
        <v>180</v>
      </c>
      <c r="X577">
        <v>2020</v>
      </c>
    </row>
    <row r="578" spans="1:24" x14ac:dyDescent="0.25">
      <c r="A578">
        <v>14130</v>
      </c>
      <c r="B578" t="s">
        <v>226</v>
      </c>
      <c r="C578">
        <v>1</v>
      </c>
      <c r="D578" t="s">
        <v>628</v>
      </c>
      <c r="E578">
        <v>6</v>
      </c>
      <c r="F578" t="s">
        <v>651</v>
      </c>
      <c r="G578">
        <v>160</v>
      </c>
      <c r="H578" t="s">
        <v>658</v>
      </c>
      <c r="I578">
        <v>13755</v>
      </c>
      <c r="J578" t="s">
        <v>693</v>
      </c>
      <c r="K578">
        <v>56</v>
      </c>
      <c r="L578" t="s">
        <v>1150</v>
      </c>
      <c r="M578">
        <v>3684</v>
      </c>
      <c r="N578" t="s">
        <v>654</v>
      </c>
      <c r="O578">
        <v>3</v>
      </c>
      <c r="P578" t="s">
        <v>655</v>
      </c>
      <c r="Q578">
        <v>1</v>
      </c>
      <c r="R578" t="s">
        <v>656</v>
      </c>
      <c r="S578">
        <v>2</v>
      </c>
      <c r="T578" t="s">
        <v>718</v>
      </c>
      <c r="U578">
        <v>2</v>
      </c>
      <c r="V578">
        <v>2</v>
      </c>
      <c r="W578">
        <v>120</v>
      </c>
      <c r="X578">
        <v>2020</v>
      </c>
    </row>
    <row r="579" spans="1:24" x14ac:dyDescent="0.25">
      <c r="A579">
        <v>14127</v>
      </c>
      <c r="B579" t="s">
        <v>67</v>
      </c>
      <c r="C579">
        <v>62</v>
      </c>
      <c r="D579" t="s">
        <v>426</v>
      </c>
      <c r="E579">
        <v>425</v>
      </c>
      <c r="F579" t="s">
        <v>651</v>
      </c>
      <c r="G579">
        <v>160</v>
      </c>
      <c r="H579" t="s">
        <v>658</v>
      </c>
      <c r="I579">
        <v>13755</v>
      </c>
      <c r="J579" t="s">
        <v>667</v>
      </c>
      <c r="K579">
        <v>11</v>
      </c>
      <c r="L579" t="s">
        <v>667</v>
      </c>
      <c r="M579">
        <v>35</v>
      </c>
      <c r="N579" t="s">
        <v>668</v>
      </c>
      <c r="O579">
        <v>4</v>
      </c>
      <c r="P579" t="s">
        <v>655</v>
      </c>
      <c r="Q579">
        <v>1</v>
      </c>
      <c r="R579" t="s">
        <v>669</v>
      </c>
      <c r="S579">
        <v>1</v>
      </c>
      <c r="T579" t="s">
        <v>1010</v>
      </c>
      <c r="U579">
        <v>36</v>
      </c>
      <c r="V579">
        <v>3</v>
      </c>
      <c r="W579">
        <v>180</v>
      </c>
      <c r="X579">
        <v>2020</v>
      </c>
    </row>
    <row r="580" spans="1:24" x14ac:dyDescent="0.25">
      <c r="A580">
        <v>14124</v>
      </c>
      <c r="B580" t="s">
        <v>226</v>
      </c>
      <c r="C580">
        <v>1</v>
      </c>
      <c r="D580" t="s">
        <v>615</v>
      </c>
      <c r="E580">
        <v>12</v>
      </c>
      <c r="F580" t="s">
        <v>651</v>
      </c>
      <c r="G580">
        <v>160</v>
      </c>
      <c r="H580" t="s">
        <v>658</v>
      </c>
      <c r="I580">
        <v>13755</v>
      </c>
      <c r="J580" t="s">
        <v>705</v>
      </c>
      <c r="K580">
        <v>70</v>
      </c>
      <c r="L580" t="s">
        <v>1151</v>
      </c>
      <c r="M580">
        <v>3687</v>
      </c>
      <c r="N580" t="s">
        <v>654</v>
      </c>
      <c r="O580">
        <v>3</v>
      </c>
      <c r="P580" t="s">
        <v>655</v>
      </c>
      <c r="Q580">
        <v>1</v>
      </c>
      <c r="R580" t="s">
        <v>656</v>
      </c>
      <c r="S580">
        <v>2</v>
      </c>
      <c r="T580" t="s">
        <v>718</v>
      </c>
      <c r="U580">
        <v>2</v>
      </c>
      <c r="V580">
        <v>2</v>
      </c>
      <c r="W580">
        <v>120</v>
      </c>
      <c r="X580">
        <v>2020</v>
      </c>
    </row>
    <row r="581" spans="1:24" x14ac:dyDescent="0.25">
      <c r="A581">
        <v>14121</v>
      </c>
      <c r="B581" t="s">
        <v>226</v>
      </c>
      <c r="C581">
        <v>1</v>
      </c>
      <c r="D581" t="s">
        <v>628</v>
      </c>
      <c r="E581">
        <v>6</v>
      </c>
      <c r="F581" t="s">
        <v>651</v>
      </c>
      <c r="G581">
        <v>160</v>
      </c>
      <c r="H581" t="s">
        <v>658</v>
      </c>
      <c r="I581">
        <v>13755</v>
      </c>
      <c r="J581" t="s">
        <v>730</v>
      </c>
      <c r="K581">
        <v>66</v>
      </c>
      <c r="L581" t="s">
        <v>1152</v>
      </c>
      <c r="M581">
        <v>3840</v>
      </c>
      <c r="N581" t="s">
        <v>654</v>
      </c>
      <c r="O581">
        <v>3</v>
      </c>
      <c r="P581" t="s">
        <v>655</v>
      </c>
      <c r="Q581">
        <v>1</v>
      </c>
      <c r="R581" t="s">
        <v>656</v>
      </c>
      <c r="S581">
        <v>2</v>
      </c>
      <c r="T581" t="s">
        <v>661</v>
      </c>
      <c r="U581">
        <v>8</v>
      </c>
      <c r="V581">
        <v>2</v>
      </c>
      <c r="W581">
        <v>120</v>
      </c>
      <c r="X581">
        <v>2020</v>
      </c>
    </row>
    <row r="582" spans="1:24" x14ac:dyDescent="0.25">
      <c r="A582">
        <v>14118</v>
      </c>
      <c r="B582" t="s">
        <v>67</v>
      </c>
      <c r="C582">
        <v>62</v>
      </c>
      <c r="D582" t="s">
        <v>316</v>
      </c>
      <c r="E582">
        <v>668</v>
      </c>
      <c r="F582" t="s">
        <v>651</v>
      </c>
      <c r="G582">
        <v>160</v>
      </c>
      <c r="H582" t="s">
        <v>658</v>
      </c>
      <c r="I582">
        <v>13755</v>
      </c>
      <c r="J582" t="s">
        <v>294</v>
      </c>
      <c r="K582">
        <v>31</v>
      </c>
      <c r="L582" t="s">
        <v>294</v>
      </c>
      <c r="M582">
        <v>98</v>
      </c>
      <c r="N582" t="s">
        <v>668</v>
      </c>
      <c r="O582">
        <v>4</v>
      </c>
      <c r="P582" t="s">
        <v>655</v>
      </c>
      <c r="Q582">
        <v>1</v>
      </c>
      <c r="R582" t="s">
        <v>669</v>
      </c>
      <c r="S582">
        <v>1</v>
      </c>
      <c r="T582" t="s">
        <v>718</v>
      </c>
      <c r="U582">
        <v>2</v>
      </c>
      <c r="V582">
        <v>3</v>
      </c>
      <c r="W582">
        <v>180</v>
      </c>
      <c r="X582">
        <v>2020</v>
      </c>
    </row>
    <row r="583" spans="1:24" x14ac:dyDescent="0.25">
      <c r="A583">
        <v>14115</v>
      </c>
      <c r="B583" t="s">
        <v>183</v>
      </c>
      <c r="C583">
        <v>4</v>
      </c>
      <c r="D583" t="s">
        <v>609</v>
      </c>
      <c r="E583">
        <v>32</v>
      </c>
      <c r="F583" t="s">
        <v>651</v>
      </c>
      <c r="G583">
        <v>160</v>
      </c>
      <c r="H583" t="s">
        <v>658</v>
      </c>
      <c r="I583">
        <v>13755</v>
      </c>
      <c r="J583" t="s">
        <v>851</v>
      </c>
      <c r="K583">
        <v>43</v>
      </c>
      <c r="L583" t="s">
        <v>1153</v>
      </c>
      <c r="M583">
        <v>3678</v>
      </c>
      <c r="N583" t="s">
        <v>654</v>
      </c>
      <c r="O583">
        <v>3</v>
      </c>
      <c r="P583" t="s">
        <v>655</v>
      </c>
      <c r="Q583">
        <v>1</v>
      </c>
      <c r="R583" t="s">
        <v>656</v>
      </c>
      <c r="S583">
        <v>2</v>
      </c>
      <c r="T583" t="s">
        <v>718</v>
      </c>
      <c r="U583">
        <v>2</v>
      </c>
      <c r="V583">
        <v>2</v>
      </c>
      <c r="W583">
        <v>120</v>
      </c>
      <c r="X583">
        <v>2020</v>
      </c>
    </row>
    <row r="584" spans="1:24" x14ac:dyDescent="0.25">
      <c r="A584">
        <v>14112</v>
      </c>
      <c r="B584" t="s">
        <v>183</v>
      </c>
      <c r="C584">
        <v>4</v>
      </c>
      <c r="D584" t="s">
        <v>610</v>
      </c>
      <c r="E584">
        <v>30</v>
      </c>
      <c r="F584" t="s">
        <v>651</v>
      </c>
      <c r="G584">
        <v>160</v>
      </c>
      <c r="H584" t="s">
        <v>658</v>
      </c>
      <c r="I584">
        <v>13755</v>
      </c>
      <c r="J584" t="s">
        <v>880</v>
      </c>
      <c r="K584">
        <v>58</v>
      </c>
      <c r="L584" t="s">
        <v>1154</v>
      </c>
      <c r="M584">
        <v>3669</v>
      </c>
      <c r="N584" t="s">
        <v>654</v>
      </c>
      <c r="O584">
        <v>3</v>
      </c>
      <c r="P584" t="s">
        <v>655</v>
      </c>
      <c r="Q584">
        <v>1</v>
      </c>
      <c r="R584" t="s">
        <v>656</v>
      </c>
      <c r="S584">
        <v>2</v>
      </c>
      <c r="T584" t="s">
        <v>718</v>
      </c>
      <c r="U584">
        <v>2</v>
      </c>
      <c r="V584">
        <v>2</v>
      </c>
      <c r="W584">
        <v>120</v>
      </c>
      <c r="X584">
        <v>2020</v>
      </c>
    </row>
    <row r="585" spans="1:24" x14ac:dyDescent="0.25">
      <c r="A585">
        <v>14109</v>
      </c>
      <c r="B585" t="s">
        <v>16</v>
      </c>
      <c r="C585">
        <v>5</v>
      </c>
      <c r="D585" t="s">
        <v>458</v>
      </c>
      <c r="E585">
        <v>48</v>
      </c>
      <c r="F585" t="s">
        <v>651</v>
      </c>
      <c r="G585">
        <v>160</v>
      </c>
      <c r="H585" t="s">
        <v>658</v>
      </c>
      <c r="I585">
        <v>13755</v>
      </c>
      <c r="J585" t="s">
        <v>885</v>
      </c>
      <c r="K585">
        <v>1</v>
      </c>
      <c r="L585" t="s">
        <v>1155</v>
      </c>
      <c r="M585">
        <v>3864</v>
      </c>
      <c r="N585" t="s">
        <v>654</v>
      </c>
      <c r="O585">
        <v>3</v>
      </c>
      <c r="P585" t="s">
        <v>655</v>
      </c>
      <c r="Q585">
        <v>1</v>
      </c>
      <c r="R585" t="s">
        <v>656</v>
      </c>
      <c r="S585">
        <v>2</v>
      </c>
      <c r="T585" t="s">
        <v>661</v>
      </c>
      <c r="U585">
        <v>8</v>
      </c>
      <c r="V585">
        <v>2</v>
      </c>
      <c r="W585">
        <v>120</v>
      </c>
      <c r="X585">
        <v>2020</v>
      </c>
    </row>
    <row r="586" spans="1:24" x14ac:dyDescent="0.25">
      <c r="A586">
        <v>14106</v>
      </c>
      <c r="B586" t="s">
        <v>16</v>
      </c>
      <c r="C586">
        <v>5</v>
      </c>
      <c r="D586" t="s">
        <v>458</v>
      </c>
      <c r="E586">
        <v>48</v>
      </c>
      <c r="F586" t="s">
        <v>651</v>
      </c>
      <c r="G586">
        <v>160</v>
      </c>
      <c r="H586" t="s">
        <v>658</v>
      </c>
      <c r="I586">
        <v>13755</v>
      </c>
      <c r="J586" t="s">
        <v>885</v>
      </c>
      <c r="K586">
        <v>1</v>
      </c>
      <c r="L586" t="s">
        <v>1156</v>
      </c>
      <c r="M586">
        <v>3861</v>
      </c>
      <c r="N586" t="s">
        <v>654</v>
      </c>
      <c r="O586">
        <v>3</v>
      </c>
      <c r="P586" t="s">
        <v>655</v>
      </c>
      <c r="Q586">
        <v>1</v>
      </c>
      <c r="R586" t="s">
        <v>656</v>
      </c>
      <c r="S586">
        <v>2</v>
      </c>
      <c r="T586" t="s">
        <v>661</v>
      </c>
      <c r="U586">
        <v>8</v>
      </c>
      <c r="V586">
        <v>2</v>
      </c>
      <c r="W586">
        <v>120</v>
      </c>
      <c r="X586">
        <v>2020</v>
      </c>
    </row>
    <row r="587" spans="1:24" x14ac:dyDescent="0.25">
      <c r="A587">
        <v>14103</v>
      </c>
      <c r="B587" t="s">
        <v>16</v>
      </c>
      <c r="C587">
        <v>5</v>
      </c>
      <c r="D587" t="s">
        <v>458</v>
      </c>
      <c r="E587">
        <v>48</v>
      </c>
      <c r="F587" t="s">
        <v>651</v>
      </c>
      <c r="G587">
        <v>160</v>
      </c>
      <c r="H587" t="s">
        <v>658</v>
      </c>
      <c r="I587">
        <v>13755</v>
      </c>
      <c r="J587" t="s">
        <v>676</v>
      </c>
      <c r="K587">
        <v>4</v>
      </c>
      <c r="L587" t="s">
        <v>992</v>
      </c>
      <c r="M587">
        <v>3786</v>
      </c>
      <c r="N587" t="s">
        <v>654</v>
      </c>
      <c r="O587">
        <v>3</v>
      </c>
      <c r="P587" t="s">
        <v>655</v>
      </c>
      <c r="Q587">
        <v>1</v>
      </c>
      <c r="R587" t="s">
        <v>656</v>
      </c>
      <c r="S587">
        <v>2</v>
      </c>
      <c r="T587" t="s">
        <v>661</v>
      </c>
      <c r="U587">
        <v>8</v>
      </c>
      <c r="V587">
        <v>2</v>
      </c>
      <c r="W587">
        <v>120</v>
      </c>
      <c r="X587">
        <v>2020</v>
      </c>
    </row>
    <row r="588" spans="1:24" x14ac:dyDescent="0.25">
      <c r="A588">
        <v>14100</v>
      </c>
      <c r="B588" t="s">
        <v>16</v>
      </c>
      <c r="C588">
        <v>5</v>
      </c>
      <c r="D588" t="s">
        <v>585</v>
      </c>
      <c r="E588">
        <v>51</v>
      </c>
      <c r="F588" t="s">
        <v>651</v>
      </c>
      <c r="G588">
        <v>160</v>
      </c>
      <c r="H588" t="s">
        <v>658</v>
      </c>
      <c r="I588">
        <v>13755</v>
      </c>
      <c r="J588" t="s">
        <v>756</v>
      </c>
      <c r="K588">
        <v>19</v>
      </c>
      <c r="L588" t="s">
        <v>1157</v>
      </c>
      <c r="M588">
        <v>3657</v>
      </c>
      <c r="N588" t="s">
        <v>654</v>
      </c>
      <c r="O588">
        <v>3</v>
      </c>
      <c r="P588" t="s">
        <v>655</v>
      </c>
      <c r="Q588">
        <v>1</v>
      </c>
      <c r="R588" t="s">
        <v>656</v>
      </c>
      <c r="S588">
        <v>2</v>
      </c>
      <c r="T588" t="s">
        <v>718</v>
      </c>
      <c r="U588">
        <v>2</v>
      </c>
      <c r="V588">
        <v>2</v>
      </c>
      <c r="W588">
        <v>120</v>
      </c>
      <c r="X588">
        <v>2020</v>
      </c>
    </row>
    <row r="589" spans="1:24" x14ac:dyDescent="0.25">
      <c r="A589">
        <v>14097</v>
      </c>
      <c r="B589" t="s">
        <v>183</v>
      </c>
      <c r="C589">
        <v>4</v>
      </c>
      <c r="D589" t="s">
        <v>611</v>
      </c>
      <c r="E589">
        <v>28</v>
      </c>
      <c r="F589" t="s">
        <v>651</v>
      </c>
      <c r="G589">
        <v>160</v>
      </c>
      <c r="H589" t="s">
        <v>658</v>
      </c>
      <c r="I589">
        <v>13755</v>
      </c>
      <c r="J589" t="s">
        <v>917</v>
      </c>
      <c r="K589">
        <v>83</v>
      </c>
      <c r="L589" t="s">
        <v>1158</v>
      </c>
      <c r="M589">
        <v>3516</v>
      </c>
      <c r="N589" t="s">
        <v>654</v>
      </c>
      <c r="O589">
        <v>3</v>
      </c>
      <c r="P589" t="s">
        <v>655</v>
      </c>
      <c r="Q589">
        <v>1</v>
      </c>
      <c r="R589" t="s">
        <v>656</v>
      </c>
      <c r="S589">
        <v>2</v>
      </c>
      <c r="T589" t="s">
        <v>718</v>
      </c>
      <c r="U589">
        <v>2</v>
      </c>
      <c r="V589">
        <v>2</v>
      </c>
      <c r="W589">
        <v>120</v>
      </c>
      <c r="X589">
        <v>2020</v>
      </c>
    </row>
    <row r="590" spans="1:24" x14ac:dyDescent="0.25">
      <c r="A590">
        <v>14094</v>
      </c>
      <c r="B590" t="s">
        <v>16</v>
      </c>
      <c r="C590">
        <v>5</v>
      </c>
      <c r="D590" t="s">
        <v>439</v>
      </c>
      <c r="E590">
        <v>47</v>
      </c>
      <c r="F590" t="s">
        <v>651</v>
      </c>
      <c r="G590">
        <v>160</v>
      </c>
      <c r="H590" t="s">
        <v>658</v>
      </c>
      <c r="I590">
        <v>13755</v>
      </c>
      <c r="J590" t="s">
        <v>663</v>
      </c>
      <c r="K590">
        <v>99</v>
      </c>
      <c r="L590" t="s">
        <v>1159</v>
      </c>
      <c r="M590">
        <v>3756</v>
      </c>
      <c r="N590" t="s">
        <v>654</v>
      </c>
      <c r="O590">
        <v>3</v>
      </c>
      <c r="P590" t="s">
        <v>655</v>
      </c>
      <c r="Q590">
        <v>1</v>
      </c>
      <c r="R590" t="s">
        <v>656</v>
      </c>
      <c r="S590">
        <v>2</v>
      </c>
      <c r="T590" t="s">
        <v>1160</v>
      </c>
      <c r="U590">
        <v>184</v>
      </c>
      <c r="V590">
        <v>2</v>
      </c>
      <c r="W590">
        <v>120</v>
      </c>
      <c r="X590">
        <v>2020</v>
      </c>
    </row>
    <row r="591" spans="1:24" x14ac:dyDescent="0.25">
      <c r="A591">
        <v>14091</v>
      </c>
      <c r="B591" t="s">
        <v>16</v>
      </c>
      <c r="C591">
        <v>5</v>
      </c>
      <c r="D591" t="s">
        <v>509</v>
      </c>
      <c r="E591">
        <v>53</v>
      </c>
      <c r="F591" t="s">
        <v>651</v>
      </c>
      <c r="G591">
        <v>160</v>
      </c>
      <c r="H591" t="s">
        <v>658</v>
      </c>
      <c r="I591">
        <v>13755</v>
      </c>
      <c r="J591" t="s">
        <v>864</v>
      </c>
      <c r="K591">
        <v>14</v>
      </c>
      <c r="L591" t="s">
        <v>1161</v>
      </c>
      <c r="M591">
        <v>3804</v>
      </c>
      <c r="N591" t="s">
        <v>654</v>
      </c>
      <c r="O591">
        <v>3</v>
      </c>
      <c r="P591" t="s">
        <v>655</v>
      </c>
      <c r="Q591">
        <v>1</v>
      </c>
      <c r="R591" t="s">
        <v>656</v>
      </c>
      <c r="S591">
        <v>2</v>
      </c>
      <c r="T591" t="s">
        <v>661</v>
      </c>
      <c r="U591">
        <v>8</v>
      </c>
      <c r="V591">
        <v>2</v>
      </c>
      <c r="W591">
        <v>120</v>
      </c>
      <c r="X591">
        <v>2020</v>
      </c>
    </row>
    <row r="592" spans="1:24" x14ac:dyDescent="0.25">
      <c r="A592">
        <v>14088</v>
      </c>
      <c r="B592" t="s">
        <v>12</v>
      </c>
      <c r="C592">
        <v>7</v>
      </c>
      <c r="D592" t="s">
        <v>590</v>
      </c>
      <c r="E592">
        <v>70</v>
      </c>
      <c r="F592" t="s">
        <v>651</v>
      </c>
      <c r="G592">
        <v>160</v>
      </c>
      <c r="H592" t="s">
        <v>658</v>
      </c>
      <c r="I592">
        <v>13755</v>
      </c>
      <c r="J592" t="s">
        <v>682</v>
      </c>
      <c r="K592">
        <v>20</v>
      </c>
      <c r="L592" t="s">
        <v>1117</v>
      </c>
      <c r="M592">
        <v>3774</v>
      </c>
      <c r="N592" t="s">
        <v>654</v>
      </c>
      <c r="O592">
        <v>3</v>
      </c>
      <c r="P592" t="s">
        <v>655</v>
      </c>
      <c r="Q592">
        <v>1</v>
      </c>
      <c r="R592" t="s">
        <v>656</v>
      </c>
      <c r="S592">
        <v>2</v>
      </c>
      <c r="T592" t="s">
        <v>661</v>
      </c>
      <c r="U592">
        <v>8</v>
      </c>
      <c r="V592">
        <v>2</v>
      </c>
      <c r="W592">
        <v>120</v>
      </c>
      <c r="X592">
        <v>2020</v>
      </c>
    </row>
    <row r="593" spans="1:24" x14ac:dyDescent="0.25">
      <c r="A593">
        <v>14085</v>
      </c>
      <c r="B593" t="s">
        <v>12</v>
      </c>
      <c r="C593">
        <v>7</v>
      </c>
      <c r="D593" t="s">
        <v>596</v>
      </c>
      <c r="E593">
        <v>63</v>
      </c>
      <c r="F593" t="s">
        <v>651</v>
      </c>
      <c r="G593">
        <v>160</v>
      </c>
      <c r="H593" t="s">
        <v>658</v>
      </c>
      <c r="I593">
        <v>13755</v>
      </c>
      <c r="J593" t="s">
        <v>301</v>
      </c>
      <c r="K593">
        <v>26</v>
      </c>
      <c r="L593" t="s">
        <v>1162</v>
      </c>
      <c r="M593">
        <v>3645</v>
      </c>
      <c r="N593" t="s">
        <v>654</v>
      </c>
      <c r="O593">
        <v>3</v>
      </c>
      <c r="P593" t="s">
        <v>655</v>
      </c>
      <c r="Q593">
        <v>1</v>
      </c>
      <c r="R593" t="s">
        <v>656</v>
      </c>
      <c r="S593">
        <v>2</v>
      </c>
      <c r="T593" t="s">
        <v>718</v>
      </c>
      <c r="U593">
        <v>2</v>
      </c>
      <c r="V593">
        <v>2</v>
      </c>
      <c r="W593">
        <v>120</v>
      </c>
      <c r="X593">
        <v>2020</v>
      </c>
    </row>
    <row r="594" spans="1:24" x14ac:dyDescent="0.25">
      <c r="A594">
        <v>14082</v>
      </c>
      <c r="B594" t="s">
        <v>183</v>
      </c>
      <c r="C594">
        <v>4</v>
      </c>
      <c r="D594" t="s">
        <v>611</v>
      </c>
      <c r="E594">
        <v>28</v>
      </c>
      <c r="F594" t="s">
        <v>651</v>
      </c>
      <c r="G594">
        <v>160</v>
      </c>
      <c r="H594" t="s">
        <v>658</v>
      </c>
      <c r="I594">
        <v>13755</v>
      </c>
      <c r="J594" t="s">
        <v>917</v>
      </c>
      <c r="K594">
        <v>83</v>
      </c>
      <c r="L594" t="s">
        <v>1163</v>
      </c>
      <c r="M594">
        <v>3513</v>
      </c>
      <c r="N594" t="s">
        <v>654</v>
      </c>
      <c r="O594">
        <v>3</v>
      </c>
      <c r="P594" t="s">
        <v>655</v>
      </c>
      <c r="Q594">
        <v>1</v>
      </c>
      <c r="R594" t="s">
        <v>656</v>
      </c>
      <c r="S594">
        <v>2</v>
      </c>
      <c r="T594" t="s">
        <v>718</v>
      </c>
      <c r="U594">
        <v>2</v>
      </c>
      <c r="V594">
        <v>2</v>
      </c>
      <c r="W594">
        <v>120</v>
      </c>
      <c r="X594">
        <v>2020</v>
      </c>
    </row>
    <row r="595" spans="1:24" x14ac:dyDescent="0.25">
      <c r="A595">
        <v>14079</v>
      </c>
      <c r="B595" t="s">
        <v>12</v>
      </c>
      <c r="C595">
        <v>7</v>
      </c>
      <c r="D595" t="s">
        <v>595</v>
      </c>
      <c r="E595">
        <v>65</v>
      </c>
      <c r="F595" t="s">
        <v>651</v>
      </c>
      <c r="G595">
        <v>160</v>
      </c>
      <c r="H595" t="s">
        <v>658</v>
      </c>
      <c r="I595">
        <v>13755</v>
      </c>
      <c r="J595" t="s">
        <v>294</v>
      </c>
      <c r="K595">
        <v>31</v>
      </c>
      <c r="L595" t="s">
        <v>1164</v>
      </c>
      <c r="M595">
        <v>3636</v>
      </c>
      <c r="N595" t="s">
        <v>654</v>
      </c>
      <c r="O595">
        <v>3</v>
      </c>
      <c r="P595" t="s">
        <v>655</v>
      </c>
      <c r="Q595">
        <v>1</v>
      </c>
      <c r="R595" t="s">
        <v>656</v>
      </c>
      <c r="S595">
        <v>2</v>
      </c>
      <c r="T595" t="s">
        <v>718</v>
      </c>
      <c r="U595">
        <v>2</v>
      </c>
      <c r="V595">
        <v>2</v>
      </c>
      <c r="W595">
        <v>120</v>
      </c>
      <c r="X595">
        <v>2020</v>
      </c>
    </row>
    <row r="596" spans="1:24" x14ac:dyDescent="0.25">
      <c r="A596">
        <v>14076</v>
      </c>
      <c r="B596" t="s">
        <v>226</v>
      </c>
      <c r="C596">
        <v>1</v>
      </c>
      <c r="D596" t="s">
        <v>630</v>
      </c>
      <c r="E596">
        <v>2</v>
      </c>
      <c r="F596" t="s">
        <v>651</v>
      </c>
      <c r="G596">
        <v>160</v>
      </c>
      <c r="H596" t="s">
        <v>658</v>
      </c>
      <c r="I596">
        <v>13755</v>
      </c>
      <c r="J596" t="s">
        <v>695</v>
      </c>
      <c r="K596">
        <v>54</v>
      </c>
      <c r="L596" t="s">
        <v>1165</v>
      </c>
      <c r="M596">
        <v>3888</v>
      </c>
      <c r="N596" t="s">
        <v>654</v>
      </c>
      <c r="O596">
        <v>3</v>
      </c>
      <c r="P596" t="s">
        <v>655</v>
      </c>
      <c r="Q596">
        <v>1</v>
      </c>
      <c r="R596" t="s">
        <v>669</v>
      </c>
      <c r="S596">
        <v>1</v>
      </c>
      <c r="T596" t="s">
        <v>661</v>
      </c>
      <c r="U596">
        <v>8</v>
      </c>
      <c r="V596">
        <v>4</v>
      </c>
      <c r="W596">
        <v>240</v>
      </c>
      <c r="X596">
        <v>2020</v>
      </c>
    </row>
    <row r="597" spans="1:24" x14ac:dyDescent="0.25">
      <c r="A597">
        <v>14073</v>
      </c>
      <c r="B597" t="s">
        <v>129</v>
      </c>
      <c r="C597">
        <v>10</v>
      </c>
      <c r="D597" t="s">
        <v>587</v>
      </c>
      <c r="E597">
        <v>77</v>
      </c>
      <c r="F597" t="s">
        <v>651</v>
      </c>
      <c r="G597">
        <v>160</v>
      </c>
      <c r="H597" t="s">
        <v>658</v>
      </c>
      <c r="I597">
        <v>13755</v>
      </c>
      <c r="J597" t="s">
        <v>1028</v>
      </c>
      <c r="K597">
        <v>33</v>
      </c>
      <c r="L597" t="s">
        <v>1166</v>
      </c>
      <c r="M597">
        <v>3633</v>
      </c>
      <c r="N597" t="s">
        <v>654</v>
      </c>
      <c r="O597">
        <v>3</v>
      </c>
      <c r="P597" t="s">
        <v>655</v>
      </c>
      <c r="Q597">
        <v>1</v>
      </c>
      <c r="R597" t="s">
        <v>656</v>
      </c>
      <c r="S597">
        <v>2</v>
      </c>
      <c r="T597" t="s">
        <v>718</v>
      </c>
      <c r="U597">
        <v>2</v>
      </c>
      <c r="V597">
        <v>2</v>
      </c>
      <c r="W597">
        <v>120</v>
      </c>
      <c r="X597">
        <v>2020</v>
      </c>
    </row>
    <row r="598" spans="1:24" x14ac:dyDescent="0.25">
      <c r="A598">
        <v>14070</v>
      </c>
      <c r="B598" t="s">
        <v>129</v>
      </c>
      <c r="C598">
        <v>10</v>
      </c>
      <c r="D598" t="s">
        <v>587</v>
      </c>
      <c r="E598">
        <v>77</v>
      </c>
      <c r="F598" t="s">
        <v>651</v>
      </c>
      <c r="G598">
        <v>160</v>
      </c>
      <c r="H598" t="s">
        <v>658</v>
      </c>
      <c r="I598">
        <v>13755</v>
      </c>
      <c r="J598" t="s">
        <v>1028</v>
      </c>
      <c r="K598">
        <v>33</v>
      </c>
      <c r="L598" t="s">
        <v>1167</v>
      </c>
      <c r="M598">
        <v>3630</v>
      </c>
      <c r="N598" t="s">
        <v>654</v>
      </c>
      <c r="O598">
        <v>3</v>
      </c>
      <c r="P598" t="s">
        <v>655</v>
      </c>
      <c r="Q598">
        <v>1</v>
      </c>
      <c r="R598" t="s">
        <v>656</v>
      </c>
      <c r="S598">
        <v>2</v>
      </c>
      <c r="T598" t="s">
        <v>718</v>
      </c>
      <c r="U598">
        <v>2</v>
      </c>
      <c r="V598">
        <v>2</v>
      </c>
      <c r="W598">
        <v>120</v>
      </c>
      <c r="X598">
        <v>2020</v>
      </c>
    </row>
    <row r="599" spans="1:24" x14ac:dyDescent="0.25">
      <c r="A599">
        <v>14067</v>
      </c>
      <c r="B599" t="s">
        <v>129</v>
      </c>
      <c r="C599">
        <v>10</v>
      </c>
      <c r="D599" t="s">
        <v>587</v>
      </c>
      <c r="E599">
        <v>77</v>
      </c>
      <c r="F599" t="s">
        <v>651</v>
      </c>
      <c r="G599">
        <v>160</v>
      </c>
      <c r="H599" t="s">
        <v>658</v>
      </c>
      <c r="I599">
        <v>13755</v>
      </c>
      <c r="J599" t="s">
        <v>1028</v>
      </c>
      <c r="K599">
        <v>33</v>
      </c>
      <c r="L599" t="s">
        <v>1168</v>
      </c>
      <c r="M599">
        <v>3627</v>
      </c>
      <c r="N599" t="s">
        <v>654</v>
      </c>
      <c r="O599">
        <v>3</v>
      </c>
      <c r="P599" t="s">
        <v>655</v>
      </c>
      <c r="Q599">
        <v>1</v>
      </c>
      <c r="R599" t="s">
        <v>656</v>
      </c>
      <c r="S599">
        <v>2</v>
      </c>
      <c r="T599" t="s">
        <v>718</v>
      </c>
      <c r="U599">
        <v>2</v>
      </c>
      <c r="V599">
        <v>2</v>
      </c>
      <c r="W599">
        <v>120</v>
      </c>
      <c r="X599">
        <v>2020</v>
      </c>
    </row>
    <row r="600" spans="1:24" x14ac:dyDescent="0.25">
      <c r="A600">
        <v>14064</v>
      </c>
      <c r="B600" t="s">
        <v>289</v>
      </c>
      <c r="C600">
        <v>12</v>
      </c>
      <c r="D600" t="s">
        <v>585</v>
      </c>
      <c r="E600">
        <v>81</v>
      </c>
      <c r="F600" t="s">
        <v>651</v>
      </c>
      <c r="G600">
        <v>160</v>
      </c>
      <c r="H600" t="s">
        <v>658</v>
      </c>
      <c r="I600">
        <v>13755</v>
      </c>
      <c r="J600" t="s">
        <v>894</v>
      </c>
      <c r="K600">
        <v>18</v>
      </c>
      <c r="L600" t="s">
        <v>1169</v>
      </c>
      <c r="M600">
        <v>3624</v>
      </c>
      <c r="N600" t="s">
        <v>654</v>
      </c>
      <c r="O600">
        <v>3</v>
      </c>
      <c r="P600" t="s">
        <v>655</v>
      </c>
      <c r="Q600">
        <v>1</v>
      </c>
      <c r="R600" t="s">
        <v>656</v>
      </c>
      <c r="S600">
        <v>2</v>
      </c>
      <c r="T600" t="s">
        <v>718</v>
      </c>
      <c r="U600">
        <v>2</v>
      </c>
      <c r="V600">
        <v>2</v>
      </c>
      <c r="W600">
        <v>120</v>
      </c>
      <c r="X600">
        <v>2020</v>
      </c>
    </row>
    <row r="601" spans="1:24" x14ac:dyDescent="0.25">
      <c r="A601">
        <v>14061</v>
      </c>
      <c r="B601" t="s">
        <v>289</v>
      </c>
      <c r="C601">
        <v>12</v>
      </c>
      <c r="D601" t="s">
        <v>585</v>
      </c>
      <c r="E601">
        <v>81</v>
      </c>
      <c r="F601" t="s">
        <v>651</v>
      </c>
      <c r="G601">
        <v>160</v>
      </c>
      <c r="H601" t="s">
        <v>658</v>
      </c>
      <c r="I601">
        <v>13755</v>
      </c>
      <c r="J601" t="s">
        <v>894</v>
      </c>
      <c r="K601">
        <v>18</v>
      </c>
      <c r="L601" t="s">
        <v>1170</v>
      </c>
      <c r="M601">
        <v>3621</v>
      </c>
      <c r="N601" t="s">
        <v>654</v>
      </c>
      <c r="O601">
        <v>3</v>
      </c>
      <c r="P601" t="s">
        <v>655</v>
      </c>
      <c r="Q601">
        <v>1</v>
      </c>
      <c r="R601" t="s">
        <v>656</v>
      </c>
      <c r="S601">
        <v>2</v>
      </c>
      <c r="T601" t="s">
        <v>718</v>
      </c>
      <c r="U601">
        <v>2</v>
      </c>
      <c r="V601">
        <v>2</v>
      </c>
      <c r="W601">
        <v>120</v>
      </c>
      <c r="X601">
        <v>2020</v>
      </c>
    </row>
    <row r="602" spans="1:24" x14ac:dyDescent="0.25">
      <c r="A602">
        <v>14058</v>
      </c>
      <c r="B602" t="s">
        <v>108</v>
      </c>
      <c r="C602">
        <v>13</v>
      </c>
      <c r="D602" t="s">
        <v>316</v>
      </c>
      <c r="E602">
        <v>85</v>
      </c>
      <c r="F602" t="s">
        <v>651</v>
      </c>
      <c r="G602">
        <v>160</v>
      </c>
      <c r="H602" t="s">
        <v>854</v>
      </c>
      <c r="I602">
        <v>1</v>
      </c>
      <c r="J602" t="s">
        <v>807</v>
      </c>
      <c r="K602">
        <v>25</v>
      </c>
      <c r="L602" t="s">
        <v>1171</v>
      </c>
      <c r="M602">
        <v>3714</v>
      </c>
      <c r="N602" t="s">
        <v>654</v>
      </c>
      <c r="O602">
        <v>3</v>
      </c>
      <c r="P602" t="s">
        <v>655</v>
      </c>
      <c r="Q602">
        <v>1</v>
      </c>
      <c r="R602" t="s">
        <v>656</v>
      </c>
      <c r="S602">
        <v>2</v>
      </c>
      <c r="T602" t="s">
        <v>661</v>
      </c>
      <c r="U602">
        <v>8</v>
      </c>
      <c r="V602">
        <v>2</v>
      </c>
      <c r="W602">
        <v>120</v>
      </c>
      <c r="X602">
        <v>2020</v>
      </c>
    </row>
    <row r="603" spans="1:24" x14ac:dyDescent="0.25">
      <c r="A603">
        <v>14055</v>
      </c>
      <c r="B603" t="s">
        <v>20</v>
      </c>
      <c r="C603">
        <v>14</v>
      </c>
      <c r="D603" t="s">
        <v>578</v>
      </c>
      <c r="E603">
        <v>93</v>
      </c>
      <c r="F603" t="s">
        <v>651</v>
      </c>
      <c r="G603">
        <v>160</v>
      </c>
      <c r="H603" t="s">
        <v>681</v>
      </c>
      <c r="I603">
        <v>717</v>
      </c>
      <c r="J603" t="s">
        <v>676</v>
      </c>
      <c r="K603">
        <v>4</v>
      </c>
      <c r="L603" t="s">
        <v>1172</v>
      </c>
      <c r="M603">
        <v>3612</v>
      </c>
      <c r="N603" t="s">
        <v>654</v>
      </c>
      <c r="O603">
        <v>3</v>
      </c>
      <c r="P603" t="s">
        <v>655</v>
      </c>
      <c r="Q603">
        <v>1</v>
      </c>
      <c r="R603" t="s">
        <v>656</v>
      </c>
      <c r="S603">
        <v>2</v>
      </c>
      <c r="T603" t="s">
        <v>718</v>
      </c>
      <c r="U603">
        <v>2</v>
      </c>
      <c r="V603">
        <v>2</v>
      </c>
      <c r="W603">
        <v>120</v>
      </c>
      <c r="X603">
        <v>2020</v>
      </c>
    </row>
    <row r="604" spans="1:24" x14ac:dyDescent="0.25">
      <c r="A604">
        <v>14052</v>
      </c>
      <c r="B604" t="s">
        <v>20</v>
      </c>
      <c r="C604">
        <v>14</v>
      </c>
      <c r="D604" t="s">
        <v>477</v>
      </c>
      <c r="E604">
        <v>88</v>
      </c>
      <c r="F604" t="s">
        <v>651</v>
      </c>
      <c r="G604">
        <v>160</v>
      </c>
      <c r="H604" t="s">
        <v>681</v>
      </c>
      <c r="I604">
        <v>717</v>
      </c>
      <c r="J604" t="s">
        <v>730</v>
      </c>
      <c r="K604">
        <v>66</v>
      </c>
      <c r="L604" t="s">
        <v>1173</v>
      </c>
      <c r="M604">
        <v>3606</v>
      </c>
      <c r="N604" t="s">
        <v>654</v>
      </c>
      <c r="O604">
        <v>3</v>
      </c>
      <c r="P604" t="s">
        <v>655</v>
      </c>
      <c r="Q604">
        <v>1</v>
      </c>
      <c r="R604" t="s">
        <v>656</v>
      </c>
      <c r="S604">
        <v>2</v>
      </c>
      <c r="T604" t="s">
        <v>661</v>
      </c>
      <c r="U604">
        <v>8</v>
      </c>
      <c r="V604">
        <v>2</v>
      </c>
      <c r="W604">
        <v>120</v>
      </c>
      <c r="X604">
        <v>2020</v>
      </c>
    </row>
    <row r="605" spans="1:24" x14ac:dyDescent="0.25">
      <c r="A605">
        <v>14049</v>
      </c>
      <c r="B605" t="s">
        <v>20</v>
      </c>
      <c r="C605">
        <v>14</v>
      </c>
      <c r="D605" t="s">
        <v>580</v>
      </c>
      <c r="E605">
        <v>90</v>
      </c>
      <c r="F605" t="s">
        <v>651</v>
      </c>
      <c r="G605">
        <v>160</v>
      </c>
      <c r="H605" t="s">
        <v>681</v>
      </c>
      <c r="I605">
        <v>717</v>
      </c>
      <c r="J605" t="s">
        <v>691</v>
      </c>
      <c r="K605">
        <v>21</v>
      </c>
      <c r="L605" t="s">
        <v>1174</v>
      </c>
      <c r="M605">
        <v>3603</v>
      </c>
      <c r="N605" t="s">
        <v>654</v>
      </c>
      <c r="O605">
        <v>3</v>
      </c>
      <c r="P605" t="s">
        <v>655</v>
      </c>
      <c r="Q605">
        <v>1</v>
      </c>
      <c r="R605" t="s">
        <v>656</v>
      </c>
      <c r="S605">
        <v>2</v>
      </c>
      <c r="T605" t="s">
        <v>661</v>
      </c>
      <c r="U605">
        <v>8</v>
      </c>
      <c r="V605">
        <v>2</v>
      </c>
      <c r="W605">
        <v>120</v>
      </c>
      <c r="X605">
        <v>2020</v>
      </c>
    </row>
    <row r="606" spans="1:24" x14ac:dyDescent="0.25">
      <c r="A606">
        <v>14046</v>
      </c>
      <c r="B606" t="s">
        <v>20</v>
      </c>
      <c r="C606">
        <v>14</v>
      </c>
      <c r="D606" t="s">
        <v>580</v>
      </c>
      <c r="E606">
        <v>90</v>
      </c>
      <c r="F606" t="s">
        <v>651</v>
      </c>
      <c r="G606">
        <v>160</v>
      </c>
      <c r="H606" t="s">
        <v>681</v>
      </c>
      <c r="I606">
        <v>717</v>
      </c>
      <c r="J606" t="s">
        <v>864</v>
      </c>
      <c r="K606">
        <v>14</v>
      </c>
      <c r="L606" t="s">
        <v>1175</v>
      </c>
      <c r="M606">
        <v>3813</v>
      </c>
      <c r="N606" t="s">
        <v>654</v>
      </c>
      <c r="O606">
        <v>3</v>
      </c>
      <c r="P606" t="s">
        <v>655</v>
      </c>
      <c r="Q606">
        <v>1</v>
      </c>
      <c r="R606" t="s">
        <v>656</v>
      </c>
      <c r="S606">
        <v>2</v>
      </c>
      <c r="T606" t="s">
        <v>661</v>
      </c>
      <c r="U606">
        <v>8</v>
      </c>
      <c r="V606">
        <v>2</v>
      </c>
      <c r="W606">
        <v>120</v>
      </c>
      <c r="X606">
        <v>2020</v>
      </c>
    </row>
    <row r="607" spans="1:24" x14ac:dyDescent="0.25">
      <c r="A607">
        <v>14043</v>
      </c>
      <c r="B607" t="s">
        <v>218</v>
      </c>
      <c r="C607">
        <v>17</v>
      </c>
      <c r="D607" t="s">
        <v>572</v>
      </c>
      <c r="E607">
        <v>111</v>
      </c>
      <c r="F607" t="s">
        <v>651</v>
      </c>
      <c r="G607">
        <v>160</v>
      </c>
      <c r="H607" t="s">
        <v>744</v>
      </c>
      <c r="I607">
        <v>3143</v>
      </c>
      <c r="J607" t="s">
        <v>678</v>
      </c>
      <c r="K607">
        <v>41</v>
      </c>
      <c r="L607" t="s">
        <v>1176</v>
      </c>
      <c r="M607">
        <v>3597</v>
      </c>
      <c r="N607" t="s">
        <v>654</v>
      </c>
      <c r="O607">
        <v>3</v>
      </c>
      <c r="P607" t="s">
        <v>655</v>
      </c>
      <c r="Q607">
        <v>1</v>
      </c>
      <c r="R607" t="s">
        <v>656</v>
      </c>
      <c r="S607">
        <v>2</v>
      </c>
      <c r="T607" t="s">
        <v>718</v>
      </c>
      <c r="U607">
        <v>2</v>
      </c>
      <c r="V607">
        <v>2</v>
      </c>
      <c r="W607">
        <v>120</v>
      </c>
      <c r="X607">
        <v>2020</v>
      </c>
    </row>
    <row r="608" spans="1:24" x14ac:dyDescent="0.25">
      <c r="A608">
        <v>14040</v>
      </c>
      <c r="B608" t="s">
        <v>218</v>
      </c>
      <c r="C608">
        <v>17</v>
      </c>
      <c r="D608" t="s">
        <v>574</v>
      </c>
      <c r="E608">
        <v>107</v>
      </c>
      <c r="F608" t="s">
        <v>651</v>
      </c>
      <c r="G608">
        <v>160</v>
      </c>
      <c r="H608" t="s">
        <v>744</v>
      </c>
      <c r="I608">
        <v>3143</v>
      </c>
      <c r="J608" t="s">
        <v>738</v>
      </c>
      <c r="K608">
        <v>61</v>
      </c>
      <c r="L608" t="s">
        <v>1177</v>
      </c>
      <c r="M608">
        <v>3588</v>
      </c>
      <c r="N608" t="s">
        <v>654</v>
      </c>
      <c r="O608">
        <v>3</v>
      </c>
      <c r="P608" t="s">
        <v>655</v>
      </c>
      <c r="Q608">
        <v>1</v>
      </c>
      <c r="R608" t="s">
        <v>656</v>
      </c>
      <c r="S608">
        <v>2</v>
      </c>
      <c r="T608" t="s">
        <v>718</v>
      </c>
      <c r="U608">
        <v>2</v>
      </c>
      <c r="V608">
        <v>2</v>
      </c>
      <c r="W608">
        <v>120</v>
      </c>
      <c r="X608">
        <v>2020</v>
      </c>
    </row>
    <row r="609" spans="1:24" x14ac:dyDescent="0.25">
      <c r="A609">
        <v>14037</v>
      </c>
      <c r="B609" t="s">
        <v>218</v>
      </c>
      <c r="C609">
        <v>17</v>
      </c>
      <c r="D609" t="s">
        <v>574</v>
      </c>
      <c r="E609">
        <v>107</v>
      </c>
      <c r="F609" t="s">
        <v>651</v>
      </c>
      <c r="G609">
        <v>160</v>
      </c>
      <c r="H609" t="s">
        <v>744</v>
      </c>
      <c r="I609">
        <v>3143</v>
      </c>
      <c r="J609" t="s">
        <v>738</v>
      </c>
      <c r="K609">
        <v>61</v>
      </c>
      <c r="L609" t="s">
        <v>1178</v>
      </c>
      <c r="M609">
        <v>3585</v>
      </c>
      <c r="N609" t="s">
        <v>654</v>
      </c>
      <c r="O609">
        <v>3</v>
      </c>
      <c r="P609" t="s">
        <v>746</v>
      </c>
      <c r="Q609">
        <v>2</v>
      </c>
      <c r="R609" t="s">
        <v>656</v>
      </c>
      <c r="S609">
        <v>2</v>
      </c>
      <c r="T609" t="s">
        <v>661</v>
      </c>
      <c r="U609">
        <v>8</v>
      </c>
      <c r="V609">
        <v>2</v>
      </c>
      <c r="W609">
        <v>120</v>
      </c>
      <c r="X609">
        <v>2020</v>
      </c>
    </row>
    <row r="610" spans="1:24" x14ac:dyDescent="0.25">
      <c r="A610">
        <v>14034</v>
      </c>
      <c r="B610" t="s">
        <v>218</v>
      </c>
      <c r="C610">
        <v>17</v>
      </c>
      <c r="D610" t="s">
        <v>566</v>
      </c>
      <c r="E610">
        <v>120</v>
      </c>
      <c r="F610" t="s">
        <v>651</v>
      </c>
      <c r="G610">
        <v>160</v>
      </c>
      <c r="H610" t="s">
        <v>744</v>
      </c>
      <c r="I610">
        <v>3143</v>
      </c>
      <c r="J610" t="s">
        <v>673</v>
      </c>
      <c r="K610">
        <v>34</v>
      </c>
      <c r="L610" t="s">
        <v>1179</v>
      </c>
      <c r="M610">
        <v>1308</v>
      </c>
      <c r="N610" t="s">
        <v>654</v>
      </c>
      <c r="O610">
        <v>3</v>
      </c>
      <c r="P610" t="s">
        <v>655</v>
      </c>
      <c r="Q610">
        <v>1</v>
      </c>
      <c r="R610" t="s">
        <v>656</v>
      </c>
      <c r="S610">
        <v>2</v>
      </c>
      <c r="T610" t="s">
        <v>661</v>
      </c>
      <c r="U610">
        <v>8</v>
      </c>
      <c r="V610">
        <v>2</v>
      </c>
      <c r="W610">
        <v>120</v>
      </c>
      <c r="X610">
        <v>2020</v>
      </c>
    </row>
    <row r="611" spans="1:24" x14ac:dyDescent="0.25">
      <c r="A611">
        <v>14028</v>
      </c>
      <c r="B611" t="s">
        <v>30</v>
      </c>
      <c r="C611">
        <v>18</v>
      </c>
      <c r="D611" t="s">
        <v>470</v>
      </c>
      <c r="E611">
        <v>127</v>
      </c>
      <c r="F611" t="s">
        <v>651</v>
      </c>
      <c r="G611">
        <v>160</v>
      </c>
      <c r="H611" t="s">
        <v>739</v>
      </c>
      <c r="I611">
        <v>4413</v>
      </c>
      <c r="J611" t="s">
        <v>1022</v>
      </c>
      <c r="K611">
        <v>85</v>
      </c>
      <c r="L611" t="s">
        <v>1180</v>
      </c>
      <c r="M611">
        <v>3726</v>
      </c>
      <c r="N611" t="s">
        <v>654</v>
      </c>
      <c r="O611">
        <v>3</v>
      </c>
      <c r="P611" t="s">
        <v>655</v>
      </c>
      <c r="Q611">
        <v>1</v>
      </c>
      <c r="R611" t="s">
        <v>656</v>
      </c>
      <c r="S611">
        <v>2</v>
      </c>
      <c r="T611" t="s">
        <v>661</v>
      </c>
      <c r="U611">
        <v>8</v>
      </c>
      <c r="V611">
        <v>2</v>
      </c>
      <c r="W611">
        <v>120</v>
      </c>
      <c r="X611">
        <v>2020</v>
      </c>
    </row>
    <row r="612" spans="1:24" x14ac:dyDescent="0.25">
      <c r="A612">
        <v>14022</v>
      </c>
      <c r="B612" t="s">
        <v>30</v>
      </c>
      <c r="C612">
        <v>18</v>
      </c>
      <c r="D612" t="s">
        <v>477</v>
      </c>
      <c r="E612">
        <v>103</v>
      </c>
      <c r="F612" t="s">
        <v>651</v>
      </c>
      <c r="G612">
        <v>160</v>
      </c>
      <c r="H612" t="s">
        <v>922</v>
      </c>
      <c r="I612">
        <v>8163</v>
      </c>
      <c r="J612" t="s">
        <v>693</v>
      </c>
      <c r="K612">
        <v>56</v>
      </c>
      <c r="L612" t="s">
        <v>1181</v>
      </c>
      <c r="M612">
        <v>3690</v>
      </c>
      <c r="N612" t="s">
        <v>654</v>
      </c>
      <c r="O612">
        <v>3</v>
      </c>
      <c r="P612" t="s">
        <v>655</v>
      </c>
      <c r="Q612">
        <v>1</v>
      </c>
      <c r="R612" t="s">
        <v>656</v>
      </c>
      <c r="S612">
        <v>2</v>
      </c>
      <c r="T612" t="s">
        <v>718</v>
      </c>
      <c r="U612">
        <v>2</v>
      </c>
      <c r="V612">
        <v>2</v>
      </c>
      <c r="W612">
        <v>120</v>
      </c>
      <c r="X612">
        <v>2020</v>
      </c>
    </row>
    <row r="613" spans="1:24" x14ac:dyDescent="0.25">
      <c r="A613">
        <v>14016</v>
      </c>
      <c r="B613" t="s">
        <v>192</v>
      </c>
      <c r="C613">
        <v>19</v>
      </c>
      <c r="D613" t="s">
        <v>329</v>
      </c>
      <c r="E613">
        <v>135</v>
      </c>
      <c r="F613" t="s">
        <v>651</v>
      </c>
      <c r="G613">
        <v>160</v>
      </c>
      <c r="H613" t="s">
        <v>739</v>
      </c>
      <c r="I613">
        <v>4413</v>
      </c>
      <c r="J613" t="s">
        <v>1182</v>
      </c>
      <c r="K613">
        <v>46</v>
      </c>
      <c r="L613" t="s">
        <v>1183</v>
      </c>
      <c r="M613">
        <v>3570</v>
      </c>
      <c r="N613" t="s">
        <v>654</v>
      </c>
      <c r="O613">
        <v>3</v>
      </c>
      <c r="P613" t="s">
        <v>655</v>
      </c>
      <c r="Q613">
        <v>1</v>
      </c>
      <c r="R613" t="s">
        <v>656</v>
      </c>
      <c r="S613">
        <v>2</v>
      </c>
      <c r="T613" t="s">
        <v>661</v>
      </c>
      <c r="U613">
        <v>8</v>
      </c>
      <c r="V613">
        <v>2</v>
      </c>
      <c r="W613">
        <v>120</v>
      </c>
      <c r="X613">
        <v>2020</v>
      </c>
    </row>
    <row r="614" spans="1:24" x14ac:dyDescent="0.25">
      <c r="A614">
        <v>14013</v>
      </c>
      <c r="B614" t="s">
        <v>192</v>
      </c>
      <c r="C614">
        <v>19</v>
      </c>
      <c r="D614" t="s">
        <v>329</v>
      </c>
      <c r="E614">
        <v>135</v>
      </c>
      <c r="F614" t="s">
        <v>651</v>
      </c>
      <c r="G614">
        <v>160</v>
      </c>
      <c r="H614" t="s">
        <v>739</v>
      </c>
      <c r="I614">
        <v>4413</v>
      </c>
      <c r="J614" t="s">
        <v>678</v>
      </c>
      <c r="K614">
        <v>41</v>
      </c>
      <c r="L614" t="s">
        <v>1184</v>
      </c>
      <c r="M614">
        <v>3594</v>
      </c>
      <c r="N614" t="s">
        <v>654</v>
      </c>
      <c r="O614">
        <v>3</v>
      </c>
      <c r="P614" t="s">
        <v>655</v>
      </c>
      <c r="Q614">
        <v>1</v>
      </c>
      <c r="R614" t="s">
        <v>656</v>
      </c>
      <c r="S614">
        <v>2</v>
      </c>
      <c r="T614" t="s">
        <v>661</v>
      </c>
      <c r="U614">
        <v>8</v>
      </c>
      <c r="V614">
        <v>2</v>
      </c>
      <c r="W614">
        <v>120</v>
      </c>
      <c r="X614">
        <v>2020</v>
      </c>
    </row>
    <row r="615" spans="1:24" x14ac:dyDescent="0.25">
      <c r="A615">
        <v>14010</v>
      </c>
      <c r="B615" t="s">
        <v>14</v>
      </c>
      <c r="C615">
        <v>20</v>
      </c>
      <c r="D615" t="s">
        <v>558</v>
      </c>
      <c r="E615">
        <v>141</v>
      </c>
      <c r="F615" t="s">
        <v>651</v>
      </c>
      <c r="G615">
        <v>160</v>
      </c>
      <c r="H615" t="s">
        <v>739</v>
      </c>
      <c r="I615">
        <v>4413</v>
      </c>
      <c r="J615" t="s">
        <v>831</v>
      </c>
      <c r="K615">
        <v>5</v>
      </c>
      <c r="L615" t="s">
        <v>1185</v>
      </c>
      <c r="M615">
        <v>3834</v>
      </c>
      <c r="N615" t="s">
        <v>654</v>
      </c>
      <c r="O615">
        <v>3</v>
      </c>
      <c r="P615" t="s">
        <v>655</v>
      </c>
      <c r="Q615">
        <v>1</v>
      </c>
      <c r="R615" t="s">
        <v>656</v>
      </c>
      <c r="S615">
        <v>2</v>
      </c>
      <c r="T615" t="s">
        <v>661</v>
      </c>
      <c r="U615">
        <v>8</v>
      </c>
      <c r="V615">
        <v>2</v>
      </c>
      <c r="W615">
        <v>120</v>
      </c>
      <c r="X615">
        <v>2020</v>
      </c>
    </row>
    <row r="616" spans="1:24" x14ac:dyDescent="0.25">
      <c r="A616">
        <v>14007</v>
      </c>
      <c r="B616" t="s">
        <v>14</v>
      </c>
      <c r="C616">
        <v>20</v>
      </c>
      <c r="D616" t="s">
        <v>551</v>
      </c>
      <c r="E616">
        <v>152</v>
      </c>
      <c r="F616" t="s">
        <v>651</v>
      </c>
      <c r="G616">
        <v>160</v>
      </c>
      <c r="H616" t="s">
        <v>739</v>
      </c>
      <c r="I616">
        <v>4413</v>
      </c>
      <c r="J616" t="s">
        <v>682</v>
      </c>
      <c r="K616">
        <v>20</v>
      </c>
      <c r="L616" t="s">
        <v>1186</v>
      </c>
      <c r="M616">
        <v>3777</v>
      </c>
      <c r="N616" t="s">
        <v>654</v>
      </c>
      <c r="O616">
        <v>3</v>
      </c>
      <c r="P616" t="s">
        <v>655</v>
      </c>
      <c r="Q616">
        <v>1</v>
      </c>
      <c r="R616" t="s">
        <v>656</v>
      </c>
      <c r="S616">
        <v>2</v>
      </c>
      <c r="T616" t="s">
        <v>657</v>
      </c>
      <c r="U616">
        <v>7</v>
      </c>
      <c r="V616">
        <v>2</v>
      </c>
      <c r="W616">
        <v>120</v>
      </c>
      <c r="X616">
        <v>2020</v>
      </c>
    </row>
    <row r="617" spans="1:24" x14ac:dyDescent="0.25">
      <c r="A617">
        <v>14004</v>
      </c>
      <c r="B617" t="s">
        <v>14</v>
      </c>
      <c r="C617">
        <v>20</v>
      </c>
      <c r="D617" t="s">
        <v>555</v>
      </c>
      <c r="E617">
        <v>147</v>
      </c>
      <c r="F617" t="s">
        <v>651</v>
      </c>
      <c r="G617">
        <v>160</v>
      </c>
      <c r="H617" t="s">
        <v>739</v>
      </c>
      <c r="I617">
        <v>4413</v>
      </c>
      <c r="J617" t="s">
        <v>703</v>
      </c>
      <c r="K617">
        <v>16</v>
      </c>
      <c r="L617" t="s">
        <v>1187</v>
      </c>
      <c r="M617">
        <v>3768</v>
      </c>
      <c r="N617" t="s">
        <v>654</v>
      </c>
      <c r="O617">
        <v>3</v>
      </c>
      <c r="P617" t="s">
        <v>655</v>
      </c>
      <c r="Q617">
        <v>1</v>
      </c>
      <c r="R617" t="s">
        <v>656</v>
      </c>
      <c r="S617">
        <v>2</v>
      </c>
      <c r="T617" t="s">
        <v>661</v>
      </c>
      <c r="U617">
        <v>8</v>
      </c>
      <c r="V617">
        <v>2</v>
      </c>
      <c r="W617">
        <v>120</v>
      </c>
      <c r="X617">
        <v>2020</v>
      </c>
    </row>
    <row r="618" spans="1:24" x14ac:dyDescent="0.25">
      <c r="A618">
        <v>14001</v>
      </c>
      <c r="B618" t="s">
        <v>14</v>
      </c>
      <c r="C618">
        <v>20</v>
      </c>
      <c r="D618" t="s">
        <v>553</v>
      </c>
      <c r="E618">
        <v>150</v>
      </c>
      <c r="F618" t="s">
        <v>651</v>
      </c>
      <c r="G618">
        <v>160</v>
      </c>
      <c r="H618" t="s">
        <v>739</v>
      </c>
      <c r="I618">
        <v>4413</v>
      </c>
      <c r="J618" t="s">
        <v>756</v>
      </c>
      <c r="K618">
        <v>19</v>
      </c>
      <c r="L618" t="s">
        <v>1188</v>
      </c>
      <c r="M618">
        <v>3660</v>
      </c>
      <c r="N618" t="s">
        <v>654</v>
      </c>
      <c r="O618">
        <v>3</v>
      </c>
      <c r="P618" t="s">
        <v>655</v>
      </c>
      <c r="Q618">
        <v>1</v>
      </c>
      <c r="R618" t="s">
        <v>656</v>
      </c>
      <c r="S618">
        <v>2</v>
      </c>
      <c r="T618" t="s">
        <v>718</v>
      </c>
      <c r="U618">
        <v>2</v>
      </c>
      <c r="V618">
        <v>2</v>
      </c>
      <c r="W618">
        <v>120</v>
      </c>
      <c r="X618">
        <v>2020</v>
      </c>
    </row>
    <row r="619" spans="1:24" x14ac:dyDescent="0.25">
      <c r="A619">
        <v>13998</v>
      </c>
      <c r="B619" t="s">
        <v>14</v>
      </c>
      <c r="C619">
        <v>20</v>
      </c>
      <c r="D619" t="s">
        <v>509</v>
      </c>
      <c r="E619">
        <v>154</v>
      </c>
      <c r="F619" t="s">
        <v>651</v>
      </c>
      <c r="G619">
        <v>160</v>
      </c>
      <c r="H619" t="s">
        <v>739</v>
      </c>
      <c r="I619">
        <v>4413</v>
      </c>
      <c r="J619" t="s">
        <v>864</v>
      </c>
      <c r="K619">
        <v>14</v>
      </c>
      <c r="L619" t="s">
        <v>1189</v>
      </c>
      <c r="M619">
        <v>3810</v>
      </c>
      <c r="N619" t="s">
        <v>654</v>
      </c>
      <c r="O619">
        <v>3</v>
      </c>
      <c r="P619" t="s">
        <v>655</v>
      </c>
      <c r="Q619">
        <v>1</v>
      </c>
      <c r="R619" t="s">
        <v>656</v>
      </c>
      <c r="S619">
        <v>2</v>
      </c>
      <c r="T619" t="s">
        <v>661</v>
      </c>
      <c r="U619">
        <v>8</v>
      </c>
      <c r="V619">
        <v>2</v>
      </c>
      <c r="W619">
        <v>120</v>
      </c>
      <c r="X619">
        <v>2020</v>
      </c>
    </row>
    <row r="620" spans="1:24" x14ac:dyDescent="0.25">
      <c r="A620">
        <v>13995</v>
      </c>
      <c r="B620" t="s">
        <v>14</v>
      </c>
      <c r="C620">
        <v>20</v>
      </c>
      <c r="D620" t="s">
        <v>549</v>
      </c>
      <c r="E620">
        <v>156</v>
      </c>
      <c r="F620" t="s">
        <v>651</v>
      </c>
      <c r="G620">
        <v>160</v>
      </c>
      <c r="H620" t="s">
        <v>739</v>
      </c>
      <c r="I620">
        <v>4413</v>
      </c>
      <c r="J620" t="s">
        <v>864</v>
      </c>
      <c r="K620">
        <v>14</v>
      </c>
      <c r="L620" t="s">
        <v>1190</v>
      </c>
      <c r="M620">
        <v>3807</v>
      </c>
      <c r="N620" t="s">
        <v>654</v>
      </c>
      <c r="O620">
        <v>3</v>
      </c>
      <c r="P620" t="s">
        <v>655</v>
      </c>
      <c r="Q620">
        <v>1</v>
      </c>
      <c r="R620" t="s">
        <v>656</v>
      </c>
      <c r="S620">
        <v>2</v>
      </c>
      <c r="T620" t="s">
        <v>657</v>
      </c>
      <c r="U620">
        <v>7</v>
      </c>
      <c r="V620">
        <v>2</v>
      </c>
      <c r="W620">
        <v>120</v>
      </c>
      <c r="X620">
        <v>2020</v>
      </c>
    </row>
    <row r="621" spans="1:24" x14ac:dyDescent="0.25">
      <c r="A621">
        <v>13992</v>
      </c>
      <c r="B621" t="s">
        <v>305</v>
      </c>
      <c r="C621">
        <v>22</v>
      </c>
      <c r="D621" t="s">
        <v>546</v>
      </c>
      <c r="E621">
        <v>162</v>
      </c>
      <c r="F621" t="s">
        <v>651</v>
      </c>
      <c r="G621">
        <v>160</v>
      </c>
      <c r="H621" t="s">
        <v>739</v>
      </c>
      <c r="I621">
        <v>4413</v>
      </c>
      <c r="J621" t="s">
        <v>673</v>
      </c>
      <c r="K621">
        <v>34</v>
      </c>
      <c r="L621" t="s">
        <v>1191</v>
      </c>
      <c r="M621">
        <v>3567</v>
      </c>
      <c r="N621" t="s">
        <v>654</v>
      </c>
      <c r="O621">
        <v>3</v>
      </c>
      <c r="P621" t="s">
        <v>655</v>
      </c>
      <c r="Q621">
        <v>1</v>
      </c>
      <c r="R621" t="s">
        <v>656</v>
      </c>
      <c r="S621">
        <v>2</v>
      </c>
      <c r="T621" t="s">
        <v>769</v>
      </c>
      <c r="U621">
        <v>3</v>
      </c>
      <c r="V621">
        <v>2</v>
      </c>
      <c r="W621">
        <v>120</v>
      </c>
      <c r="X621">
        <v>2020</v>
      </c>
    </row>
    <row r="622" spans="1:24" x14ac:dyDescent="0.25">
      <c r="A622">
        <v>13989</v>
      </c>
      <c r="B622" t="s">
        <v>210</v>
      </c>
      <c r="C622">
        <v>23</v>
      </c>
      <c r="D622" t="s">
        <v>544</v>
      </c>
      <c r="E622">
        <v>166</v>
      </c>
      <c r="F622" t="s">
        <v>651</v>
      </c>
      <c r="G622">
        <v>160</v>
      </c>
      <c r="H622" t="s">
        <v>739</v>
      </c>
      <c r="I622">
        <v>4413</v>
      </c>
      <c r="J622" t="s">
        <v>659</v>
      </c>
      <c r="K622">
        <v>35</v>
      </c>
      <c r="L622" t="s">
        <v>1192</v>
      </c>
      <c r="M622">
        <v>3564</v>
      </c>
      <c r="N622" t="s">
        <v>654</v>
      </c>
      <c r="O622">
        <v>3</v>
      </c>
      <c r="P622" t="s">
        <v>655</v>
      </c>
      <c r="Q622">
        <v>1</v>
      </c>
      <c r="R622" t="s">
        <v>656</v>
      </c>
      <c r="S622">
        <v>2</v>
      </c>
      <c r="T622" t="s">
        <v>661</v>
      </c>
      <c r="U622">
        <v>8</v>
      </c>
      <c r="V622">
        <v>2</v>
      </c>
      <c r="W622">
        <v>120</v>
      </c>
      <c r="X622">
        <v>2020</v>
      </c>
    </row>
    <row r="623" spans="1:24" x14ac:dyDescent="0.25">
      <c r="A623">
        <v>13986</v>
      </c>
      <c r="B623" t="s">
        <v>32</v>
      </c>
      <c r="C623">
        <v>24</v>
      </c>
      <c r="D623" t="s">
        <v>540</v>
      </c>
      <c r="E623">
        <v>172</v>
      </c>
      <c r="F623" t="s">
        <v>651</v>
      </c>
      <c r="G623">
        <v>160</v>
      </c>
      <c r="H623" t="s">
        <v>747</v>
      </c>
      <c r="I623">
        <v>4847</v>
      </c>
      <c r="J623" t="s">
        <v>792</v>
      </c>
      <c r="K623">
        <v>6</v>
      </c>
      <c r="L623" t="s">
        <v>1193</v>
      </c>
      <c r="M623">
        <v>3555</v>
      </c>
      <c r="N623" t="s">
        <v>654</v>
      </c>
      <c r="O623">
        <v>3</v>
      </c>
      <c r="P623" t="s">
        <v>655</v>
      </c>
      <c r="Q623">
        <v>1</v>
      </c>
      <c r="R623" t="s">
        <v>656</v>
      </c>
      <c r="S623">
        <v>2</v>
      </c>
      <c r="T623" t="s">
        <v>661</v>
      </c>
      <c r="U623">
        <v>8</v>
      </c>
      <c r="V623">
        <v>2</v>
      </c>
      <c r="W623">
        <v>120</v>
      </c>
      <c r="X623">
        <v>2020</v>
      </c>
    </row>
    <row r="624" spans="1:24" x14ac:dyDescent="0.25">
      <c r="A624">
        <v>13983</v>
      </c>
      <c r="B624" t="s">
        <v>95</v>
      </c>
      <c r="C624">
        <v>26</v>
      </c>
      <c r="D624" t="s">
        <v>361</v>
      </c>
      <c r="E624">
        <v>590</v>
      </c>
      <c r="F624" t="s">
        <v>651</v>
      </c>
      <c r="G624">
        <v>160</v>
      </c>
      <c r="H624" t="s">
        <v>833</v>
      </c>
      <c r="I624">
        <v>5562</v>
      </c>
      <c r="J624" t="s">
        <v>714</v>
      </c>
      <c r="K624">
        <v>52</v>
      </c>
      <c r="L624" t="s">
        <v>1194</v>
      </c>
      <c r="M624">
        <v>1261</v>
      </c>
      <c r="N624" t="s">
        <v>654</v>
      </c>
      <c r="O624">
        <v>3</v>
      </c>
      <c r="P624" t="s">
        <v>655</v>
      </c>
      <c r="Q624">
        <v>1</v>
      </c>
      <c r="R624" t="s">
        <v>656</v>
      </c>
      <c r="S624">
        <v>2</v>
      </c>
      <c r="T624" t="s">
        <v>718</v>
      </c>
      <c r="U624">
        <v>2</v>
      </c>
      <c r="V624">
        <v>2</v>
      </c>
      <c r="W624">
        <v>120</v>
      </c>
      <c r="X624">
        <v>2020</v>
      </c>
    </row>
    <row r="625" spans="1:24" x14ac:dyDescent="0.25">
      <c r="A625">
        <v>13980</v>
      </c>
      <c r="B625" t="s">
        <v>95</v>
      </c>
      <c r="C625">
        <v>26</v>
      </c>
      <c r="D625" t="s">
        <v>11</v>
      </c>
      <c r="E625">
        <v>649</v>
      </c>
      <c r="F625" t="s">
        <v>651</v>
      </c>
      <c r="G625">
        <v>160</v>
      </c>
      <c r="H625" t="s">
        <v>833</v>
      </c>
      <c r="I625">
        <v>5562</v>
      </c>
      <c r="J625" t="s">
        <v>65</v>
      </c>
      <c r="K625">
        <v>15</v>
      </c>
      <c r="L625" t="s">
        <v>1195</v>
      </c>
      <c r="M625">
        <v>3720</v>
      </c>
      <c r="N625" t="s">
        <v>654</v>
      </c>
      <c r="O625">
        <v>3</v>
      </c>
      <c r="P625" t="s">
        <v>655</v>
      </c>
      <c r="Q625">
        <v>1</v>
      </c>
      <c r="R625" t="s">
        <v>656</v>
      </c>
      <c r="S625">
        <v>2</v>
      </c>
      <c r="T625" t="s">
        <v>718</v>
      </c>
      <c r="U625">
        <v>2</v>
      </c>
      <c r="V625">
        <v>1</v>
      </c>
      <c r="W625">
        <v>60</v>
      </c>
      <c r="X625">
        <v>2020</v>
      </c>
    </row>
    <row r="626" spans="1:24" x14ac:dyDescent="0.25">
      <c r="A626">
        <v>13977</v>
      </c>
      <c r="B626" t="s">
        <v>189</v>
      </c>
      <c r="C626">
        <v>30</v>
      </c>
      <c r="D626" t="s">
        <v>463</v>
      </c>
      <c r="E626">
        <v>232</v>
      </c>
      <c r="F626" t="s">
        <v>651</v>
      </c>
      <c r="G626">
        <v>160</v>
      </c>
      <c r="H626" t="s">
        <v>719</v>
      </c>
      <c r="I626">
        <v>7630</v>
      </c>
      <c r="J626" t="s">
        <v>909</v>
      </c>
      <c r="K626">
        <v>39</v>
      </c>
      <c r="L626" t="s">
        <v>1196</v>
      </c>
      <c r="M626">
        <v>3543</v>
      </c>
      <c r="N626" t="s">
        <v>654</v>
      </c>
      <c r="O626">
        <v>3</v>
      </c>
      <c r="P626" t="s">
        <v>655</v>
      </c>
      <c r="Q626">
        <v>1</v>
      </c>
      <c r="R626" t="s">
        <v>656</v>
      </c>
      <c r="S626">
        <v>2</v>
      </c>
      <c r="T626" t="s">
        <v>661</v>
      </c>
      <c r="U626">
        <v>8</v>
      </c>
      <c r="V626">
        <v>2</v>
      </c>
      <c r="W626">
        <v>120</v>
      </c>
      <c r="X626">
        <v>2020</v>
      </c>
    </row>
    <row r="627" spans="1:24" x14ac:dyDescent="0.25">
      <c r="A627">
        <v>13974</v>
      </c>
      <c r="B627" t="s">
        <v>189</v>
      </c>
      <c r="C627">
        <v>30</v>
      </c>
      <c r="D627" t="s">
        <v>463</v>
      </c>
      <c r="E627">
        <v>232</v>
      </c>
      <c r="F627" t="s">
        <v>651</v>
      </c>
      <c r="G627">
        <v>160</v>
      </c>
      <c r="H627" t="s">
        <v>719</v>
      </c>
      <c r="I627">
        <v>7630</v>
      </c>
      <c r="J627" t="s">
        <v>909</v>
      </c>
      <c r="K627">
        <v>39</v>
      </c>
      <c r="L627" t="s">
        <v>1197</v>
      </c>
      <c r="M627">
        <v>3540</v>
      </c>
      <c r="N627" t="s">
        <v>654</v>
      </c>
      <c r="O627">
        <v>3</v>
      </c>
      <c r="P627" t="s">
        <v>655</v>
      </c>
      <c r="Q627">
        <v>1</v>
      </c>
      <c r="R627" t="s">
        <v>656</v>
      </c>
      <c r="S627">
        <v>2</v>
      </c>
      <c r="T627" t="s">
        <v>661</v>
      </c>
      <c r="U627">
        <v>8</v>
      </c>
      <c r="V627">
        <v>2</v>
      </c>
      <c r="W627">
        <v>120</v>
      </c>
      <c r="X627">
        <v>2020</v>
      </c>
    </row>
    <row r="628" spans="1:24" x14ac:dyDescent="0.25">
      <c r="A628">
        <v>13971</v>
      </c>
      <c r="B628" t="s">
        <v>189</v>
      </c>
      <c r="C628">
        <v>30</v>
      </c>
      <c r="D628" t="s">
        <v>463</v>
      </c>
      <c r="E628">
        <v>232</v>
      </c>
      <c r="F628" t="s">
        <v>651</v>
      </c>
      <c r="G628">
        <v>160</v>
      </c>
      <c r="H628" t="s">
        <v>719</v>
      </c>
      <c r="I628">
        <v>7630</v>
      </c>
      <c r="J628" t="s">
        <v>831</v>
      </c>
      <c r="K628">
        <v>5</v>
      </c>
      <c r="L628" t="s">
        <v>1198</v>
      </c>
      <c r="M628">
        <v>3828</v>
      </c>
      <c r="N628" t="s">
        <v>654</v>
      </c>
      <c r="O628">
        <v>3</v>
      </c>
      <c r="P628" t="s">
        <v>655</v>
      </c>
      <c r="Q628">
        <v>1</v>
      </c>
      <c r="R628" t="s">
        <v>656</v>
      </c>
      <c r="S628">
        <v>2</v>
      </c>
      <c r="T628" t="s">
        <v>661</v>
      </c>
      <c r="U628">
        <v>8</v>
      </c>
      <c r="V628">
        <v>2</v>
      </c>
      <c r="W628">
        <v>120</v>
      </c>
      <c r="X628">
        <v>2020</v>
      </c>
    </row>
    <row r="629" spans="1:24" x14ac:dyDescent="0.25">
      <c r="A629">
        <v>13968</v>
      </c>
      <c r="B629" t="s">
        <v>18</v>
      </c>
      <c r="C629">
        <v>31</v>
      </c>
      <c r="D629" t="s">
        <v>307</v>
      </c>
      <c r="E629">
        <v>686</v>
      </c>
      <c r="F629" t="s">
        <v>651</v>
      </c>
      <c r="G629">
        <v>160</v>
      </c>
      <c r="H629" t="s">
        <v>719</v>
      </c>
      <c r="I629">
        <v>7630</v>
      </c>
      <c r="J629" t="s">
        <v>756</v>
      </c>
      <c r="K629">
        <v>19</v>
      </c>
      <c r="L629" t="s">
        <v>1199</v>
      </c>
      <c r="M629">
        <v>3654</v>
      </c>
      <c r="N629" t="s">
        <v>654</v>
      </c>
      <c r="O629">
        <v>3</v>
      </c>
      <c r="P629" t="s">
        <v>655</v>
      </c>
      <c r="Q629">
        <v>1</v>
      </c>
      <c r="R629" t="s">
        <v>656</v>
      </c>
      <c r="S629">
        <v>2</v>
      </c>
      <c r="T629" t="s">
        <v>718</v>
      </c>
      <c r="U629">
        <v>2</v>
      </c>
      <c r="V629">
        <v>2</v>
      </c>
      <c r="W629">
        <v>120</v>
      </c>
      <c r="X629">
        <v>2020</v>
      </c>
    </row>
    <row r="630" spans="1:24" x14ac:dyDescent="0.25">
      <c r="A630">
        <v>13965</v>
      </c>
      <c r="B630" t="s">
        <v>18</v>
      </c>
      <c r="C630">
        <v>31</v>
      </c>
      <c r="D630" t="s">
        <v>402</v>
      </c>
      <c r="E630">
        <v>240</v>
      </c>
      <c r="F630" t="s">
        <v>651</v>
      </c>
      <c r="G630">
        <v>160</v>
      </c>
      <c r="H630" t="s">
        <v>719</v>
      </c>
      <c r="I630">
        <v>7630</v>
      </c>
      <c r="J630" t="s">
        <v>819</v>
      </c>
      <c r="K630">
        <v>101</v>
      </c>
      <c r="L630" t="s">
        <v>1200</v>
      </c>
      <c r="M630">
        <v>2376</v>
      </c>
      <c r="N630" t="s">
        <v>654</v>
      </c>
      <c r="O630">
        <v>3</v>
      </c>
      <c r="P630" t="s">
        <v>655</v>
      </c>
      <c r="Q630">
        <v>1</v>
      </c>
      <c r="R630" t="s">
        <v>656</v>
      </c>
      <c r="S630">
        <v>2</v>
      </c>
      <c r="T630" t="s">
        <v>661</v>
      </c>
      <c r="U630">
        <v>8</v>
      </c>
      <c r="V630">
        <v>2</v>
      </c>
      <c r="W630">
        <v>120</v>
      </c>
      <c r="X630">
        <v>2020</v>
      </c>
    </row>
    <row r="631" spans="1:24" x14ac:dyDescent="0.25">
      <c r="A631">
        <v>13962</v>
      </c>
      <c r="B631" t="s">
        <v>200</v>
      </c>
      <c r="C631">
        <v>32</v>
      </c>
      <c r="D631" t="s">
        <v>507</v>
      </c>
      <c r="E631">
        <v>254</v>
      </c>
      <c r="F631" t="s">
        <v>651</v>
      </c>
      <c r="G631">
        <v>160</v>
      </c>
      <c r="H631" t="s">
        <v>719</v>
      </c>
      <c r="I631">
        <v>7630</v>
      </c>
      <c r="J631" t="s">
        <v>705</v>
      </c>
      <c r="K631">
        <v>70</v>
      </c>
      <c r="L631" t="s">
        <v>1201</v>
      </c>
      <c r="M631">
        <v>3681</v>
      </c>
      <c r="N631" t="s">
        <v>654</v>
      </c>
      <c r="O631">
        <v>3</v>
      </c>
      <c r="P631" t="s">
        <v>655</v>
      </c>
      <c r="Q631">
        <v>1</v>
      </c>
      <c r="R631" t="s">
        <v>656</v>
      </c>
      <c r="S631">
        <v>2</v>
      </c>
      <c r="T631" t="s">
        <v>718</v>
      </c>
      <c r="U631">
        <v>2</v>
      </c>
      <c r="V631">
        <v>2</v>
      </c>
      <c r="W631">
        <v>120</v>
      </c>
      <c r="X631">
        <v>2020</v>
      </c>
    </row>
    <row r="632" spans="1:24" x14ac:dyDescent="0.25">
      <c r="A632">
        <v>13959</v>
      </c>
      <c r="B632" t="s">
        <v>140</v>
      </c>
      <c r="C632">
        <v>34</v>
      </c>
      <c r="D632" t="s">
        <v>360</v>
      </c>
      <c r="E632">
        <v>592</v>
      </c>
      <c r="F632" t="s">
        <v>651</v>
      </c>
      <c r="G632">
        <v>160</v>
      </c>
      <c r="H632" t="s">
        <v>652</v>
      </c>
      <c r="I632">
        <v>2094</v>
      </c>
      <c r="J632" t="s">
        <v>659</v>
      </c>
      <c r="K632">
        <v>35</v>
      </c>
      <c r="L632" t="s">
        <v>1202</v>
      </c>
      <c r="M632">
        <v>3561</v>
      </c>
      <c r="N632" t="s">
        <v>654</v>
      </c>
      <c r="O632">
        <v>3</v>
      </c>
      <c r="P632" t="s">
        <v>655</v>
      </c>
      <c r="Q632">
        <v>1</v>
      </c>
      <c r="R632" t="s">
        <v>656</v>
      </c>
      <c r="S632">
        <v>2</v>
      </c>
      <c r="T632" t="s">
        <v>661</v>
      </c>
      <c r="U632">
        <v>8</v>
      </c>
      <c r="V632">
        <v>2</v>
      </c>
      <c r="W632">
        <v>120</v>
      </c>
      <c r="X632">
        <v>2020</v>
      </c>
    </row>
    <row r="633" spans="1:24" x14ac:dyDescent="0.25">
      <c r="A633">
        <v>13956</v>
      </c>
      <c r="B633" t="s">
        <v>140</v>
      </c>
      <c r="C633">
        <v>34</v>
      </c>
      <c r="D633" t="s">
        <v>360</v>
      </c>
      <c r="E633">
        <v>592</v>
      </c>
      <c r="F633" t="s">
        <v>651</v>
      </c>
      <c r="G633">
        <v>160</v>
      </c>
      <c r="H633" t="s">
        <v>652</v>
      </c>
      <c r="I633">
        <v>2094</v>
      </c>
      <c r="J633" t="s">
        <v>659</v>
      </c>
      <c r="K633">
        <v>35</v>
      </c>
      <c r="L633" t="s">
        <v>1203</v>
      </c>
      <c r="M633">
        <v>3558</v>
      </c>
      <c r="N633" t="s">
        <v>654</v>
      </c>
      <c r="O633">
        <v>3</v>
      </c>
      <c r="P633" t="s">
        <v>655</v>
      </c>
      <c r="Q633">
        <v>1</v>
      </c>
      <c r="R633" t="s">
        <v>656</v>
      </c>
      <c r="S633">
        <v>2</v>
      </c>
      <c r="T633" t="s">
        <v>661</v>
      </c>
      <c r="U633">
        <v>8</v>
      </c>
      <c r="V633">
        <v>2</v>
      </c>
      <c r="W633">
        <v>120</v>
      </c>
      <c r="X633">
        <v>2020</v>
      </c>
    </row>
    <row r="634" spans="1:24" x14ac:dyDescent="0.25">
      <c r="A634">
        <v>13953</v>
      </c>
      <c r="B634" t="s">
        <v>138</v>
      </c>
      <c r="C634">
        <v>35</v>
      </c>
      <c r="D634" t="s">
        <v>494</v>
      </c>
      <c r="E634">
        <v>277</v>
      </c>
      <c r="F634" t="s">
        <v>651</v>
      </c>
      <c r="G634">
        <v>160</v>
      </c>
      <c r="H634" t="s">
        <v>1054</v>
      </c>
      <c r="I634">
        <v>7022</v>
      </c>
      <c r="J634" t="s">
        <v>980</v>
      </c>
      <c r="K634">
        <v>67</v>
      </c>
      <c r="L634" t="s">
        <v>1204</v>
      </c>
      <c r="M634">
        <v>3537</v>
      </c>
      <c r="N634" t="s">
        <v>654</v>
      </c>
      <c r="O634">
        <v>3</v>
      </c>
      <c r="P634" t="s">
        <v>655</v>
      </c>
      <c r="Q634">
        <v>1</v>
      </c>
      <c r="R634" t="s">
        <v>656</v>
      </c>
      <c r="S634">
        <v>2</v>
      </c>
      <c r="T634" t="s">
        <v>661</v>
      </c>
      <c r="U634">
        <v>8</v>
      </c>
      <c r="V634">
        <v>2</v>
      </c>
      <c r="W634">
        <v>120</v>
      </c>
      <c r="X634">
        <v>2020</v>
      </c>
    </row>
    <row r="635" spans="1:24" x14ac:dyDescent="0.25">
      <c r="A635">
        <v>13947</v>
      </c>
      <c r="B635" t="s">
        <v>69</v>
      </c>
      <c r="C635">
        <v>36</v>
      </c>
      <c r="D635" t="s">
        <v>70</v>
      </c>
      <c r="E635">
        <v>1257</v>
      </c>
      <c r="F635" t="s">
        <v>651</v>
      </c>
      <c r="G635">
        <v>160</v>
      </c>
      <c r="H635" t="s">
        <v>732</v>
      </c>
      <c r="I635">
        <v>1000</v>
      </c>
      <c r="J635" t="s">
        <v>65</v>
      </c>
      <c r="K635">
        <v>15</v>
      </c>
      <c r="L635" t="s">
        <v>1205</v>
      </c>
      <c r="M635">
        <v>3534</v>
      </c>
      <c r="N635" t="s">
        <v>654</v>
      </c>
      <c r="O635">
        <v>3</v>
      </c>
      <c r="P635" t="s">
        <v>655</v>
      </c>
      <c r="Q635">
        <v>1</v>
      </c>
      <c r="R635" t="s">
        <v>656</v>
      </c>
      <c r="S635">
        <v>2</v>
      </c>
      <c r="T635" t="s">
        <v>661</v>
      </c>
      <c r="U635">
        <v>8</v>
      </c>
      <c r="V635">
        <v>1</v>
      </c>
      <c r="W635">
        <v>60</v>
      </c>
      <c r="X635">
        <v>2020</v>
      </c>
    </row>
    <row r="636" spans="1:24" x14ac:dyDescent="0.25">
      <c r="A636">
        <v>13944</v>
      </c>
      <c r="B636" t="s">
        <v>247</v>
      </c>
      <c r="C636">
        <v>39</v>
      </c>
      <c r="D636" t="s">
        <v>11</v>
      </c>
      <c r="E636">
        <v>298</v>
      </c>
      <c r="F636" t="s">
        <v>651</v>
      </c>
      <c r="G636">
        <v>160</v>
      </c>
      <c r="H636" t="s">
        <v>817</v>
      </c>
      <c r="I636">
        <v>11010</v>
      </c>
      <c r="J636" t="s">
        <v>682</v>
      </c>
      <c r="K636">
        <v>20</v>
      </c>
      <c r="L636" t="s">
        <v>1206</v>
      </c>
      <c r="M636">
        <v>3771</v>
      </c>
      <c r="N636" t="s">
        <v>654</v>
      </c>
      <c r="O636">
        <v>3</v>
      </c>
      <c r="P636" t="s">
        <v>655</v>
      </c>
      <c r="Q636">
        <v>1</v>
      </c>
      <c r="R636" t="s">
        <v>656</v>
      </c>
      <c r="S636">
        <v>2</v>
      </c>
      <c r="T636" t="s">
        <v>661</v>
      </c>
      <c r="U636">
        <v>8</v>
      </c>
      <c r="V636">
        <v>2</v>
      </c>
      <c r="W636">
        <v>120</v>
      </c>
      <c r="X636">
        <v>2020</v>
      </c>
    </row>
    <row r="637" spans="1:24" x14ac:dyDescent="0.25">
      <c r="A637">
        <v>13941</v>
      </c>
      <c r="B637" t="s">
        <v>215</v>
      </c>
      <c r="C637">
        <v>41</v>
      </c>
      <c r="D637" t="s">
        <v>480</v>
      </c>
      <c r="E637">
        <v>323</v>
      </c>
      <c r="F637" t="s">
        <v>651</v>
      </c>
      <c r="G637">
        <v>160</v>
      </c>
      <c r="H637" t="s">
        <v>1207</v>
      </c>
      <c r="I637">
        <v>5188</v>
      </c>
      <c r="J637" t="s">
        <v>714</v>
      </c>
      <c r="K637">
        <v>52</v>
      </c>
      <c r="L637" t="s">
        <v>1208</v>
      </c>
      <c r="M637">
        <v>3546</v>
      </c>
      <c r="N637" t="s">
        <v>654</v>
      </c>
      <c r="O637">
        <v>3</v>
      </c>
      <c r="P637" t="s">
        <v>655</v>
      </c>
      <c r="Q637">
        <v>1</v>
      </c>
      <c r="R637" t="s">
        <v>656</v>
      </c>
      <c r="S637">
        <v>2</v>
      </c>
      <c r="T637" t="s">
        <v>718</v>
      </c>
      <c r="U637">
        <v>2</v>
      </c>
      <c r="V637">
        <v>2</v>
      </c>
      <c r="W637">
        <v>120</v>
      </c>
      <c r="X637">
        <v>2020</v>
      </c>
    </row>
    <row r="638" spans="1:24" x14ac:dyDescent="0.25">
      <c r="A638">
        <v>13938</v>
      </c>
      <c r="B638" t="s">
        <v>215</v>
      </c>
      <c r="C638">
        <v>41</v>
      </c>
      <c r="D638" t="s">
        <v>478</v>
      </c>
      <c r="E638">
        <v>325</v>
      </c>
      <c r="F638" t="s">
        <v>651</v>
      </c>
      <c r="G638">
        <v>160</v>
      </c>
      <c r="H638" t="s">
        <v>1207</v>
      </c>
      <c r="I638">
        <v>5188</v>
      </c>
      <c r="J638" t="s">
        <v>880</v>
      </c>
      <c r="K638">
        <v>58</v>
      </c>
      <c r="L638" t="s">
        <v>1209</v>
      </c>
      <c r="M638">
        <v>3666</v>
      </c>
      <c r="N638" t="s">
        <v>654</v>
      </c>
      <c r="O638">
        <v>3</v>
      </c>
      <c r="P638" t="s">
        <v>655</v>
      </c>
      <c r="Q638">
        <v>1</v>
      </c>
      <c r="R638" t="s">
        <v>656</v>
      </c>
      <c r="S638">
        <v>2</v>
      </c>
      <c r="T638" t="s">
        <v>718</v>
      </c>
      <c r="U638">
        <v>2</v>
      </c>
      <c r="V638">
        <v>2</v>
      </c>
      <c r="W638">
        <v>120</v>
      </c>
      <c r="X638">
        <v>2020</v>
      </c>
    </row>
    <row r="639" spans="1:24" x14ac:dyDescent="0.25">
      <c r="A639">
        <v>13935</v>
      </c>
      <c r="B639" t="s">
        <v>215</v>
      </c>
      <c r="C639">
        <v>41</v>
      </c>
      <c r="D639" t="s">
        <v>479</v>
      </c>
      <c r="E639">
        <v>324</v>
      </c>
      <c r="F639" t="s">
        <v>651</v>
      </c>
      <c r="G639">
        <v>160</v>
      </c>
      <c r="H639" t="s">
        <v>1207</v>
      </c>
      <c r="I639">
        <v>5188</v>
      </c>
      <c r="J639" t="s">
        <v>738</v>
      </c>
      <c r="K639">
        <v>61</v>
      </c>
      <c r="L639" t="s">
        <v>1210</v>
      </c>
      <c r="M639">
        <v>3579</v>
      </c>
      <c r="N639" t="s">
        <v>654</v>
      </c>
      <c r="O639">
        <v>3</v>
      </c>
      <c r="P639" t="s">
        <v>655</v>
      </c>
      <c r="Q639">
        <v>1</v>
      </c>
      <c r="R639" t="s">
        <v>656</v>
      </c>
      <c r="S639">
        <v>2</v>
      </c>
      <c r="T639" t="s">
        <v>661</v>
      </c>
      <c r="U639">
        <v>8</v>
      </c>
      <c r="V639">
        <v>2</v>
      </c>
      <c r="W639">
        <v>120</v>
      </c>
      <c r="X639">
        <v>2020</v>
      </c>
    </row>
    <row r="640" spans="1:24" x14ac:dyDescent="0.25">
      <c r="A640">
        <v>13932</v>
      </c>
      <c r="B640" t="s">
        <v>215</v>
      </c>
      <c r="C640">
        <v>41</v>
      </c>
      <c r="D640" t="s">
        <v>481</v>
      </c>
      <c r="E640">
        <v>321</v>
      </c>
      <c r="F640" t="s">
        <v>651</v>
      </c>
      <c r="G640">
        <v>160</v>
      </c>
      <c r="H640" t="s">
        <v>1207</v>
      </c>
      <c r="I640">
        <v>5188</v>
      </c>
      <c r="J640" t="s">
        <v>684</v>
      </c>
      <c r="K640">
        <v>22</v>
      </c>
      <c r="L640" t="s">
        <v>1211</v>
      </c>
      <c r="M640">
        <v>2754</v>
      </c>
      <c r="N640" t="s">
        <v>654</v>
      </c>
      <c r="O640">
        <v>3</v>
      </c>
      <c r="P640" t="s">
        <v>655</v>
      </c>
      <c r="Q640">
        <v>1</v>
      </c>
      <c r="R640" t="s">
        <v>656</v>
      </c>
      <c r="S640">
        <v>2</v>
      </c>
      <c r="T640" t="s">
        <v>661</v>
      </c>
      <c r="U640">
        <v>8</v>
      </c>
      <c r="V640">
        <v>2</v>
      </c>
      <c r="W640">
        <v>120</v>
      </c>
      <c r="X640">
        <v>2020</v>
      </c>
    </row>
    <row r="641" spans="1:24" x14ac:dyDescent="0.25">
      <c r="A641">
        <v>13929</v>
      </c>
      <c r="B641" t="s">
        <v>26</v>
      </c>
      <c r="C641">
        <v>44</v>
      </c>
      <c r="D641" t="s">
        <v>473</v>
      </c>
      <c r="E641">
        <v>333</v>
      </c>
      <c r="F641" t="s">
        <v>651</v>
      </c>
      <c r="G641">
        <v>160</v>
      </c>
      <c r="H641" t="s">
        <v>666</v>
      </c>
      <c r="I641">
        <v>8767</v>
      </c>
      <c r="J641" t="s">
        <v>65</v>
      </c>
      <c r="K641">
        <v>15</v>
      </c>
      <c r="L641" t="s">
        <v>1212</v>
      </c>
      <c r="M641">
        <v>3519</v>
      </c>
      <c r="N641" t="s">
        <v>654</v>
      </c>
      <c r="O641">
        <v>3</v>
      </c>
      <c r="P641" t="s">
        <v>655</v>
      </c>
      <c r="Q641">
        <v>1</v>
      </c>
      <c r="R641" t="s">
        <v>656</v>
      </c>
      <c r="S641">
        <v>2</v>
      </c>
      <c r="T641" t="s">
        <v>661</v>
      </c>
      <c r="U641">
        <v>8</v>
      </c>
      <c r="V641">
        <v>1</v>
      </c>
      <c r="W641">
        <v>60</v>
      </c>
      <c r="X641">
        <v>2020</v>
      </c>
    </row>
    <row r="642" spans="1:24" x14ac:dyDescent="0.25">
      <c r="A642">
        <v>13926</v>
      </c>
      <c r="B642" t="s">
        <v>204</v>
      </c>
      <c r="C642">
        <v>45</v>
      </c>
      <c r="D642" t="s">
        <v>355</v>
      </c>
      <c r="E642">
        <v>604</v>
      </c>
      <c r="F642" t="s">
        <v>651</v>
      </c>
      <c r="G642">
        <v>160</v>
      </c>
      <c r="H642" t="s">
        <v>666</v>
      </c>
      <c r="I642">
        <v>8767</v>
      </c>
      <c r="J642" t="s">
        <v>679</v>
      </c>
      <c r="K642">
        <v>32</v>
      </c>
      <c r="L642" t="s">
        <v>1213</v>
      </c>
      <c r="M642">
        <v>3732</v>
      </c>
      <c r="N642" t="s">
        <v>654</v>
      </c>
      <c r="O642">
        <v>3</v>
      </c>
      <c r="P642" t="s">
        <v>655</v>
      </c>
      <c r="Q642">
        <v>1</v>
      </c>
      <c r="R642" t="s">
        <v>656</v>
      </c>
      <c r="S642">
        <v>2</v>
      </c>
      <c r="T642" t="s">
        <v>661</v>
      </c>
      <c r="U642">
        <v>8</v>
      </c>
      <c r="V642">
        <v>2</v>
      </c>
      <c r="W642">
        <v>120</v>
      </c>
      <c r="X642">
        <v>2020</v>
      </c>
    </row>
    <row r="643" spans="1:24" x14ac:dyDescent="0.25">
      <c r="A643">
        <v>13923</v>
      </c>
      <c r="B643" t="s">
        <v>224</v>
      </c>
      <c r="C643">
        <v>46</v>
      </c>
      <c r="D643" t="s">
        <v>440</v>
      </c>
      <c r="E643">
        <v>348</v>
      </c>
      <c r="F643" t="s">
        <v>651</v>
      </c>
      <c r="G643">
        <v>160</v>
      </c>
      <c r="H643" t="s">
        <v>773</v>
      </c>
      <c r="I643">
        <v>11846</v>
      </c>
      <c r="J643" t="s">
        <v>691</v>
      </c>
      <c r="K643">
        <v>21</v>
      </c>
      <c r="L643" t="s">
        <v>1214</v>
      </c>
      <c r="M643">
        <v>3600</v>
      </c>
      <c r="N643" t="s">
        <v>654</v>
      </c>
      <c r="O643">
        <v>3</v>
      </c>
      <c r="P643" t="s">
        <v>655</v>
      </c>
      <c r="Q643">
        <v>1</v>
      </c>
      <c r="R643" t="s">
        <v>656</v>
      </c>
      <c r="S643">
        <v>2</v>
      </c>
      <c r="T643" t="s">
        <v>661</v>
      </c>
      <c r="U643">
        <v>8</v>
      </c>
      <c r="V643">
        <v>2</v>
      </c>
      <c r="W643">
        <v>120</v>
      </c>
      <c r="X643">
        <v>2020</v>
      </c>
    </row>
    <row r="644" spans="1:24" x14ac:dyDescent="0.25">
      <c r="A644">
        <v>13920</v>
      </c>
      <c r="B644" t="s">
        <v>186</v>
      </c>
      <c r="C644">
        <v>47</v>
      </c>
      <c r="D644" t="s">
        <v>462</v>
      </c>
      <c r="E644">
        <v>351</v>
      </c>
      <c r="F644" t="s">
        <v>651</v>
      </c>
      <c r="G644">
        <v>160</v>
      </c>
      <c r="H644" t="s">
        <v>773</v>
      </c>
      <c r="I644">
        <v>11846</v>
      </c>
      <c r="J644" t="s">
        <v>678</v>
      </c>
      <c r="K644">
        <v>41</v>
      </c>
      <c r="L644" t="s">
        <v>1215</v>
      </c>
      <c r="M644">
        <v>3591</v>
      </c>
      <c r="N644" t="s">
        <v>654</v>
      </c>
      <c r="O644">
        <v>3</v>
      </c>
      <c r="P644" t="s">
        <v>655</v>
      </c>
      <c r="Q644">
        <v>1</v>
      </c>
      <c r="R644" t="s">
        <v>656</v>
      </c>
      <c r="S644">
        <v>2</v>
      </c>
      <c r="T644" t="s">
        <v>661</v>
      </c>
      <c r="U644">
        <v>8</v>
      </c>
      <c r="V644">
        <v>2</v>
      </c>
      <c r="W644">
        <v>120</v>
      </c>
      <c r="X644">
        <v>2020</v>
      </c>
    </row>
    <row r="645" spans="1:24" x14ac:dyDescent="0.25">
      <c r="A645">
        <v>13917</v>
      </c>
      <c r="B645" t="s">
        <v>186</v>
      </c>
      <c r="C645">
        <v>47</v>
      </c>
      <c r="D645" t="s">
        <v>459</v>
      </c>
      <c r="E645">
        <v>355</v>
      </c>
      <c r="F645" t="s">
        <v>651</v>
      </c>
      <c r="G645">
        <v>160</v>
      </c>
      <c r="H645" t="s">
        <v>773</v>
      </c>
      <c r="I645">
        <v>11846</v>
      </c>
      <c r="J645" t="s">
        <v>851</v>
      </c>
      <c r="K645">
        <v>43</v>
      </c>
      <c r="L645" t="s">
        <v>1216</v>
      </c>
      <c r="M645">
        <v>3675</v>
      </c>
      <c r="N645" t="s">
        <v>654</v>
      </c>
      <c r="O645">
        <v>3</v>
      </c>
      <c r="P645" t="s">
        <v>655</v>
      </c>
      <c r="Q645">
        <v>1</v>
      </c>
      <c r="R645" t="s">
        <v>656</v>
      </c>
      <c r="S645">
        <v>2</v>
      </c>
      <c r="T645" t="s">
        <v>661</v>
      </c>
      <c r="U645">
        <v>8</v>
      </c>
      <c r="V645">
        <v>2</v>
      </c>
      <c r="W645">
        <v>120</v>
      </c>
      <c r="X645">
        <v>2020</v>
      </c>
    </row>
    <row r="646" spans="1:24" x14ac:dyDescent="0.25">
      <c r="A646">
        <v>13914</v>
      </c>
      <c r="B646" t="s">
        <v>186</v>
      </c>
      <c r="C646">
        <v>47</v>
      </c>
      <c r="D646" t="s">
        <v>462</v>
      </c>
      <c r="E646">
        <v>351</v>
      </c>
      <c r="F646" t="s">
        <v>651</v>
      </c>
      <c r="G646">
        <v>160</v>
      </c>
      <c r="H646" t="s">
        <v>773</v>
      </c>
      <c r="I646">
        <v>11846</v>
      </c>
      <c r="J646" t="s">
        <v>851</v>
      </c>
      <c r="K646">
        <v>43</v>
      </c>
      <c r="L646" t="s">
        <v>1217</v>
      </c>
      <c r="M646">
        <v>3672</v>
      </c>
      <c r="N646" t="s">
        <v>654</v>
      </c>
      <c r="O646">
        <v>3</v>
      </c>
      <c r="P646" t="s">
        <v>655</v>
      </c>
      <c r="Q646">
        <v>1</v>
      </c>
      <c r="R646" t="s">
        <v>656</v>
      </c>
      <c r="S646">
        <v>2</v>
      </c>
      <c r="T646" t="s">
        <v>661</v>
      </c>
      <c r="U646">
        <v>8</v>
      </c>
      <c r="V646">
        <v>2</v>
      </c>
      <c r="W646">
        <v>120</v>
      </c>
      <c r="X646">
        <v>2020</v>
      </c>
    </row>
    <row r="647" spans="1:24" x14ac:dyDescent="0.25">
      <c r="A647">
        <v>13911</v>
      </c>
      <c r="B647" t="s">
        <v>186</v>
      </c>
      <c r="C647">
        <v>47</v>
      </c>
      <c r="D647" t="s">
        <v>460</v>
      </c>
      <c r="E647">
        <v>354</v>
      </c>
      <c r="F647" t="s">
        <v>651</v>
      </c>
      <c r="G647">
        <v>160</v>
      </c>
      <c r="H647" t="s">
        <v>773</v>
      </c>
      <c r="I647">
        <v>11846</v>
      </c>
      <c r="J647" t="s">
        <v>880</v>
      </c>
      <c r="K647">
        <v>58</v>
      </c>
      <c r="L647" t="s">
        <v>1218</v>
      </c>
      <c r="M647">
        <v>3663</v>
      </c>
      <c r="N647" t="s">
        <v>654</v>
      </c>
      <c r="O647">
        <v>3</v>
      </c>
      <c r="P647" t="s">
        <v>655</v>
      </c>
      <c r="Q647">
        <v>1</v>
      </c>
      <c r="R647" t="s">
        <v>656</v>
      </c>
      <c r="S647">
        <v>2</v>
      </c>
      <c r="T647" t="s">
        <v>661</v>
      </c>
      <c r="U647">
        <v>8</v>
      </c>
      <c r="V647">
        <v>2</v>
      </c>
      <c r="W647">
        <v>120</v>
      </c>
      <c r="X647">
        <v>2020</v>
      </c>
    </row>
    <row r="648" spans="1:24" x14ac:dyDescent="0.25">
      <c r="A648">
        <v>13908</v>
      </c>
      <c r="B648" t="s">
        <v>186</v>
      </c>
      <c r="C648">
        <v>47</v>
      </c>
      <c r="D648" t="s">
        <v>459</v>
      </c>
      <c r="E648">
        <v>355</v>
      </c>
      <c r="F648" t="s">
        <v>651</v>
      </c>
      <c r="G648">
        <v>160</v>
      </c>
      <c r="H648" t="s">
        <v>773</v>
      </c>
      <c r="I648">
        <v>11846</v>
      </c>
      <c r="J648" t="s">
        <v>1219</v>
      </c>
      <c r="K648">
        <v>42</v>
      </c>
      <c r="L648" t="s">
        <v>1220</v>
      </c>
      <c r="M648">
        <v>3528</v>
      </c>
      <c r="N648" t="s">
        <v>654</v>
      </c>
      <c r="O648">
        <v>3</v>
      </c>
      <c r="P648" t="s">
        <v>655</v>
      </c>
      <c r="Q648">
        <v>1</v>
      </c>
      <c r="R648" t="s">
        <v>656</v>
      </c>
      <c r="S648">
        <v>2</v>
      </c>
      <c r="T648" t="s">
        <v>661</v>
      </c>
      <c r="U648">
        <v>8</v>
      </c>
      <c r="V648">
        <v>2</v>
      </c>
      <c r="W648">
        <v>120</v>
      </c>
      <c r="X648">
        <v>2020</v>
      </c>
    </row>
    <row r="649" spans="1:24" x14ac:dyDescent="0.25">
      <c r="A649">
        <v>13905</v>
      </c>
      <c r="B649" t="s">
        <v>93</v>
      </c>
      <c r="C649">
        <v>48</v>
      </c>
      <c r="D649" t="s">
        <v>458</v>
      </c>
      <c r="E649">
        <v>356</v>
      </c>
      <c r="F649" t="s">
        <v>651</v>
      </c>
      <c r="G649">
        <v>160</v>
      </c>
      <c r="H649" t="s">
        <v>773</v>
      </c>
      <c r="I649">
        <v>11846</v>
      </c>
      <c r="J649" t="s">
        <v>676</v>
      </c>
      <c r="K649">
        <v>4</v>
      </c>
      <c r="L649" t="s">
        <v>811</v>
      </c>
      <c r="M649">
        <v>3609</v>
      </c>
      <c r="N649" t="s">
        <v>654</v>
      </c>
      <c r="O649">
        <v>3</v>
      </c>
      <c r="P649" t="s">
        <v>655</v>
      </c>
      <c r="Q649">
        <v>1</v>
      </c>
      <c r="R649" t="s">
        <v>656</v>
      </c>
      <c r="S649">
        <v>2</v>
      </c>
      <c r="T649" t="s">
        <v>661</v>
      </c>
      <c r="U649">
        <v>8</v>
      </c>
      <c r="V649">
        <v>2</v>
      </c>
      <c r="W649">
        <v>120</v>
      </c>
      <c r="X649">
        <v>2020</v>
      </c>
    </row>
    <row r="650" spans="1:24" x14ac:dyDescent="0.25">
      <c r="A650">
        <v>13902</v>
      </c>
      <c r="B650" t="s">
        <v>93</v>
      </c>
      <c r="C650">
        <v>48</v>
      </c>
      <c r="D650" t="s">
        <v>454</v>
      </c>
      <c r="E650">
        <v>360</v>
      </c>
      <c r="F650" t="s">
        <v>651</v>
      </c>
      <c r="G650">
        <v>160</v>
      </c>
      <c r="H650" t="s">
        <v>773</v>
      </c>
      <c r="I650">
        <v>11846</v>
      </c>
      <c r="J650" t="s">
        <v>894</v>
      </c>
      <c r="K650">
        <v>18</v>
      </c>
      <c r="L650" t="s">
        <v>1221</v>
      </c>
      <c r="M650">
        <v>3618</v>
      </c>
      <c r="N650" t="s">
        <v>654</v>
      </c>
      <c r="O650">
        <v>3</v>
      </c>
      <c r="P650" t="s">
        <v>655</v>
      </c>
      <c r="Q650">
        <v>1</v>
      </c>
      <c r="R650" t="s">
        <v>656</v>
      </c>
      <c r="S650">
        <v>2</v>
      </c>
      <c r="T650" t="s">
        <v>661</v>
      </c>
      <c r="U650">
        <v>8</v>
      </c>
      <c r="V650">
        <v>2</v>
      </c>
      <c r="W650">
        <v>120</v>
      </c>
      <c r="X650">
        <v>2020</v>
      </c>
    </row>
    <row r="651" spans="1:24" x14ac:dyDescent="0.25">
      <c r="A651">
        <v>13899</v>
      </c>
      <c r="B651" t="s">
        <v>293</v>
      </c>
      <c r="C651">
        <v>52</v>
      </c>
      <c r="D651" t="s">
        <v>325</v>
      </c>
      <c r="E651">
        <v>657</v>
      </c>
      <c r="F651" t="s">
        <v>651</v>
      </c>
      <c r="G651">
        <v>160</v>
      </c>
      <c r="H651" t="s">
        <v>658</v>
      </c>
      <c r="I651">
        <v>13755</v>
      </c>
      <c r="J651" t="s">
        <v>756</v>
      </c>
      <c r="K651">
        <v>19</v>
      </c>
      <c r="L651" t="s">
        <v>1222</v>
      </c>
      <c r="M651">
        <v>3651</v>
      </c>
      <c r="N651" t="s">
        <v>654</v>
      </c>
      <c r="O651">
        <v>3</v>
      </c>
      <c r="P651" t="s">
        <v>655</v>
      </c>
      <c r="Q651">
        <v>1</v>
      </c>
      <c r="R651" t="s">
        <v>656</v>
      </c>
      <c r="S651">
        <v>2</v>
      </c>
      <c r="T651" t="s">
        <v>661</v>
      </c>
      <c r="U651">
        <v>8</v>
      </c>
      <c r="V651">
        <v>2</v>
      </c>
      <c r="W651">
        <v>120</v>
      </c>
      <c r="X651">
        <v>2020</v>
      </c>
    </row>
    <row r="652" spans="1:24" x14ac:dyDescent="0.25">
      <c r="A652">
        <v>13896</v>
      </c>
      <c r="B652" t="s">
        <v>293</v>
      </c>
      <c r="C652">
        <v>52</v>
      </c>
      <c r="D652" t="s">
        <v>325</v>
      </c>
      <c r="E652">
        <v>657</v>
      </c>
      <c r="F652" t="s">
        <v>651</v>
      </c>
      <c r="G652">
        <v>160</v>
      </c>
      <c r="H652" t="s">
        <v>658</v>
      </c>
      <c r="I652">
        <v>13755</v>
      </c>
      <c r="J652" t="s">
        <v>756</v>
      </c>
      <c r="K652">
        <v>19</v>
      </c>
      <c r="L652" t="s">
        <v>1223</v>
      </c>
      <c r="M652">
        <v>3648</v>
      </c>
      <c r="N652" t="s">
        <v>654</v>
      </c>
      <c r="O652">
        <v>3</v>
      </c>
      <c r="P652" t="s">
        <v>655</v>
      </c>
      <c r="Q652">
        <v>1</v>
      </c>
      <c r="R652" t="s">
        <v>656</v>
      </c>
      <c r="S652">
        <v>2</v>
      </c>
      <c r="T652" t="s">
        <v>718</v>
      </c>
      <c r="U652">
        <v>2</v>
      </c>
      <c r="V652">
        <v>2</v>
      </c>
      <c r="W652">
        <v>120</v>
      </c>
      <c r="X652">
        <v>2020</v>
      </c>
    </row>
    <row r="653" spans="1:24" x14ac:dyDescent="0.25">
      <c r="A653">
        <v>13893</v>
      </c>
      <c r="B653" t="s">
        <v>53</v>
      </c>
      <c r="C653">
        <v>60</v>
      </c>
      <c r="D653" t="s">
        <v>430</v>
      </c>
      <c r="E653">
        <v>407</v>
      </c>
      <c r="F653" t="s">
        <v>651</v>
      </c>
      <c r="G653">
        <v>160</v>
      </c>
      <c r="H653" t="s">
        <v>658</v>
      </c>
      <c r="I653">
        <v>13755</v>
      </c>
      <c r="J653" t="s">
        <v>301</v>
      </c>
      <c r="K653">
        <v>26</v>
      </c>
      <c r="L653" t="s">
        <v>1224</v>
      </c>
      <c r="M653">
        <v>3642</v>
      </c>
      <c r="N653" t="s">
        <v>654</v>
      </c>
      <c r="O653">
        <v>3</v>
      </c>
      <c r="P653" t="s">
        <v>655</v>
      </c>
      <c r="Q653">
        <v>1</v>
      </c>
      <c r="R653" t="s">
        <v>656</v>
      </c>
      <c r="S653">
        <v>2</v>
      </c>
      <c r="T653" t="s">
        <v>718</v>
      </c>
      <c r="U653">
        <v>2</v>
      </c>
      <c r="V653">
        <v>2</v>
      </c>
      <c r="W653">
        <v>120</v>
      </c>
      <c r="X653">
        <v>2020</v>
      </c>
    </row>
    <row r="654" spans="1:24" x14ac:dyDescent="0.25">
      <c r="A654">
        <v>13887</v>
      </c>
      <c r="B654" t="s">
        <v>226</v>
      </c>
      <c r="C654">
        <v>1</v>
      </c>
      <c r="D654" t="s">
        <v>628</v>
      </c>
      <c r="E654">
        <v>6</v>
      </c>
      <c r="F654" t="s">
        <v>651</v>
      </c>
      <c r="G654">
        <v>160</v>
      </c>
      <c r="H654" t="s">
        <v>658</v>
      </c>
      <c r="I654">
        <v>13755</v>
      </c>
      <c r="J654" t="s">
        <v>693</v>
      </c>
      <c r="K654">
        <v>56</v>
      </c>
      <c r="L654" t="s">
        <v>1225</v>
      </c>
      <c r="M654">
        <v>3882</v>
      </c>
      <c r="N654" t="s">
        <v>668</v>
      </c>
      <c r="O654">
        <v>4</v>
      </c>
      <c r="P654" t="s">
        <v>655</v>
      </c>
      <c r="Q654">
        <v>1</v>
      </c>
      <c r="R654" t="s">
        <v>669</v>
      </c>
      <c r="S654">
        <v>1</v>
      </c>
      <c r="T654" t="s">
        <v>661</v>
      </c>
      <c r="U654">
        <v>8</v>
      </c>
      <c r="V654">
        <v>4</v>
      </c>
      <c r="W654">
        <v>240</v>
      </c>
      <c r="X654">
        <v>2020</v>
      </c>
    </row>
    <row r="655" spans="1:24" x14ac:dyDescent="0.25">
      <c r="A655">
        <v>13884</v>
      </c>
      <c r="B655" t="s">
        <v>53</v>
      </c>
      <c r="C655">
        <v>60</v>
      </c>
      <c r="D655" t="s">
        <v>427</v>
      </c>
      <c r="E655">
        <v>411</v>
      </c>
      <c r="F655" t="s">
        <v>651</v>
      </c>
      <c r="G655">
        <v>160</v>
      </c>
      <c r="H655" t="s">
        <v>658</v>
      </c>
      <c r="I655">
        <v>13755</v>
      </c>
      <c r="J655" t="s">
        <v>955</v>
      </c>
      <c r="K655">
        <v>29</v>
      </c>
      <c r="L655" t="s">
        <v>1226</v>
      </c>
      <c r="M655">
        <v>3705</v>
      </c>
      <c r="N655" t="s">
        <v>654</v>
      </c>
      <c r="O655">
        <v>3</v>
      </c>
      <c r="P655" t="s">
        <v>655</v>
      </c>
      <c r="Q655">
        <v>1</v>
      </c>
      <c r="R655" t="s">
        <v>656</v>
      </c>
      <c r="S655">
        <v>2</v>
      </c>
      <c r="T655" t="s">
        <v>718</v>
      </c>
      <c r="U655">
        <v>2</v>
      </c>
      <c r="V655">
        <v>2</v>
      </c>
      <c r="W655">
        <v>120</v>
      </c>
      <c r="X655">
        <v>2020</v>
      </c>
    </row>
    <row r="656" spans="1:24" x14ac:dyDescent="0.25">
      <c r="A656">
        <v>13881</v>
      </c>
      <c r="B656" t="s">
        <v>67</v>
      </c>
      <c r="C656">
        <v>62</v>
      </c>
      <c r="D656" t="s">
        <v>313</v>
      </c>
      <c r="E656">
        <v>671</v>
      </c>
      <c r="F656" t="s">
        <v>651</v>
      </c>
      <c r="G656">
        <v>160</v>
      </c>
      <c r="H656" t="s">
        <v>747</v>
      </c>
      <c r="I656">
        <v>4847</v>
      </c>
      <c r="J656" t="s">
        <v>295</v>
      </c>
      <c r="K656">
        <v>30</v>
      </c>
      <c r="L656" t="s">
        <v>1227</v>
      </c>
      <c r="M656">
        <v>3525</v>
      </c>
      <c r="N656" t="s">
        <v>654</v>
      </c>
      <c r="O656">
        <v>3</v>
      </c>
      <c r="P656" t="s">
        <v>655</v>
      </c>
      <c r="Q656">
        <v>1</v>
      </c>
      <c r="R656" t="s">
        <v>656</v>
      </c>
      <c r="S656">
        <v>2</v>
      </c>
      <c r="T656" t="s">
        <v>718</v>
      </c>
      <c r="U656">
        <v>2</v>
      </c>
      <c r="V656">
        <v>2</v>
      </c>
      <c r="W656">
        <v>120</v>
      </c>
      <c r="X656">
        <v>2020</v>
      </c>
    </row>
    <row r="657" spans="1:24" x14ac:dyDescent="0.25">
      <c r="A657">
        <v>13878</v>
      </c>
      <c r="B657" t="s">
        <v>226</v>
      </c>
      <c r="C657">
        <v>1</v>
      </c>
      <c r="D657" t="s">
        <v>624</v>
      </c>
      <c r="E657">
        <v>11</v>
      </c>
      <c r="F657" t="s">
        <v>651</v>
      </c>
      <c r="G657">
        <v>160</v>
      </c>
      <c r="H657" t="s">
        <v>658</v>
      </c>
      <c r="I657">
        <v>13755</v>
      </c>
      <c r="J657" t="s">
        <v>848</v>
      </c>
      <c r="K657">
        <v>62</v>
      </c>
      <c r="L657" t="s">
        <v>1228</v>
      </c>
      <c r="M657">
        <v>269</v>
      </c>
      <c r="N657" t="s">
        <v>668</v>
      </c>
      <c r="O657">
        <v>4</v>
      </c>
      <c r="P657" t="s">
        <v>655</v>
      </c>
      <c r="Q657">
        <v>1</v>
      </c>
      <c r="R657" t="s">
        <v>669</v>
      </c>
      <c r="S657">
        <v>1</v>
      </c>
      <c r="T657" t="s">
        <v>661</v>
      </c>
      <c r="U657">
        <v>8</v>
      </c>
      <c r="V657">
        <v>4</v>
      </c>
      <c r="W657">
        <v>240</v>
      </c>
      <c r="X657">
        <v>2020</v>
      </c>
    </row>
    <row r="658" spans="1:24" x14ac:dyDescent="0.25">
      <c r="A658">
        <v>13875</v>
      </c>
      <c r="B658" t="s">
        <v>180</v>
      </c>
      <c r="C658">
        <v>70</v>
      </c>
      <c r="D658" t="s">
        <v>322</v>
      </c>
      <c r="E658">
        <v>660</v>
      </c>
      <c r="F658" t="s">
        <v>651</v>
      </c>
      <c r="G658">
        <v>160</v>
      </c>
      <c r="H658" t="s">
        <v>681</v>
      </c>
      <c r="I658">
        <v>717</v>
      </c>
      <c r="J658" t="s">
        <v>831</v>
      </c>
      <c r="K658">
        <v>5</v>
      </c>
      <c r="L658" t="s">
        <v>1229</v>
      </c>
      <c r="M658">
        <v>3825</v>
      </c>
      <c r="N658" t="s">
        <v>654</v>
      </c>
      <c r="O658">
        <v>3</v>
      </c>
      <c r="P658" t="s">
        <v>655</v>
      </c>
      <c r="Q658">
        <v>1</v>
      </c>
      <c r="R658" t="s">
        <v>656</v>
      </c>
      <c r="S658">
        <v>2</v>
      </c>
      <c r="T658" t="s">
        <v>718</v>
      </c>
      <c r="U658">
        <v>2</v>
      </c>
      <c r="V658">
        <v>2</v>
      </c>
      <c r="W658">
        <v>120</v>
      </c>
      <c r="X658">
        <v>2020</v>
      </c>
    </row>
    <row r="659" spans="1:24" x14ac:dyDescent="0.25">
      <c r="A659">
        <v>13872</v>
      </c>
      <c r="B659" t="s">
        <v>8</v>
      </c>
      <c r="C659">
        <v>75</v>
      </c>
      <c r="D659" t="s">
        <v>11</v>
      </c>
      <c r="E659">
        <v>498</v>
      </c>
      <c r="F659" t="s">
        <v>651</v>
      </c>
      <c r="G659">
        <v>160</v>
      </c>
      <c r="H659" t="s">
        <v>675</v>
      </c>
      <c r="I659">
        <v>5952</v>
      </c>
      <c r="J659" t="s">
        <v>65</v>
      </c>
      <c r="K659">
        <v>15</v>
      </c>
      <c r="L659" t="s">
        <v>1230</v>
      </c>
      <c r="M659">
        <v>3639</v>
      </c>
      <c r="N659" t="s">
        <v>654</v>
      </c>
      <c r="O659">
        <v>3</v>
      </c>
      <c r="P659" t="s">
        <v>655</v>
      </c>
      <c r="Q659">
        <v>1</v>
      </c>
      <c r="R659" t="s">
        <v>656</v>
      </c>
      <c r="S659">
        <v>2</v>
      </c>
      <c r="T659" t="s">
        <v>661</v>
      </c>
      <c r="U659">
        <v>8</v>
      </c>
      <c r="V659">
        <v>1.5</v>
      </c>
      <c r="W659">
        <v>90</v>
      </c>
      <c r="X659">
        <v>2020</v>
      </c>
    </row>
    <row r="660" spans="1:24" x14ac:dyDescent="0.25">
      <c r="A660">
        <v>13869</v>
      </c>
      <c r="B660" t="s">
        <v>391</v>
      </c>
      <c r="C660">
        <v>79</v>
      </c>
      <c r="D660" t="s">
        <v>392</v>
      </c>
      <c r="E660">
        <v>511</v>
      </c>
      <c r="F660" t="s">
        <v>651</v>
      </c>
      <c r="G660">
        <v>160</v>
      </c>
      <c r="H660" t="s">
        <v>1231</v>
      </c>
      <c r="I660">
        <v>3308</v>
      </c>
      <c r="J660" t="s">
        <v>295</v>
      </c>
      <c r="K660">
        <v>30</v>
      </c>
      <c r="L660" t="s">
        <v>1232</v>
      </c>
      <c r="M660">
        <v>3522</v>
      </c>
      <c r="N660" t="s">
        <v>654</v>
      </c>
      <c r="O660">
        <v>3</v>
      </c>
      <c r="P660" t="s">
        <v>655</v>
      </c>
      <c r="Q660">
        <v>1</v>
      </c>
      <c r="R660" t="s">
        <v>656</v>
      </c>
      <c r="S660">
        <v>2</v>
      </c>
      <c r="T660" t="s">
        <v>661</v>
      </c>
      <c r="U660">
        <v>8</v>
      </c>
      <c r="V660">
        <v>2</v>
      </c>
      <c r="W660">
        <v>120</v>
      </c>
      <c r="X660">
        <v>2020</v>
      </c>
    </row>
    <row r="661" spans="1:24" x14ac:dyDescent="0.25">
      <c r="A661">
        <v>13866</v>
      </c>
      <c r="B661" t="s">
        <v>16</v>
      </c>
      <c r="C661">
        <v>5</v>
      </c>
      <c r="D661" t="s">
        <v>605</v>
      </c>
      <c r="E661">
        <v>36</v>
      </c>
      <c r="F661" t="s">
        <v>651</v>
      </c>
      <c r="G661">
        <v>160</v>
      </c>
      <c r="H661" t="s">
        <v>658</v>
      </c>
      <c r="I661">
        <v>13755</v>
      </c>
      <c r="J661" t="s">
        <v>1094</v>
      </c>
      <c r="K661">
        <v>28</v>
      </c>
      <c r="L661" t="s">
        <v>1233</v>
      </c>
      <c r="M661">
        <v>90</v>
      </c>
      <c r="N661" t="s">
        <v>668</v>
      </c>
      <c r="O661">
        <v>4</v>
      </c>
      <c r="P661" t="s">
        <v>655</v>
      </c>
      <c r="Q661">
        <v>1</v>
      </c>
      <c r="R661" t="s">
        <v>669</v>
      </c>
      <c r="S661">
        <v>1</v>
      </c>
      <c r="T661" t="s">
        <v>661</v>
      </c>
      <c r="U661">
        <v>8</v>
      </c>
      <c r="V661">
        <v>3</v>
      </c>
      <c r="W661">
        <v>180</v>
      </c>
      <c r="X661">
        <v>2020</v>
      </c>
    </row>
    <row r="662" spans="1:24" x14ac:dyDescent="0.25">
      <c r="A662">
        <v>13863</v>
      </c>
      <c r="B662" t="s">
        <v>189</v>
      </c>
      <c r="C662">
        <v>30</v>
      </c>
      <c r="D662" t="s">
        <v>463</v>
      </c>
      <c r="E662">
        <v>232</v>
      </c>
      <c r="F662" t="s">
        <v>651</v>
      </c>
      <c r="G662">
        <v>160</v>
      </c>
      <c r="H662" t="s">
        <v>719</v>
      </c>
      <c r="I662">
        <v>7630</v>
      </c>
      <c r="J662" t="s">
        <v>917</v>
      </c>
      <c r="K662">
        <v>83</v>
      </c>
      <c r="L662" t="s">
        <v>1234</v>
      </c>
      <c r="M662">
        <v>3510</v>
      </c>
      <c r="N662" t="s">
        <v>654</v>
      </c>
      <c r="O662">
        <v>3</v>
      </c>
      <c r="P662" t="s">
        <v>655</v>
      </c>
      <c r="Q662">
        <v>1</v>
      </c>
      <c r="R662" t="s">
        <v>656</v>
      </c>
      <c r="S662">
        <v>2</v>
      </c>
      <c r="T662" t="s">
        <v>661</v>
      </c>
      <c r="U662">
        <v>8</v>
      </c>
      <c r="V662">
        <v>2</v>
      </c>
      <c r="W662">
        <v>120</v>
      </c>
      <c r="X662">
        <v>2020</v>
      </c>
    </row>
    <row r="663" spans="1:24" x14ac:dyDescent="0.25">
      <c r="A663">
        <v>13860</v>
      </c>
      <c r="B663" t="s">
        <v>138</v>
      </c>
      <c r="C663">
        <v>35</v>
      </c>
      <c r="D663" t="s">
        <v>494</v>
      </c>
      <c r="E663">
        <v>277</v>
      </c>
      <c r="F663" t="s">
        <v>651</v>
      </c>
      <c r="G663">
        <v>160</v>
      </c>
      <c r="H663" t="s">
        <v>1054</v>
      </c>
      <c r="I663">
        <v>7022</v>
      </c>
      <c r="J663" t="s">
        <v>693</v>
      </c>
      <c r="K663">
        <v>56</v>
      </c>
      <c r="L663" t="s">
        <v>1235</v>
      </c>
      <c r="M663">
        <v>1923</v>
      </c>
      <c r="N663" t="s">
        <v>654</v>
      </c>
      <c r="O663">
        <v>3</v>
      </c>
      <c r="P663" t="s">
        <v>655</v>
      </c>
      <c r="Q663">
        <v>1</v>
      </c>
      <c r="R663" t="s">
        <v>656</v>
      </c>
      <c r="S663">
        <v>2</v>
      </c>
      <c r="T663" t="s">
        <v>661</v>
      </c>
      <c r="U663">
        <v>8</v>
      </c>
      <c r="V663">
        <v>2</v>
      </c>
      <c r="W663">
        <v>120</v>
      </c>
      <c r="X663">
        <v>2020</v>
      </c>
    </row>
    <row r="664" spans="1:24" x14ac:dyDescent="0.25">
      <c r="A664">
        <v>13857</v>
      </c>
      <c r="B664" t="s">
        <v>215</v>
      </c>
      <c r="C664">
        <v>41</v>
      </c>
      <c r="D664" t="s">
        <v>479</v>
      </c>
      <c r="E664">
        <v>324</v>
      </c>
      <c r="F664" t="s">
        <v>651</v>
      </c>
      <c r="G664">
        <v>160</v>
      </c>
      <c r="H664" t="s">
        <v>1207</v>
      </c>
      <c r="I664">
        <v>5188</v>
      </c>
      <c r="J664" t="s">
        <v>1236</v>
      </c>
      <c r="K664">
        <v>60</v>
      </c>
      <c r="L664" t="s">
        <v>1237</v>
      </c>
      <c r="M664">
        <v>3504</v>
      </c>
      <c r="N664" t="s">
        <v>654</v>
      </c>
      <c r="O664">
        <v>3</v>
      </c>
      <c r="P664" t="s">
        <v>655</v>
      </c>
      <c r="Q664">
        <v>1</v>
      </c>
      <c r="R664" t="s">
        <v>656</v>
      </c>
      <c r="S664">
        <v>2</v>
      </c>
      <c r="T664" t="s">
        <v>718</v>
      </c>
      <c r="U664">
        <v>2</v>
      </c>
      <c r="V664">
        <v>2</v>
      </c>
      <c r="W664">
        <v>120</v>
      </c>
      <c r="X664">
        <v>2020</v>
      </c>
    </row>
    <row r="665" spans="1:24" x14ac:dyDescent="0.25">
      <c r="A665">
        <v>13854</v>
      </c>
      <c r="B665" t="s">
        <v>303</v>
      </c>
      <c r="C665">
        <v>53</v>
      </c>
      <c r="D665" t="s">
        <v>447</v>
      </c>
      <c r="E665">
        <v>374</v>
      </c>
      <c r="F665" t="s">
        <v>651</v>
      </c>
      <c r="G665">
        <v>160</v>
      </c>
      <c r="H665" t="s">
        <v>658</v>
      </c>
      <c r="I665">
        <v>13755</v>
      </c>
      <c r="J665" t="s">
        <v>65</v>
      </c>
      <c r="K665">
        <v>15</v>
      </c>
      <c r="L665" t="s">
        <v>1238</v>
      </c>
      <c r="M665">
        <v>3531</v>
      </c>
      <c r="N665" t="s">
        <v>654</v>
      </c>
      <c r="O665">
        <v>3</v>
      </c>
      <c r="P665" t="s">
        <v>655</v>
      </c>
      <c r="Q665">
        <v>1</v>
      </c>
      <c r="R665" t="s">
        <v>656</v>
      </c>
      <c r="S665">
        <v>2</v>
      </c>
      <c r="T665" t="s">
        <v>661</v>
      </c>
      <c r="U665">
        <v>8</v>
      </c>
      <c r="V665">
        <v>2</v>
      </c>
      <c r="W665">
        <v>120</v>
      </c>
      <c r="X665">
        <v>2020</v>
      </c>
    </row>
    <row r="666" spans="1:24" x14ac:dyDescent="0.25">
      <c r="A666">
        <v>13851</v>
      </c>
      <c r="B666" t="s">
        <v>16</v>
      </c>
      <c r="C666">
        <v>5</v>
      </c>
      <c r="D666" t="s">
        <v>439</v>
      </c>
      <c r="E666">
        <v>47</v>
      </c>
      <c r="F666" t="s">
        <v>651</v>
      </c>
      <c r="G666">
        <v>160</v>
      </c>
      <c r="H666" t="s">
        <v>658</v>
      </c>
      <c r="I666">
        <v>13755</v>
      </c>
      <c r="J666" t="s">
        <v>699</v>
      </c>
      <c r="K666">
        <v>10</v>
      </c>
      <c r="L666" t="s">
        <v>700</v>
      </c>
      <c r="M666">
        <v>348</v>
      </c>
      <c r="N666" t="s">
        <v>668</v>
      </c>
      <c r="O666">
        <v>4</v>
      </c>
      <c r="P666" t="s">
        <v>655</v>
      </c>
      <c r="Q666">
        <v>1</v>
      </c>
      <c r="R666" t="s">
        <v>669</v>
      </c>
      <c r="S666">
        <v>1</v>
      </c>
      <c r="T666" t="s">
        <v>1239</v>
      </c>
      <c r="U666">
        <v>911</v>
      </c>
      <c r="V666">
        <v>3</v>
      </c>
      <c r="W666">
        <v>180</v>
      </c>
      <c r="X666">
        <v>2020</v>
      </c>
    </row>
    <row r="667" spans="1:24" x14ac:dyDescent="0.25">
      <c r="A667">
        <v>13848</v>
      </c>
      <c r="B667" t="s">
        <v>16</v>
      </c>
      <c r="C667">
        <v>5</v>
      </c>
      <c r="D667" t="s">
        <v>439</v>
      </c>
      <c r="E667">
        <v>47</v>
      </c>
      <c r="F667" t="s">
        <v>651</v>
      </c>
      <c r="G667">
        <v>160</v>
      </c>
      <c r="H667" t="s">
        <v>658</v>
      </c>
      <c r="I667">
        <v>13755</v>
      </c>
      <c r="J667" t="s">
        <v>699</v>
      </c>
      <c r="K667">
        <v>10</v>
      </c>
      <c r="L667" t="s">
        <v>700</v>
      </c>
      <c r="M667">
        <v>348</v>
      </c>
      <c r="N667" t="s">
        <v>668</v>
      </c>
      <c r="O667">
        <v>4</v>
      </c>
      <c r="P667" t="s">
        <v>655</v>
      </c>
      <c r="Q667">
        <v>1</v>
      </c>
      <c r="R667" t="s">
        <v>669</v>
      </c>
      <c r="S667">
        <v>1</v>
      </c>
      <c r="T667" t="s">
        <v>1240</v>
      </c>
      <c r="U667">
        <v>950</v>
      </c>
      <c r="V667">
        <v>3</v>
      </c>
      <c r="W667">
        <v>180</v>
      </c>
      <c r="X667">
        <v>2020</v>
      </c>
    </row>
    <row r="668" spans="1:24" x14ac:dyDescent="0.25">
      <c r="A668">
        <v>13845</v>
      </c>
      <c r="B668" t="s">
        <v>16</v>
      </c>
      <c r="C668">
        <v>5</v>
      </c>
      <c r="D668" t="s">
        <v>439</v>
      </c>
      <c r="E668">
        <v>47</v>
      </c>
      <c r="F668" t="s">
        <v>651</v>
      </c>
      <c r="G668">
        <v>160</v>
      </c>
      <c r="H668" t="s">
        <v>658</v>
      </c>
      <c r="I668">
        <v>13755</v>
      </c>
      <c r="J668" t="s">
        <v>699</v>
      </c>
      <c r="K668">
        <v>10</v>
      </c>
      <c r="L668" t="s">
        <v>1241</v>
      </c>
      <c r="M668">
        <v>346</v>
      </c>
      <c r="N668" t="s">
        <v>668</v>
      </c>
      <c r="O668">
        <v>4</v>
      </c>
      <c r="P668" t="s">
        <v>655</v>
      </c>
      <c r="Q668">
        <v>1</v>
      </c>
      <c r="R668" t="s">
        <v>669</v>
      </c>
      <c r="S668">
        <v>1</v>
      </c>
      <c r="T668" t="s">
        <v>1242</v>
      </c>
      <c r="U668">
        <v>953</v>
      </c>
      <c r="V668">
        <v>3</v>
      </c>
      <c r="W668">
        <v>180</v>
      </c>
      <c r="X668">
        <v>2020</v>
      </c>
    </row>
    <row r="669" spans="1:24" x14ac:dyDescent="0.25">
      <c r="A669">
        <v>13842</v>
      </c>
      <c r="B669" t="s">
        <v>16</v>
      </c>
      <c r="C669">
        <v>5</v>
      </c>
      <c r="D669" t="s">
        <v>439</v>
      </c>
      <c r="E669">
        <v>47</v>
      </c>
      <c r="F669" t="s">
        <v>651</v>
      </c>
      <c r="G669">
        <v>160</v>
      </c>
      <c r="H669" t="s">
        <v>658</v>
      </c>
      <c r="I669">
        <v>13755</v>
      </c>
      <c r="J669" t="s">
        <v>699</v>
      </c>
      <c r="K669">
        <v>10</v>
      </c>
      <c r="L669" t="s">
        <v>700</v>
      </c>
      <c r="M669">
        <v>348</v>
      </c>
      <c r="N669" t="s">
        <v>668</v>
      </c>
      <c r="O669">
        <v>4</v>
      </c>
      <c r="P669" t="s">
        <v>655</v>
      </c>
      <c r="Q669">
        <v>1</v>
      </c>
      <c r="R669" t="s">
        <v>669</v>
      </c>
      <c r="S669">
        <v>1</v>
      </c>
      <c r="T669" t="s">
        <v>1243</v>
      </c>
      <c r="U669">
        <v>914</v>
      </c>
      <c r="V669">
        <v>3</v>
      </c>
      <c r="W669">
        <v>180</v>
      </c>
      <c r="X669">
        <v>2020</v>
      </c>
    </row>
    <row r="670" spans="1:24" x14ac:dyDescent="0.25">
      <c r="A670">
        <v>13839</v>
      </c>
      <c r="B670" t="s">
        <v>16</v>
      </c>
      <c r="C670">
        <v>5</v>
      </c>
      <c r="D670" t="s">
        <v>439</v>
      </c>
      <c r="E670">
        <v>47</v>
      </c>
      <c r="F670" t="s">
        <v>651</v>
      </c>
      <c r="G670">
        <v>160</v>
      </c>
      <c r="H670" t="s">
        <v>658</v>
      </c>
      <c r="I670">
        <v>13755</v>
      </c>
      <c r="J670" t="s">
        <v>699</v>
      </c>
      <c r="K670">
        <v>10</v>
      </c>
      <c r="L670" t="s">
        <v>700</v>
      </c>
      <c r="M670">
        <v>348</v>
      </c>
      <c r="N670" t="s">
        <v>668</v>
      </c>
      <c r="O670">
        <v>4</v>
      </c>
      <c r="P670" t="s">
        <v>655</v>
      </c>
      <c r="Q670">
        <v>1</v>
      </c>
      <c r="R670" t="s">
        <v>669</v>
      </c>
      <c r="S670">
        <v>1</v>
      </c>
      <c r="T670" t="s">
        <v>1244</v>
      </c>
      <c r="U670">
        <v>917</v>
      </c>
      <c r="V670">
        <v>3</v>
      </c>
      <c r="W670">
        <v>180</v>
      </c>
      <c r="X670">
        <v>2020</v>
      </c>
    </row>
    <row r="671" spans="1:24" x14ac:dyDescent="0.25">
      <c r="A671">
        <v>13836</v>
      </c>
      <c r="B671" t="s">
        <v>16</v>
      </c>
      <c r="C671">
        <v>5</v>
      </c>
      <c r="D671" t="s">
        <v>439</v>
      </c>
      <c r="E671">
        <v>47</v>
      </c>
      <c r="F671" t="s">
        <v>651</v>
      </c>
      <c r="G671">
        <v>160</v>
      </c>
      <c r="H671" t="s">
        <v>658</v>
      </c>
      <c r="I671">
        <v>13755</v>
      </c>
      <c r="J671" t="s">
        <v>699</v>
      </c>
      <c r="K671">
        <v>10</v>
      </c>
      <c r="L671" t="s">
        <v>700</v>
      </c>
      <c r="M671">
        <v>348</v>
      </c>
      <c r="N671" t="s">
        <v>668</v>
      </c>
      <c r="O671">
        <v>4</v>
      </c>
      <c r="P671" t="s">
        <v>655</v>
      </c>
      <c r="Q671">
        <v>1</v>
      </c>
      <c r="R671" t="s">
        <v>669</v>
      </c>
      <c r="S671">
        <v>1</v>
      </c>
      <c r="T671" t="s">
        <v>1245</v>
      </c>
      <c r="U671">
        <v>920</v>
      </c>
      <c r="V671">
        <v>3</v>
      </c>
      <c r="W671">
        <v>180</v>
      </c>
      <c r="X671">
        <v>2020</v>
      </c>
    </row>
    <row r="672" spans="1:24" x14ac:dyDescent="0.25">
      <c r="A672">
        <v>13833</v>
      </c>
      <c r="B672" t="s">
        <v>16</v>
      </c>
      <c r="C672">
        <v>5</v>
      </c>
      <c r="D672" t="s">
        <v>439</v>
      </c>
      <c r="E672">
        <v>47</v>
      </c>
      <c r="F672" t="s">
        <v>651</v>
      </c>
      <c r="G672">
        <v>160</v>
      </c>
      <c r="H672" t="s">
        <v>658</v>
      </c>
      <c r="I672">
        <v>13755</v>
      </c>
      <c r="J672" t="s">
        <v>699</v>
      </c>
      <c r="K672">
        <v>10</v>
      </c>
      <c r="L672" t="s">
        <v>700</v>
      </c>
      <c r="M672">
        <v>348</v>
      </c>
      <c r="N672" t="s">
        <v>668</v>
      </c>
      <c r="O672">
        <v>4</v>
      </c>
      <c r="P672" t="s">
        <v>655</v>
      </c>
      <c r="Q672">
        <v>1</v>
      </c>
      <c r="R672" t="s">
        <v>669</v>
      </c>
      <c r="S672">
        <v>1</v>
      </c>
      <c r="T672" t="s">
        <v>1246</v>
      </c>
      <c r="U672">
        <v>923</v>
      </c>
      <c r="V672">
        <v>3</v>
      </c>
      <c r="W672">
        <v>180</v>
      </c>
      <c r="X672">
        <v>2020</v>
      </c>
    </row>
    <row r="673" spans="1:24" x14ac:dyDescent="0.25">
      <c r="A673">
        <v>13830</v>
      </c>
      <c r="B673" t="s">
        <v>16</v>
      </c>
      <c r="C673">
        <v>5</v>
      </c>
      <c r="D673" t="s">
        <v>439</v>
      </c>
      <c r="E673">
        <v>47</v>
      </c>
      <c r="F673" t="s">
        <v>651</v>
      </c>
      <c r="G673">
        <v>160</v>
      </c>
      <c r="H673" t="s">
        <v>658</v>
      </c>
      <c r="I673">
        <v>13755</v>
      </c>
      <c r="J673" t="s">
        <v>699</v>
      </c>
      <c r="K673">
        <v>10</v>
      </c>
      <c r="L673" t="s">
        <v>700</v>
      </c>
      <c r="M673">
        <v>348</v>
      </c>
      <c r="N673" t="s">
        <v>668</v>
      </c>
      <c r="O673">
        <v>4</v>
      </c>
      <c r="P673" t="s">
        <v>655</v>
      </c>
      <c r="Q673">
        <v>1</v>
      </c>
      <c r="R673" t="s">
        <v>669</v>
      </c>
      <c r="S673">
        <v>1</v>
      </c>
      <c r="T673" t="s">
        <v>1247</v>
      </c>
      <c r="U673">
        <v>926</v>
      </c>
      <c r="V673">
        <v>3</v>
      </c>
      <c r="W673">
        <v>180</v>
      </c>
      <c r="X673">
        <v>2020</v>
      </c>
    </row>
    <row r="674" spans="1:24" x14ac:dyDescent="0.25">
      <c r="A674">
        <v>13827</v>
      </c>
      <c r="B674" t="s">
        <v>16</v>
      </c>
      <c r="C674">
        <v>5</v>
      </c>
      <c r="D674" t="s">
        <v>439</v>
      </c>
      <c r="E674">
        <v>47</v>
      </c>
      <c r="F674" t="s">
        <v>651</v>
      </c>
      <c r="G674">
        <v>160</v>
      </c>
      <c r="H674" t="s">
        <v>658</v>
      </c>
      <c r="I674">
        <v>13755</v>
      </c>
      <c r="J674" t="s">
        <v>699</v>
      </c>
      <c r="K674">
        <v>10</v>
      </c>
      <c r="L674" t="s">
        <v>700</v>
      </c>
      <c r="M674">
        <v>348</v>
      </c>
      <c r="N674" t="s">
        <v>668</v>
      </c>
      <c r="O674">
        <v>4</v>
      </c>
      <c r="P674" t="s">
        <v>655</v>
      </c>
      <c r="Q674">
        <v>1</v>
      </c>
      <c r="R674" t="s">
        <v>669</v>
      </c>
      <c r="S674">
        <v>1</v>
      </c>
      <c r="T674" t="s">
        <v>1248</v>
      </c>
      <c r="U674">
        <v>929</v>
      </c>
      <c r="V674">
        <v>3</v>
      </c>
      <c r="W674">
        <v>180</v>
      </c>
      <c r="X674">
        <v>2020</v>
      </c>
    </row>
    <row r="675" spans="1:24" x14ac:dyDescent="0.25">
      <c r="A675">
        <v>13824</v>
      </c>
      <c r="B675" t="s">
        <v>16</v>
      </c>
      <c r="C675">
        <v>5</v>
      </c>
      <c r="D675" t="s">
        <v>439</v>
      </c>
      <c r="E675">
        <v>47</v>
      </c>
      <c r="F675" t="s">
        <v>651</v>
      </c>
      <c r="G675">
        <v>160</v>
      </c>
      <c r="H675" t="s">
        <v>658</v>
      </c>
      <c r="I675">
        <v>13755</v>
      </c>
      <c r="J675" t="s">
        <v>699</v>
      </c>
      <c r="K675">
        <v>10</v>
      </c>
      <c r="L675" t="s">
        <v>700</v>
      </c>
      <c r="M675">
        <v>348</v>
      </c>
      <c r="N675" t="s">
        <v>668</v>
      </c>
      <c r="O675">
        <v>4</v>
      </c>
      <c r="P675" t="s">
        <v>655</v>
      </c>
      <c r="Q675">
        <v>1</v>
      </c>
      <c r="R675" t="s">
        <v>669</v>
      </c>
      <c r="S675">
        <v>1</v>
      </c>
      <c r="T675" t="s">
        <v>1249</v>
      </c>
      <c r="U675">
        <v>932</v>
      </c>
      <c r="V675">
        <v>3</v>
      </c>
      <c r="W675">
        <v>180</v>
      </c>
      <c r="X675">
        <v>2020</v>
      </c>
    </row>
    <row r="676" spans="1:24" x14ac:dyDescent="0.25">
      <c r="A676">
        <v>13821</v>
      </c>
      <c r="B676" t="s">
        <v>16</v>
      </c>
      <c r="C676">
        <v>5</v>
      </c>
      <c r="D676" t="s">
        <v>439</v>
      </c>
      <c r="E676">
        <v>47</v>
      </c>
      <c r="F676" t="s">
        <v>651</v>
      </c>
      <c r="G676">
        <v>160</v>
      </c>
      <c r="H676" t="s">
        <v>658</v>
      </c>
      <c r="I676">
        <v>13755</v>
      </c>
      <c r="J676" t="s">
        <v>699</v>
      </c>
      <c r="K676">
        <v>10</v>
      </c>
      <c r="L676" t="s">
        <v>700</v>
      </c>
      <c r="M676">
        <v>348</v>
      </c>
      <c r="N676" t="s">
        <v>668</v>
      </c>
      <c r="O676">
        <v>4</v>
      </c>
      <c r="P676" t="s">
        <v>655</v>
      </c>
      <c r="Q676">
        <v>1</v>
      </c>
      <c r="R676" t="s">
        <v>669</v>
      </c>
      <c r="S676">
        <v>1</v>
      </c>
      <c r="T676" t="s">
        <v>1250</v>
      </c>
      <c r="U676">
        <v>935</v>
      </c>
      <c r="V676">
        <v>3</v>
      </c>
      <c r="W676">
        <v>180</v>
      </c>
      <c r="X676">
        <v>2020</v>
      </c>
    </row>
    <row r="677" spans="1:24" x14ac:dyDescent="0.25">
      <c r="A677">
        <v>13818</v>
      </c>
      <c r="B677" t="s">
        <v>16</v>
      </c>
      <c r="C677">
        <v>5</v>
      </c>
      <c r="D677" t="s">
        <v>439</v>
      </c>
      <c r="E677">
        <v>47</v>
      </c>
      <c r="F677" t="s">
        <v>651</v>
      </c>
      <c r="G677">
        <v>160</v>
      </c>
      <c r="H677" t="s">
        <v>658</v>
      </c>
      <c r="I677">
        <v>13755</v>
      </c>
      <c r="J677" t="s">
        <v>699</v>
      </c>
      <c r="K677">
        <v>10</v>
      </c>
      <c r="L677" t="s">
        <v>700</v>
      </c>
      <c r="M677">
        <v>348</v>
      </c>
      <c r="N677" t="s">
        <v>668</v>
      </c>
      <c r="O677">
        <v>4</v>
      </c>
      <c r="P677" t="s">
        <v>655</v>
      </c>
      <c r="Q677">
        <v>1</v>
      </c>
      <c r="R677" t="s">
        <v>669</v>
      </c>
      <c r="S677">
        <v>1</v>
      </c>
      <c r="T677" t="s">
        <v>1251</v>
      </c>
      <c r="U677">
        <v>938</v>
      </c>
      <c r="V677">
        <v>3</v>
      </c>
      <c r="W677">
        <v>180</v>
      </c>
      <c r="X677">
        <v>2020</v>
      </c>
    </row>
    <row r="678" spans="1:24" x14ac:dyDescent="0.25">
      <c r="A678">
        <v>13815</v>
      </c>
      <c r="B678" t="s">
        <v>16</v>
      </c>
      <c r="C678">
        <v>5</v>
      </c>
      <c r="D678" t="s">
        <v>439</v>
      </c>
      <c r="E678">
        <v>47</v>
      </c>
      <c r="F678" t="s">
        <v>651</v>
      </c>
      <c r="G678">
        <v>160</v>
      </c>
      <c r="H678" t="s">
        <v>658</v>
      </c>
      <c r="I678">
        <v>13755</v>
      </c>
      <c r="J678" t="s">
        <v>699</v>
      </c>
      <c r="K678">
        <v>10</v>
      </c>
      <c r="L678" t="s">
        <v>700</v>
      </c>
      <c r="M678">
        <v>348</v>
      </c>
      <c r="N678" t="s">
        <v>668</v>
      </c>
      <c r="O678">
        <v>4</v>
      </c>
      <c r="P678" t="s">
        <v>655</v>
      </c>
      <c r="Q678">
        <v>1</v>
      </c>
      <c r="R678" t="s">
        <v>669</v>
      </c>
      <c r="S678">
        <v>1</v>
      </c>
      <c r="T678" t="s">
        <v>1252</v>
      </c>
      <c r="U678">
        <v>941</v>
      </c>
      <c r="V678">
        <v>3</v>
      </c>
      <c r="W678">
        <v>180</v>
      </c>
      <c r="X678">
        <v>2020</v>
      </c>
    </row>
    <row r="679" spans="1:24" x14ac:dyDescent="0.25">
      <c r="A679">
        <v>13812</v>
      </c>
      <c r="B679" t="s">
        <v>16</v>
      </c>
      <c r="C679">
        <v>5</v>
      </c>
      <c r="D679" t="s">
        <v>439</v>
      </c>
      <c r="E679">
        <v>47</v>
      </c>
      <c r="F679" t="s">
        <v>651</v>
      </c>
      <c r="G679">
        <v>160</v>
      </c>
      <c r="H679" t="s">
        <v>658</v>
      </c>
      <c r="I679">
        <v>13755</v>
      </c>
      <c r="J679" t="s">
        <v>699</v>
      </c>
      <c r="K679">
        <v>10</v>
      </c>
      <c r="L679" t="s">
        <v>700</v>
      </c>
      <c r="M679">
        <v>348</v>
      </c>
      <c r="N679" t="s">
        <v>668</v>
      </c>
      <c r="O679">
        <v>4</v>
      </c>
      <c r="P679" t="s">
        <v>655</v>
      </c>
      <c r="Q679">
        <v>1</v>
      </c>
      <c r="R679" t="s">
        <v>669</v>
      </c>
      <c r="S679">
        <v>1</v>
      </c>
      <c r="T679" t="s">
        <v>1253</v>
      </c>
      <c r="U679">
        <v>944</v>
      </c>
      <c r="V679">
        <v>3</v>
      </c>
      <c r="W679">
        <v>180</v>
      </c>
      <c r="X679">
        <v>2020</v>
      </c>
    </row>
    <row r="680" spans="1:24" x14ac:dyDescent="0.25">
      <c r="A680">
        <v>13809</v>
      </c>
      <c r="B680" t="s">
        <v>12</v>
      </c>
      <c r="C680">
        <v>7</v>
      </c>
      <c r="D680" t="s">
        <v>396</v>
      </c>
      <c r="E680">
        <v>64</v>
      </c>
      <c r="F680" t="s">
        <v>651</v>
      </c>
      <c r="G680">
        <v>160</v>
      </c>
      <c r="H680" t="s">
        <v>914</v>
      </c>
      <c r="I680">
        <v>7004</v>
      </c>
      <c r="J680" t="s">
        <v>295</v>
      </c>
      <c r="K680">
        <v>30</v>
      </c>
      <c r="L680" t="s">
        <v>295</v>
      </c>
      <c r="M680">
        <v>96</v>
      </c>
      <c r="N680" t="s">
        <v>668</v>
      </c>
      <c r="O680">
        <v>4</v>
      </c>
      <c r="P680" t="s">
        <v>689</v>
      </c>
      <c r="Q680">
        <v>4</v>
      </c>
      <c r="R680" t="s">
        <v>669</v>
      </c>
      <c r="S680">
        <v>1</v>
      </c>
      <c r="T680" t="s">
        <v>661</v>
      </c>
      <c r="U680">
        <v>8</v>
      </c>
      <c r="V680">
        <v>3</v>
      </c>
      <c r="W680">
        <v>180</v>
      </c>
      <c r="X680">
        <v>2020</v>
      </c>
    </row>
    <row r="681" spans="1:24" x14ac:dyDescent="0.25">
      <c r="A681">
        <v>13806</v>
      </c>
      <c r="B681" t="s">
        <v>12</v>
      </c>
      <c r="C681">
        <v>7</v>
      </c>
      <c r="D681" t="s">
        <v>592</v>
      </c>
      <c r="E681">
        <v>68</v>
      </c>
      <c r="F681" t="s">
        <v>651</v>
      </c>
      <c r="G681">
        <v>160</v>
      </c>
      <c r="H681" t="s">
        <v>914</v>
      </c>
      <c r="I681">
        <v>7004</v>
      </c>
      <c r="J681" t="s">
        <v>299</v>
      </c>
      <c r="K681">
        <v>27</v>
      </c>
      <c r="L681" t="s">
        <v>690</v>
      </c>
      <c r="M681">
        <v>89</v>
      </c>
      <c r="N681" t="s">
        <v>668</v>
      </c>
      <c r="O681">
        <v>4</v>
      </c>
      <c r="P681" t="s">
        <v>689</v>
      </c>
      <c r="Q681">
        <v>4</v>
      </c>
      <c r="R681" t="s">
        <v>669</v>
      </c>
      <c r="S681">
        <v>1</v>
      </c>
      <c r="T681" t="s">
        <v>661</v>
      </c>
      <c r="U681">
        <v>8</v>
      </c>
      <c r="V681">
        <v>3</v>
      </c>
      <c r="W681">
        <v>180</v>
      </c>
      <c r="X681">
        <v>2020</v>
      </c>
    </row>
    <row r="682" spans="1:24" x14ac:dyDescent="0.25">
      <c r="A682">
        <v>13803</v>
      </c>
      <c r="B682" t="s">
        <v>129</v>
      </c>
      <c r="C682">
        <v>10</v>
      </c>
      <c r="D682" t="s">
        <v>587</v>
      </c>
      <c r="E682">
        <v>77</v>
      </c>
      <c r="F682" t="s">
        <v>651</v>
      </c>
      <c r="G682">
        <v>160</v>
      </c>
      <c r="H682" t="s">
        <v>658</v>
      </c>
      <c r="I682">
        <v>13755</v>
      </c>
      <c r="J682" t="s">
        <v>1028</v>
      </c>
      <c r="K682">
        <v>33</v>
      </c>
      <c r="L682" t="s">
        <v>1254</v>
      </c>
      <c r="M682">
        <v>3891</v>
      </c>
      <c r="N682" t="s">
        <v>668</v>
      </c>
      <c r="O682">
        <v>4</v>
      </c>
      <c r="P682" t="s">
        <v>655</v>
      </c>
      <c r="Q682">
        <v>1</v>
      </c>
      <c r="R682" t="s">
        <v>669</v>
      </c>
      <c r="S682">
        <v>1</v>
      </c>
      <c r="T682" t="s">
        <v>661</v>
      </c>
      <c r="U682">
        <v>8</v>
      </c>
      <c r="V682">
        <v>3</v>
      </c>
      <c r="W682">
        <v>180</v>
      </c>
      <c r="X682">
        <v>2020</v>
      </c>
    </row>
    <row r="683" spans="1:24" x14ac:dyDescent="0.25">
      <c r="A683">
        <v>13800</v>
      </c>
      <c r="B683" t="s">
        <v>16</v>
      </c>
      <c r="C683">
        <v>5</v>
      </c>
      <c r="D683" t="s">
        <v>509</v>
      </c>
      <c r="E683">
        <v>53</v>
      </c>
      <c r="F683" t="s">
        <v>1255</v>
      </c>
      <c r="G683">
        <v>98</v>
      </c>
      <c r="H683" t="s">
        <v>1256</v>
      </c>
      <c r="I683">
        <v>17533</v>
      </c>
      <c r="J683" t="s">
        <v>864</v>
      </c>
      <c r="K683">
        <v>14</v>
      </c>
      <c r="L683" t="s">
        <v>1257</v>
      </c>
      <c r="M683">
        <v>354</v>
      </c>
      <c r="N683" t="s">
        <v>668</v>
      </c>
      <c r="O683">
        <v>4</v>
      </c>
      <c r="P683" t="s">
        <v>655</v>
      </c>
      <c r="Q683">
        <v>1</v>
      </c>
      <c r="R683" t="s">
        <v>669</v>
      </c>
      <c r="S683">
        <v>1</v>
      </c>
      <c r="T683" t="s">
        <v>661</v>
      </c>
      <c r="U683">
        <v>8</v>
      </c>
      <c r="V683">
        <v>4</v>
      </c>
      <c r="W683">
        <v>240</v>
      </c>
      <c r="X683">
        <v>2020</v>
      </c>
    </row>
    <row r="684" spans="1:24" x14ac:dyDescent="0.25">
      <c r="A684">
        <v>13794</v>
      </c>
      <c r="B684" t="s">
        <v>213</v>
      </c>
      <c r="C684">
        <v>15</v>
      </c>
      <c r="D684" t="s">
        <v>362</v>
      </c>
      <c r="E684">
        <v>100</v>
      </c>
      <c r="F684" t="s">
        <v>651</v>
      </c>
      <c r="G684">
        <v>160</v>
      </c>
      <c r="H684" t="s">
        <v>741</v>
      </c>
      <c r="I684">
        <v>1585</v>
      </c>
      <c r="J684" t="s">
        <v>726</v>
      </c>
      <c r="K684">
        <v>2</v>
      </c>
      <c r="L684" t="s">
        <v>1258</v>
      </c>
      <c r="M684">
        <v>7</v>
      </c>
      <c r="N684" t="s">
        <v>668</v>
      </c>
      <c r="O684">
        <v>4</v>
      </c>
      <c r="P684" t="s">
        <v>655</v>
      </c>
      <c r="Q684">
        <v>1</v>
      </c>
      <c r="R684" t="s">
        <v>669</v>
      </c>
      <c r="S684">
        <v>1</v>
      </c>
      <c r="T684" t="s">
        <v>661</v>
      </c>
      <c r="U684">
        <v>8</v>
      </c>
      <c r="V684">
        <v>3</v>
      </c>
      <c r="W684">
        <v>180</v>
      </c>
      <c r="X684">
        <v>2020</v>
      </c>
    </row>
    <row r="685" spans="1:24" x14ac:dyDescent="0.25">
      <c r="A685">
        <v>13791</v>
      </c>
      <c r="B685" t="s">
        <v>218</v>
      </c>
      <c r="C685">
        <v>17</v>
      </c>
      <c r="D685" t="s">
        <v>571</v>
      </c>
      <c r="E685">
        <v>112</v>
      </c>
      <c r="F685" t="s">
        <v>651</v>
      </c>
      <c r="G685">
        <v>160</v>
      </c>
      <c r="H685" t="s">
        <v>744</v>
      </c>
      <c r="I685">
        <v>3143</v>
      </c>
      <c r="J685" t="s">
        <v>1259</v>
      </c>
      <c r="K685">
        <v>57</v>
      </c>
      <c r="L685" t="s">
        <v>1260</v>
      </c>
      <c r="M685">
        <v>235</v>
      </c>
      <c r="N685" t="s">
        <v>668</v>
      </c>
      <c r="O685">
        <v>4</v>
      </c>
      <c r="P685" t="s">
        <v>655</v>
      </c>
      <c r="Q685">
        <v>1</v>
      </c>
      <c r="R685" t="s">
        <v>669</v>
      </c>
      <c r="S685">
        <v>1</v>
      </c>
      <c r="T685" t="s">
        <v>718</v>
      </c>
      <c r="U685">
        <v>2</v>
      </c>
      <c r="V685">
        <v>4</v>
      </c>
      <c r="W685">
        <v>240</v>
      </c>
      <c r="X685">
        <v>2020</v>
      </c>
    </row>
    <row r="686" spans="1:24" x14ac:dyDescent="0.25">
      <c r="A686">
        <v>13788</v>
      </c>
      <c r="B686" t="s">
        <v>14</v>
      </c>
      <c r="C686">
        <v>20</v>
      </c>
      <c r="D686" t="s">
        <v>551</v>
      </c>
      <c r="E686">
        <v>152</v>
      </c>
      <c r="F686" t="s">
        <v>651</v>
      </c>
      <c r="G686">
        <v>160</v>
      </c>
      <c r="H686" t="s">
        <v>739</v>
      </c>
      <c r="I686">
        <v>4413</v>
      </c>
      <c r="J686" t="s">
        <v>682</v>
      </c>
      <c r="K686">
        <v>20</v>
      </c>
      <c r="L686" t="s">
        <v>904</v>
      </c>
      <c r="M686">
        <v>61</v>
      </c>
      <c r="N686" t="s">
        <v>668</v>
      </c>
      <c r="O686">
        <v>4</v>
      </c>
      <c r="P686" t="s">
        <v>655</v>
      </c>
      <c r="Q686">
        <v>1</v>
      </c>
      <c r="R686" t="s">
        <v>669</v>
      </c>
      <c r="S686">
        <v>1</v>
      </c>
      <c r="T686" t="s">
        <v>657</v>
      </c>
      <c r="U686">
        <v>7</v>
      </c>
      <c r="V686">
        <v>3</v>
      </c>
      <c r="W686">
        <v>180</v>
      </c>
      <c r="X686">
        <v>2020</v>
      </c>
    </row>
    <row r="687" spans="1:24" x14ac:dyDescent="0.25">
      <c r="A687">
        <v>13785</v>
      </c>
      <c r="B687" t="s">
        <v>95</v>
      </c>
      <c r="C687">
        <v>26</v>
      </c>
      <c r="D687" t="s">
        <v>362</v>
      </c>
      <c r="E687">
        <v>588</v>
      </c>
      <c r="F687" t="s">
        <v>651</v>
      </c>
      <c r="G687">
        <v>160</v>
      </c>
      <c r="H687" t="s">
        <v>833</v>
      </c>
      <c r="I687">
        <v>5562</v>
      </c>
      <c r="J687" t="s">
        <v>897</v>
      </c>
      <c r="K687">
        <v>3</v>
      </c>
      <c r="L687" t="s">
        <v>921</v>
      </c>
      <c r="M687">
        <v>3486</v>
      </c>
      <c r="N687" t="s">
        <v>668</v>
      </c>
      <c r="O687">
        <v>4</v>
      </c>
      <c r="P687" t="s">
        <v>655</v>
      </c>
      <c r="Q687">
        <v>1</v>
      </c>
      <c r="R687" t="s">
        <v>669</v>
      </c>
      <c r="S687">
        <v>1</v>
      </c>
      <c r="T687" t="s">
        <v>661</v>
      </c>
      <c r="U687">
        <v>8</v>
      </c>
      <c r="V687">
        <v>3</v>
      </c>
      <c r="W687">
        <v>180</v>
      </c>
      <c r="X687">
        <v>2020</v>
      </c>
    </row>
    <row r="688" spans="1:24" x14ac:dyDescent="0.25">
      <c r="A688">
        <v>13782</v>
      </c>
      <c r="B688" t="s">
        <v>22</v>
      </c>
      <c r="C688">
        <v>28</v>
      </c>
      <c r="D688" t="s">
        <v>531</v>
      </c>
      <c r="E688">
        <v>210</v>
      </c>
      <c r="F688" t="s">
        <v>651</v>
      </c>
      <c r="G688">
        <v>160</v>
      </c>
      <c r="H688" t="s">
        <v>1231</v>
      </c>
      <c r="I688">
        <v>3308</v>
      </c>
      <c r="J688" t="s">
        <v>738</v>
      </c>
      <c r="K688">
        <v>61</v>
      </c>
      <c r="L688" t="s">
        <v>1261</v>
      </c>
      <c r="M688">
        <v>253</v>
      </c>
      <c r="N688" t="s">
        <v>668</v>
      </c>
      <c r="O688">
        <v>4</v>
      </c>
      <c r="P688" t="s">
        <v>655</v>
      </c>
      <c r="Q688">
        <v>1</v>
      </c>
      <c r="R688" t="s">
        <v>669</v>
      </c>
      <c r="S688">
        <v>1</v>
      </c>
      <c r="T688" t="s">
        <v>661</v>
      </c>
      <c r="U688">
        <v>8</v>
      </c>
      <c r="V688">
        <v>4</v>
      </c>
      <c r="W688">
        <v>240</v>
      </c>
      <c r="X688">
        <v>2020</v>
      </c>
    </row>
    <row r="689" spans="1:24" x14ac:dyDescent="0.25">
      <c r="A689">
        <v>13779</v>
      </c>
      <c r="B689" t="s">
        <v>22</v>
      </c>
      <c r="C689">
        <v>28</v>
      </c>
      <c r="D689" t="s">
        <v>530</v>
      </c>
      <c r="E689">
        <v>211</v>
      </c>
      <c r="F689" t="s">
        <v>651</v>
      </c>
      <c r="G689">
        <v>160</v>
      </c>
      <c r="H689" t="s">
        <v>675</v>
      </c>
      <c r="I689">
        <v>5952</v>
      </c>
      <c r="J689" t="s">
        <v>880</v>
      </c>
      <c r="K689">
        <v>58</v>
      </c>
      <c r="L689" t="s">
        <v>1262</v>
      </c>
      <c r="M689">
        <v>3885</v>
      </c>
      <c r="N689" t="s">
        <v>668</v>
      </c>
      <c r="O689">
        <v>4</v>
      </c>
      <c r="P689" t="s">
        <v>655</v>
      </c>
      <c r="Q689">
        <v>1</v>
      </c>
      <c r="R689" t="s">
        <v>669</v>
      </c>
      <c r="S689">
        <v>1</v>
      </c>
      <c r="T689" t="s">
        <v>661</v>
      </c>
      <c r="U689">
        <v>8</v>
      </c>
      <c r="V689">
        <v>4</v>
      </c>
      <c r="W689">
        <v>240</v>
      </c>
      <c r="X689">
        <v>2020</v>
      </c>
    </row>
    <row r="690" spans="1:24" x14ac:dyDescent="0.25">
      <c r="A690">
        <v>13776</v>
      </c>
      <c r="B690" t="s">
        <v>22</v>
      </c>
      <c r="C690">
        <v>28</v>
      </c>
      <c r="D690" t="s">
        <v>530</v>
      </c>
      <c r="E690">
        <v>211</v>
      </c>
      <c r="F690" t="s">
        <v>651</v>
      </c>
      <c r="G690">
        <v>160</v>
      </c>
      <c r="H690" t="s">
        <v>675</v>
      </c>
      <c r="I690">
        <v>5952</v>
      </c>
      <c r="J690" t="s">
        <v>1219</v>
      </c>
      <c r="K690">
        <v>42</v>
      </c>
      <c r="L690" t="s">
        <v>1263</v>
      </c>
      <c r="M690">
        <v>149</v>
      </c>
      <c r="N690" t="s">
        <v>668</v>
      </c>
      <c r="O690">
        <v>4</v>
      </c>
      <c r="P690" t="s">
        <v>655</v>
      </c>
      <c r="Q690">
        <v>1</v>
      </c>
      <c r="R690" t="s">
        <v>669</v>
      </c>
      <c r="S690">
        <v>1</v>
      </c>
      <c r="T690" t="s">
        <v>661</v>
      </c>
      <c r="U690">
        <v>8</v>
      </c>
      <c r="V690">
        <v>4</v>
      </c>
      <c r="W690">
        <v>240</v>
      </c>
      <c r="X690">
        <v>2020</v>
      </c>
    </row>
    <row r="691" spans="1:24" x14ac:dyDescent="0.25">
      <c r="A691">
        <v>13773</v>
      </c>
      <c r="B691" t="s">
        <v>22</v>
      </c>
      <c r="C691">
        <v>28</v>
      </c>
      <c r="D691" t="s">
        <v>426</v>
      </c>
      <c r="E691">
        <v>214</v>
      </c>
      <c r="F691" t="s">
        <v>651</v>
      </c>
      <c r="G691">
        <v>160</v>
      </c>
      <c r="H691" t="s">
        <v>675</v>
      </c>
      <c r="I691">
        <v>5952</v>
      </c>
      <c r="J691" t="s">
        <v>667</v>
      </c>
      <c r="K691">
        <v>11</v>
      </c>
      <c r="L691" t="s">
        <v>667</v>
      </c>
      <c r="M691">
        <v>35</v>
      </c>
      <c r="N691" t="s">
        <v>668</v>
      </c>
      <c r="O691">
        <v>4</v>
      </c>
      <c r="P691" t="s">
        <v>655</v>
      </c>
      <c r="Q691">
        <v>1</v>
      </c>
      <c r="R691" t="s">
        <v>669</v>
      </c>
      <c r="S691">
        <v>1</v>
      </c>
      <c r="T691" t="s">
        <v>1009</v>
      </c>
      <c r="U691">
        <v>35</v>
      </c>
      <c r="V691">
        <v>3</v>
      </c>
      <c r="W691">
        <v>180</v>
      </c>
      <c r="X691">
        <v>2020</v>
      </c>
    </row>
    <row r="692" spans="1:24" x14ac:dyDescent="0.25">
      <c r="A692">
        <v>13770</v>
      </c>
      <c r="B692" t="s">
        <v>22</v>
      </c>
      <c r="C692">
        <v>28</v>
      </c>
      <c r="D692" t="s">
        <v>513</v>
      </c>
      <c r="E692">
        <v>217</v>
      </c>
      <c r="F692" t="s">
        <v>651</v>
      </c>
      <c r="G692">
        <v>160</v>
      </c>
      <c r="H692" t="s">
        <v>675</v>
      </c>
      <c r="I692">
        <v>5952</v>
      </c>
      <c r="J692" t="s">
        <v>301</v>
      </c>
      <c r="K692">
        <v>26</v>
      </c>
      <c r="L692" t="s">
        <v>1264</v>
      </c>
      <c r="M692">
        <v>3876</v>
      </c>
      <c r="N692" t="s">
        <v>668</v>
      </c>
      <c r="O692">
        <v>4</v>
      </c>
      <c r="P692" t="s">
        <v>655</v>
      </c>
      <c r="Q692">
        <v>1</v>
      </c>
      <c r="R692" t="s">
        <v>669</v>
      </c>
      <c r="S692">
        <v>1</v>
      </c>
      <c r="T692" t="s">
        <v>661</v>
      </c>
      <c r="U692">
        <v>8</v>
      </c>
      <c r="V692">
        <v>3</v>
      </c>
      <c r="W692">
        <v>180</v>
      </c>
      <c r="X692">
        <v>2020</v>
      </c>
    </row>
    <row r="693" spans="1:24" x14ac:dyDescent="0.25">
      <c r="A693">
        <v>13767</v>
      </c>
      <c r="B693" t="s">
        <v>112</v>
      </c>
      <c r="C693">
        <v>29</v>
      </c>
      <c r="D693" t="s">
        <v>518</v>
      </c>
      <c r="E693">
        <v>230</v>
      </c>
      <c r="F693" t="s">
        <v>651</v>
      </c>
      <c r="G693">
        <v>160</v>
      </c>
      <c r="H693" t="s">
        <v>719</v>
      </c>
      <c r="I693">
        <v>7630</v>
      </c>
      <c r="J693" t="s">
        <v>730</v>
      </c>
      <c r="K693">
        <v>66</v>
      </c>
      <c r="L693" t="s">
        <v>969</v>
      </c>
      <c r="M693">
        <v>290</v>
      </c>
      <c r="N693" t="s">
        <v>668</v>
      </c>
      <c r="O693">
        <v>4</v>
      </c>
      <c r="P693" t="s">
        <v>655</v>
      </c>
      <c r="Q693">
        <v>1</v>
      </c>
      <c r="R693" t="s">
        <v>669</v>
      </c>
      <c r="S693">
        <v>1</v>
      </c>
      <c r="T693" t="s">
        <v>661</v>
      </c>
      <c r="U693">
        <v>8</v>
      </c>
      <c r="V693">
        <v>4</v>
      </c>
      <c r="W693">
        <v>240</v>
      </c>
      <c r="X693">
        <v>2020</v>
      </c>
    </row>
    <row r="694" spans="1:24" x14ac:dyDescent="0.25">
      <c r="A694">
        <v>13764</v>
      </c>
      <c r="B694" t="s">
        <v>18</v>
      </c>
      <c r="C694">
        <v>31</v>
      </c>
      <c r="D694" t="s">
        <v>402</v>
      </c>
      <c r="E694">
        <v>240</v>
      </c>
      <c r="F694" t="s">
        <v>651</v>
      </c>
      <c r="G694">
        <v>160</v>
      </c>
      <c r="H694" t="s">
        <v>719</v>
      </c>
      <c r="I694">
        <v>7630</v>
      </c>
      <c r="J694" t="s">
        <v>1088</v>
      </c>
      <c r="K694">
        <v>38</v>
      </c>
      <c r="L694" t="s">
        <v>1265</v>
      </c>
      <c r="M694">
        <v>136</v>
      </c>
      <c r="N694" t="s">
        <v>668</v>
      </c>
      <c r="O694">
        <v>4</v>
      </c>
      <c r="P694" t="s">
        <v>655</v>
      </c>
      <c r="Q694">
        <v>1</v>
      </c>
      <c r="R694" t="s">
        <v>669</v>
      </c>
      <c r="S694">
        <v>1</v>
      </c>
      <c r="T694" t="s">
        <v>661</v>
      </c>
      <c r="U694">
        <v>8</v>
      </c>
      <c r="V694">
        <v>3</v>
      </c>
      <c r="W694">
        <v>180</v>
      </c>
      <c r="X694">
        <v>2020</v>
      </c>
    </row>
    <row r="695" spans="1:24" x14ac:dyDescent="0.25">
      <c r="A695">
        <v>13761</v>
      </c>
      <c r="B695" t="s">
        <v>200</v>
      </c>
      <c r="C695">
        <v>32</v>
      </c>
      <c r="D695" t="s">
        <v>507</v>
      </c>
      <c r="E695">
        <v>254</v>
      </c>
      <c r="F695" t="s">
        <v>651</v>
      </c>
      <c r="G695">
        <v>160</v>
      </c>
      <c r="H695" t="s">
        <v>719</v>
      </c>
      <c r="I695">
        <v>7630</v>
      </c>
      <c r="J695" t="s">
        <v>915</v>
      </c>
      <c r="K695">
        <v>78</v>
      </c>
      <c r="L695" t="s">
        <v>1266</v>
      </c>
      <c r="M695">
        <v>334</v>
      </c>
      <c r="N695" t="s">
        <v>668</v>
      </c>
      <c r="O695">
        <v>4</v>
      </c>
      <c r="P695" t="s">
        <v>655</v>
      </c>
      <c r="Q695">
        <v>1</v>
      </c>
      <c r="R695" t="s">
        <v>669</v>
      </c>
      <c r="S695">
        <v>1</v>
      </c>
      <c r="T695" t="s">
        <v>718</v>
      </c>
      <c r="U695">
        <v>2</v>
      </c>
      <c r="V695">
        <v>3</v>
      </c>
      <c r="W695">
        <v>180</v>
      </c>
      <c r="X695">
        <v>2020</v>
      </c>
    </row>
    <row r="696" spans="1:24" x14ac:dyDescent="0.25">
      <c r="A696">
        <v>13758</v>
      </c>
      <c r="B696" t="s">
        <v>206</v>
      </c>
      <c r="C696">
        <v>33</v>
      </c>
      <c r="D696" t="s">
        <v>348</v>
      </c>
      <c r="E696">
        <v>618</v>
      </c>
      <c r="F696" t="s">
        <v>651</v>
      </c>
      <c r="G696">
        <v>160</v>
      </c>
      <c r="H696" t="s">
        <v>719</v>
      </c>
      <c r="I696">
        <v>7630</v>
      </c>
      <c r="J696" t="s">
        <v>679</v>
      </c>
      <c r="K696">
        <v>32</v>
      </c>
      <c r="L696" t="s">
        <v>1267</v>
      </c>
      <c r="M696">
        <v>467</v>
      </c>
      <c r="N696" t="s">
        <v>668</v>
      </c>
      <c r="O696">
        <v>4</v>
      </c>
      <c r="P696" t="s">
        <v>655</v>
      </c>
      <c r="Q696">
        <v>1</v>
      </c>
      <c r="R696" t="s">
        <v>669</v>
      </c>
      <c r="S696">
        <v>1</v>
      </c>
      <c r="T696" t="s">
        <v>661</v>
      </c>
      <c r="U696">
        <v>8</v>
      </c>
      <c r="V696">
        <v>3</v>
      </c>
      <c r="W696">
        <v>180</v>
      </c>
      <c r="X696">
        <v>2020</v>
      </c>
    </row>
    <row r="697" spans="1:24" x14ac:dyDescent="0.25">
      <c r="A697">
        <v>13755</v>
      </c>
      <c r="B697" t="s">
        <v>206</v>
      </c>
      <c r="C697">
        <v>33</v>
      </c>
      <c r="D697" t="s">
        <v>348</v>
      </c>
      <c r="E697">
        <v>618</v>
      </c>
      <c r="F697" t="s">
        <v>651</v>
      </c>
      <c r="G697">
        <v>160</v>
      </c>
      <c r="H697" t="s">
        <v>719</v>
      </c>
      <c r="I697">
        <v>7630</v>
      </c>
      <c r="J697" t="s">
        <v>679</v>
      </c>
      <c r="K697">
        <v>32</v>
      </c>
      <c r="L697" t="s">
        <v>1267</v>
      </c>
      <c r="M697">
        <v>467</v>
      </c>
      <c r="N697" t="s">
        <v>668</v>
      </c>
      <c r="O697">
        <v>4</v>
      </c>
      <c r="P697" t="s">
        <v>655</v>
      </c>
      <c r="Q697">
        <v>1</v>
      </c>
      <c r="R697" t="s">
        <v>669</v>
      </c>
      <c r="S697">
        <v>1</v>
      </c>
      <c r="T697" t="s">
        <v>718</v>
      </c>
      <c r="U697">
        <v>2</v>
      </c>
      <c r="V697">
        <v>3</v>
      </c>
      <c r="W697">
        <v>180</v>
      </c>
      <c r="X697">
        <v>2020</v>
      </c>
    </row>
    <row r="698" spans="1:24" x14ac:dyDescent="0.25">
      <c r="A698">
        <v>13752</v>
      </c>
      <c r="B698" t="s">
        <v>69</v>
      </c>
      <c r="C698">
        <v>36</v>
      </c>
      <c r="D698" t="s">
        <v>68</v>
      </c>
      <c r="E698">
        <v>1260</v>
      </c>
      <c r="F698" t="s">
        <v>651</v>
      </c>
      <c r="G698">
        <v>160</v>
      </c>
      <c r="H698" t="s">
        <v>732</v>
      </c>
      <c r="I698">
        <v>1000</v>
      </c>
      <c r="J698" t="s">
        <v>897</v>
      </c>
      <c r="K698">
        <v>3</v>
      </c>
      <c r="L698" t="s">
        <v>923</v>
      </c>
      <c r="M698">
        <v>3082</v>
      </c>
      <c r="N698" t="s">
        <v>668</v>
      </c>
      <c r="O698">
        <v>4</v>
      </c>
      <c r="P698" t="s">
        <v>655</v>
      </c>
      <c r="Q698">
        <v>1</v>
      </c>
      <c r="R698" t="s">
        <v>669</v>
      </c>
      <c r="S698">
        <v>1</v>
      </c>
      <c r="T698" t="s">
        <v>661</v>
      </c>
      <c r="U698">
        <v>8</v>
      </c>
      <c r="V698">
        <v>3</v>
      </c>
      <c r="W698">
        <v>180</v>
      </c>
      <c r="X698">
        <v>2020</v>
      </c>
    </row>
    <row r="699" spans="1:24" x14ac:dyDescent="0.25">
      <c r="A699">
        <v>13749</v>
      </c>
      <c r="B699" t="s">
        <v>247</v>
      </c>
      <c r="C699">
        <v>39</v>
      </c>
      <c r="D699" t="s">
        <v>490</v>
      </c>
      <c r="E699">
        <v>299</v>
      </c>
      <c r="F699" t="s">
        <v>651</v>
      </c>
      <c r="G699">
        <v>160</v>
      </c>
      <c r="H699" t="s">
        <v>817</v>
      </c>
      <c r="I699">
        <v>11010</v>
      </c>
      <c r="J699" t="s">
        <v>679</v>
      </c>
      <c r="K699">
        <v>32</v>
      </c>
      <c r="L699" t="s">
        <v>680</v>
      </c>
      <c r="M699">
        <v>466</v>
      </c>
      <c r="N699" t="s">
        <v>668</v>
      </c>
      <c r="O699">
        <v>4</v>
      </c>
      <c r="P699" t="s">
        <v>655</v>
      </c>
      <c r="Q699">
        <v>1</v>
      </c>
      <c r="R699" t="s">
        <v>669</v>
      </c>
      <c r="S699">
        <v>1</v>
      </c>
      <c r="T699" t="s">
        <v>661</v>
      </c>
      <c r="U699">
        <v>8</v>
      </c>
      <c r="V699">
        <v>3</v>
      </c>
      <c r="W699">
        <v>180</v>
      </c>
      <c r="X699">
        <v>2020</v>
      </c>
    </row>
    <row r="700" spans="1:24" x14ac:dyDescent="0.25">
      <c r="A700">
        <v>13746</v>
      </c>
      <c r="B700" t="s">
        <v>247</v>
      </c>
      <c r="C700">
        <v>39</v>
      </c>
      <c r="D700" t="s">
        <v>311</v>
      </c>
      <c r="E700">
        <v>602</v>
      </c>
      <c r="F700" t="s">
        <v>651</v>
      </c>
      <c r="G700">
        <v>160</v>
      </c>
      <c r="H700" t="s">
        <v>817</v>
      </c>
      <c r="I700">
        <v>11010</v>
      </c>
      <c r="J700" t="s">
        <v>684</v>
      </c>
      <c r="K700">
        <v>22</v>
      </c>
      <c r="L700" t="s">
        <v>685</v>
      </c>
      <c r="M700">
        <v>72</v>
      </c>
      <c r="N700" t="s">
        <v>668</v>
      </c>
      <c r="O700">
        <v>4</v>
      </c>
      <c r="P700" t="s">
        <v>689</v>
      </c>
      <c r="Q700">
        <v>4</v>
      </c>
      <c r="R700" t="s">
        <v>669</v>
      </c>
      <c r="S700">
        <v>1</v>
      </c>
      <c r="T700" t="s">
        <v>661</v>
      </c>
      <c r="U700">
        <v>8</v>
      </c>
      <c r="V700">
        <v>3</v>
      </c>
      <c r="W700">
        <v>180</v>
      </c>
      <c r="X700">
        <v>2020</v>
      </c>
    </row>
    <row r="701" spans="1:24" x14ac:dyDescent="0.25">
      <c r="A701">
        <v>13743</v>
      </c>
      <c r="B701" t="s">
        <v>74</v>
      </c>
      <c r="C701">
        <v>40</v>
      </c>
      <c r="D701" t="s">
        <v>73</v>
      </c>
      <c r="E701">
        <v>1248</v>
      </c>
      <c r="F701" t="s">
        <v>651</v>
      </c>
      <c r="G701">
        <v>160</v>
      </c>
      <c r="H701" t="s">
        <v>697</v>
      </c>
      <c r="I701">
        <v>11198</v>
      </c>
      <c r="J701" t="s">
        <v>682</v>
      </c>
      <c r="K701">
        <v>20</v>
      </c>
      <c r="L701" t="s">
        <v>683</v>
      </c>
      <c r="M701">
        <v>64</v>
      </c>
      <c r="N701" t="s">
        <v>668</v>
      </c>
      <c r="O701">
        <v>4</v>
      </c>
      <c r="P701" t="s">
        <v>655</v>
      </c>
      <c r="Q701">
        <v>1</v>
      </c>
      <c r="R701" t="s">
        <v>669</v>
      </c>
      <c r="S701">
        <v>1</v>
      </c>
      <c r="T701" t="s">
        <v>661</v>
      </c>
      <c r="U701">
        <v>8</v>
      </c>
      <c r="V701">
        <v>3</v>
      </c>
      <c r="W701">
        <v>180</v>
      </c>
      <c r="X701">
        <v>2020</v>
      </c>
    </row>
    <row r="702" spans="1:24" x14ac:dyDescent="0.25">
      <c r="A702">
        <v>13740</v>
      </c>
      <c r="B702" t="s">
        <v>215</v>
      </c>
      <c r="C702">
        <v>41</v>
      </c>
      <c r="D702" t="s">
        <v>316</v>
      </c>
      <c r="E702">
        <v>318</v>
      </c>
      <c r="F702" t="s">
        <v>651</v>
      </c>
      <c r="G702">
        <v>160</v>
      </c>
      <c r="H702" t="s">
        <v>1207</v>
      </c>
      <c r="I702">
        <v>5188</v>
      </c>
      <c r="J702" t="s">
        <v>301</v>
      </c>
      <c r="K702">
        <v>26</v>
      </c>
      <c r="L702" t="s">
        <v>301</v>
      </c>
      <c r="M702">
        <v>82</v>
      </c>
      <c r="N702" t="s">
        <v>668</v>
      </c>
      <c r="O702">
        <v>4</v>
      </c>
      <c r="P702" t="s">
        <v>655</v>
      </c>
      <c r="Q702">
        <v>1</v>
      </c>
      <c r="R702" t="s">
        <v>669</v>
      </c>
      <c r="S702">
        <v>1</v>
      </c>
      <c r="T702" t="s">
        <v>718</v>
      </c>
      <c r="U702">
        <v>2</v>
      </c>
      <c r="V702">
        <v>3</v>
      </c>
      <c r="W702">
        <v>180</v>
      </c>
      <c r="X702">
        <v>2020</v>
      </c>
    </row>
    <row r="703" spans="1:24" x14ac:dyDescent="0.25">
      <c r="A703">
        <v>13737</v>
      </c>
      <c r="B703" t="s">
        <v>26</v>
      </c>
      <c r="C703">
        <v>44</v>
      </c>
      <c r="D703" t="s">
        <v>474</v>
      </c>
      <c r="E703">
        <v>332</v>
      </c>
      <c r="F703" t="s">
        <v>651</v>
      </c>
      <c r="G703">
        <v>160</v>
      </c>
      <c r="H703" t="s">
        <v>666</v>
      </c>
      <c r="I703">
        <v>8767</v>
      </c>
      <c r="J703" t="s">
        <v>1084</v>
      </c>
      <c r="K703">
        <v>118</v>
      </c>
      <c r="L703" t="s">
        <v>1084</v>
      </c>
      <c r="M703">
        <v>59</v>
      </c>
      <c r="N703" t="s">
        <v>668</v>
      </c>
      <c r="O703">
        <v>4</v>
      </c>
      <c r="P703" t="s">
        <v>655</v>
      </c>
      <c r="Q703">
        <v>1</v>
      </c>
      <c r="R703" t="s">
        <v>669</v>
      </c>
      <c r="S703">
        <v>1</v>
      </c>
      <c r="T703" t="s">
        <v>661</v>
      </c>
      <c r="U703">
        <v>8</v>
      </c>
      <c r="V703">
        <v>3</v>
      </c>
      <c r="W703">
        <v>180</v>
      </c>
      <c r="X703">
        <v>2020</v>
      </c>
    </row>
    <row r="704" spans="1:24" x14ac:dyDescent="0.25">
      <c r="A704">
        <v>13734</v>
      </c>
      <c r="B704" t="s">
        <v>26</v>
      </c>
      <c r="C704">
        <v>44</v>
      </c>
      <c r="D704" t="s">
        <v>473</v>
      </c>
      <c r="E704">
        <v>333</v>
      </c>
      <c r="F704" t="s">
        <v>651</v>
      </c>
      <c r="G704">
        <v>160</v>
      </c>
      <c r="H704" t="s">
        <v>666</v>
      </c>
      <c r="I704">
        <v>8767</v>
      </c>
      <c r="J704" t="s">
        <v>301</v>
      </c>
      <c r="K704">
        <v>26</v>
      </c>
      <c r="L704" t="s">
        <v>930</v>
      </c>
      <c r="M704">
        <v>84</v>
      </c>
      <c r="N704" t="s">
        <v>668</v>
      </c>
      <c r="O704">
        <v>4</v>
      </c>
      <c r="P704" t="s">
        <v>655</v>
      </c>
      <c r="Q704">
        <v>1</v>
      </c>
      <c r="R704" t="s">
        <v>669</v>
      </c>
      <c r="S704">
        <v>1</v>
      </c>
      <c r="T704" t="s">
        <v>718</v>
      </c>
      <c r="U704">
        <v>2</v>
      </c>
      <c r="V704">
        <v>3</v>
      </c>
      <c r="W704">
        <v>180</v>
      </c>
      <c r="X704">
        <v>2020</v>
      </c>
    </row>
    <row r="705" spans="1:24" x14ac:dyDescent="0.25">
      <c r="A705">
        <v>13728</v>
      </c>
      <c r="B705" t="s">
        <v>93</v>
      </c>
      <c r="C705">
        <v>48</v>
      </c>
      <c r="D705" t="s">
        <v>456</v>
      </c>
      <c r="E705">
        <v>358</v>
      </c>
      <c r="F705" t="s">
        <v>651</v>
      </c>
      <c r="G705">
        <v>160</v>
      </c>
      <c r="H705" t="s">
        <v>773</v>
      </c>
      <c r="I705">
        <v>11846</v>
      </c>
      <c r="J705" t="s">
        <v>897</v>
      </c>
      <c r="K705">
        <v>3</v>
      </c>
      <c r="L705" t="s">
        <v>923</v>
      </c>
      <c r="M705">
        <v>3082</v>
      </c>
      <c r="N705" t="s">
        <v>668</v>
      </c>
      <c r="O705">
        <v>4</v>
      </c>
      <c r="P705" t="s">
        <v>655</v>
      </c>
      <c r="Q705">
        <v>1</v>
      </c>
      <c r="R705" t="s">
        <v>669</v>
      </c>
      <c r="S705">
        <v>1</v>
      </c>
      <c r="T705" t="s">
        <v>661</v>
      </c>
      <c r="U705">
        <v>8</v>
      </c>
      <c r="V705">
        <v>3</v>
      </c>
      <c r="W705">
        <v>180</v>
      </c>
      <c r="X705">
        <v>2020</v>
      </c>
    </row>
    <row r="706" spans="1:24" x14ac:dyDescent="0.25">
      <c r="A706">
        <v>13725</v>
      </c>
      <c r="B706" t="s">
        <v>93</v>
      </c>
      <c r="C706">
        <v>48</v>
      </c>
      <c r="D706" t="s">
        <v>402</v>
      </c>
      <c r="E706">
        <v>366</v>
      </c>
      <c r="F706" t="s">
        <v>651</v>
      </c>
      <c r="G706">
        <v>160</v>
      </c>
      <c r="H706" t="s">
        <v>773</v>
      </c>
      <c r="I706">
        <v>11846</v>
      </c>
      <c r="J706" t="s">
        <v>1088</v>
      </c>
      <c r="K706">
        <v>38</v>
      </c>
      <c r="L706" t="s">
        <v>1265</v>
      </c>
      <c r="M706">
        <v>136</v>
      </c>
      <c r="N706" t="s">
        <v>668</v>
      </c>
      <c r="O706">
        <v>4</v>
      </c>
      <c r="P706" t="s">
        <v>655</v>
      </c>
      <c r="Q706">
        <v>1</v>
      </c>
      <c r="R706" t="s">
        <v>669</v>
      </c>
      <c r="S706">
        <v>1</v>
      </c>
      <c r="T706" t="s">
        <v>661</v>
      </c>
      <c r="U706">
        <v>8</v>
      </c>
      <c r="V706">
        <v>3</v>
      </c>
      <c r="W706">
        <v>180</v>
      </c>
      <c r="X706">
        <v>2020</v>
      </c>
    </row>
    <row r="707" spans="1:24" x14ac:dyDescent="0.25">
      <c r="A707">
        <v>13722</v>
      </c>
      <c r="B707" t="s">
        <v>28</v>
      </c>
      <c r="C707">
        <v>49</v>
      </c>
      <c r="D707" t="s">
        <v>322</v>
      </c>
      <c r="E707">
        <v>367</v>
      </c>
      <c r="F707" t="s">
        <v>651</v>
      </c>
      <c r="G707">
        <v>160</v>
      </c>
      <c r="H707" t="s">
        <v>914</v>
      </c>
      <c r="I707">
        <v>7004</v>
      </c>
      <c r="J707" t="s">
        <v>932</v>
      </c>
      <c r="K707">
        <v>77</v>
      </c>
      <c r="L707" t="s">
        <v>933</v>
      </c>
      <c r="M707">
        <v>330</v>
      </c>
      <c r="N707" t="s">
        <v>668</v>
      </c>
      <c r="O707">
        <v>4</v>
      </c>
      <c r="P707" t="s">
        <v>655</v>
      </c>
      <c r="Q707">
        <v>1</v>
      </c>
      <c r="R707" t="s">
        <v>669</v>
      </c>
      <c r="S707">
        <v>1</v>
      </c>
      <c r="T707" t="s">
        <v>661</v>
      </c>
      <c r="U707">
        <v>8</v>
      </c>
      <c r="V707">
        <v>4</v>
      </c>
      <c r="W707">
        <v>240</v>
      </c>
      <c r="X707">
        <v>2020</v>
      </c>
    </row>
    <row r="708" spans="1:24" x14ac:dyDescent="0.25">
      <c r="A708">
        <v>13719</v>
      </c>
      <c r="B708" t="s">
        <v>50</v>
      </c>
      <c r="C708">
        <v>56</v>
      </c>
      <c r="D708" t="s">
        <v>443</v>
      </c>
      <c r="E708">
        <v>380</v>
      </c>
      <c r="F708" t="s">
        <v>651</v>
      </c>
      <c r="G708">
        <v>160</v>
      </c>
      <c r="H708" t="s">
        <v>817</v>
      </c>
      <c r="I708">
        <v>11010</v>
      </c>
      <c r="J708" t="s">
        <v>730</v>
      </c>
      <c r="K708">
        <v>66</v>
      </c>
      <c r="L708" t="s">
        <v>1268</v>
      </c>
      <c r="M708">
        <v>3879</v>
      </c>
      <c r="N708" t="s">
        <v>668</v>
      </c>
      <c r="O708">
        <v>4</v>
      </c>
      <c r="P708" t="s">
        <v>655</v>
      </c>
      <c r="Q708">
        <v>1</v>
      </c>
      <c r="R708" t="s">
        <v>669</v>
      </c>
      <c r="S708">
        <v>1</v>
      </c>
      <c r="T708" t="s">
        <v>661</v>
      </c>
      <c r="U708">
        <v>8</v>
      </c>
      <c r="V708">
        <v>4</v>
      </c>
      <c r="W708">
        <v>240</v>
      </c>
      <c r="X708">
        <v>2020</v>
      </c>
    </row>
    <row r="709" spans="1:24" x14ac:dyDescent="0.25">
      <c r="A709">
        <v>13716</v>
      </c>
      <c r="B709" t="s">
        <v>50</v>
      </c>
      <c r="C709">
        <v>56</v>
      </c>
      <c r="D709" t="s">
        <v>49</v>
      </c>
      <c r="E709">
        <v>1304</v>
      </c>
      <c r="F709" t="s">
        <v>651</v>
      </c>
      <c r="G709">
        <v>160</v>
      </c>
      <c r="H709" t="s">
        <v>817</v>
      </c>
      <c r="I709">
        <v>11010</v>
      </c>
      <c r="J709" t="s">
        <v>299</v>
      </c>
      <c r="K709">
        <v>27</v>
      </c>
      <c r="L709" t="s">
        <v>690</v>
      </c>
      <c r="M709">
        <v>89</v>
      </c>
      <c r="N709" t="s">
        <v>668</v>
      </c>
      <c r="O709">
        <v>4</v>
      </c>
      <c r="P709" t="s">
        <v>655</v>
      </c>
      <c r="Q709">
        <v>1</v>
      </c>
      <c r="R709" t="s">
        <v>669</v>
      </c>
      <c r="S709">
        <v>1</v>
      </c>
      <c r="T709" t="s">
        <v>661</v>
      </c>
      <c r="U709">
        <v>8</v>
      </c>
      <c r="V709">
        <v>3</v>
      </c>
      <c r="W709">
        <v>180</v>
      </c>
      <c r="X709">
        <v>2020</v>
      </c>
    </row>
    <row r="710" spans="1:24" x14ac:dyDescent="0.25">
      <c r="A710">
        <v>13713</v>
      </c>
      <c r="B710" t="s">
        <v>63</v>
      </c>
      <c r="C710">
        <v>58</v>
      </c>
      <c r="D710" t="s">
        <v>322</v>
      </c>
      <c r="E710">
        <v>608</v>
      </c>
      <c r="F710" t="s">
        <v>651</v>
      </c>
      <c r="G710">
        <v>160</v>
      </c>
      <c r="H710" t="s">
        <v>658</v>
      </c>
      <c r="I710">
        <v>13755</v>
      </c>
      <c r="J710" t="s">
        <v>932</v>
      </c>
      <c r="K710">
        <v>77</v>
      </c>
      <c r="L710" t="s">
        <v>839</v>
      </c>
      <c r="M710">
        <v>327</v>
      </c>
      <c r="N710" t="s">
        <v>668</v>
      </c>
      <c r="O710">
        <v>4</v>
      </c>
      <c r="P710" t="s">
        <v>655</v>
      </c>
      <c r="Q710">
        <v>1</v>
      </c>
      <c r="R710" t="s">
        <v>669</v>
      </c>
      <c r="S710">
        <v>1</v>
      </c>
      <c r="T710" t="s">
        <v>718</v>
      </c>
      <c r="U710">
        <v>2</v>
      </c>
      <c r="V710">
        <v>6</v>
      </c>
      <c r="W710">
        <v>360</v>
      </c>
      <c r="X710">
        <v>2020</v>
      </c>
    </row>
    <row r="711" spans="1:24" x14ac:dyDescent="0.25">
      <c r="A711">
        <v>13710</v>
      </c>
      <c r="B711" t="s">
        <v>63</v>
      </c>
      <c r="C711">
        <v>58</v>
      </c>
      <c r="D711" t="s">
        <v>54</v>
      </c>
      <c r="E711">
        <v>609</v>
      </c>
      <c r="F711" t="s">
        <v>651</v>
      </c>
      <c r="G711">
        <v>160</v>
      </c>
      <c r="H711" t="s">
        <v>658</v>
      </c>
      <c r="I711">
        <v>13755</v>
      </c>
      <c r="J711" t="s">
        <v>751</v>
      </c>
      <c r="K711">
        <v>79</v>
      </c>
      <c r="L711" t="s">
        <v>752</v>
      </c>
      <c r="M711">
        <v>328</v>
      </c>
      <c r="N711" t="s">
        <v>668</v>
      </c>
      <c r="O711">
        <v>4</v>
      </c>
      <c r="P711" t="s">
        <v>655</v>
      </c>
      <c r="Q711">
        <v>1</v>
      </c>
      <c r="R711" t="s">
        <v>669</v>
      </c>
      <c r="S711">
        <v>1</v>
      </c>
      <c r="T711" t="s">
        <v>718</v>
      </c>
      <c r="U711">
        <v>2</v>
      </c>
      <c r="V711">
        <v>6</v>
      </c>
      <c r="W711">
        <v>360</v>
      </c>
      <c r="X711">
        <v>2020</v>
      </c>
    </row>
    <row r="712" spans="1:24" x14ac:dyDescent="0.25">
      <c r="A712">
        <v>13707</v>
      </c>
      <c r="B712" t="s">
        <v>53</v>
      </c>
      <c r="C712">
        <v>60</v>
      </c>
      <c r="D712" t="s">
        <v>52</v>
      </c>
      <c r="E712">
        <v>1298</v>
      </c>
      <c r="F712" t="s">
        <v>651</v>
      </c>
      <c r="G712">
        <v>160</v>
      </c>
      <c r="H712" t="s">
        <v>658</v>
      </c>
      <c r="I712">
        <v>13755</v>
      </c>
      <c r="J712" t="s">
        <v>765</v>
      </c>
      <c r="K712">
        <v>76</v>
      </c>
      <c r="L712" t="s">
        <v>766</v>
      </c>
      <c r="M712">
        <v>137</v>
      </c>
      <c r="N712" t="s">
        <v>668</v>
      </c>
      <c r="O712">
        <v>4</v>
      </c>
      <c r="P712" t="s">
        <v>655</v>
      </c>
      <c r="Q712">
        <v>1</v>
      </c>
      <c r="R712" t="s">
        <v>669</v>
      </c>
      <c r="S712">
        <v>1</v>
      </c>
      <c r="T712" t="s">
        <v>661</v>
      </c>
      <c r="U712">
        <v>8</v>
      </c>
      <c r="V712">
        <v>3</v>
      </c>
      <c r="W712">
        <v>180</v>
      </c>
      <c r="X712">
        <v>2020</v>
      </c>
    </row>
    <row r="713" spans="1:24" x14ac:dyDescent="0.25">
      <c r="A713">
        <v>13704</v>
      </c>
      <c r="B713" t="s">
        <v>53</v>
      </c>
      <c r="C713">
        <v>60</v>
      </c>
      <c r="D713" t="s">
        <v>52</v>
      </c>
      <c r="E713">
        <v>1298</v>
      </c>
      <c r="F713" t="s">
        <v>651</v>
      </c>
      <c r="G713">
        <v>160</v>
      </c>
      <c r="H713" t="s">
        <v>658</v>
      </c>
      <c r="I713">
        <v>13755</v>
      </c>
      <c r="J713" t="s">
        <v>1088</v>
      </c>
      <c r="K713">
        <v>38</v>
      </c>
      <c r="L713" t="s">
        <v>1089</v>
      </c>
      <c r="M713">
        <v>135</v>
      </c>
      <c r="N713" t="s">
        <v>668</v>
      </c>
      <c r="O713">
        <v>4</v>
      </c>
      <c r="P713" t="s">
        <v>655</v>
      </c>
      <c r="Q713">
        <v>1</v>
      </c>
      <c r="R713" t="s">
        <v>669</v>
      </c>
      <c r="S713">
        <v>1</v>
      </c>
      <c r="T713" t="s">
        <v>661</v>
      </c>
      <c r="U713">
        <v>8</v>
      </c>
      <c r="V713">
        <v>3</v>
      </c>
      <c r="W713">
        <v>180</v>
      </c>
      <c r="X713">
        <v>2020</v>
      </c>
    </row>
    <row r="714" spans="1:24" x14ac:dyDescent="0.25">
      <c r="A714">
        <v>13701</v>
      </c>
      <c r="B714" t="s">
        <v>67</v>
      </c>
      <c r="C714">
        <v>62</v>
      </c>
      <c r="D714" t="s">
        <v>313</v>
      </c>
      <c r="E714">
        <v>671</v>
      </c>
      <c r="F714" t="s">
        <v>651</v>
      </c>
      <c r="G714">
        <v>160</v>
      </c>
      <c r="H714" t="s">
        <v>747</v>
      </c>
      <c r="I714">
        <v>4847</v>
      </c>
      <c r="J714" t="s">
        <v>295</v>
      </c>
      <c r="K714">
        <v>30</v>
      </c>
      <c r="L714" t="s">
        <v>295</v>
      </c>
      <c r="M714">
        <v>96</v>
      </c>
      <c r="N714" t="s">
        <v>668</v>
      </c>
      <c r="O714">
        <v>4</v>
      </c>
      <c r="P714" t="s">
        <v>655</v>
      </c>
      <c r="Q714">
        <v>1</v>
      </c>
      <c r="R714" t="s">
        <v>669</v>
      </c>
      <c r="S714">
        <v>1</v>
      </c>
      <c r="T714" t="s">
        <v>718</v>
      </c>
      <c r="U714">
        <v>2</v>
      </c>
      <c r="V714">
        <v>3</v>
      </c>
      <c r="W714">
        <v>180</v>
      </c>
      <c r="X714">
        <v>2020</v>
      </c>
    </row>
    <row r="715" spans="1:24" x14ac:dyDescent="0.25">
      <c r="A715">
        <v>13698</v>
      </c>
      <c r="B715" t="s">
        <v>180</v>
      </c>
      <c r="C715">
        <v>70</v>
      </c>
      <c r="D715" t="s">
        <v>319</v>
      </c>
      <c r="E715">
        <v>664</v>
      </c>
      <c r="F715" t="s">
        <v>651</v>
      </c>
      <c r="G715">
        <v>160</v>
      </c>
      <c r="H715" t="s">
        <v>1269</v>
      </c>
      <c r="I715">
        <v>10721</v>
      </c>
      <c r="J715" t="s">
        <v>684</v>
      </c>
      <c r="K715">
        <v>22</v>
      </c>
      <c r="L715" t="s">
        <v>685</v>
      </c>
      <c r="M715">
        <v>72</v>
      </c>
      <c r="N715" t="s">
        <v>668</v>
      </c>
      <c r="O715">
        <v>4</v>
      </c>
      <c r="P715" t="s">
        <v>655</v>
      </c>
      <c r="Q715">
        <v>1</v>
      </c>
      <c r="R715" t="s">
        <v>669</v>
      </c>
      <c r="S715">
        <v>1</v>
      </c>
      <c r="T715" t="s">
        <v>661</v>
      </c>
      <c r="U715">
        <v>8</v>
      </c>
      <c r="V715">
        <v>3</v>
      </c>
      <c r="W715">
        <v>180</v>
      </c>
      <c r="X715">
        <v>2020</v>
      </c>
    </row>
    <row r="716" spans="1:24" x14ac:dyDescent="0.25">
      <c r="A716">
        <v>13695</v>
      </c>
      <c r="B716" t="s">
        <v>55</v>
      </c>
      <c r="C716">
        <v>81</v>
      </c>
      <c r="D716" t="s">
        <v>54</v>
      </c>
      <c r="E716">
        <v>1295</v>
      </c>
      <c r="F716" t="s">
        <v>651</v>
      </c>
      <c r="G716">
        <v>160</v>
      </c>
      <c r="H716" t="s">
        <v>666</v>
      </c>
      <c r="I716">
        <v>8767</v>
      </c>
      <c r="J716" t="s">
        <v>751</v>
      </c>
      <c r="K716">
        <v>79</v>
      </c>
      <c r="L716" t="s">
        <v>752</v>
      </c>
      <c r="M716">
        <v>328</v>
      </c>
      <c r="N716" t="s">
        <v>668</v>
      </c>
      <c r="O716">
        <v>4</v>
      </c>
      <c r="P716" t="s">
        <v>655</v>
      </c>
      <c r="Q716">
        <v>1</v>
      </c>
      <c r="R716" t="s">
        <v>669</v>
      </c>
      <c r="S716">
        <v>1</v>
      </c>
      <c r="T716" t="s">
        <v>661</v>
      </c>
      <c r="U716">
        <v>8</v>
      </c>
      <c r="V716">
        <v>6</v>
      </c>
      <c r="W716">
        <v>360</v>
      </c>
      <c r="X716">
        <v>2020</v>
      </c>
    </row>
    <row r="717" spans="1:24" x14ac:dyDescent="0.25">
      <c r="A717">
        <v>13692</v>
      </c>
      <c r="B717" t="s">
        <v>55</v>
      </c>
      <c r="C717">
        <v>81</v>
      </c>
      <c r="D717" t="s">
        <v>56</v>
      </c>
      <c r="E717">
        <v>1292</v>
      </c>
      <c r="F717" t="s">
        <v>651</v>
      </c>
      <c r="G717">
        <v>160</v>
      </c>
      <c r="H717" t="s">
        <v>666</v>
      </c>
      <c r="I717">
        <v>8767</v>
      </c>
      <c r="J717" t="s">
        <v>915</v>
      </c>
      <c r="K717">
        <v>78</v>
      </c>
      <c r="L717" t="s">
        <v>1266</v>
      </c>
      <c r="M717">
        <v>334</v>
      </c>
      <c r="N717" t="s">
        <v>668</v>
      </c>
      <c r="O717">
        <v>4</v>
      </c>
      <c r="P717" t="s">
        <v>655</v>
      </c>
      <c r="Q717">
        <v>1</v>
      </c>
      <c r="R717" t="s">
        <v>669</v>
      </c>
      <c r="S717">
        <v>1</v>
      </c>
      <c r="T717" t="s">
        <v>661</v>
      </c>
      <c r="U717">
        <v>8</v>
      </c>
      <c r="V717">
        <v>3</v>
      </c>
      <c r="W717">
        <v>180</v>
      </c>
      <c r="X717">
        <v>2020</v>
      </c>
    </row>
    <row r="718" spans="1:24" x14ac:dyDescent="0.25">
      <c r="A718">
        <v>13689</v>
      </c>
      <c r="B718" t="s">
        <v>32</v>
      </c>
      <c r="C718">
        <v>24</v>
      </c>
      <c r="D718" t="s">
        <v>426</v>
      </c>
      <c r="E718">
        <v>168</v>
      </c>
      <c r="F718" t="s">
        <v>651</v>
      </c>
      <c r="G718">
        <v>160</v>
      </c>
      <c r="H718" t="s">
        <v>747</v>
      </c>
      <c r="I718">
        <v>4847</v>
      </c>
      <c r="J718" t="s">
        <v>699</v>
      </c>
      <c r="K718">
        <v>10</v>
      </c>
      <c r="L718" t="s">
        <v>700</v>
      </c>
      <c r="M718">
        <v>348</v>
      </c>
      <c r="N718" t="s">
        <v>668</v>
      </c>
      <c r="O718">
        <v>4</v>
      </c>
      <c r="P718" t="s">
        <v>655</v>
      </c>
      <c r="Q718">
        <v>1</v>
      </c>
      <c r="R718" t="s">
        <v>669</v>
      </c>
      <c r="S718">
        <v>1</v>
      </c>
      <c r="T718" t="s">
        <v>1000</v>
      </c>
      <c r="U718">
        <v>60</v>
      </c>
      <c r="V718">
        <v>3</v>
      </c>
      <c r="W718">
        <v>180</v>
      </c>
      <c r="X718">
        <v>2020</v>
      </c>
    </row>
    <row r="719" spans="1:24" x14ac:dyDescent="0.25">
      <c r="A719">
        <v>13686</v>
      </c>
      <c r="B719" t="s">
        <v>32</v>
      </c>
      <c r="C719">
        <v>24</v>
      </c>
      <c r="D719" t="s">
        <v>426</v>
      </c>
      <c r="E719">
        <v>168</v>
      </c>
      <c r="F719" t="s">
        <v>651</v>
      </c>
      <c r="G719">
        <v>160</v>
      </c>
      <c r="H719" t="s">
        <v>747</v>
      </c>
      <c r="I719">
        <v>4847</v>
      </c>
      <c r="J719" t="s">
        <v>699</v>
      </c>
      <c r="K719">
        <v>10</v>
      </c>
      <c r="L719" t="s">
        <v>700</v>
      </c>
      <c r="M719">
        <v>348</v>
      </c>
      <c r="N719" t="s">
        <v>668</v>
      </c>
      <c r="O719">
        <v>4</v>
      </c>
      <c r="P719" t="s">
        <v>655</v>
      </c>
      <c r="Q719">
        <v>1</v>
      </c>
      <c r="R719" t="s">
        <v>669</v>
      </c>
      <c r="S719">
        <v>1</v>
      </c>
      <c r="T719" t="s">
        <v>1270</v>
      </c>
      <c r="U719">
        <v>293</v>
      </c>
      <c r="V719">
        <v>3</v>
      </c>
      <c r="W719">
        <v>180</v>
      </c>
      <c r="X719">
        <v>2020</v>
      </c>
    </row>
    <row r="720" spans="1:24" x14ac:dyDescent="0.25">
      <c r="A720">
        <v>13683</v>
      </c>
      <c r="B720" t="s">
        <v>12</v>
      </c>
      <c r="C720">
        <v>7</v>
      </c>
      <c r="D720" t="s">
        <v>591</v>
      </c>
      <c r="E720">
        <v>69</v>
      </c>
      <c r="F720" t="s">
        <v>651</v>
      </c>
      <c r="G720">
        <v>160</v>
      </c>
      <c r="H720" t="s">
        <v>658</v>
      </c>
      <c r="I720">
        <v>13755</v>
      </c>
      <c r="J720" t="s">
        <v>667</v>
      </c>
      <c r="K720">
        <v>11</v>
      </c>
      <c r="L720" t="s">
        <v>667</v>
      </c>
      <c r="M720">
        <v>35</v>
      </c>
      <c r="N720" t="s">
        <v>654</v>
      </c>
      <c r="O720">
        <v>3</v>
      </c>
      <c r="P720" t="s">
        <v>655</v>
      </c>
      <c r="Q720">
        <v>1</v>
      </c>
      <c r="R720" t="s">
        <v>669</v>
      </c>
      <c r="S720">
        <v>1</v>
      </c>
      <c r="T720" t="s">
        <v>1009</v>
      </c>
      <c r="U720">
        <v>35</v>
      </c>
      <c r="V720">
        <v>3</v>
      </c>
      <c r="W720">
        <v>180</v>
      </c>
      <c r="X720">
        <v>2020</v>
      </c>
    </row>
    <row r="721" spans="1:24" x14ac:dyDescent="0.25">
      <c r="A721">
        <v>13680</v>
      </c>
      <c r="B721" t="s">
        <v>26</v>
      </c>
      <c r="C721">
        <v>44</v>
      </c>
      <c r="D721" t="s">
        <v>474</v>
      </c>
      <c r="E721">
        <v>332</v>
      </c>
      <c r="F721" t="s">
        <v>651</v>
      </c>
      <c r="G721">
        <v>160</v>
      </c>
      <c r="H721" t="s">
        <v>666</v>
      </c>
      <c r="I721">
        <v>8767</v>
      </c>
      <c r="J721" t="s">
        <v>667</v>
      </c>
      <c r="K721">
        <v>11</v>
      </c>
      <c r="L721" t="s">
        <v>667</v>
      </c>
      <c r="M721">
        <v>35</v>
      </c>
      <c r="N721" t="s">
        <v>654</v>
      </c>
      <c r="O721">
        <v>3</v>
      </c>
      <c r="P721" t="s">
        <v>655</v>
      </c>
      <c r="Q721">
        <v>1</v>
      </c>
      <c r="R721" t="s">
        <v>669</v>
      </c>
      <c r="S721">
        <v>1</v>
      </c>
      <c r="T721" t="s">
        <v>1009</v>
      </c>
      <c r="U721">
        <v>35</v>
      </c>
      <c r="V721">
        <v>3</v>
      </c>
      <c r="W721">
        <v>180</v>
      </c>
      <c r="X721">
        <v>2020</v>
      </c>
    </row>
    <row r="722" spans="1:24" x14ac:dyDescent="0.25">
      <c r="A722">
        <v>13677</v>
      </c>
      <c r="B722" t="s">
        <v>24</v>
      </c>
      <c r="C722">
        <v>63</v>
      </c>
      <c r="D722" t="s">
        <v>51</v>
      </c>
      <c r="E722">
        <v>1301</v>
      </c>
      <c r="F722" t="s">
        <v>651</v>
      </c>
      <c r="G722">
        <v>160</v>
      </c>
      <c r="H722" t="s">
        <v>658</v>
      </c>
      <c r="I722">
        <v>13755</v>
      </c>
      <c r="J722" t="s">
        <v>932</v>
      </c>
      <c r="K722">
        <v>77</v>
      </c>
      <c r="L722" t="s">
        <v>933</v>
      </c>
      <c r="M722">
        <v>330</v>
      </c>
      <c r="N722" t="s">
        <v>668</v>
      </c>
      <c r="O722">
        <v>4</v>
      </c>
      <c r="P722" t="s">
        <v>655</v>
      </c>
      <c r="Q722">
        <v>1</v>
      </c>
      <c r="R722" t="s">
        <v>669</v>
      </c>
      <c r="S722">
        <v>1</v>
      </c>
      <c r="T722" t="s">
        <v>661</v>
      </c>
      <c r="U722">
        <v>8</v>
      </c>
      <c r="V722">
        <v>4</v>
      </c>
      <c r="W722">
        <v>240</v>
      </c>
      <c r="X722">
        <v>2020</v>
      </c>
    </row>
    <row r="723" spans="1:24" x14ac:dyDescent="0.25">
      <c r="A723">
        <v>13674</v>
      </c>
      <c r="B723" t="s">
        <v>14</v>
      </c>
      <c r="C723">
        <v>20</v>
      </c>
      <c r="D723" t="s">
        <v>558</v>
      </c>
      <c r="E723">
        <v>141</v>
      </c>
      <c r="F723" t="s">
        <v>651</v>
      </c>
      <c r="G723">
        <v>160</v>
      </c>
      <c r="H723" t="s">
        <v>739</v>
      </c>
      <c r="I723">
        <v>4413</v>
      </c>
      <c r="J723" t="s">
        <v>831</v>
      </c>
      <c r="K723">
        <v>5</v>
      </c>
      <c r="L723" t="s">
        <v>1271</v>
      </c>
      <c r="M723">
        <v>3156</v>
      </c>
      <c r="N723" t="s">
        <v>654</v>
      </c>
      <c r="O723">
        <v>3</v>
      </c>
      <c r="P723" t="s">
        <v>746</v>
      </c>
      <c r="Q723">
        <v>2</v>
      </c>
      <c r="R723" t="s">
        <v>656</v>
      </c>
      <c r="S723">
        <v>2</v>
      </c>
      <c r="T723" t="s">
        <v>661</v>
      </c>
      <c r="U723">
        <v>8</v>
      </c>
      <c r="V723">
        <v>2</v>
      </c>
      <c r="W723">
        <v>120</v>
      </c>
      <c r="X723">
        <v>2020</v>
      </c>
    </row>
    <row r="724" spans="1:24" x14ac:dyDescent="0.25">
      <c r="A724">
        <v>13671</v>
      </c>
      <c r="B724" t="s">
        <v>10</v>
      </c>
      <c r="C724">
        <v>57</v>
      </c>
      <c r="D724" t="s">
        <v>323</v>
      </c>
      <c r="E724">
        <v>381</v>
      </c>
      <c r="F724" t="s">
        <v>651</v>
      </c>
      <c r="G724">
        <v>160</v>
      </c>
      <c r="H724" t="s">
        <v>658</v>
      </c>
      <c r="I724">
        <v>13755</v>
      </c>
      <c r="J724" t="s">
        <v>65</v>
      </c>
      <c r="K724">
        <v>15</v>
      </c>
      <c r="L724" t="s">
        <v>908</v>
      </c>
      <c r="M724">
        <v>799</v>
      </c>
      <c r="N724" t="s">
        <v>654</v>
      </c>
      <c r="O724">
        <v>3</v>
      </c>
      <c r="P724" t="s">
        <v>655</v>
      </c>
      <c r="Q724">
        <v>1</v>
      </c>
      <c r="R724" t="s">
        <v>656</v>
      </c>
      <c r="S724">
        <v>2</v>
      </c>
      <c r="T724" t="s">
        <v>661</v>
      </c>
      <c r="U724">
        <v>8</v>
      </c>
      <c r="V724">
        <v>1</v>
      </c>
      <c r="W724">
        <v>60</v>
      </c>
      <c r="X724">
        <v>2020</v>
      </c>
    </row>
    <row r="725" spans="1:24" x14ac:dyDescent="0.25">
      <c r="A725">
        <v>13668</v>
      </c>
      <c r="B725" t="s">
        <v>69</v>
      </c>
      <c r="C725">
        <v>36</v>
      </c>
      <c r="D725" t="s">
        <v>71</v>
      </c>
      <c r="E725">
        <v>1254</v>
      </c>
      <c r="F725" t="s">
        <v>651</v>
      </c>
      <c r="G725">
        <v>160</v>
      </c>
      <c r="H725" t="s">
        <v>732</v>
      </c>
      <c r="I725">
        <v>1000</v>
      </c>
      <c r="J725" t="s">
        <v>1011</v>
      </c>
      <c r="K725">
        <v>17</v>
      </c>
      <c r="L725" t="s">
        <v>1272</v>
      </c>
      <c r="M725">
        <v>2254</v>
      </c>
      <c r="N725" t="s">
        <v>654</v>
      </c>
      <c r="O725">
        <v>3</v>
      </c>
      <c r="P725" t="s">
        <v>655</v>
      </c>
      <c r="Q725">
        <v>1</v>
      </c>
      <c r="R725" t="s">
        <v>656</v>
      </c>
      <c r="S725">
        <v>2</v>
      </c>
      <c r="T725" t="s">
        <v>661</v>
      </c>
      <c r="U725">
        <v>8</v>
      </c>
      <c r="V725">
        <v>2</v>
      </c>
      <c r="W725">
        <v>120</v>
      </c>
      <c r="X725">
        <v>2020</v>
      </c>
    </row>
    <row r="726" spans="1:24" x14ac:dyDescent="0.25">
      <c r="A726">
        <v>13665</v>
      </c>
      <c r="B726" t="s">
        <v>69</v>
      </c>
      <c r="C726">
        <v>36</v>
      </c>
      <c r="D726" t="s">
        <v>71</v>
      </c>
      <c r="E726">
        <v>1254</v>
      </c>
      <c r="F726" t="s">
        <v>651</v>
      </c>
      <c r="G726">
        <v>160</v>
      </c>
      <c r="H726" t="s">
        <v>732</v>
      </c>
      <c r="I726">
        <v>1000</v>
      </c>
      <c r="J726" t="s">
        <v>1011</v>
      </c>
      <c r="K726">
        <v>17</v>
      </c>
      <c r="L726" t="s">
        <v>1273</v>
      </c>
      <c r="M726">
        <v>910</v>
      </c>
      <c r="N726" t="s">
        <v>654</v>
      </c>
      <c r="O726">
        <v>3</v>
      </c>
      <c r="P726" t="s">
        <v>655</v>
      </c>
      <c r="Q726">
        <v>1</v>
      </c>
      <c r="R726" t="s">
        <v>656</v>
      </c>
      <c r="S726">
        <v>2</v>
      </c>
      <c r="T726" t="s">
        <v>661</v>
      </c>
      <c r="U726">
        <v>8</v>
      </c>
      <c r="V726">
        <v>2</v>
      </c>
      <c r="W726">
        <v>120</v>
      </c>
      <c r="X726">
        <v>2020</v>
      </c>
    </row>
    <row r="727" spans="1:24" x14ac:dyDescent="0.25">
      <c r="A727">
        <v>13662</v>
      </c>
      <c r="B727" t="s">
        <v>16</v>
      </c>
      <c r="C727">
        <v>5</v>
      </c>
      <c r="D727" t="s">
        <v>555</v>
      </c>
      <c r="E727">
        <v>49</v>
      </c>
      <c r="F727" t="s">
        <v>651</v>
      </c>
      <c r="G727">
        <v>160</v>
      </c>
      <c r="H727" t="s">
        <v>658</v>
      </c>
      <c r="I727">
        <v>13755</v>
      </c>
      <c r="J727" t="s">
        <v>1011</v>
      </c>
      <c r="K727">
        <v>17</v>
      </c>
      <c r="L727" t="s">
        <v>1274</v>
      </c>
      <c r="M727">
        <v>909</v>
      </c>
      <c r="N727" t="s">
        <v>654</v>
      </c>
      <c r="O727">
        <v>3</v>
      </c>
      <c r="P727" t="s">
        <v>655</v>
      </c>
      <c r="Q727">
        <v>1</v>
      </c>
      <c r="R727" t="s">
        <v>656</v>
      </c>
      <c r="S727">
        <v>2</v>
      </c>
      <c r="T727" t="s">
        <v>661</v>
      </c>
      <c r="U727">
        <v>8</v>
      </c>
      <c r="V727">
        <v>2</v>
      </c>
      <c r="W727">
        <v>120</v>
      </c>
      <c r="X727">
        <v>2020</v>
      </c>
    </row>
    <row r="728" spans="1:24" x14ac:dyDescent="0.25">
      <c r="A728">
        <v>13659</v>
      </c>
      <c r="B728" t="s">
        <v>16</v>
      </c>
      <c r="C728">
        <v>5</v>
      </c>
      <c r="D728" t="s">
        <v>555</v>
      </c>
      <c r="E728">
        <v>49</v>
      </c>
      <c r="F728" t="s">
        <v>651</v>
      </c>
      <c r="G728">
        <v>160</v>
      </c>
      <c r="H728" t="s">
        <v>658</v>
      </c>
      <c r="I728">
        <v>13755</v>
      </c>
      <c r="J728" t="s">
        <v>1011</v>
      </c>
      <c r="K728">
        <v>17</v>
      </c>
      <c r="L728" t="s">
        <v>1273</v>
      </c>
      <c r="M728">
        <v>910</v>
      </c>
      <c r="N728" t="s">
        <v>654</v>
      </c>
      <c r="O728">
        <v>3</v>
      </c>
      <c r="P728" t="s">
        <v>655</v>
      </c>
      <c r="Q728">
        <v>1</v>
      </c>
      <c r="R728" t="s">
        <v>656</v>
      </c>
      <c r="S728">
        <v>2</v>
      </c>
      <c r="T728" t="s">
        <v>661</v>
      </c>
      <c r="U728">
        <v>8</v>
      </c>
      <c r="V728">
        <v>2</v>
      </c>
      <c r="W728">
        <v>120</v>
      </c>
      <c r="X728">
        <v>2020</v>
      </c>
    </row>
    <row r="729" spans="1:24" x14ac:dyDescent="0.25">
      <c r="A729">
        <v>13656</v>
      </c>
      <c r="B729" t="s">
        <v>16</v>
      </c>
      <c r="C729">
        <v>5</v>
      </c>
      <c r="D729" t="s">
        <v>555</v>
      </c>
      <c r="E729">
        <v>49</v>
      </c>
      <c r="F729" t="s">
        <v>651</v>
      </c>
      <c r="G729">
        <v>160</v>
      </c>
      <c r="H729" t="s">
        <v>658</v>
      </c>
      <c r="I729">
        <v>13755</v>
      </c>
      <c r="J729" t="s">
        <v>1011</v>
      </c>
      <c r="K729">
        <v>17</v>
      </c>
      <c r="L729" t="s">
        <v>1275</v>
      </c>
      <c r="M729">
        <v>911</v>
      </c>
      <c r="N729" t="s">
        <v>654</v>
      </c>
      <c r="O729">
        <v>3</v>
      </c>
      <c r="P729" t="s">
        <v>655</v>
      </c>
      <c r="Q729">
        <v>1</v>
      </c>
      <c r="R729" t="s">
        <v>656</v>
      </c>
      <c r="S729">
        <v>2</v>
      </c>
      <c r="T729" t="s">
        <v>661</v>
      </c>
      <c r="U729">
        <v>8</v>
      </c>
      <c r="V729">
        <v>2</v>
      </c>
      <c r="W729">
        <v>120</v>
      </c>
      <c r="X729">
        <v>2020</v>
      </c>
    </row>
    <row r="730" spans="1:24" x14ac:dyDescent="0.25">
      <c r="A730">
        <v>13650</v>
      </c>
      <c r="B730" t="s">
        <v>16</v>
      </c>
      <c r="C730">
        <v>5</v>
      </c>
      <c r="D730" t="s">
        <v>555</v>
      </c>
      <c r="E730">
        <v>49</v>
      </c>
      <c r="F730" t="s">
        <v>651</v>
      </c>
      <c r="G730">
        <v>160</v>
      </c>
      <c r="H730" t="s">
        <v>658</v>
      </c>
      <c r="I730">
        <v>13755</v>
      </c>
      <c r="J730" t="s">
        <v>1011</v>
      </c>
      <c r="K730">
        <v>17</v>
      </c>
      <c r="L730" t="s">
        <v>1276</v>
      </c>
      <c r="M730">
        <v>912</v>
      </c>
      <c r="N730" t="s">
        <v>654</v>
      </c>
      <c r="O730">
        <v>3</v>
      </c>
      <c r="P730" t="s">
        <v>655</v>
      </c>
      <c r="Q730">
        <v>1</v>
      </c>
      <c r="R730" t="s">
        <v>656</v>
      </c>
      <c r="S730">
        <v>2</v>
      </c>
      <c r="T730" t="s">
        <v>661</v>
      </c>
      <c r="U730">
        <v>8</v>
      </c>
      <c r="V730">
        <v>2</v>
      </c>
      <c r="W730">
        <v>120</v>
      </c>
      <c r="X730">
        <v>2020</v>
      </c>
    </row>
    <row r="731" spans="1:24" x14ac:dyDescent="0.25">
      <c r="A731">
        <v>13647</v>
      </c>
      <c r="B731" t="s">
        <v>16</v>
      </c>
      <c r="C731">
        <v>5</v>
      </c>
      <c r="D731" t="s">
        <v>555</v>
      </c>
      <c r="E731">
        <v>49</v>
      </c>
      <c r="F731" t="s">
        <v>651</v>
      </c>
      <c r="G731">
        <v>160</v>
      </c>
      <c r="H731" t="s">
        <v>658</v>
      </c>
      <c r="I731">
        <v>13755</v>
      </c>
      <c r="J731" t="s">
        <v>1011</v>
      </c>
      <c r="K731">
        <v>17</v>
      </c>
      <c r="L731" t="s">
        <v>1272</v>
      </c>
      <c r="M731">
        <v>2254</v>
      </c>
      <c r="N731" t="s">
        <v>654</v>
      </c>
      <c r="O731">
        <v>3</v>
      </c>
      <c r="P731" t="s">
        <v>655</v>
      </c>
      <c r="Q731">
        <v>1</v>
      </c>
      <c r="R731" t="s">
        <v>656</v>
      </c>
      <c r="S731">
        <v>2</v>
      </c>
      <c r="T731" t="s">
        <v>661</v>
      </c>
      <c r="U731">
        <v>8</v>
      </c>
      <c r="V731">
        <v>2</v>
      </c>
      <c r="W731">
        <v>120</v>
      </c>
      <c r="X731">
        <v>2020</v>
      </c>
    </row>
    <row r="732" spans="1:24" x14ac:dyDescent="0.25">
      <c r="A732">
        <v>13638</v>
      </c>
      <c r="B732" t="s">
        <v>218</v>
      </c>
      <c r="C732">
        <v>17</v>
      </c>
      <c r="D732" t="s">
        <v>565</v>
      </c>
      <c r="E732">
        <v>124</v>
      </c>
      <c r="F732" t="s">
        <v>651</v>
      </c>
      <c r="G732">
        <v>160</v>
      </c>
      <c r="H732" t="s">
        <v>744</v>
      </c>
      <c r="I732">
        <v>3143</v>
      </c>
      <c r="J732" t="s">
        <v>1011</v>
      </c>
      <c r="K732">
        <v>17</v>
      </c>
      <c r="L732" t="s">
        <v>1277</v>
      </c>
      <c r="M732">
        <v>1302</v>
      </c>
      <c r="N732" t="s">
        <v>654</v>
      </c>
      <c r="O732">
        <v>3</v>
      </c>
      <c r="P732" t="s">
        <v>655</v>
      </c>
      <c r="Q732">
        <v>1</v>
      </c>
      <c r="R732" t="s">
        <v>656</v>
      </c>
      <c r="S732">
        <v>2</v>
      </c>
      <c r="T732" t="s">
        <v>661</v>
      </c>
      <c r="U732">
        <v>8</v>
      </c>
      <c r="V732">
        <v>2</v>
      </c>
      <c r="W732">
        <v>120</v>
      </c>
      <c r="X732">
        <v>2020</v>
      </c>
    </row>
    <row r="733" spans="1:24" x14ac:dyDescent="0.25">
      <c r="A733">
        <v>13632</v>
      </c>
      <c r="B733" t="s">
        <v>93</v>
      </c>
      <c r="C733">
        <v>48</v>
      </c>
      <c r="D733" t="s">
        <v>453</v>
      </c>
      <c r="E733">
        <v>362</v>
      </c>
      <c r="F733" t="s">
        <v>651</v>
      </c>
      <c r="G733">
        <v>160</v>
      </c>
      <c r="H733" t="s">
        <v>773</v>
      </c>
      <c r="I733">
        <v>11846</v>
      </c>
      <c r="J733" t="s">
        <v>1011</v>
      </c>
      <c r="K733">
        <v>17</v>
      </c>
      <c r="L733" t="s">
        <v>1278</v>
      </c>
      <c r="M733">
        <v>2748</v>
      </c>
      <c r="N733" t="s">
        <v>654</v>
      </c>
      <c r="O733">
        <v>3</v>
      </c>
      <c r="P733" t="s">
        <v>655</v>
      </c>
      <c r="Q733">
        <v>1</v>
      </c>
      <c r="R733" t="s">
        <v>656</v>
      </c>
      <c r="S733">
        <v>2</v>
      </c>
      <c r="T733" t="s">
        <v>661</v>
      </c>
      <c r="U733">
        <v>8</v>
      </c>
      <c r="V733">
        <v>2</v>
      </c>
      <c r="W733">
        <v>120</v>
      </c>
      <c r="X733">
        <v>2020</v>
      </c>
    </row>
    <row r="734" spans="1:24" x14ac:dyDescent="0.25">
      <c r="A734">
        <v>13626</v>
      </c>
      <c r="B734" t="s">
        <v>93</v>
      </c>
      <c r="C734">
        <v>48</v>
      </c>
      <c r="D734" t="s">
        <v>453</v>
      </c>
      <c r="E734">
        <v>362</v>
      </c>
      <c r="F734" t="s">
        <v>651</v>
      </c>
      <c r="G734">
        <v>160</v>
      </c>
      <c r="H734" t="s">
        <v>773</v>
      </c>
      <c r="I734">
        <v>11846</v>
      </c>
      <c r="J734" t="s">
        <v>1011</v>
      </c>
      <c r="K734">
        <v>17</v>
      </c>
      <c r="L734" t="s">
        <v>1279</v>
      </c>
      <c r="M734">
        <v>2743</v>
      </c>
      <c r="N734" t="s">
        <v>654</v>
      </c>
      <c r="O734">
        <v>3</v>
      </c>
      <c r="P734" t="s">
        <v>655</v>
      </c>
      <c r="Q734">
        <v>1</v>
      </c>
      <c r="R734" t="s">
        <v>656</v>
      </c>
      <c r="S734">
        <v>2</v>
      </c>
      <c r="T734" t="s">
        <v>661</v>
      </c>
      <c r="U734">
        <v>8</v>
      </c>
      <c r="V734">
        <v>2</v>
      </c>
      <c r="W734">
        <v>120</v>
      </c>
      <c r="X734">
        <v>2020</v>
      </c>
    </row>
    <row r="735" spans="1:24" x14ac:dyDescent="0.25">
      <c r="A735">
        <v>13623</v>
      </c>
      <c r="B735" t="s">
        <v>93</v>
      </c>
      <c r="C735">
        <v>48</v>
      </c>
      <c r="D735" t="s">
        <v>453</v>
      </c>
      <c r="E735">
        <v>362</v>
      </c>
      <c r="F735" t="s">
        <v>651</v>
      </c>
      <c r="G735">
        <v>160</v>
      </c>
      <c r="H735" t="s">
        <v>773</v>
      </c>
      <c r="I735">
        <v>11846</v>
      </c>
      <c r="J735" t="s">
        <v>1011</v>
      </c>
      <c r="K735">
        <v>17</v>
      </c>
      <c r="L735" t="s">
        <v>1280</v>
      </c>
      <c r="M735">
        <v>2742</v>
      </c>
      <c r="N735" t="s">
        <v>654</v>
      </c>
      <c r="O735">
        <v>3</v>
      </c>
      <c r="P735" t="s">
        <v>655</v>
      </c>
      <c r="Q735">
        <v>1</v>
      </c>
      <c r="R735" t="s">
        <v>656</v>
      </c>
      <c r="S735">
        <v>2</v>
      </c>
      <c r="T735" t="s">
        <v>661</v>
      </c>
      <c r="U735">
        <v>8</v>
      </c>
      <c r="V735">
        <v>2</v>
      </c>
      <c r="W735">
        <v>120</v>
      </c>
      <c r="X735">
        <v>2020</v>
      </c>
    </row>
    <row r="736" spans="1:24" x14ac:dyDescent="0.25">
      <c r="A736">
        <v>13620</v>
      </c>
      <c r="B736" t="s">
        <v>93</v>
      </c>
      <c r="C736">
        <v>48</v>
      </c>
      <c r="D736" t="s">
        <v>453</v>
      </c>
      <c r="E736">
        <v>362</v>
      </c>
      <c r="F736" t="s">
        <v>651</v>
      </c>
      <c r="G736">
        <v>160</v>
      </c>
      <c r="H736" t="s">
        <v>773</v>
      </c>
      <c r="I736">
        <v>11846</v>
      </c>
      <c r="J736" t="s">
        <v>1011</v>
      </c>
      <c r="K736">
        <v>17</v>
      </c>
      <c r="L736" t="s">
        <v>1281</v>
      </c>
      <c r="M736">
        <v>2741</v>
      </c>
      <c r="N736" t="s">
        <v>654</v>
      </c>
      <c r="O736">
        <v>3</v>
      </c>
      <c r="P736" t="s">
        <v>655</v>
      </c>
      <c r="Q736">
        <v>1</v>
      </c>
      <c r="R736" t="s">
        <v>656</v>
      </c>
      <c r="S736">
        <v>2</v>
      </c>
      <c r="T736" t="s">
        <v>661</v>
      </c>
      <c r="U736">
        <v>8</v>
      </c>
      <c r="V736">
        <v>2</v>
      </c>
      <c r="W736">
        <v>120</v>
      </c>
      <c r="X736">
        <v>2020</v>
      </c>
    </row>
    <row r="737" spans="1:24" x14ac:dyDescent="0.25">
      <c r="A737">
        <v>13617</v>
      </c>
      <c r="B737" t="s">
        <v>30</v>
      </c>
      <c r="C737">
        <v>18</v>
      </c>
      <c r="D737" t="s">
        <v>426</v>
      </c>
      <c r="E737">
        <v>105</v>
      </c>
      <c r="F737" t="s">
        <v>651</v>
      </c>
      <c r="G737">
        <v>160</v>
      </c>
      <c r="H737" t="s">
        <v>922</v>
      </c>
      <c r="I737">
        <v>8163</v>
      </c>
      <c r="J737" t="s">
        <v>1011</v>
      </c>
      <c r="K737">
        <v>17</v>
      </c>
      <c r="L737" t="s">
        <v>1282</v>
      </c>
      <c r="M737">
        <v>1384</v>
      </c>
      <c r="N737" t="s">
        <v>654</v>
      </c>
      <c r="O737">
        <v>3</v>
      </c>
      <c r="P737" t="s">
        <v>655</v>
      </c>
      <c r="Q737">
        <v>1</v>
      </c>
      <c r="R737" t="s">
        <v>656</v>
      </c>
      <c r="S737">
        <v>2</v>
      </c>
      <c r="T737" t="s">
        <v>661</v>
      </c>
      <c r="U737">
        <v>8</v>
      </c>
      <c r="V737">
        <v>2</v>
      </c>
      <c r="W737">
        <v>120</v>
      </c>
      <c r="X737">
        <v>2020</v>
      </c>
    </row>
    <row r="738" spans="1:24" x14ac:dyDescent="0.25">
      <c r="A738">
        <v>13611</v>
      </c>
      <c r="B738" t="s">
        <v>247</v>
      </c>
      <c r="C738">
        <v>39</v>
      </c>
      <c r="D738" t="s">
        <v>311</v>
      </c>
      <c r="E738">
        <v>602</v>
      </c>
      <c r="F738" t="s">
        <v>651</v>
      </c>
      <c r="G738">
        <v>160</v>
      </c>
      <c r="H738" t="s">
        <v>817</v>
      </c>
      <c r="I738">
        <v>11010</v>
      </c>
      <c r="J738" t="s">
        <v>1011</v>
      </c>
      <c r="K738">
        <v>17</v>
      </c>
      <c r="L738" t="s">
        <v>1283</v>
      </c>
      <c r="M738">
        <v>2394</v>
      </c>
      <c r="N738" t="s">
        <v>654</v>
      </c>
      <c r="O738">
        <v>3</v>
      </c>
      <c r="P738" t="s">
        <v>655</v>
      </c>
      <c r="Q738">
        <v>1</v>
      </c>
      <c r="R738" t="s">
        <v>656</v>
      </c>
      <c r="S738">
        <v>2</v>
      </c>
      <c r="T738" t="s">
        <v>661</v>
      </c>
      <c r="U738">
        <v>8</v>
      </c>
      <c r="V738">
        <v>2</v>
      </c>
      <c r="W738">
        <v>120</v>
      </c>
      <c r="X738">
        <v>2020</v>
      </c>
    </row>
    <row r="739" spans="1:24" x14ac:dyDescent="0.25">
      <c r="A739">
        <v>13608</v>
      </c>
      <c r="B739" t="s">
        <v>14</v>
      </c>
      <c r="C739">
        <v>20</v>
      </c>
      <c r="D739" t="s">
        <v>555</v>
      </c>
      <c r="E739">
        <v>147</v>
      </c>
      <c r="F739" t="s">
        <v>651</v>
      </c>
      <c r="G739">
        <v>160</v>
      </c>
      <c r="H739" t="s">
        <v>739</v>
      </c>
      <c r="I739">
        <v>4413</v>
      </c>
      <c r="J739" t="s">
        <v>1011</v>
      </c>
      <c r="K739">
        <v>17</v>
      </c>
      <c r="L739" t="s">
        <v>1284</v>
      </c>
      <c r="M739">
        <v>1546</v>
      </c>
      <c r="N739" t="s">
        <v>654</v>
      </c>
      <c r="O739">
        <v>3</v>
      </c>
      <c r="P739" t="s">
        <v>655</v>
      </c>
      <c r="Q739">
        <v>1</v>
      </c>
      <c r="R739" t="s">
        <v>656</v>
      </c>
      <c r="S739">
        <v>2</v>
      </c>
      <c r="T739" t="s">
        <v>661</v>
      </c>
      <c r="U739">
        <v>8</v>
      </c>
      <c r="V739">
        <v>2</v>
      </c>
      <c r="W739">
        <v>120</v>
      </c>
      <c r="X739">
        <v>2020</v>
      </c>
    </row>
    <row r="740" spans="1:24" x14ac:dyDescent="0.25">
      <c r="A740">
        <v>13605</v>
      </c>
      <c r="B740" t="s">
        <v>14</v>
      </c>
      <c r="C740">
        <v>20</v>
      </c>
      <c r="D740" t="s">
        <v>555</v>
      </c>
      <c r="E740">
        <v>147</v>
      </c>
      <c r="F740" t="s">
        <v>651</v>
      </c>
      <c r="G740">
        <v>160</v>
      </c>
      <c r="H740" t="s">
        <v>739</v>
      </c>
      <c r="I740">
        <v>4413</v>
      </c>
      <c r="J740" t="s">
        <v>1011</v>
      </c>
      <c r="K740">
        <v>17</v>
      </c>
      <c r="L740" t="s">
        <v>1285</v>
      </c>
      <c r="M740">
        <v>1547</v>
      </c>
      <c r="N740" t="s">
        <v>654</v>
      </c>
      <c r="O740">
        <v>3</v>
      </c>
      <c r="P740" t="s">
        <v>655</v>
      </c>
      <c r="Q740">
        <v>1</v>
      </c>
      <c r="R740" t="s">
        <v>656</v>
      </c>
      <c r="S740">
        <v>2</v>
      </c>
      <c r="T740" t="s">
        <v>657</v>
      </c>
      <c r="U740">
        <v>7</v>
      </c>
      <c r="V740">
        <v>2</v>
      </c>
      <c r="W740">
        <v>120</v>
      </c>
      <c r="X740">
        <v>2020</v>
      </c>
    </row>
    <row r="741" spans="1:24" x14ac:dyDescent="0.25">
      <c r="A741">
        <v>13602</v>
      </c>
      <c r="B741" t="s">
        <v>14</v>
      </c>
      <c r="C741">
        <v>20</v>
      </c>
      <c r="D741" t="s">
        <v>555</v>
      </c>
      <c r="E741">
        <v>147</v>
      </c>
      <c r="F741" t="s">
        <v>651</v>
      </c>
      <c r="G741">
        <v>160</v>
      </c>
      <c r="H741" t="s">
        <v>739</v>
      </c>
      <c r="I741">
        <v>4413</v>
      </c>
      <c r="J741" t="s">
        <v>1011</v>
      </c>
      <c r="K741">
        <v>17</v>
      </c>
      <c r="L741" t="s">
        <v>1036</v>
      </c>
      <c r="M741">
        <v>1548</v>
      </c>
      <c r="N741" t="s">
        <v>654</v>
      </c>
      <c r="O741">
        <v>3</v>
      </c>
      <c r="P741" t="s">
        <v>655</v>
      </c>
      <c r="Q741">
        <v>1</v>
      </c>
      <c r="R741" t="s">
        <v>656</v>
      </c>
      <c r="S741">
        <v>2</v>
      </c>
      <c r="T741" t="s">
        <v>661</v>
      </c>
      <c r="U741">
        <v>8</v>
      </c>
      <c r="V741">
        <v>2</v>
      </c>
      <c r="W741">
        <v>120</v>
      </c>
      <c r="X741">
        <v>2020</v>
      </c>
    </row>
    <row r="742" spans="1:24" x14ac:dyDescent="0.25">
      <c r="A742">
        <v>13599</v>
      </c>
      <c r="B742" t="s">
        <v>14</v>
      </c>
      <c r="C742">
        <v>20</v>
      </c>
      <c r="D742" t="s">
        <v>555</v>
      </c>
      <c r="E742">
        <v>147</v>
      </c>
      <c r="F742" t="s">
        <v>651</v>
      </c>
      <c r="G742">
        <v>160</v>
      </c>
      <c r="H742" t="s">
        <v>739</v>
      </c>
      <c r="I742">
        <v>4413</v>
      </c>
      <c r="J742" t="s">
        <v>1011</v>
      </c>
      <c r="K742">
        <v>17</v>
      </c>
      <c r="L742" t="s">
        <v>1286</v>
      </c>
      <c r="M742">
        <v>1549</v>
      </c>
      <c r="N742" t="s">
        <v>654</v>
      </c>
      <c r="O742">
        <v>3</v>
      </c>
      <c r="P742" t="s">
        <v>655</v>
      </c>
      <c r="Q742">
        <v>1</v>
      </c>
      <c r="R742" t="s">
        <v>656</v>
      </c>
      <c r="S742">
        <v>2</v>
      </c>
      <c r="T742" t="s">
        <v>657</v>
      </c>
      <c r="U742">
        <v>7</v>
      </c>
      <c r="V742">
        <v>2</v>
      </c>
      <c r="W742">
        <v>120</v>
      </c>
      <c r="X742">
        <v>2020</v>
      </c>
    </row>
    <row r="743" spans="1:24" x14ac:dyDescent="0.25">
      <c r="A743">
        <v>13596</v>
      </c>
      <c r="B743" t="s">
        <v>249</v>
      </c>
      <c r="C743">
        <v>38</v>
      </c>
      <c r="D743" t="s">
        <v>330</v>
      </c>
      <c r="E743">
        <v>635</v>
      </c>
      <c r="F743" t="s">
        <v>651</v>
      </c>
      <c r="G743">
        <v>160</v>
      </c>
      <c r="H743" t="s">
        <v>713</v>
      </c>
      <c r="I743">
        <v>3939</v>
      </c>
      <c r="J743" t="s">
        <v>1011</v>
      </c>
      <c r="K743">
        <v>17</v>
      </c>
      <c r="L743" t="s">
        <v>1287</v>
      </c>
      <c r="M743">
        <v>2323</v>
      </c>
      <c r="N743" t="s">
        <v>654</v>
      </c>
      <c r="O743">
        <v>3</v>
      </c>
      <c r="P743" t="s">
        <v>655</v>
      </c>
      <c r="Q743">
        <v>1</v>
      </c>
      <c r="R743" t="s">
        <v>656</v>
      </c>
      <c r="S743">
        <v>2</v>
      </c>
      <c r="T743" t="s">
        <v>661</v>
      </c>
      <c r="U743">
        <v>8</v>
      </c>
      <c r="V743">
        <v>2</v>
      </c>
      <c r="W743">
        <v>120</v>
      </c>
      <c r="X743">
        <v>2020</v>
      </c>
    </row>
    <row r="744" spans="1:24" x14ac:dyDescent="0.25">
      <c r="A744">
        <v>13593</v>
      </c>
      <c r="B744" t="s">
        <v>140</v>
      </c>
      <c r="C744">
        <v>34</v>
      </c>
      <c r="D744" t="s">
        <v>499</v>
      </c>
      <c r="E744">
        <v>273</v>
      </c>
      <c r="F744" t="s">
        <v>651</v>
      </c>
      <c r="G744">
        <v>160</v>
      </c>
      <c r="H744" t="s">
        <v>652</v>
      </c>
      <c r="I744">
        <v>2094</v>
      </c>
      <c r="J744" t="s">
        <v>1011</v>
      </c>
      <c r="K744">
        <v>17</v>
      </c>
      <c r="L744" t="s">
        <v>1288</v>
      </c>
      <c r="M744">
        <v>1551</v>
      </c>
      <c r="N744" t="s">
        <v>654</v>
      </c>
      <c r="O744">
        <v>3</v>
      </c>
      <c r="P744" t="s">
        <v>655</v>
      </c>
      <c r="Q744">
        <v>1</v>
      </c>
      <c r="R744" t="s">
        <v>656</v>
      </c>
      <c r="S744">
        <v>2</v>
      </c>
      <c r="T744" t="s">
        <v>661</v>
      </c>
      <c r="U744">
        <v>8</v>
      </c>
      <c r="V744">
        <v>2</v>
      </c>
      <c r="W744">
        <v>120</v>
      </c>
      <c r="X744">
        <v>2020</v>
      </c>
    </row>
    <row r="745" spans="1:24" x14ac:dyDescent="0.25">
      <c r="A745">
        <v>13590</v>
      </c>
      <c r="B745" t="s">
        <v>18</v>
      </c>
      <c r="C745">
        <v>31</v>
      </c>
      <c r="D745" t="s">
        <v>512</v>
      </c>
      <c r="E745">
        <v>241</v>
      </c>
      <c r="F745" t="s">
        <v>651</v>
      </c>
      <c r="G745">
        <v>160</v>
      </c>
      <c r="H745" t="s">
        <v>719</v>
      </c>
      <c r="I745">
        <v>7630</v>
      </c>
      <c r="J745" t="s">
        <v>1011</v>
      </c>
      <c r="K745">
        <v>17</v>
      </c>
      <c r="L745" t="s">
        <v>1289</v>
      </c>
      <c r="M745">
        <v>2043</v>
      </c>
      <c r="N745" t="s">
        <v>654</v>
      </c>
      <c r="O745">
        <v>3</v>
      </c>
      <c r="P745" t="s">
        <v>655</v>
      </c>
      <c r="Q745">
        <v>1</v>
      </c>
      <c r="R745" t="s">
        <v>656</v>
      </c>
      <c r="S745">
        <v>2</v>
      </c>
      <c r="T745" t="s">
        <v>661</v>
      </c>
      <c r="U745">
        <v>8</v>
      </c>
      <c r="V745">
        <v>2</v>
      </c>
      <c r="W745">
        <v>120</v>
      </c>
      <c r="X745">
        <v>2020</v>
      </c>
    </row>
    <row r="746" spans="1:24" x14ac:dyDescent="0.25">
      <c r="A746">
        <v>13587</v>
      </c>
      <c r="B746" t="s">
        <v>18</v>
      </c>
      <c r="C746">
        <v>31</v>
      </c>
      <c r="D746" t="s">
        <v>512</v>
      </c>
      <c r="E746">
        <v>241</v>
      </c>
      <c r="F746" t="s">
        <v>651</v>
      </c>
      <c r="G746">
        <v>160</v>
      </c>
      <c r="H746" t="s">
        <v>719</v>
      </c>
      <c r="I746">
        <v>7630</v>
      </c>
      <c r="J746" t="s">
        <v>1011</v>
      </c>
      <c r="K746">
        <v>17</v>
      </c>
      <c r="L746" t="s">
        <v>1290</v>
      </c>
      <c r="M746">
        <v>2042</v>
      </c>
      <c r="N746" t="s">
        <v>654</v>
      </c>
      <c r="O746">
        <v>3</v>
      </c>
      <c r="P746" t="s">
        <v>655</v>
      </c>
      <c r="Q746">
        <v>1</v>
      </c>
      <c r="R746" t="s">
        <v>656</v>
      </c>
      <c r="S746">
        <v>2</v>
      </c>
      <c r="T746" t="s">
        <v>661</v>
      </c>
      <c r="U746">
        <v>8</v>
      </c>
      <c r="V746">
        <v>2</v>
      </c>
      <c r="W746">
        <v>120</v>
      </c>
      <c r="X746">
        <v>2020</v>
      </c>
    </row>
    <row r="747" spans="1:24" x14ac:dyDescent="0.25">
      <c r="A747">
        <v>13584</v>
      </c>
      <c r="B747" t="s">
        <v>18</v>
      </c>
      <c r="C747">
        <v>31</v>
      </c>
      <c r="D747" t="s">
        <v>512</v>
      </c>
      <c r="E747">
        <v>241</v>
      </c>
      <c r="F747" t="s">
        <v>651</v>
      </c>
      <c r="G747">
        <v>160</v>
      </c>
      <c r="H747" t="s">
        <v>719</v>
      </c>
      <c r="I747">
        <v>7630</v>
      </c>
      <c r="J747" t="s">
        <v>1011</v>
      </c>
      <c r="K747">
        <v>17</v>
      </c>
      <c r="L747" t="s">
        <v>1291</v>
      </c>
      <c r="M747">
        <v>2041</v>
      </c>
      <c r="N747" t="s">
        <v>654</v>
      </c>
      <c r="O747">
        <v>3</v>
      </c>
      <c r="P747" t="s">
        <v>655</v>
      </c>
      <c r="Q747">
        <v>1</v>
      </c>
      <c r="R747" t="s">
        <v>656</v>
      </c>
      <c r="S747">
        <v>2</v>
      </c>
      <c r="T747" t="s">
        <v>661</v>
      </c>
      <c r="U747">
        <v>8</v>
      </c>
      <c r="V747">
        <v>2</v>
      </c>
      <c r="W747">
        <v>120</v>
      </c>
      <c r="X747">
        <v>2020</v>
      </c>
    </row>
    <row r="748" spans="1:24" x14ac:dyDescent="0.25">
      <c r="A748">
        <v>13581</v>
      </c>
      <c r="B748" t="s">
        <v>18</v>
      </c>
      <c r="C748">
        <v>31</v>
      </c>
      <c r="D748" t="s">
        <v>512</v>
      </c>
      <c r="E748">
        <v>241</v>
      </c>
      <c r="F748" t="s">
        <v>651</v>
      </c>
      <c r="G748">
        <v>160</v>
      </c>
      <c r="H748" t="s">
        <v>719</v>
      </c>
      <c r="I748">
        <v>7630</v>
      </c>
      <c r="J748" t="s">
        <v>1011</v>
      </c>
      <c r="K748">
        <v>17</v>
      </c>
      <c r="L748" t="s">
        <v>1292</v>
      </c>
      <c r="M748">
        <v>2040</v>
      </c>
      <c r="N748" t="s">
        <v>654</v>
      </c>
      <c r="O748">
        <v>3</v>
      </c>
      <c r="P748" t="s">
        <v>655</v>
      </c>
      <c r="Q748">
        <v>1</v>
      </c>
      <c r="R748" t="s">
        <v>656</v>
      </c>
      <c r="S748">
        <v>2</v>
      </c>
      <c r="T748" t="s">
        <v>661</v>
      </c>
      <c r="U748">
        <v>8</v>
      </c>
      <c r="V748">
        <v>2</v>
      </c>
      <c r="W748">
        <v>120</v>
      </c>
      <c r="X748">
        <v>2020</v>
      </c>
    </row>
    <row r="749" spans="1:24" x14ac:dyDescent="0.25">
      <c r="A749">
        <v>13578</v>
      </c>
      <c r="B749" t="s">
        <v>14</v>
      </c>
      <c r="C749">
        <v>20</v>
      </c>
      <c r="D749" t="s">
        <v>555</v>
      </c>
      <c r="E749">
        <v>147</v>
      </c>
      <c r="F749" t="s">
        <v>651</v>
      </c>
      <c r="G749">
        <v>160</v>
      </c>
      <c r="H749" t="s">
        <v>739</v>
      </c>
      <c r="I749">
        <v>4413</v>
      </c>
      <c r="J749" t="s">
        <v>1011</v>
      </c>
      <c r="K749">
        <v>17</v>
      </c>
      <c r="L749" t="s">
        <v>1293</v>
      </c>
      <c r="M749">
        <v>1553</v>
      </c>
      <c r="N749" t="s">
        <v>654</v>
      </c>
      <c r="O749">
        <v>3</v>
      </c>
      <c r="P749" t="s">
        <v>655</v>
      </c>
      <c r="Q749">
        <v>1</v>
      </c>
      <c r="R749" t="s">
        <v>656</v>
      </c>
      <c r="S749">
        <v>2</v>
      </c>
      <c r="T749" t="s">
        <v>661</v>
      </c>
      <c r="U749">
        <v>8</v>
      </c>
      <c r="V749">
        <v>2</v>
      </c>
      <c r="W749">
        <v>120</v>
      </c>
      <c r="X749">
        <v>2020</v>
      </c>
    </row>
    <row r="750" spans="1:24" x14ac:dyDescent="0.25">
      <c r="A750">
        <v>13572</v>
      </c>
      <c r="B750" t="s">
        <v>14</v>
      </c>
      <c r="C750">
        <v>20</v>
      </c>
      <c r="D750" t="s">
        <v>555</v>
      </c>
      <c r="E750">
        <v>147</v>
      </c>
      <c r="F750" t="s">
        <v>651</v>
      </c>
      <c r="G750">
        <v>160</v>
      </c>
      <c r="H750" t="s">
        <v>739</v>
      </c>
      <c r="I750">
        <v>4413</v>
      </c>
      <c r="J750" t="s">
        <v>1011</v>
      </c>
      <c r="K750">
        <v>17</v>
      </c>
      <c r="L750" t="s">
        <v>1294</v>
      </c>
      <c r="M750">
        <v>1550</v>
      </c>
      <c r="N750" t="s">
        <v>654</v>
      </c>
      <c r="O750">
        <v>3</v>
      </c>
      <c r="P750" t="s">
        <v>655</v>
      </c>
      <c r="Q750">
        <v>1</v>
      </c>
      <c r="R750" t="s">
        <v>656</v>
      </c>
      <c r="S750">
        <v>2</v>
      </c>
      <c r="T750" t="s">
        <v>661</v>
      </c>
      <c r="U750">
        <v>8</v>
      </c>
      <c r="V750">
        <v>2</v>
      </c>
      <c r="W750">
        <v>120</v>
      </c>
      <c r="X750">
        <v>2020</v>
      </c>
    </row>
    <row r="751" spans="1:24" x14ac:dyDescent="0.25">
      <c r="A751">
        <v>13569</v>
      </c>
      <c r="B751" t="s">
        <v>14</v>
      </c>
      <c r="C751">
        <v>20</v>
      </c>
      <c r="D751" t="s">
        <v>555</v>
      </c>
      <c r="E751">
        <v>147</v>
      </c>
      <c r="F751" t="s">
        <v>651</v>
      </c>
      <c r="G751">
        <v>160</v>
      </c>
      <c r="H751" t="s">
        <v>739</v>
      </c>
      <c r="I751">
        <v>4413</v>
      </c>
      <c r="J751" t="s">
        <v>1011</v>
      </c>
      <c r="K751">
        <v>17</v>
      </c>
      <c r="L751" t="s">
        <v>1288</v>
      </c>
      <c r="M751">
        <v>1551</v>
      </c>
      <c r="N751" t="s">
        <v>654</v>
      </c>
      <c r="O751">
        <v>3</v>
      </c>
      <c r="P751" t="s">
        <v>655</v>
      </c>
      <c r="Q751">
        <v>1</v>
      </c>
      <c r="R751" t="s">
        <v>656</v>
      </c>
      <c r="S751">
        <v>2</v>
      </c>
      <c r="T751" t="s">
        <v>1295</v>
      </c>
      <c r="U751">
        <v>10</v>
      </c>
      <c r="V751">
        <v>2</v>
      </c>
      <c r="W751">
        <v>120</v>
      </c>
      <c r="X751">
        <v>2020</v>
      </c>
    </row>
    <row r="752" spans="1:24" x14ac:dyDescent="0.25">
      <c r="A752">
        <v>13565</v>
      </c>
      <c r="B752" t="s">
        <v>16</v>
      </c>
      <c r="C752">
        <v>5</v>
      </c>
      <c r="D752" t="s">
        <v>439</v>
      </c>
      <c r="E752">
        <v>47</v>
      </c>
      <c r="F752" t="s">
        <v>651</v>
      </c>
      <c r="G752">
        <v>160</v>
      </c>
      <c r="H752" t="s">
        <v>658</v>
      </c>
      <c r="I752">
        <v>13755</v>
      </c>
      <c r="J752" t="s">
        <v>699</v>
      </c>
      <c r="K752">
        <v>10</v>
      </c>
      <c r="L752" t="s">
        <v>700</v>
      </c>
      <c r="M752">
        <v>348</v>
      </c>
      <c r="N752" t="s">
        <v>654</v>
      </c>
      <c r="O752">
        <v>3</v>
      </c>
      <c r="P752" t="s">
        <v>655</v>
      </c>
      <c r="Q752">
        <v>1</v>
      </c>
      <c r="R752" t="s">
        <v>669</v>
      </c>
      <c r="S752">
        <v>1</v>
      </c>
      <c r="T752" t="s">
        <v>1296</v>
      </c>
      <c r="U752">
        <v>306</v>
      </c>
      <c r="V752">
        <v>3</v>
      </c>
      <c r="W752">
        <v>180</v>
      </c>
      <c r="X752">
        <v>2020</v>
      </c>
    </row>
    <row r="753" spans="1:24" x14ac:dyDescent="0.25">
      <c r="A753">
        <v>13562</v>
      </c>
      <c r="B753" t="s">
        <v>16</v>
      </c>
      <c r="C753">
        <v>5</v>
      </c>
      <c r="D753" t="s">
        <v>439</v>
      </c>
      <c r="E753">
        <v>47</v>
      </c>
      <c r="F753" t="s">
        <v>651</v>
      </c>
      <c r="G753">
        <v>160</v>
      </c>
      <c r="H753" t="s">
        <v>658</v>
      </c>
      <c r="I753">
        <v>13755</v>
      </c>
      <c r="J753" t="s">
        <v>699</v>
      </c>
      <c r="K753">
        <v>10</v>
      </c>
      <c r="L753" t="s">
        <v>700</v>
      </c>
      <c r="M753">
        <v>348</v>
      </c>
      <c r="N753" t="s">
        <v>654</v>
      </c>
      <c r="O753">
        <v>3</v>
      </c>
      <c r="P753" t="s">
        <v>655</v>
      </c>
      <c r="Q753">
        <v>1</v>
      </c>
      <c r="R753" t="s">
        <v>669</v>
      </c>
      <c r="S753">
        <v>1</v>
      </c>
      <c r="T753" t="s">
        <v>1297</v>
      </c>
      <c r="U753">
        <v>320</v>
      </c>
      <c r="V753">
        <v>3</v>
      </c>
      <c r="W753">
        <v>180</v>
      </c>
      <c r="X753">
        <v>2020</v>
      </c>
    </row>
    <row r="754" spans="1:24" x14ac:dyDescent="0.25">
      <c r="A754">
        <v>13559</v>
      </c>
      <c r="B754" t="s">
        <v>16</v>
      </c>
      <c r="C754">
        <v>5</v>
      </c>
      <c r="D754" t="s">
        <v>439</v>
      </c>
      <c r="E754">
        <v>47</v>
      </c>
      <c r="F754" t="s">
        <v>651</v>
      </c>
      <c r="G754">
        <v>160</v>
      </c>
      <c r="H754" t="s">
        <v>658</v>
      </c>
      <c r="I754">
        <v>13755</v>
      </c>
      <c r="J754" t="s">
        <v>699</v>
      </c>
      <c r="K754">
        <v>10</v>
      </c>
      <c r="L754" t="s">
        <v>700</v>
      </c>
      <c r="M754">
        <v>348</v>
      </c>
      <c r="N754" t="s">
        <v>654</v>
      </c>
      <c r="O754">
        <v>3</v>
      </c>
      <c r="P754" t="s">
        <v>655</v>
      </c>
      <c r="Q754">
        <v>1</v>
      </c>
      <c r="R754" t="s">
        <v>669</v>
      </c>
      <c r="S754">
        <v>1</v>
      </c>
      <c r="T754" t="s">
        <v>1298</v>
      </c>
      <c r="U754">
        <v>905</v>
      </c>
      <c r="V754">
        <v>3</v>
      </c>
      <c r="W754">
        <v>180</v>
      </c>
      <c r="X754">
        <v>2020</v>
      </c>
    </row>
    <row r="755" spans="1:24" x14ac:dyDescent="0.25">
      <c r="A755">
        <v>13556</v>
      </c>
      <c r="B755" t="s">
        <v>16</v>
      </c>
      <c r="C755">
        <v>5</v>
      </c>
      <c r="D755" t="s">
        <v>439</v>
      </c>
      <c r="E755">
        <v>47</v>
      </c>
      <c r="F755" t="s">
        <v>651</v>
      </c>
      <c r="G755">
        <v>160</v>
      </c>
      <c r="H755" t="s">
        <v>658</v>
      </c>
      <c r="I755">
        <v>13755</v>
      </c>
      <c r="J755" t="s">
        <v>699</v>
      </c>
      <c r="K755">
        <v>10</v>
      </c>
      <c r="L755" t="s">
        <v>700</v>
      </c>
      <c r="M755">
        <v>348</v>
      </c>
      <c r="N755" t="s">
        <v>654</v>
      </c>
      <c r="O755">
        <v>3</v>
      </c>
      <c r="P755" t="s">
        <v>655</v>
      </c>
      <c r="Q755">
        <v>1</v>
      </c>
      <c r="R755" t="s">
        <v>669</v>
      </c>
      <c r="S755">
        <v>1</v>
      </c>
      <c r="T755" t="s">
        <v>1299</v>
      </c>
      <c r="U755">
        <v>242</v>
      </c>
      <c r="V755">
        <v>3</v>
      </c>
      <c r="W755">
        <v>180</v>
      </c>
      <c r="X755">
        <v>2020</v>
      </c>
    </row>
    <row r="756" spans="1:24" x14ac:dyDescent="0.25">
      <c r="A756">
        <v>13553</v>
      </c>
      <c r="B756" t="s">
        <v>16</v>
      </c>
      <c r="C756">
        <v>5</v>
      </c>
      <c r="D756" t="s">
        <v>439</v>
      </c>
      <c r="E756">
        <v>47</v>
      </c>
      <c r="F756" t="s">
        <v>651</v>
      </c>
      <c r="G756">
        <v>160</v>
      </c>
      <c r="H756" t="s">
        <v>658</v>
      </c>
      <c r="I756">
        <v>13755</v>
      </c>
      <c r="J756" t="s">
        <v>699</v>
      </c>
      <c r="K756">
        <v>10</v>
      </c>
      <c r="L756" t="s">
        <v>700</v>
      </c>
      <c r="M756">
        <v>348</v>
      </c>
      <c r="N756" t="s">
        <v>654</v>
      </c>
      <c r="O756">
        <v>3</v>
      </c>
      <c r="P756" t="s">
        <v>655</v>
      </c>
      <c r="Q756">
        <v>1</v>
      </c>
      <c r="R756" t="s">
        <v>669</v>
      </c>
      <c r="S756">
        <v>1</v>
      </c>
      <c r="T756" t="s">
        <v>1300</v>
      </c>
      <c r="U756">
        <v>902</v>
      </c>
      <c r="V756">
        <v>3</v>
      </c>
      <c r="W756">
        <v>180</v>
      </c>
      <c r="X756">
        <v>2020</v>
      </c>
    </row>
    <row r="757" spans="1:24" x14ac:dyDescent="0.25">
      <c r="A757">
        <v>13550</v>
      </c>
      <c r="B757" t="s">
        <v>16</v>
      </c>
      <c r="C757">
        <v>5</v>
      </c>
      <c r="D757" t="s">
        <v>439</v>
      </c>
      <c r="E757">
        <v>47</v>
      </c>
      <c r="F757" t="s">
        <v>651</v>
      </c>
      <c r="G757">
        <v>160</v>
      </c>
      <c r="H757" t="s">
        <v>658</v>
      </c>
      <c r="I757">
        <v>13755</v>
      </c>
      <c r="J757" t="s">
        <v>699</v>
      </c>
      <c r="K757">
        <v>10</v>
      </c>
      <c r="L757" t="s">
        <v>700</v>
      </c>
      <c r="M757">
        <v>348</v>
      </c>
      <c r="N757" t="s">
        <v>654</v>
      </c>
      <c r="O757">
        <v>3</v>
      </c>
      <c r="P757" t="s">
        <v>655</v>
      </c>
      <c r="Q757">
        <v>1</v>
      </c>
      <c r="R757" t="s">
        <v>669</v>
      </c>
      <c r="S757">
        <v>1</v>
      </c>
      <c r="T757" t="s">
        <v>1301</v>
      </c>
      <c r="U757">
        <v>267</v>
      </c>
      <c r="V757">
        <v>3</v>
      </c>
      <c r="W757">
        <v>180</v>
      </c>
      <c r="X757">
        <v>2020</v>
      </c>
    </row>
    <row r="758" spans="1:24" x14ac:dyDescent="0.25">
      <c r="A758">
        <v>13547</v>
      </c>
      <c r="B758" t="s">
        <v>16</v>
      </c>
      <c r="C758">
        <v>5</v>
      </c>
      <c r="D758" t="s">
        <v>439</v>
      </c>
      <c r="E758">
        <v>47</v>
      </c>
      <c r="F758" t="s">
        <v>651</v>
      </c>
      <c r="G758">
        <v>160</v>
      </c>
      <c r="H758" t="s">
        <v>658</v>
      </c>
      <c r="I758">
        <v>13755</v>
      </c>
      <c r="J758" t="s">
        <v>699</v>
      </c>
      <c r="K758">
        <v>10</v>
      </c>
      <c r="L758" t="s">
        <v>700</v>
      </c>
      <c r="M758">
        <v>348</v>
      </c>
      <c r="N758" t="s">
        <v>654</v>
      </c>
      <c r="O758">
        <v>3</v>
      </c>
      <c r="P758" t="s">
        <v>655</v>
      </c>
      <c r="Q758">
        <v>1</v>
      </c>
      <c r="R758" t="s">
        <v>669</v>
      </c>
      <c r="S758">
        <v>1</v>
      </c>
      <c r="T758" t="s">
        <v>1302</v>
      </c>
      <c r="U758">
        <v>147</v>
      </c>
      <c r="V758">
        <v>3</v>
      </c>
      <c r="W758">
        <v>180</v>
      </c>
      <c r="X758">
        <v>2020</v>
      </c>
    </row>
    <row r="759" spans="1:24" x14ac:dyDescent="0.25">
      <c r="A759">
        <v>13544</v>
      </c>
      <c r="B759" t="s">
        <v>16</v>
      </c>
      <c r="C759">
        <v>5</v>
      </c>
      <c r="D759" t="s">
        <v>439</v>
      </c>
      <c r="E759">
        <v>47</v>
      </c>
      <c r="F759" t="s">
        <v>651</v>
      </c>
      <c r="G759">
        <v>160</v>
      </c>
      <c r="H759" t="s">
        <v>658</v>
      </c>
      <c r="I759">
        <v>13755</v>
      </c>
      <c r="J759" t="s">
        <v>699</v>
      </c>
      <c r="K759">
        <v>10</v>
      </c>
      <c r="L759" t="s">
        <v>700</v>
      </c>
      <c r="M759">
        <v>348</v>
      </c>
      <c r="N759" t="s">
        <v>654</v>
      </c>
      <c r="O759">
        <v>3</v>
      </c>
      <c r="P759" t="s">
        <v>655</v>
      </c>
      <c r="Q759">
        <v>1</v>
      </c>
      <c r="R759" t="s">
        <v>669</v>
      </c>
      <c r="S759">
        <v>1</v>
      </c>
      <c r="T759" t="s">
        <v>1303</v>
      </c>
      <c r="U759">
        <v>899</v>
      </c>
      <c r="V759">
        <v>3</v>
      </c>
      <c r="W759">
        <v>180</v>
      </c>
      <c r="X759">
        <v>2020</v>
      </c>
    </row>
    <row r="760" spans="1:24" x14ac:dyDescent="0.25">
      <c r="A760">
        <v>13541</v>
      </c>
      <c r="B760" t="s">
        <v>16</v>
      </c>
      <c r="C760">
        <v>5</v>
      </c>
      <c r="D760" t="s">
        <v>439</v>
      </c>
      <c r="E760">
        <v>47</v>
      </c>
      <c r="F760" t="s">
        <v>651</v>
      </c>
      <c r="G760">
        <v>160</v>
      </c>
      <c r="H760" t="s">
        <v>658</v>
      </c>
      <c r="I760">
        <v>13755</v>
      </c>
      <c r="J760" t="s">
        <v>699</v>
      </c>
      <c r="K760">
        <v>10</v>
      </c>
      <c r="L760" t="s">
        <v>700</v>
      </c>
      <c r="M760">
        <v>348</v>
      </c>
      <c r="N760" t="s">
        <v>654</v>
      </c>
      <c r="O760">
        <v>3</v>
      </c>
      <c r="P760" t="s">
        <v>655</v>
      </c>
      <c r="Q760">
        <v>1</v>
      </c>
      <c r="R760" t="s">
        <v>669</v>
      </c>
      <c r="S760">
        <v>1</v>
      </c>
      <c r="T760" t="s">
        <v>1304</v>
      </c>
      <c r="U760">
        <v>145</v>
      </c>
      <c r="V760">
        <v>3</v>
      </c>
      <c r="W760">
        <v>180</v>
      </c>
      <c r="X760">
        <v>2020</v>
      </c>
    </row>
    <row r="761" spans="1:24" x14ac:dyDescent="0.25">
      <c r="A761">
        <v>13538</v>
      </c>
      <c r="B761" t="s">
        <v>16</v>
      </c>
      <c r="C761">
        <v>5</v>
      </c>
      <c r="D761" t="s">
        <v>439</v>
      </c>
      <c r="E761">
        <v>47</v>
      </c>
      <c r="F761" t="s">
        <v>651</v>
      </c>
      <c r="G761">
        <v>160</v>
      </c>
      <c r="H761" t="s">
        <v>658</v>
      </c>
      <c r="I761">
        <v>13755</v>
      </c>
      <c r="J761" t="s">
        <v>699</v>
      </c>
      <c r="K761">
        <v>10</v>
      </c>
      <c r="L761" t="s">
        <v>700</v>
      </c>
      <c r="M761">
        <v>348</v>
      </c>
      <c r="N761" t="s">
        <v>654</v>
      </c>
      <c r="O761">
        <v>3</v>
      </c>
      <c r="P761" t="s">
        <v>655</v>
      </c>
      <c r="Q761">
        <v>1</v>
      </c>
      <c r="R761" t="s">
        <v>669</v>
      </c>
      <c r="S761">
        <v>1</v>
      </c>
      <c r="T761" t="s">
        <v>1305</v>
      </c>
      <c r="U761">
        <v>143</v>
      </c>
      <c r="V761">
        <v>3</v>
      </c>
      <c r="W761">
        <v>180</v>
      </c>
      <c r="X761">
        <v>2020</v>
      </c>
    </row>
    <row r="762" spans="1:24" x14ac:dyDescent="0.25">
      <c r="A762">
        <v>13535</v>
      </c>
      <c r="B762" t="s">
        <v>16</v>
      </c>
      <c r="C762">
        <v>5</v>
      </c>
      <c r="D762" t="s">
        <v>439</v>
      </c>
      <c r="E762">
        <v>47</v>
      </c>
      <c r="F762" t="s">
        <v>651</v>
      </c>
      <c r="G762">
        <v>160</v>
      </c>
      <c r="H762" t="s">
        <v>658</v>
      </c>
      <c r="I762">
        <v>13755</v>
      </c>
      <c r="J762" t="s">
        <v>699</v>
      </c>
      <c r="K762">
        <v>10</v>
      </c>
      <c r="L762" t="s">
        <v>700</v>
      </c>
      <c r="M762">
        <v>348</v>
      </c>
      <c r="N762" t="s">
        <v>654</v>
      </c>
      <c r="O762">
        <v>3</v>
      </c>
      <c r="P762" t="s">
        <v>655</v>
      </c>
      <c r="Q762">
        <v>1</v>
      </c>
      <c r="R762" t="s">
        <v>669</v>
      </c>
      <c r="S762">
        <v>1</v>
      </c>
      <c r="T762" t="s">
        <v>1306</v>
      </c>
      <c r="U762">
        <v>322</v>
      </c>
      <c r="V762">
        <v>3</v>
      </c>
      <c r="W762">
        <v>180</v>
      </c>
      <c r="X762">
        <v>2020</v>
      </c>
    </row>
    <row r="763" spans="1:24" x14ac:dyDescent="0.25">
      <c r="A763">
        <v>13532</v>
      </c>
      <c r="B763" t="s">
        <v>16</v>
      </c>
      <c r="C763">
        <v>5</v>
      </c>
      <c r="D763" t="s">
        <v>439</v>
      </c>
      <c r="E763">
        <v>47</v>
      </c>
      <c r="F763" t="s">
        <v>651</v>
      </c>
      <c r="G763">
        <v>160</v>
      </c>
      <c r="H763" t="s">
        <v>658</v>
      </c>
      <c r="I763">
        <v>13755</v>
      </c>
      <c r="J763" t="s">
        <v>699</v>
      </c>
      <c r="K763">
        <v>10</v>
      </c>
      <c r="L763" t="s">
        <v>700</v>
      </c>
      <c r="M763">
        <v>348</v>
      </c>
      <c r="N763" t="s">
        <v>654</v>
      </c>
      <c r="O763">
        <v>3</v>
      </c>
      <c r="P763" t="s">
        <v>655</v>
      </c>
      <c r="Q763">
        <v>1</v>
      </c>
      <c r="R763" t="s">
        <v>669</v>
      </c>
      <c r="S763">
        <v>1</v>
      </c>
      <c r="T763" t="s">
        <v>1307</v>
      </c>
      <c r="U763">
        <v>896</v>
      </c>
      <c r="V763">
        <v>3</v>
      </c>
      <c r="W763">
        <v>180</v>
      </c>
      <c r="X763">
        <v>2020</v>
      </c>
    </row>
    <row r="764" spans="1:24" x14ac:dyDescent="0.25">
      <c r="A764">
        <v>13529</v>
      </c>
      <c r="B764" t="s">
        <v>16</v>
      </c>
      <c r="C764">
        <v>5</v>
      </c>
      <c r="D764" t="s">
        <v>439</v>
      </c>
      <c r="E764">
        <v>47</v>
      </c>
      <c r="F764" t="s">
        <v>651</v>
      </c>
      <c r="G764">
        <v>160</v>
      </c>
      <c r="H764" t="s">
        <v>658</v>
      </c>
      <c r="I764">
        <v>13755</v>
      </c>
      <c r="J764" t="s">
        <v>699</v>
      </c>
      <c r="K764">
        <v>10</v>
      </c>
      <c r="L764" t="s">
        <v>700</v>
      </c>
      <c r="M764">
        <v>348</v>
      </c>
      <c r="N764" t="s">
        <v>654</v>
      </c>
      <c r="O764">
        <v>3</v>
      </c>
      <c r="P764" t="s">
        <v>655</v>
      </c>
      <c r="Q764">
        <v>1</v>
      </c>
      <c r="R764" t="s">
        <v>669</v>
      </c>
      <c r="S764">
        <v>1</v>
      </c>
      <c r="T764" t="s">
        <v>1308</v>
      </c>
      <c r="U764">
        <v>878</v>
      </c>
      <c r="V764">
        <v>3</v>
      </c>
      <c r="W764">
        <v>180</v>
      </c>
      <c r="X764">
        <v>2020</v>
      </c>
    </row>
    <row r="765" spans="1:24" x14ac:dyDescent="0.25">
      <c r="A765">
        <v>13526</v>
      </c>
      <c r="B765" t="s">
        <v>16</v>
      </c>
      <c r="C765">
        <v>5</v>
      </c>
      <c r="D765" t="s">
        <v>439</v>
      </c>
      <c r="E765">
        <v>47</v>
      </c>
      <c r="F765" t="s">
        <v>651</v>
      </c>
      <c r="G765">
        <v>160</v>
      </c>
      <c r="H765" t="s">
        <v>658</v>
      </c>
      <c r="I765">
        <v>13755</v>
      </c>
      <c r="J765" t="s">
        <v>699</v>
      </c>
      <c r="K765">
        <v>10</v>
      </c>
      <c r="L765" t="s">
        <v>700</v>
      </c>
      <c r="M765">
        <v>348</v>
      </c>
      <c r="N765" t="s">
        <v>654</v>
      </c>
      <c r="O765">
        <v>3</v>
      </c>
      <c r="P765" t="s">
        <v>655</v>
      </c>
      <c r="Q765">
        <v>1</v>
      </c>
      <c r="R765" t="s">
        <v>669</v>
      </c>
      <c r="S765">
        <v>1</v>
      </c>
      <c r="T765" t="s">
        <v>1309</v>
      </c>
      <c r="U765">
        <v>875</v>
      </c>
      <c r="V765">
        <v>3</v>
      </c>
      <c r="W765">
        <v>180</v>
      </c>
      <c r="X765">
        <v>2020</v>
      </c>
    </row>
    <row r="766" spans="1:24" x14ac:dyDescent="0.25">
      <c r="A766">
        <v>13523</v>
      </c>
      <c r="B766" t="s">
        <v>16</v>
      </c>
      <c r="C766">
        <v>5</v>
      </c>
      <c r="D766" t="s">
        <v>439</v>
      </c>
      <c r="E766">
        <v>47</v>
      </c>
      <c r="F766" t="s">
        <v>651</v>
      </c>
      <c r="G766">
        <v>160</v>
      </c>
      <c r="H766" t="s">
        <v>658</v>
      </c>
      <c r="I766">
        <v>13755</v>
      </c>
      <c r="J766" t="s">
        <v>699</v>
      </c>
      <c r="K766">
        <v>10</v>
      </c>
      <c r="L766" t="s">
        <v>700</v>
      </c>
      <c r="M766">
        <v>348</v>
      </c>
      <c r="N766" t="s">
        <v>654</v>
      </c>
      <c r="O766">
        <v>3</v>
      </c>
      <c r="P766" t="s">
        <v>655</v>
      </c>
      <c r="Q766">
        <v>1</v>
      </c>
      <c r="R766" t="s">
        <v>669</v>
      </c>
      <c r="S766">
        <v>1</v>
      </c>
      <c r="T766" t="s">
        <v>1310</v>
      </c>
      <c r="U766">
        <v>872</v>
      </c>
      <c r="V766">
        <v>3</v>
      </c>
      <c r="W766">
        <v>180</v>
      </c>
      <c r="X766">
        <v>2020</v>
      </c>
    </row>
    <row r="767" spans="1:24" x14ac:dyDescent="0.25">
      <c r="A767">
        <v>13520</v>
      </c>
      <c r="B767" t="s">
        <v>16</v>
      </c>
      <c r="C767">
        <v>5</v>
      </c>
      <c r="D767" t="s">
        <v>439</v>
      </c>
      <c r="E767">
        <v>47</v>
      </c>
      <c r="F767" t="s">
        <v>651</v>
      </c>
      <c r="G767">
        <v>160</v>
      </c>
      <c r="H767" t="s">
        <v>658</v>
      </c>
      <c r="I767">
        <v>13755</v>
      </c>
      <c r="J767" t="s">
        <v>699</v>
      </c>
      <c r="K767">
        <v>10</v>
      </c>
      <c r="L767" t="s">
        <v>700</v>
      </c>
      <c r="M767">
        <v>348</v>
      </c>
      <c r="N767" t="s">
        <v>654</v>
      </c>
      <c r="O767">
        <v>3</v>
      </c>
      <c r="P767" t="s">
        <v>655</v>
      </c>
      <c r="Q767">
        <v>1</v>
      </c>
      <c r="R767" t="s">
        <v>669</v>
      </c>
      <c r="S767">
        <v>1</v>
      </c>
      <c r="T767" t="s">
        <v>1311</v>
      </c>
      <c r="U767">
        <v>869</v>
      </c>
      <c r="V767">
        <v>3</v>
      </c>
      <c r="W767">
        <v>180</v>
      </c>
      <c r="X767">
        <v>2020</v>
      </c>
    </row>
    <row r="768" spans="1:24" x14ac:dyDescent="0.25">
      <c r="A768">
        <v>13517</v>
      </c>
      <c r="B768" t="s">
        <v>16</v>
      </c>
      <c r="C768">
        <v>5</v>
      </c>
      <c r="D768" t="s">
        <v>439</v>
      </c>
      <c r="E768">
        <v>47</v>
      </c>
      <c r="F768" t="s">
        <v>651</v>
      </c>
      <c r="G768">
        <v>160</v>
      </c>
      <c r="H768" t="s">
        <v>658</v>
      </c>
      <c r="I768">
        <v>13755</v>
      </c>
      <c r="J768" t="s">
        <v>699</v>
      </c>
      <c r="K768">
        <v>10</v>
      </c>
      <c r="L768" t="s">
        <v>700</v>
      </c>
      <c r="M768">
        <v>348</v>
      </c>
      <c r="N768" t="s">
        <v>654</v>
      </c>
      <c r="O768">
        <v>3</v>
      </c>
      <c r="P768" t="s">
        <v>655</v>
      </c>
      <c r="Q768">
        <v>1</v>
      </c>
      <c r="R768" t="s">
        <v>669</v>
      </c>
      <c r="S768">
        <v>1</v>
      </c>
      <c r="T768" t="s">
        <v>1312</v>
      </c>
      <c r="U768">
        <v>866</v>
      </c>
      <c r="V768">
        <v>3</v>
      </c>
      <c r="W768">
        <v>180</v>
      </c>
      <c r="X768">
        <v>2020</v>
      </c>
    </row>
    <row r="769" spans="1:24" x14ac:dyDescent="0.25">
      <c r="A769">
        <v>13514</v>
      </c>
      <c r="B769" t="s">
        <v>16</v>
      </c>
      <c r="C769">
        <v>5</v>
      </c>
      <c r="D769" t="s">
        <v>439</v>
      </c>
      <c r="E769">
        <v>47</v>
      </c>
      <c r="F769" t="s">
        <v>651</v>
      </c>
      <c r="G769">
        <v>160</v>
      </c>
      <c r="H769" t="s">
        <v>658</v>
      </c>
      <c r="I769">
        <v>13755</v>
      </c>
      <c r="J769" t="s">
        <v>699</v>
      </c>
      <c r="K769">
        <v>10</v>
      </c>
      <c r="L769" t="s">
        <v>700</v>
      </c>
      <c r="M769">
        <v>348</v>
      </c>
      <c r="N769" t="s">
        <v>654</v>
      </c>
      <c r="O769">
        <v>3</v>
      </c>
      <c r="P769" t="s">
        <v>655</v>
      </c>
      <c r="Q769">
        <v>1</v>
      </c>
      <c r="R769" t="s">
        <v>669</v>
      </c>
      <c r="S769">
        <v>1</v>
      </c>
      <c r="T769" t="s">
        <v>1313</v>
      </c>
      <c r="U769">
        <v>851</v>
      </c>
      <c r="V769">
        <v>3</v>
      </c>
      <c r="W769">
        <v>180</v>
      </c>
      <c r="X769">
        <v>2020</v>
      </c>
    </row>
    <row r="770" spans="1:24" x14ac:dyDescent="0.25">
      <c r="A770">
        <v>13511</v>
      </c>
      <c r="B770" t="s">
        <v>16</v>
      </c>
      <c r="C770">
        <v>5</v>
      </c>
      <c r="D770" t="s">
        <v>439</v>
      </c>
      <c r="E770">
        <v>47</v>
      </c>
      <c r="F770" t="s">
        <v>651</v>
      </c>
      <c r="G770">
        <v>160</v>
      </c>
      <c r="H770" t="s">
        <v>658</v>
      </c>
      <c r="I770">
        <v>13755</v>
      </c>
      <c r="J770" t="s">
        <v>699</v>
      </c>
      <c r="K770">
        <v>10</v>
      </c>
      <c r="L770" t="s">
        <v>700</v>
      </c>
      <c r="M770">
        <v>348</v>
      </c>
      <c r="N770" t="s">
        <v>654</v>
      </c>
      <c r="O770">
        <v>3</v>
      </c>
      <c r="P770" t="s">
        <v>655</v>
      </c>
      <c r="Q770">
        <v>1</v>
      </c>
      <c r="R770" t="s">
        <v>669</v>
      </c>
      <c r="S770">
        <v>1</v>
      </c>
      <c r="T770" t="s">
        <v>1314</v>
      </c>
      <c r="U770">
        <v>848</v>
      </c>
      <c r="V770">
        <v>3</v>
      </c>
      <c r="W770">
        <v>180</v>
      </c>
      <c r="X770">
        <v>2020</v>
      </c>
    </row>
    <row r="771" spans="1:24" x14ac:dyDescent="0.25">
      <c r="A771">
        <v>13508</v>
      </c>
      <c r="B771" t="s">
        <v>16</v>
      </c>
      <c r="C771">
        <v>5</v>
      </c>
      <c r="D771" t="s">
        <v>439</v>
      </c>
      <c r="E771">
        <v>47</v>
      </c>
      <c r="F771" t="s">
        <v>651</v>
      </c>
      <c r="G771">
        <v>160</v>
      </c>
      <c r="H771" t="s">
        <v>658</v>
      </c>
      <c r="I771">
        <v>13755</v>
      </c>
      <c r="J771" t="s">
        <v>699</v>
      </c>
      <c r="K771">
        <v>10</v>
      </c>
      <c r="L771" t="s">
        <v>700</v>
      </c>
      <c r="M771">
        <v>348</v>
      </c>
      <c r="N771" t="s">
        <v>654</v>
      </c>
      <c r="O771">
        <v>3</v>
      </c>
      <c r="P771" t="s">
        <v>655</v>
      </c>
      <c r="Q771">
        <v>1</v>
      </c>
      <c r="R771" t="s">
        <v>669</v>
      </c>
      <c r="S771">
        <v>1</v>
      </c>
      <c r="T771" t="s">
        <v>1315</v>
      </c>
      <c r="U771">
        <v>833</v>
      </c>
      <c r="V771">
        <v>3</v>
      </c>
      <c r="W771">
        <v>180</v>
      </c>
      <c r="X771">
        <v>2020</v>
      </c>
    </row>
    <row r="772" spans="1:24" x14ac:dyDescent="0.25">
      <c r="A772">
        <v>13505</v>
      </c>
      <c r="B772" t="s">
        <v>16</v>
      </c>
      <c r="C772">
        <v>5</v>
      </c>
      <c r="D772" t="s">
        <v>439</v>
      </c>
      <c r="E772">
        <v>47</v>
      </c>
      <c r="F772" t="s">
        <v>651</v>
      </c>
      <c r="G772">
        <v>160</v>
      </c>
      <c r="H772" t="s">
        <v>658</v>
      </c>
      <c r="I772">
        <v>13755</v>
      </c>
      <c r="J772" t="s">
        <v>699</v>
      </c>
      <c r="K772">
        <v>10</v>
      </c>
      <c r="L772" t="s">
        <v>700</v>
      </c>
      <c r="M772">
        <v>348</v>
      </c>
      <c r="N772" t="s">
        <v>654</v>
      </c>
      <c r="O772">
        <v>3</v>
      </c>
      <c r="P772" t="s">
        <v>655</v>
      </c>
      <c r="Q772">
        <v>1</v>
      </c>
      <c r="R772" t="s">
        <v>669</v>
      </c>
      <c r="S772">
        <v>1</v>
      </c>
      <c r="T772" t="s">
        <v>1316</v>
      </c>
      <c r="U772">
        <v>830</v>
      </c>
      <c r="V772">
        <v>3</v>
      </c>
      <c r="W772">
        <v>180</v>
      </c>
      <c r="X772">
        <v>2020</v>
      </c>
    </row>
    <row r="773" spans="1:24" x14ac:dyDescent="0.25">
      <c r="A773">
        <v>13502</v>
      </c>
      <c r="B773" t="s">
        <v>16</v>
      </c>
      <c r="C773">
        <v>5</v>
      </c>
      <c r="D773" t="s">
        <v>439</v>
      </c>
      <c r="E773">
        <v>47</v>
      </c>
      <c r="F773" t="s">
        <v>651</v>
      </c>
      <c r="G773">
        <v>160</v>
      </c>
      <c r="H773" t="s">
        <v>658</v>
      </c>
      <c r="I773">
        <v>13755</v>
      </c>
      <c r="J773" t="s">
        <v>699</v>
      </c>
      <c r="K773">
        <v>10</v>
      </c>
      <c r="L773" t="s">
        <v>700</v>
      </c>
      <c r="M773">
        <v>348</v>
      </c>
      <c r="N773" t="s">
        <v>654</v>
      </c>
      <c r="O773">
        <v>3</v>
      </c>
      <c r="P773" t="s">
        <v>655</v>
      </c>
      <c r="Q773">
        <v>1</v>
      </c>
      <c r="R773" t="s">
        <v>669</v>
      </c>
      <c r="S773">
        <v>1</v>
      </c>
      <c r="T773" t="s">
        <v>1317</v>
      </c>
      <c r="U773">
        <v>827</v>
      </c>
      <c r="V773">
        <v>3</v>
      </c>
      <c r="W773">
        <v>180</v>
      </c>
      <c r="X773">
        <v>2020</v>
      </c>
    </row>
    <row r="774" spans="1:24" x14ac:dyDescent="0.25">
      <c r="A774">
        <v>13499</v>
      </c>
      <c r="B774" t="s">
        <v>16</v>
      </c>
      <c r="C774">
        <v>5</v>
      </c>
      <c r="D774" t="s">
        <v>439</v>
      </c>
      <c r="E774">
        <v>47</v>
      </c>
      <c r="F774" t="s">
        <v>651</v>
      </c>
      <c r="G774">
        <v>160</v>
      </c>
      <c r="H774" t="s">
        <v>658</v>
      </c>
      <c r="I774">
        <v>13755</v>
      </c>
      <c r="J774" t="s">
        <v>699</v>
      </c>
      <c r="K774">
        <v>10</v>
      </c>
      <c r="L774" t="s">
        <v>700</v>
      </c>
      <c r="M774">
        <v>348</v>
      </c>
      <c r="N774" t="s">
        <v>654</v>
      </c>
      <c r="O774">
        <v>3</v>
      </c>
      <c r="P774" t="s">
        <v>655</v>
      </c>
      <c r="Q774">
        <v>1</v>
      </c>
      <c r="R774" t="s">
        <v>669</v>
      </c>
      <c r="S774">
        <v>1</v>
      </c>
      <c r="T774" t="s">
        <v>1318</v>
      </c>
      <c r="U774">
        <v>824</v>
      </c>
      <c r="V774">
        <v>3</v>
      </c>
      <c r="W774">
        <v>180</v>
      </c>
      <c r="X774">
        <v>2020</v>
      </c>
    </row>
    <row r="775" spans="1:24" x14ac:dyDescent="0.25">
      <c r="A775">
        <v>13496</v>
      </c>
      <c r="B775" t="s">
        <v>16</v>
      </c>
      <c r="C775">
        <v>5</v>
      </c>
      <c r="D775" t="s">
        <v>439</v>
      </c>
      <c r="E775">
        <v>47</v>
      </c>
      <c r="F775" t="s">
        <v>651</v>
      </c>
      <c r="G775">
        <v>160</v>
      </c>
      <c r="H775" t="s">
        <v>658</v>
      </c>
      <c r="I775">
        <v>13755</v>
      </c>
      <c r="J775" t="s">
        <v>699</v>
      </c>
      <c r="K775">
        <v>10</v>
      </c>
      <c r="L775" t="s">
        <v>700</v>
      </c>
      <c r="M775">
        <v>348</v>
      </c>
      <c r="N775" t="s">
        <v>654</v>
      </c>
      <c r="O775">
        <v>3</v>
      </c>
      <c r="P775" t="s">
        <v>655</v>
      </c>
      <c r="Q775">
        <v>1</v>
      </c>
      <c r="R775" t="s">
        <v>669</v>
      </c>
      <c r="S775">
        <v>1</v>
      </c>
      <c r="T775" t="s">
        <v>1319</v>
      </c>
      <c r="U775">
        <v>815</v>
      </c>
      <c r="V775">
        <v>3</v>
      </c>
      <c r="W775">
        <v>180</v>
      </c>
      <c r="X775">
        <v>2020</v>
      </c>
    </row>
    <row r="776" spans="1:24" x14ac:dyDescent="0.25">
      <c r="A776">
        <v>13493</v>
      </c>
      <c r="B776" t="s">
        <v>16</v>
      </c>
      <c r="C776">
        <v>5</v>
      </c>
      <c r="D776" t="s">
        <v>439</v>
      </c>
      <c r="E776">
        <v>47</v>
      </c>
      <c r="F776" t="s">
        <v>651</v>
      </c>
      <c r="G776">
        <v>160</v>
      </c>
      <c r="H776" t="s">
        <v>658</v>
      </c>
      <c r="I776">
        <v>13755</v>
      </c>
      <c r="J776" t="s">
        <v>699</v>
      </c>
      <c r="K776">
        <v>10</v>
      </c>
      <c r="L776" t="s">
        <v>700</v>
      </c>
      <c r="M776">
        <v>348</v>
      </c>
      <c r="N776" t="s">
        <v>654</v>
      </c>
      <c r="O776">
        <v>3</v>
      </c>
      <c r="P776" t="s">
        <v>655</v>
      </c>
      <c r="Q776">
        <v>1</v>
      </c>
      <c r="R776" t="s">
        <v>669</v>
      </c>
      <c r="S776">
        <v>1</v>
      </c>
      <c r="T776" t="s">
        <v>1320</v>
      </c>
      <c r="U776">
        <v>812</v>
      </c>
      <c r="V776">
        <v>3</v>
      </c>
      <c r="W776">
        <v>180</v>
      </c>
      <c r="X776">
        <v>2020</v>
      </c>
    </row>
    <row r="777" spans="1:24" x14ac:dyDescent="0.25">
      <c r="A777">
        <v>13490</v>
      </c>
      <c r="B777" t="s">
        <v>16</v>
      </c>
      <c r="C777">
        <v>5</v>
      </c>
      <c r="D777" t="s">
        <v>439</v>
      </c>
      <c r="E777">
        <v>47</v>
      </c>
      <c r="F777" t="s">
        <v>651</v>
      </c>
      <c r="G777">
        <v>160</v>
      </c>
      <c r="H777" t="s">
        <v>658</v>
      </c>
      <c r="I777">
        <v>13755</v>
      </c>
      <c r="J777" t="s">
        <v>699</v>
      </c>
      <c r="K777">
        <v>10</v>
      </c>
      <c r="L777" t="s">
        <v>700</v>
      </c>
      <c r="M777">
        <v>348</v>
      </c>
      <c r="N777" t="s">
        <v>654</v>
      </c>
      <c r="O777">
        <v>3</v>
      </c>
      <c r="P777" t="s">
        <v>655</v>
      </c>
      <c r="Q777">
        <v>1</v>
      </c>
      <c r="R777" t="s">
        <v>669</v>
      </c>
      <c r="S777">
        <v>1</v>
      </c>
      <c r="T777" t="s">
        <v>1321</v>
      </c>
      <c r="U777">
        <v>809</v>
      </c>
      <c r="V777">
        <v>3</v>
      </c>
      <c r="W777">
        <v>180</v>
      </c>
      <c r="X777">
        <v>2020</v>
      </c>
    </row>
    <row r="778" spans="1:24" x14ac:dyDescent="0.25">
      <c r="A778">
        <v>13487</v>
      </c>
      <c r="B778" t="s">
        <v>16</v>
      </c>
      <c r="C778">
        <v>5</v>
      </c>
      <c r="D778" t="s">
        <v>439</v>
      </c>
      <c r="E778">
        <v>47</v>
      </c>
      <c r="F778" t="s">
        <v>651</v>
      </c>
      <c r="G778">
        <v>160</v>
      </c>
      <c r="H778" t="s">
        <v>658</v>
      </c>
      <c r="I778">
        <v>13755</v>
      </c>
      <c r="J778" t="s">
        <v>699</v>
      </c>
      <c r="K778">
        <v>10</v>
      </c>
      <c r="L778" t="s">
        <v>700</v>
      </c>
      <c r="M778">
        <v>348</v>
      </c>
      <c r="N778" t="s">
        <v>654</v>
      </c>
      <c r="O778">
        <v>3</v>
      </c>
      <c r="P778" t="s">
        <v>655</v>
      </c>
      <c r="Q778">
        <v>1</v>
      </c>
      <c r="R778" t="s">
        <v>669</v>
      </c>
      <c r="S778">
        <v>1</v>
      </c>
      <c r="T778" t="s">
        <v>1322</v>
      </c>
      <c r="U778">
        <v>806</v>
      </c>
      <c r="V778">
        <v>3</v>
      </c>
      <c r="W778">
        <v>180</v>
      </c>
      <c r="X778">
        <v>2020</v>
      </c>
    </row>
    <row r="779" spans="1:24" x14ac:dyDescent="0.25">
      <c r="A779">
        <v>13484</v>
      </c>
      <c r="B779" t="s">
        <v>16</v>
      </c>
      <c r="C779">
        <v>5</v>
      </c>
      <c r="D779" t="s">
        <v>439</v>
      </c>
      <c r="E779">
        <v>47</v>
      </c>
      <c r="F779" t="s">
        <v>651</v>
      </c>
      <c r="G779">
        <v>160</v>
      </c>
      <c r="H779" t="s">
        <v>658</v>
      </c>
      <c r="I779">
        <v>13755</v>
      </c>
      <c r="J779" t="s">
        <v>699</v>
      </c>
      <c r="K779">
        <v>10</v>
      </c>
      <c r="L779" t="s">
        <v>700</v>
      </c>
      <c r="M779">
        <v>348</v>
      </c>
      <c r="N779" t="s">
        <v>654</v>
      </c>
      <c r="O779">
        <v>3</v>
      </c>
      <c r="P779" t="s">
        <v>655</v>
      </c>
      <c r="Q779">
        <v>1</v>
      </c>
      <c r="R779" t="s">
        <v>669</v>
      </c>
      <c r="S779">
        <v>1</v>
      </c>
      <c r="T779" t="s">
        <v>1323</v>
      </c>
      <c r="U779">
        <v>803</v>
      </c>
      <c r="V779">
        <v>3</v>
      </c>
      <c r="W779">
        <v>180</v>
      </c>
      <c r="X779">
        <v>2020</v>
      </c>
    </row>
    <row r="780" spans="1:24" x14ac:dyDescent="0.25">
      <c r="A780">
        <v>13481</v>
      </c>
      <c r="B780" t="s">
        <v>16</v>
      </c>
      <c r="C780">
        <v>5</v>
      </c>
      <c r="D780" t="s">
        <v>439</v>
      </c>
      <c r="E780">
        <v>47</v>
      </c>
      <c r="F780" t="s">
        <v>651</v>
      </c>
      <c r="G780">
        <v>160</v>
      </c>
      <c r="H780" t="s">
        <v>658</v>
      </c>
      <c r="I780">
        <v>13755</v>
      </c>
      <c r="J780" t="s">
        <v>699</v>
      </c>
      <c r="K780">
        <v>10</v>
      </c>
      <c r="L780" t="s">
        <v>700</v>
      </c>
      <c r="M780">
        <v>348</v>
      </c>
      <c r="N780" t="s">
        <v>654</v>
      </c>
      <c r="O780">
        <v>3</v>
      </c>
      <c r="P780" t="s">
        <v>655</v>
      </c>
      <c r="Q780">
        <v>1</v>
      </c>
      <c r="R780" t="s">
        <v>669</v>
      </c>
      <c r="S780">
        <v>1</v>
      </c>
      <c r="T780" t="s">
        <v>1324</v>
      </c>
      <c r="U780">
        <v>800</v>
      </c>
      <c r="V780">
        <v>3</v>
      </c>
      <c r="W780">
        <v>180</v>
      </c>
      <c r="X780">
        <v>2020</v>
      </c>
    </row>
    <row r="781" spans="1:24" x14ac:dyDescent="0.25">
      <c r="A781">
        <v>13478</v>
      </c>
      <c r="B781" t="s">
        <v>16</v>
      </c>
      <c r="C781">
        <v>5</v>
      </c>
      <c r="D781" t="s">
        <v>439</v>
      </c>
      <c r="E781">
        <v>47</v>
      </c>
      <c r="F781" t="s">
        <v>651</v>
      </c>
      <c r="G781">
        <v>160</v>
      </c>
      <c r="H781" t="s">
        <v>658</v>
      </c>
      <c r="I781">
        <v>13755</v>
      </c>
      <c r="J781" t="s">
        <v>699</v>
      </c>
      <c r="K781">
        <v>10</v>
      </c>
      <c r="L781" t="s">
        <v>700</v>
      </c>
      <c r="M781">
        <v>348</v>
      </c>
      <c r="N781" t="s">
        <v>654</v>
      </c>
      <c r="O781">
        <v>3</v>
      </c>
      <c r="P781" t="s">
        <v>655</v>
      </c>
      <c r="Q781">
        <v>1</v>
      </c>
      <c r="R781" t="s">
        <v>669</v>
      </c>
      <c r="S781">
        <v>1</v>
      </c>
      <c r="T781" t="s">
        <v>1325</v>
      </c>
      <c r="U781">
        <v>791</v>
      </c>
      <c r="V781">
        <v>3</v>
      </c>
      <c r="W781">
        <v>180</v>
      </c>
      <c r="X781">
        <v>2020</v>
      </c>
    </row>
    <row r="782" spans="1:24" x14ac:dyDescent="0.25">
      <c r="A782">
        <v>13475</v>
      </c>
      <c r="B782" t="s">
        <v>16</v>
      </c>
      <c r="C782">
        <v>5</v>
      </c>
      <c r="D782" t="s">
        <v>439</v>
      </c>
      <c r="E782">
        <v>47</v>
      </c>
      <c r="F782" t="s">
        <v>651</v>
      </c>
      <c r="G782">
        <v>160</v>
      </c>
      <c r="H782" t="s">
        <v>658</v>
      </c>
      <c r="I782">
        <v>13755</v>
      </c>
      <c r="J782" t="s">
        <v>699</v>
      </c>
      <c r="K782">
        <v>10</v>
      </c>
      <c r="L782" t="s">
        <v>700</v>
      </c>
      <c r="M782">
        <v>348</v>
      </c>
      <c r="N782" t="s">
        <v>654</v>
      </c>
      <c r="O782">
        <v>3</v>
      </c>
      <c r="P782" t="s">
        <v>655</v>
      </c>
      <c r="Q782">
        <v>1</v>
      </c>
      <c r="R782" t="s">
        <v>669</v>
      </c>
      <c r="S782">
        <v>1</v>
      </c>
      <c r="T782" t="s">
        <v>1326</v>
      </c>
      <c r="U782">
        <v>788</v>
      </c>
      <c r="V782">
        <v>3</v>
      </c>
      <c r="W782">
        <v>180</v>
      </c>
      <c r="X782">
        <v>2020</v>
      </c>
    </row>
    <row r="783" spans="1:24" x14ac:dyDescent="0.25">
      <c r="A783">
        <v>13472</v>
      </c>
      <c r="B783" t="s">
        <v>16</v>
      </c>
      <c r="C783">
        <v>5</v>
      </c>
      <c r="D783" t="s">
        <v>439</v>
      </c>
      <c r="E783">
        <v>47</v>
      </c>
      <c r="F783" t="s">
        <v>651</v>
      </c>
      <c r="G783">
        <v>160</v>
      </c>
      <c r="H783" t="s">
        <v>658</v>
      </c>
      <c r="I783">
        <v>13755</v>
      </c>
      <c r="J783" t="s">
        <v>699</v>
      </c>
      <c r="K783">
        <v>10</v>
      </c>
      <c r="L783" t="s">
        <v>700</v>
      </c>
      <c r="M783">
        <v>348</v>
      </c>
      <c r="N783" t="s">
        <v>654</v>
      </c>
      <c r="O783">
        <v>3</v>
      </c>
      <c r="P783" t="s">
        <v>655</v>
      </c>
      <c r="Q783">
        <v>1</v>
      </c>
      <c r="R783" t="s">
        <v>669</v>
      </c>
      <c r="S783">
        <v>1</v>
      </c>
      <c r="T783" t="s">
        <v>1327</v>
      </c>
      <c r="U783">
        <v>785</v>
      </c>
      <c r="V783">
        <v>3</v>
      </c>
      <c r="W783">
        <v>180</v>
      </c>
      <c r="X783">
        <v>2020</v>
      </c>
    </row>
    <row r="784" spans="1:24" x14ac:dyDescent="0.25">
      <c r="A784">
        <v>13469</v>
      </c>
      <c r="B784" t="s">
        <v>16</v>
      </c>
      <c r="C784">
        <v>5</v>
      </c>
      <c r="D784" t="s">
        <v>439</v>
      </c>
      <c r="E784">
        <v>47</v>
      </c>
      <c r="F784" t="s">
        <v>651</v>
      </c>
      <c r="G784">
        <v>160</v>
      </c>
      <c r="H784" t="s">
        <v>658</v>
      </c>
      <c r="I784">
        <v>13755</v>
      </c>
      <c r="J784" t="s">
        <v>699</v>
      </c>
      <c r="K784">
        <v>10</v>
      </c>
      <c r="L784" t="s">
        <v>700</v>
      </c>
      <c r="M784">
        <v>348</v>
      </c>
      <c r="N784" t="s">
        <v>654</v>
      </c>
      <c r="O784">
        <v>3</v>
      </c>
      <c r="P784" t="s">
        <v>655</v>
      </c>
      <c r="Q784">
        <v>1</v>
      </c>
      <c r="R784" t="s">
        <v>669</v>
      </c>
      <c r="S784">
        <v>1</v>
      </c>
      <c r="T784" t="s">
        <v>1328</v>
      </c>
      <c r="U784">
        <v>782</v>
      </c>
      <c r="V784">
        <v>3</v>
      </c>
      <c r="W784">
        <v>180</v>
      </c>
      <c r="X784">
        <v>2020</v>
      </c>
    </row>
    <row r="785" spans="1:24" x14ac:dyDescent="0.25">
      <c r="A785">
        <v>13466</v>
      </c>
      <c r="B785" t="s">
        <v>16</v>
      </c>
      <c r="C785">
        <v>5</v>
      </c>
      <c r="D785" t="s">
        <v>439</v>
      </c>
      <c r="E785">
        <v>47</v>
      </c>
      <c r="F785" t="s">
        <v>651</v>
      </c>
      <c r="G785">
        <v>160</v>
      </c>
      <c r="H785" t="s">
        <v>658</v>
      </c>
      <c r="I785">
        <v>13755</v>
      </c>
      <c r="J785" t="s">
        <v>699</v>
      </c>
      <c r="K785">
        <v>10</v>
      </c>
      <c r="L785" t="s">
        <v>700</v>
      </c>
      <c r="M785">
        <v>348</v>
      </c>
      <c r="N785" t="s">
        <v>654</v>
      </c>
      <c r="O785">
        <v>3</v>
      </c>
      <c r="P785" t="s">
        <v>655</v>
      </c>
      <c r="Q785">
        <v>1</v>
      </c>
      <c r="R785" t="s">
        <v>669</v>
      </c>
      <c r="S785">
        <v>1</v>
      </c>
      <c r="T785" t="s">
        <v>1329</v>
      </c>
      <c r="U785">
        <v>776</v>
      </c>
      <c r="V785">
        <v>3</v>
      </c>
      <c r="W785">
        <v>180</v>
      </c>
      <c r="X785">
        <v>2020</v>
      </c>
    </row>
    <row r="786" spans="1:24" x14ac:dyDescent="0.25">
      <c r="A786">
        <v>13463</v>
      </c>
      <c r="B786" t="s">
        <v>16</v>
      </c>
      <c r="C786">
        <v>5</v>
      </c>
      <c r="D786" t="s">
        <v>439</v>
      </c>
      <c r="E786">
        <v>47</v>
      </c>
      <c r="F786" t="s">
        <v>651</v>
      </c>
      <c r="G786">
        <v>160</v>
      </c>
      <c r="H786" t="s">
        <v>658</v>
      </c>
      <c r="I786">
        <v>13755</v>
      </c>
      <c r="J786" t="s">
        <v>699</v>
      </c>
      <c r="K786">
        <v>10</v>
      </c>
      <c r="L786" t="s">
        <v>700</v>
      </c>
      <c r="M786">
        <v>348</v>
      </c>
      <c r="N786" t="s">
        <v>654</v>
      </c>
      <c r="O786">
        <v>3</v>
      </c>
      <c r="P786" t="s">
        <v>655</v>
      </c>
      <c r="Q786">
        <v>1</v>
      </c>
      <c r="R786" t="s">
        <v>669</v>
      </c>
      <c r="S786">
        <v>1</v>
      </c>
      <c r="T786" t="s">
        <v>1330</v>
      </c>
      <c r="U786">
        <v>773</v>
      </c>
      <c r="V786">
        <v>3</v>
      </c>
      <c r="W786">
        <v>180</v>
      </c>
      <c r="X786">
        <v>2020</v>
      </c>
    </row>
    <row r="787" spans="1:24" x14ac:dyDescent="0.25">
      <c r="A787">
        <v>13460</v>
      </c>
      <c r="B787" t="s">
        <v>16</v>
      </c>
      <c r="C787">
        <v>5</v>
      </c>
      <c r="D787" t="s">
        <v>439</v>
      </c>
      <c r="E787">
        <v>47</v>
      </c>
      <c r="F787" t="s">
        <v>651</v>
      </c>
      <c r="G787">
        <v>160</v>
      </c>
      <c r="H787" t="s">
        <v>658</v>
      </c>
      <c r="I787">
        <v>13755</v>
      </c>
      <c r="J787" t="s">
        <v>699</v>
      </c>
      <c r="K787">
        <v>10</v>
      </c>
      <c r="L787" t="s">
        <v>700</v>
      </c>
      <c r="M787">
        <v>348</v>
      </c>
      <c r="N787" t="s">
        <v>654</v>
      </c>
      <c r="O787">
        <v>3</v>
      </c>
      <c r="P787" t="s">
        <v>655</v>
      </c>
      <c r="Q787">
        <v>1</v>
      </c>
      <c r="R787" t="s">
        <v>669</v>
      </c>
      <c r="S787">
        <v>1</v>
      </c>
      <c r="T787" t="s">
        <v>1331</v>
      </c>
      <c r="U787">
        <v>241</v>
      </c>
      <c r="V787">
        <v>3</v>
      </c>
      <c r="W787">
        <v>180</v>
      </c>
      <c r="X787">
        <v>2020</v>
      </c>
    </row>
    <row r="788" spans="1:24" x14ac:dyDescent="0.25">
      <c r="A788">
        <v>13457</v>
      </c>
      <c r="B788" t="s">
        <v>16</v>
      </c>
      <c r="C788">
        <v>5</v>
      </c>
      <c r="D788" t="s">
        <v>439</v>
      </c>
      <c r="E788">
        <v>47</v>
      </c>
      <c r="F788" t="s">
        <v>651</v>
      </c>
      <c r="G788">
        <v>160</v>
      </c>
      <c r="H788" t="s">
        <v>658</v>
      </c>
      <c r="I788">
        <v>13755</v>
      </c>
      <c r="J788" t="s">
        <v>699</v>
      </c>
      <c r="K788">
        <v>10</v>
      </c>
      <c r="L788" t="s">
        <v>700</v>
      </c>
      <c r="M788">
        <v>348</v>
      </c>
      <c r="N788" t="s">
        <v>654</v>
      </c>
      <c r="O788">
        <v>3</v>
      </c>
      <c r="P788" t="s">
        <v>655</v>
      </c>
      <c r="Q788">
        <v>1</v>
      </c>
      <c r="R788" t="s">
        <v>669</v>
      </c>
      <c r="S788">
        <v>1</v>
      </c>
      <c r="T788" t="s">
        <v>1332</v>
      </c>
      <c r="U788">
        <v>758</v>
      </c>
      <c r="V788">
        <v>3</v>
      </c>
      <c r="W788">
        <v>180</v>
      </c>
      <c r="X788">
        <v>2020</v>
      </c>
    </row>
    <row r="789" spans="1:24" x14ac:dyDescent="0.25">
      <c r="A789">
        <v>13454</v>
      </c>
      <c r="B789" t="s">
        <v>16</v>
      </c>
      <c r="C789">
        <v>5</v>
      </c>
      <c r="D789" t="s">
        <v>439</v>
      </c>
      <c r="E789">
        <v>47</v>
      </c>
      <c r="F789" t="s">
        <v>651</v>
      </c>
      <c r="G789">
        <v>160</v>
      </c>
      <c r="H789" t="s">
        <v>658</v>
      </c>
      <c r="I789">
        <v>13755</v>
      </c>
      <c r="J789" t="s">
        <v>699</v>
      </c>
      <c r="K789">
        <v>10</v>
      </c>
      <c r="L789" t="s">
        <v>700</v>
      </c>
      <c r="M789">
        <v>348</v>
      </c>
      <c r="N789" t="s">
        <v>654</v>
      </c>
      <c r="O789">
        <v>3</v>
      </c>
      <c r="P789" t="s">
        <v>655</v>
      </c>
      <c r="Q789">
        <v>1</v>
      </c>
      <c r="R789" t="s">
        <v>669</v>
      </c>
      <c r="S789">
        <v>1</v>
      </c>
      <c r="T789" t="s">
        <v>722</v>
      </c>
      <c r="U789">
        <v>281</v>
      </c>
      <c r="V789">
        <v>3</v>
      </c>
      <c r="W789">
        <v>180</v>
      </c>
      <c r="X789">
        <v>2020</v>
      </c>
    </row>
    <row r="790" spans="1:24" x14ac:dyDescent="0.25">
      <c r="A790">
        <v>13451</v>
      </c>
      <c r="B790" t="s">
        <v>16</v>
      </c>
      <c r="C790">
        <v>5</v>
      </c>
      <c r="D790" t="s">
        <v>439</v>
      </c>
      <c r="E790">
        <v>47</v>
      </c>
      <c r="F790" t="s">
        <v>651</v>
      </c>
      <c r="G790">
        <v>160</v>
      </c>
      <c r="H790" t="s">
        <v>658</v>
      </c>
      <c r="I790">
        <v>13755</v>
      </c>
      <c r="J790" t="s">
        <v>699</v>
      </c>
      <c r="K790">
        <v>10</v>
      </c>
      <c r="L790" t="s">
        <v>700</v>
      </c>
      <c r="M790">
        <v>348</v>
      </c>
      <c r="N790" t="s">
        <v>654</v>
      </c>
      <c r="O790">
        <v>3</v>
      </c>
      <c r="P790" t="s">
        <v>655</v>
      </c>
      <c r="Q790">
        <v>1</v>
      </c>
      <c r="R790" t="s">
        <v>669</v>
      </c>
      <c r="S790">
        <v>1</v>
      </c>
      <c r="T790" t="s">
        <v>1333</v>
      </c>
      <c r="U790">
        <v>755</v>
      </c>
      <c r="V790">
        <v>3</v>
      </c>
      <c r="W790">
        <v>180</v>
      </c>
      <c r="X790">
        <v>2020</v>
      </c>
    </row>
    <row r="791" spans="1:24" x14ac:dyDescent="0.25">
      <c r="A791">
        <v>13448</v>
      </c>
      <c r="B791" t="s">
        <v>16</v>
      </c>
      <c r="C791">
        <v>5</v>
      </c>
      <c r="D791" t="s">
        <v>439</v>
      </c>
      <c r="E791">
        <v>47</v>
      </c>
      <c r="F791" t="s">
        <v>651</v>
      </c>
      <c r="G791">
        <v>160</v>
      </c>
      <c r="H791" t="s">
        <v>658</v>
      </c>
      <c r="I791">
        <v>13755</v>
      </c>
      <c r="J791" t="s">
        <v>699</v>
      </c>
      <c r="K791">
        <v>10</v>
      </c>
      <c r="L791" t="s">
        <v>700</v>
      </c>
      <c r="M791">
        <v>348</v>
      </c>
      <c r="N791" t="s">
        <v>654</v>
      </c>
      <c r="O791">
        <v>3</v>
      </c>
      <c r="P791" t="s">
        <v>655</v>
      </c>
      <c r="Q791">
        <v>1</v>
      </c>
      <c r="R791" t="s">
        <v>669</v>
      </c>
      <c r="S791">
        <v>1</v>
      </c>
      <c r="T791" t="s">
        <v>1334</v>
      </c>
      <c r="U791">
        <v>752</v>
      </c>
      <c r="V791">
        <v>3</v>
      </c>
      <c r="W791">
        <v>180</v>
      </c>
      <c r="X791">
        <v>2020</v>
      </c>
    </row>
    <row r="792" spans="1:24" x14ac:dyDescent="0.25">
      <c r="A792">
        <v>13445</v>
      </c>
      <c r="B792" t="s">
        <v>16</v>
      </c>
      <c r="C792">
        <v>5</v>
      </c>
      <c r="D792" t="s">
        <v>439</v>
      </c>
      <c r="E792">
        <v>47</v>
      </c>
      <c r="F792" t="s">
        <v>651</v>
      </c>
      <c r="G792">
        <v>160</v>
      </c>
      <c r="H792" t="s">
        <v>658</v>
      </c>
      <c r="I792">
        <v>13755</v>
      </c>
      <c r="J792" t="s">
        <v>699</v>
      </c>
      <c r="K792">
        <v>10</v>
      </c>
      <c r="L792" t="s">
        <v>700</v>
      </c>
      <c r="M792">
        <v>348</v>
      </c>
      <c r="N792" t="s">
        <v>654</v>
      </c>
      <c r="O792">
        <v>3</v>
      </c>
      <c r="P792" t="s">
        <v>655</v>
      </c>
      <c r="Q792">
        <v>1</v>
      </c>
      <c r="R792" t="s">
        <v>669</v>
      </c>
      <c r="S792">
        <v>1</v>
      </c>
      <c r="T792" t="s">
        <v>1335</v>
      </c>
      <c r="U792">
        <v>749</v>
      </c>
      <c r="V792">
        <v>3</v>
      </c>
      <c r="W792">
        <v>180</v>
      </c>
      <c r="X792">
        <v>2020</v>
      </c>
    </row>
    <row r="793" spans="1:24" x14ac:dyDescent="0.25">
      <c r="A793">
        <v>13442</v>
      </c>
      <c r="B793" t="s">
        <v>16</v>
      </c>
      <c r="C793">
        <v>5</v>
      </c>
      <c r="D793" t="s">
        <v>439</v>
      </c>
      <c r="E793">
        <v>47</v>
      </c>
      <c r="F793" t="s">
        <v>651</v>
      </c>
      <c r="G793">
        <v>160</v>
      </c>
      <c r="H793" t="s">
        <v>658</v>
      </c>
      <c r="I793">
        <v>13755</v>
      </c>
      <c r="J793" t="s">
        <v>699</v>
      </c>
      <c r="K793">
        <v>10</v>
      </c>
      <c r="L793" t="s">
        <v>700</v>
      </c>
      <c r="M793">
        <v>348</v>
      </c>
      <c r="N793" t="s">
        <v>654</v>
      </c>
      <c r="O793">
        <v>3</v>
      </c>
      <c r="P793" t="s">
        <v>655</v>
      </c>
      <c r="Q793">
        <v>1</v>
      </c>
      <c r="R793" t="s">
        <v>669</v>
      </c>
      <c r="S793">
        <v>1</v>
      </c>
      <c r="T793" t="s">
        <v>1336</v>
      </c>
      <c r="U793">
        <v>200</v>
      </c>
      <c r="V793">
        <v>3</v>
      </c>
      <c r="W793">
        <v>180</v>
      </c>
      <c r="X793">
        <v>2020</v>
      </c>
    </row>
    <row r="794" spans="1:24" x14ac:dyDescent="0.25">
      <c r="A794">
        <v>13439</v>
      </c>
      <c r="B794" t="s">
        <v>16</v>
      </c>
      <c r="C794">
        <v>5</v>
      </c>
      <c r="D794" t="s">
        <v>439</v>
      </c>
      <c r="E794">
        <v>47</v>
      </c>
      <c r="F794" t="s">
        <v>651</v>
      </c>
      <c r="G794">
        <v>160</v>
      </c>
      <c r="H794" t="s">
        <v>658</v>
      </c>
      <c r="I794">
        <v>13755</v>
      </c>
      <c r="J794" t="s">
        <v>699</v>
      </c>
      <c r="K794">
        <v>10</v>
      </c>
      <c r="L794" t="s">
        <v>700</v>
      </c>
      <c r="M794">
        <v>348</v>
      </c>
      <c r="N794" t="s">
        <v>654</v>
      </c>
      <c r="O794">
        <v>3</v>
      </c>
      <c r="P794" t="s">
        <v>655</v>
      </c>
      <c r="Q794">
        <v>1</v>
      </c>
      <c r="R794" t="s">
        <v>669</v>
      </c>
      <c r="S794">
        <v>1</v>
      </c>
      <c r="T794" t="s">
        <v>1337</v>
      </c>
      <c r="U794">
        <v>207</v>
      </c>
      <c r="V794">
        <v>3</v>
      </c>
      <c r="W794">
        <v>180</v>
      </c>
      <c r="X794">
        <v>2020</v>
      </c>
    </row>
    <row r="795" spans="1:24" x14ac:dyDescent="0.25">
      <c r="A795">
        <v>13436</v>
      </c>
      <c r="B795" t="s">
        <v>16</v>
      </c>
      <c r="C795">
        <v>5</v>
      </c>
      <c r="D795" t="s">
        <v>439</v>
      </c>
      <c r="E795">
        <v>47</v>
      </c>
      <c r="F795" t="s">
        <v>651</v>
      </c>
      <c r="G795">
        <v>160</v>
      </c>
      <c r="H795" t="s">
        <v>658</v>
      </c>
      <c r="I795">
        <v>13755</v>
      </c>
      <c r="J795" t="s">
        <v>699</v>
      </c>
      <c r="K795">
        <v>10</v>
      </c>
      <c r="L795" t="s">
        <v>700</v>
      </c>
      <c r="M795">
        <v>348</v>
      </c>
      <c r="N795" t="s">
        <v>654</v>
      </c>
      <c r="O795">
        <v>3</v>
      </c>
      <c r="P795" t="s">
        <v>655</v>
      </c>
      <c r="Q795">
        <v>1</v>
      </c>
      <c r="R795" t="s">
        <v>669</v>
      </c>
      <c r="S795">
        <v>1</v>
      </c>
      <c r="T795" t="s">
        <v>1338</v>
      </c>
      <c r="U795">
        <v>743</v>
      </c>
      <c r="V795">
        <v>3</v>
      </c>
      <c r="W795">
        <v>180</v>
      </c>
      <c r="X795">
        <v>2020</v>
      </c>
    </row>
    <row r="796" spans="1:24" x14ac:dyDescent="0.25">
      <c r="A796">
        <v>13433</v>
      </c>
      <c r="B796" t="s">
        <v>16</v>
      </c>
      <c r="C796">
        <v>5</v>
      </c>
      <c r="D796" t="s">
        <v>439</v>
      </c>
      <c r="E796">
        <v>47</v>
      </c>
      <c r="F796" t="s">
        <v>651</v>
      </c>
      <c r="G796">
        <v>160</v>
      </c>
      <c r="H796" t="s">
        <v>658</v>
      </c>
      <c r="I796">
        <v>13755</v>
      </c>
      <c r="J796" t="s">
        <v>699</v>
      </c>
      <c r="K796">
        <v>10</v>
      </c>
      <c r="L796" t="s">
        <v>700</v>
      </c>
      <c r="M796">
        <v>348</v>
      </c>
      <c r="N796" t="s">
        <v>654</v>
      </c>
      <c r="O796">
        <v>3</v>
      </c>
      <c r="P796" t="s">
        <v>655</v>
      </c>
      <c r="Q796">
        <v>1</v>
      </c>
      <c r="R796" t="s">
        <v>669</v>
      </c>
      <c r="S796">
        <v>1</v>
      </c>
      <c r="T796" t="s">
        <v>1339</v>
      </c>
      <c r="U796">
        <v>737</v>
      </c>
      <c r="V796">
        <v>3</v>
      </c>
      <c r="W796">
        <v>180</v>
      </c>
      <c r="X796">
        <v>2020</v>
      </c>
    </row>
    <row r="797" spans="1:24" x14ac:dyDescent="0.25">
      <c r="A797">
        <v>13430</v>
      </c>
      <c r="B797" t="s">
        <v>16</v>
      </c>
      <c r="C797">
        <v>5</v>
      </c>
      <c r="D797" t="s">
        <v>439</v>
      </c>
      <c r="E797">
        <v>47</v>
      </c>
      <c r="F797" t="s">
        <v>651</v>
      </c>
      <c r="G797">
        <v>160</v>
      </c>
      <c r="H797" t="s">
        <v>658</v>
      </c>
      <c r="I797">
        <v>13755</v>
      </c>
      <c r="J797" t="s">
        <v>699</v>
      </c>
      <c r="K797">
        <v>10</v>
      </c>
      <c r="L797" t="s">
        <v>700</v>
      </c>
      <c r="M797">
        <v>348</v>
      </c>
      <c r="N797" t="s">
        <v>654</v>
      </c>
      <c r="O797">
        <v>3</v>
      </c>
      <c r="P797" t="s">
        <v>655</v>
      </c>
      <c r="Q797">
        <v>1</v>
      </c>
      <c r="R797" t="s">
        <v>669</v>
      </c>
      <c r="S797">
        <v>1</v>
      </c>
      <c r="T797" t="s">
        <v>1340</v>
      </c>
      <c r="U797">
        <v>734</v>
      </c>
      <c r="V797">
        <v>3</v>
      </c>
      <c r="W797">
        <v>180</v>
      </c>
      <c r="X797">
        <v>2020</v>
      </c>
    </row>
    <row r="798" spans="1:24" x14ac:dyDescent="0.25">
      <c r="A798">
        <v>13427</v>
      </c>
      <c r="B798" t="s">
        <v>16</v>
      </c>
      <c r="C798">
        <v>5</v>
      </c>
      <c r="D798" t="s">
        <v>439</v>
      </c>
      <c r="E798">
        <v>47</v>
      </c>
      <c r="F798" t="s">
        <v>651</v>
      </c>
      <c r="G798">
        <v>160</v>
      </c>
      <c r="H798" t="s">
        <v>658</v>
      </c>
      <c r="I798">
        <v>13755</v>
      </c>
      <c r="J798" t="s">
        <v>699</v>
      </c>
      <c r="K798">
        <v>10</v>
      </c>
      <c r="L798" t="s">
        <v>700</v>
      </c>
      <c r="M798">
        <v>348</v>
      </c>
      <c r="N798" t="s">
        <v>654</v>
      </c>
      <c r="O798">
        <v>3</v>
      </c>
      <c r="P798" t="s">
        <v>655</v>
      </c>
      <c r="Q798">
        <v>1</v>
      </c>
      <c r="R798" t="s">
        <v>669</v>
      </c>
      <c r="S798">
        <v>1</v>
      </c>
      <c r="T798" t="s">
        <v>1341</v>
      </c>
      <c r="U798">
        <v>228</v>
      </c>
      <c r="V798">
        <v>3</v>
      </c>
      <c r="W798">
        <v>180</v>
      </c>
      <c r="X798">
        <v>2020</v>
      </c>
    </row>
    <row r="799" spans="1:24" x14ac:dyDescent="0.25">
      <c r="A799">
        <v>13424</v>
      </c>
      <c r="B799" t="s">
        <v>16</v>
      </c>
      <c r="C799">
        <v>5</v>
      </c>
      <c r="D799" t="s">
        <v>439</v>
      </c>
      <c r="E799">
        <v>47</v>
      </c>
      <c r="F799" t="s">
        <v>651</v>
      </c>
      <c r="G799">
        <v>160</v>
      </c>
      <c r="H799" t="s">
        <v>658</v>
      </c>
      <c r="I799">
        <v>13755</v>
      </c>
      <c r="J799" t="s">
        <v>699</v>
      </c>
      <c r="K799">
        <v>10</v>
      </c>
      <c r="L799" t="s">
        <v>700</v>
      </c>
      <c r="M799">
        <v>348</v>
      </c>
      <c r="N799" t="s">
        <v>654</v>
      </c>
      <c r="O799">
        <v>3</v>
      </c>
      <c r="P799" t="s">
        <v>655</v>
      </c>
      <c r="Q799">
        <v>1</v>
      </c>
      <c r="R799" t="s">
        <v>669</v>
      </c>
      <c r="S799">
        <v>1</v>
      </c>
      <c r="T799" t="s">
        <v>1342</v>
      </c>
      <c r="U799">
        <v>234</v>
      </c>
      <c r="V799">
        <v>3</v>
      </c>
      <c r="W799">
        <v>180</v>
      </c>
      <c r="X799">
        <v>2020</v>
      </c>
    </row>
    <row r="800" spans="1:24" x14ac:dyDescent="0.25">
      <c r="A800">
        <v>13421</v>
      </c>
      <c r="B800" t="s">
        <v>16</v>
      </c>
      <c r="C800">
        <v>5</v>
      </c>
      <c r="D800" t="s">
        <v>439</v>
      </c>
      <c r="E800">
        <v>47</v>
      </c>
      <c r="F800" t="s">
        <v>651</v>
      </c>
      <c r="G800">
        <v>160</v>
      </c>
      <c r="H800" t="s">
        <v>658</v>
      </c>
      <c r="I800">
        <v>13755</v>
      </c>
      <c r="J800" t="s">
        <v>699</v>
      </c>
      <c r="K800">
        <v>10</v>
      </c>
      <c r="L800" t="s">
        <v>700</v>
      </c>
      <c r="M800">
        <v>348</v>
      </c>
      <c r="N800" t="s">
        <v>654</v>
      </c>
      <c r="O800">
        <v>3</v>
      </c>
      <c r="P800" t="s">
        <v>655</v>
      </c>
      <c r="Q800">
        <v>1</v>
      </c>
      <c r="R800" t="s">
        <v>669</v>
      </c>
      <c r="S800">
        <v>1</v>
      </c>
      <c r="T800" t="s">
        <v>1343</v>
      </c>
      <c r="U800">
        <v>731</v>
      </c>
      <c r="V800">
        <v>3</v>
      </c>
      <c r="W800">
        <v>180</v>
      </c>
      <c r="X800">
        <v>2020</v>
      </c>
    </row>
    <row r="801" spans="1:24" x14ac:dyDescent="0.25">
      <c r="A801">
        <v>13418</v>
      </c>
      <c r="B801" t="s">
        <v>16</v>
      </c>
      <c r="C801">
        <v>5</v>
      </c>
      <c r="D801" t="s">
        <v>439</v>
      </c>
      <c r="E801">
        <v>47</v>
      </c>
      <c r="F801" t="s">
        <v>651</v>
      </c>
      <c r="G801">
        <v>160</v>
      </c>
      <c r="H801" t="s">
        <v>658</v>
      </c>
      <c r="I801">
        <v>13755</v>
      </c>
      <c r="J801" t="s">
        <v>699</v>
      </c>
      <c r="K801">
        <v>10</v>
      </c>
      <c r="L801" t="s">
        <v>700</v>
      </c>
      <c r="M801">
        <v>348</v>
      </c>
      <c r="N801" t="s">
        <v>654</v>
      </c>
      <c r="O801">
        <v>3</v>
      </c>
      <c r="P801" t="s">
        <v>655</v>
      </c>
      <c r="Q801">
        <v>1</v>
      </c>
      <c r="R801" t="s">
        <v>669</v>
      </c>
      <c r="S801">
        <v>1</v>
      </c>
      <c r="T801" t="s">
        <v>1344</v>
      </c>
      <c r="U801">
        <v>725</v>
      </c>
      <c r="V801">
        <v>3</v>
      </c>
      <c r="W801">
        <v>180</v>
      </c>
      <c r="X801">
        <v>2020</v>
      </c>
    </row>
    <row r="802" spans="1:24" x14ac:dyDescent="0.25">
      <c r="A802">
        <v>13415</v>
      </c>
      <c r="B802" t="s">
        <v>16</v>
      </c>
      <c r="C802">
        <v>5</v>
      </c>
      <c r="D802" t="s">
        <v>439</v>
      </c>
      <c r="E802">
        <v>47</v>
      </c>
      <c r="F802" t="s">
        <v>651</v>
      </c>
      <c r="G802">
        <v>160</v>
      </c>
      <c r="H802" t="s">
        <v>658</v>
      </c>
      <c r="I802">
        <v>13755</v>
      </c>
      <c r="J802" t="s">
        <v>699</v>
      </c>
      <c r="K802">
        <v>10</v>
      </c>
      <c r="L802" t="s">
        <v>700</v>
      </c>
      <c r="M802">
        <v>348</v>
      </c>
      <c r="N802" t="s">
        <v>654</v>
      </c>
      <c r="O802">
        <v>3</v>
      </c>
      <c r="P802" t="s">
        <v>655</v>
      </c>
      <c r="Q802">
        <v>1</v>
      </c>
      <c r="R802" t="s">
        <v>669</v>
      </c>
      <c r="S802">
        <v>1</v>
      </c>
      <c r="T802" t="s">
        <v>1345</v>
      </c>
      <c r="U802">
        <v>722</v>
      </c>
      <c r="V802">
        <v>3</v>
      </c>
      <c r="W802">
        <v>180</v>
      </c>
      <c r="X802">
        <v>2020</v>
      </c>
    </row>
    <row r="803" spans="1:24" x14ac:dyDescent="0.25">
      <c r="A803">
        <v>13412</v>
      </c>
      <c r="B803" t="s">
        <v>16</v>
      </c>
      <c r="C803">
        <v>5</v>
      </c>
      <c r="D803" t="s">
        <v>439</v>
      </c>
      <c r="E803">
        <v>47</v>
      </c>
      <c r="F803" t="s">
        <v>651</v>
      </c>
      <c r="G803">
        <v>160</v>
      </c>
      <c r="H803" t="s">
        <v>658</v>
      </c>
      <c r="I803">
        <v>13755</v>
      </c>
      <c r="J803" t="s">
        <v>699</v>
      </c>
      <c r="K803">
        <v>10</v>
      </c>
      <c r="L803" t="s">
        <v>700</v>
      </c>
      <c r="M803">
        <v>348</v>
      </c>
      <c r="N803" t="s">
        <v>654</v>
      </c>
      <c r="O803">
        <v>3</v>
      </c>
      <c r="P803" t="s">
        <v>655</v>
      </c>
      <c r="Q803">
        <v>1</v>
      </c>
      <c r="R803" t="s">
        <v>669</v>
      </c>
      <c r="S803">
        <v>1</v>
      </c>
      <c r="T803" t="s">
        <v>1346</v>
      </c>
      <c r="U803">
        <v>719</v>
      </c>
      <c r="V803">
        <v>3</v>
      </c>
      <c r="W803">
        <v>180</v>
      </c>
      <c r="X803">
        <v>2020</v>
      </c>
    </row>
    <row r="804" spans="1:24" x14ac:dyDescent="0.25">
      <c r="A804">
        <v>13409</v>
      </c>
      <c r="B804" t="s">
        <v>16</v>
      </c>
      <c r="C804">
        <v>5</v>
      </c>
      <c r="D804" t="s">
        <v>439</v>
      </c>
      <c r="E804">
        <v>47</v>
      </c>
      <c r="F804" t="s">
        <v>651</v>
      </c>
      <c r="G804">
        <v>160</v>
      </c>
      <c r="H804" t="s">
        <v>658</v>
      </c>
      <c r="I804">
        <v>13755</v>
      </c>
      <c r="J804" t="s">
        <v>699</v>
      </c>
      <c r="K804">
        <v>10</v>
      </c>
      <c r="L804" t="s">
        <v>700</v>
      </c>
      <c r="M804">
        <v>348</v>
      </c>
      <c r="N804" t="s">
        <v>654</v>
      </c>
      <c r="O804">
        <v>3</v>
      </c>
      <c r="P804" t="s">
        <v>655</v>
      </c>
      <c r="Q804">
        <v>1</v>
      </c>
      <c r="R804" t="s">
        <v>669</v>
      </c>
      <c r="S804">
        <v>1</v>
      </c>
      <c r="T804" t="s">
        <v>1347</v>
      </c>
      <c r="U804">
        <v>713</v>
      </c>
      <c r="V804">
        <v>3</v>
      </c>
      <c r="W804">
        <v>180</v>
      </c>
      <c r="X804">
        <v>2020</v>
      </c>
    </row>
    <row r="805" spans="1:24" x14ac:dyDescent="0.25">
      <c r="A805">
        <v>13406</v>
      </c>
      <c r="B805" t="s">
        <v>16</v>
      </c>
      <c r="C805">
        <v>5</v>
      </c>
      <c r="D805" t="s">
        <v>439</v>
      </c>
      <c r="E805">
        <v>47</v>
      </c>
      <c r="F805" t="s">
        <v>651</v>
      </c>
      <c r="G805">
        <v>160</v>
      </c>
      <c r="H805" t="s">
        <v>658</v>
      </c>
      <c r="I805">
        <v>13755</v>
      </c>
      <c r="J805" t="s">
        <v>699</v>
      </c>
      <c r="K805">
        <v>10</v>
      </c>
      <c r="L805" t="s">
        <v>700</v>
      </c>
      <c r="M805">
        <v>348</v>
      </c>
      <c r="N805" t="s">
        <v>654</v>
      </c>
      <c r="O805">
        <v>3</v>
      </c>
      <c r="P805" t="s">
        <v>655</v>
      </c>
      <c r="Q805">
        <v>1</v>
      </c>
      <c r="R805" t="s">
        <v>669</v>
      </c>
      <c r="S805">
        <v>1</v>
      </c>
      <c r="T805" t="s">
        <v>1348</v>
      </c>
      <c r="U805">
        <v>710</v>
      </c>
      <c r="V805">
        <v>3</v>
      </c>
      <c r="W805">
        <v>180</v>
      </c>
      <c r="X805">
        <v>2020</v>
      </c>
    </row>
    <row r="806" spans="1:24" x14ac:dyDescent="0.25">
      <c r="A806">
        <v>13403</v>
      </c>
      <c r="B806" t="s">
        <v>16</v>
      </c>
      <c r="C806">
        <v>5</v>
      </c>
      <c r="D806" t="s">
        <v>439</v>
      </c>
      <c r="E806">
        <v>47</v>
      </c>
      <c r="F806" t="s">
        <v>651</v>
      </c>
      <c r="G806">
        <v>160</v>
      </c>
      <c r="H806" t="s">
        <v>658</v>
      </c>
      <c r="I806">
        <v>13755</v>
      </c>
      <c r="J806" t="s">
        <v>699</v>
      </c>
      <c r="K806">
        <v>10</v>
      </c>
      <c r="L806" t="s">
        <v>700</v>
      </c>
      <c r="M806">
        <v>348</v>
      </c>
      <c r="N806" t="s">
        <v>654</v>
      </c>
      <c r="O806">
        <v>3</v>
      </c>
      <c r="P806" t="s">
        <v>655</v>
      </c>
      <c r="Q806">
        <v>1</v>
      </c>
      <c r="R806" t="s">
        <v>669</v>
      </c>
      <c r="S806">
        <v>1</v>
      </c>
      <c r="T806" t="s">
        <v>1349</v>
      </c>
      <c r="U806">
        <v>704</v>
      </c>
      <c r="V806">
        <v>3</v>
      </c>
      <c r="W806">
        <v>180</v>
      </c>
      <c r="X806">
        <v>2020</v>
      </c>
    </row>
    <row r="807" spans="1:24" x14ac:dyDescent="0.25">
      <c r="A807">
        <v>13400</v>
      </c>
      <c r="B807" t="s">
        <v>16</v>
      </c>
      <c r="C807">
        <v>5</v>
      </c>
      <c r="D807" t="s">
        <v>439</v>
      </c>
      <c r="E807">
        <v>47</v>
      </c>
      <c r="F807" t="s">
        <v>651</v>
      </c>
      <c r="G807">
        <v>160</v>
      </c>
      <c r="H807" t="s">
        <v>658</v>
      </c>
      <c r="I807">
        <v>13755</v>
      </c>
      <c r="J807" t="s">
        <v>699</v>
      </c>
      <c r="K807">
        <v>10</v>
      </c>
      <c r="L807" t="s">
        <v>700</v>
      </c>
      <c r="M807">
        <v>348</v>
      </c>
      <c r="N807" t="s">
        <v>654</v>
      </c>
      <c r="O807">
        <v>3</v>
      </c>
      <c r="P807" t="s">
        <v>655</v>
      </c>
      <c r="Q807">
        <v>1</v>
      </c>
      <c r="R807" t="s">
        <v>669</v>
      </c>
      <c r="S807">
        <v>1</v>
      </c>
      <c r="T807" t="s">
        <v>1350</v>
      </c>
      <c r="U807">
        <v>701</v>
      </c>
      <c r="V807">
        <v>3</v>
      </c>
      <c r="W807">
        <v>180</v>
      </c>
      <c r="X807">
        <v>2020</v>
      </c>
    </row>
    <row r="808" spans="1:24" x14ac:dyDescent="0.25">
      <c r="A808">
        <v>13397</v>
      </c>
      <c r="B808" t="s">
        <v>16</v>
      </c>
      <c r="C808">
        <v>5</v>
      </c>
      <c r="D808" t="s">
        <v>439</v>
      </c>
      <c r="E808">
        <v>47</v>
      </c>
      <c r="F808" t="s">
        <v>651</v>
      </c>
      <c r="G808">
        <v>160</v>
      </c>
      <c r="H808" t="s">
        <v>658</v>
      </c>
      <c r="I808">
        <v>13755</v>
      </c>
      <c r="J808" t="s">
        <v>699</v>
      </c>
      <c r="K808">
        <v>10</v>
      </c>
      <c r="L808" t="s">
        <v>700</v>
      </c>
      <c r="M808">
        <v>348</v>
      </c>
      <c r="N808" t="s">
        <v>654</v>
      </c>
      <c r="O808">
        <v>3</v>
      </c>
      <c r="P808" t="s">
        <v>655</v>
      </c>
      <c r="Q808">
        <v>1</v>
      </c>
      <c r="R808" t="s">
        <v>669</v>
      </c>
      <c r="S808">
        <v>1</v>
      </c>
      <c r="T808" t="s">
        <v>1351</v>
      </c>
      <c r="U808">
        <v>698</v>
      </c>
      <c r="V808">
        <v>3</v>
      </c>
      <c r="W808">
        <v>180</v>
      </c>
      <c r="X808">
        <v>2020</v>
      </c>
    </row>
    <row r="809" spans="1:24" x14ac:dyDescent="0.25">
      <c r="A809">
        <v>13394</v>
      </c>
      <c r="B809" t="s">
        <v>16</v>
      </c>
      <c r="C809">
        <v>5</v>
      </c>
      <c r="D809" t="s">
        <v>439</v>
      </c>
      <c r="E809">
        <v>47</v>
      </c>
      <c r="F809" t="s">
        <v>651</v>
      </c>
      <c r="G809">
        <v>160</v>
      </c>
      <c r="H809" t="s">
        <v>658</v>
      </c>
      <c r="I809">
        <v>13755</v>
      </c>
      <c r="J809" t="s">
        <v>699</v>
      </c>
      <c r="K809">
        <v>10</v>
      </c>
      <c r="L809" t="s">
        <v>700</v>
      </c>
      <c r="M809">
        <v>348</v>
      </c>
      <c r="N809" t="s">
        <v>654</v>
      </c>
      <c r="O809">
        <v>3</v>
      </c>
      <c r="P809" t="s">
        <v>655</v>
      </c>
      <c r="Q809">
        <v>1</v>
      </c>
      <c r="R809" t="s">
        <v>669</v>
      </c>
      <c r="S809">
        <v>1</v>
      </c>
      <c r="T809" t="s">
        <v>1352</v>
      </c>
      <c r="U809">
        <v>683</v>
      </c>
      <c r="V809">
        <v>3</v>
      </c>
      <c r="W809">
        <v>180</v>
      </c>
      <c r="X809">
        <v>2020</v>
      </c>
    </row>
    <row r="810" spans="1:24" x14ac:dyDescent="0.25">
      <c r="A810">
        <v>13391</v>
      </c>
      <c r="B810" t="s">
        <v>16</v>
      </c>
      <c r="C810">
        <v>5</v>
      </c>
      <c r="D810" t="s">
        <v>439</v>
      </c>
      <c r="E810">
        <v>47</v>
      </c>
      <c r="F810" t="s">
        <v>651</v>
      </c>
      <c r="G810">
        <v>160</v>
      </c>
      <c r="H810" t="s">
        <v>658</v>
      </c>
      <c r="I810">
        <v>13755</v>
      </c>
      <c r="J810" t="s">
        <v>699</v>
      </c>
      <c r="K810">
        <v>10</v>
      </c>
      <c r="L810" t="s">
        <v>700</v>
      </c>
      <c r="M810">
        <v>348</v>
      </c>
      <c r="N810" t="s">
        <v>654</v>
      </c>
      <c r="O810">
        <v>3</v>
      </c>
      <c r="P810" t="s">
        <v>655</v>
      </c>
      <c r="Q810">
        <v>1</v>
      </c>
      <c r="R810" t="s">
        <v>669</v>
      </c>
      <c r="S810">
        <v>1</v>
      </c>
      <c r="T810" t="s">
        <v>1353</v>
      </c>
      <c r="U810">
        <v>680</v>
      </c>
      <c r="V810">
        <v>3</v>
      </c>
      <c r="W810">
        <v>180</v>
      </c>
      <c r="X810">
        <v>2020</v>
      </c>
    </row>
    <row r="811" spans="1:24" x14ac:dyDescent="0.25">
      <c r="A811">
        <v>13388</v>
      </c>
      <c r="B811" t="s">
        <v>16</v>
      </c>
      <c r="C811">
        <v>5</v>
      </c>
      <c r="D811" t="s">
        <v>439</v>
      </c>
      <c r="E811">
        <v>47</v>
      </c>
      <c r="F811" t="s">
        <v>651</v>
      </c>
      <c r="G811">
        <v>160</v>
      </c>
      <c r="H811" t="s">
        <v>658</v>
      </c>
      <c r="I811">
        <v>13755</v>
      </c>
      <c r="J811" t="s">
        <v>699</v>
      </c>
      <c r="K811">
        <v>10</v>
      </c>
      <c r="L811" t="s">
        <v>700</v>
      </c>
      <c r="M811">
        <v>348</v>
      </c>
      <c r="N811" t="s">
        <v>654</v>
      </c>
      <c r="O811">
        <v>3</v>
      </c>
      <c r="P811" t="s">
        <v>655</v>
      </c>
      <c r="Q811">
        <v>1</v>
      </c>
      <c r="R811" t="s">
        <v>669</v>
      </c>
      <c r="S811">
        <v>1</v>
      </c>
      <c r="T811" t="s">
        <v>1354</v>
      </c>
      <c r="U811">
        <v>677</v>
      </c>
      <c r="V811">
        <v>3</v>
      </c>
      <c r="W811">
        <v>180</v>
      </c>
      <c r="X811">
        <v>2020</v>
      </c>
    </row>
    <row r="812" spans="1:24" x14ac:dyDescent="0.25">
      <c r="A812">
        <v>13385</v>
      </c>
      <c r="B812" t="s">
        <v>16</v>
      </c>
      <c r="C812">
        <v>5</v>
      </c>
      <c r="D812" t="s">
        <v>439</v>
      </c>
      <c r="E812">
        <v>47</v>
      </c>
      <c r="F812" t="s">
        <v>651</v>
      </c>
      <c r="G812">
        <v>160</v>
      </c>
      <c r="H812" t="s">
        <v>658</v>
      </c>
      <c r="I812">
        <v>13755</v>
      </c>
      <c r="J812" t="s">
        <v>699</v>
      </c>
      <c r="K812">
        <v>10</v>
      </c>
      <c r="L812" t="s">
        <v>700</v>
      </c>
      <c r="M812">
        <v>348</v>
      </c>
      <c r="N812" t="s">
        <v>654</v>
      </c>
      <c r="O812">
        <v>3</v>
      </c>
      <c r="P812" t="s">
        <v>655</v>
      </c>
      <c r="Q812">
        <v>1</v>
      </c>
      <c r="R812" t="s">
        <v>669</v>
      </c>
      <c r="S812">
        <v>1</v>
      </c>
      <c r="T812" t="s">
        <v>1355</v>
      </c>
      <c r="U812">
        <v>674</v>
      </c>
      <c r="V812">
        <v>3</v>
      </c>
      <c r="W812">
        <v>180</v>
      </c>
      <c r="X812">
        <v>2020</v>
      </c>
    </row>
    <row r="813" spans="1:24" x14ac:dyDescent="0.25">
      <c r="A813">
        <v>13382</v>
      </c>
      <c r="B813" t="s">
        <v>16</v>
      </c>
      <c r="C813">
        <v>5</v>
      </c>
      <c r="D813" t="s">
        <v>439</v>
      </c>
      <c r="E813">
        <v>47</v>
      </c>
      <c r="F813" t="s">
        <v>651</v>
      </c>
      <c r="G813">
        <v>160</v>
      </c>
      <c r="H813" t="s">
        <v>658</v>
      </c>
      <c r="I813">
        <v>13755</v>
      </c>
      <c r="J813" t="s">
        <v>699</v>
      </c>
      <c r="K813">
        <v>10</v>
      </c>
      <c r="L813" t="s">
        <v>700</v>
      </c>
      <c r="M813">
        <v>348</v>
      </c>
      <c r="N813" t="s">
        <v>654</v>
      </c>
      <c r="O813">
        <v>3</v>
      </c>
      <c r="P813" t="s">
        <v>655</v>
      </c>
      <c r="Q813">
        <v>1</v>
      </c>
      <c r="R813" t="s">
        <v>669</v>
      </c>
      <c r="S813">
        <v>1</v>
      </c>
      <c r="T813" t="s">
        <v>1356</v>
      </c>
      <c r="U813">
        <v>671</v>
      </c>
      <c r="V813">
        <v>3</v>
      </c>
      <c r="W813">
        <v>180</v>
      </c>
      <c r="X813">
        <v>2020</v>
      </c>
    </row>
    <row r="814" spans="1:24" x14ac:dyDescent="0.25">
      <c r="A814">
        <v>13379</v>
      </c>
      <c r="B814" t="s">
        <v>16</v>
      </c>
      <c r="C814">
        <v>5</v>
      </c>
      <c r="D814" t="s">
        <v>439</v>
      </c>
      <c r="E814">
        <v>47</v>
      </c>
      <c r="F814" t="s">
        <v>651</v>
      </c>
      <c r="G814">
        <v>160</v>
      </c>
      <c r="H814" t="s">
        <v>658</v>
      </c>
      <c r="I814">
        <v>13755</v>
      </c>
      <c r="J814" t="s">
        <v>699</v>
      </c>
      <c r="K814">
        <v>10</v>
      </c>
      <c r="L814" t="s">
        <v>700</v>
      </c>
      <c r="M814">
        <v>348</v>
      </c>
      <c r="N814" t="s">
        <v>654</v>
      </c>
      <c r="O814">
        <v>3</v>
      </c>
      <c r="P814" t="s">
        <v>655</v>
      </c>
      <c r="Q814">
        <v>1</v>
      </c>
      <c r="R814" t="s">
        <v>669</v>
      </c>
      <c r="S814">
        <v>1</v>
      </c>
      <c r="T814" t="s">
        <v>1357</v>
      </c>
      <c r="U814">
        <v>25</v>
      </c>
      <c r="V814">
        <v>3</v>
      </c>
      <c r="W814">
        <v>180</v>
      </c>
      <c r="X814">
        <v>2020</v>
      </c>
    </row>
    <row r="815" spans="1:24" x14ac:dyDescent="0.25">
      <c r="A815">
        <v>13376</v>
      </c>
      <c r="B815" t="s">
        <v>16</v>
      </c>
      <c r="C815">
        <v>5</v>
      </c>
      <c r="D815" t="s">
        <v>439</v>
      </c>
      <c r="E815">
        <v>47</v>
      </c>
      <c r="F815" t="s">
        <v>651</v>
      </c>
      <c r="G815">
        <v>160</v>
      </c>
      <c r="H815" t="s">
        <v>658</v>
      </c>
      <c r="I815">
        <v>13755</v>
      </c>
      <c r="J815" t="s">
        <v>699</v>
      </c>
      <c r="K815">
        <v>10</v>
      </c>
      <c r="L815" t="s">
        <v>700</v>
      </c>
      <c r="M815">
        <v>348</v>
      </c>
      <c r="N815" t="s">
        <v>654</v>
      </c>
      <c r="O815">
        <v>3</v>
      </c>
      <c r="P815" t="s">
        <v>655</v>
      </c>
      <c r="Q815">
        <v>1</v>
      </c>
      <c r="R815" t="s">
        <v>669</v>
      </c>
      <c r="S815">
        <v>1</v>
      </c>
      <c r="T815" t="s">
        <v>1358</v>
      </c>
      <c r="U815">
        <v>665</v>
      </c>
      <c r="V815">
        <v>3</v>
      </c>
      <c r="W815">
        <v>180</v>
      </c>
      <c r="X815">
        <v>2020</v>
      </c>
    </row>
    <row r="816" spans="1:24" x14ac:dyDescent="0.25">
      <c r="A816">
        <v>13373</v>
      </c>
      <c r="B816" t="s">
        <v>16</v>
      </c>
      <c r="C816">
        <v>5</v>
      </c>
      <c r="D816" t="s">
        <v>439</v>
      </c>
      <c r="E816">
        <v>47</v>
      </c>
      <c r="F816" t="s">
        <v>651</v>
      </c>
      <c r="G816">
        <v>160</v>
      </c>
      <c r="H816" t="s">
        <v>658</v>
      </c>
      <c r="I816">
        <v>13755</v>
      </c>
      <c r="J816" t="s">
        <v>699</v>
      </c>
      <c r="K816">
        <v>10</v>
      </c>
      <c r="L816" t="s">
        <v>700</v>
      </c>
      <c r="M816">
        <v>348</v>
      </c>
      <c r="N816" t="s">
        <v>654</v>
      </c>
      <c r="O816">
        <v>3</v>
      </c>
      <c r="P816" t="s">
        <v>655</v>
      </c>
      <c r="Q816">
        <v>1</v>
      </c>
      <c r="R816" t="s">
        <v>669</v>
      </c>
      <c r="S816">
        <v>1</v>
      </c>
      <c r="T816" t="s">
        <v>1359</v>
      </c>
      <c r="U816">
        <v>662</v>
      </c>
      <c r="V816">
        <v>3</v>
      </c>
      <c r="W816">
        <v>180</v>
      </c>
      <c r="X816">
        <v>2020</v>
      </c>
    </row>
    <row r="817" spans="1:24" x14ac:dyDescent="0.25">
      <c r="A817">
        <v>13370</v>
      </c>
      <c r="B817" t="s">
        <v>16</v>
      </c>
      <c r="C817">
        <v>5</v>
      </c>
      <c r="D817" t="s">
        <v>439</v>
      </c>
      <c r="E817">
        <v>47</v>
      </c>
      <c r="F817" t="s">
        <v>651</v>
      </c>
      <c r="G817">
        <v>160</v>
      </c>
      <c r="H817" t="s">
        <v>658</v>
      </c>
      <c r="I817">
        <v>13755</v>
      </c>
      <c r="J817" t="s">
        <v>699</v>
      </c>
      <c r="K817">
        <v>10</v>
      </c>
      <c r="L817" t="s">
        <v>700</v>
      </c>
      <c r="M817">
        <v>348</v>
      </c>
      <c r="N817" t="s">
        <v>654</v>
      </c>
      <c r="O817">
        <v>3</v>
      </c>
      <c r="P817" t="s">
        <v>655</v>
      </c>
      <c r="Q817">
        <v>1</v>
      </c>
      <c r="R817" t="s">
        <v>669</v>
      </c>
      <c r="S817">
        <v>1</v>
      </c>
      <c r="T817" t="s">
        <v>1360</v>
      </c>
      <c r="U817">
        <v>315</v>
      </c>
      <c r="V817">
        <v>3</v>
      </c>
      <c r="W817">
        <v>180</v>
      </c>
      <c r="X817">
        <v>2020</v>
      </c>
    </row>
    <row r="818" spans="1:24" x14ac:dyDescent="0.25">
      <c r="A818">
        <v>13367</v>
      </c>
      <c r="B818" t="s">
        <v>16</v>
      </c>
      <c r="C818">
        <v>5</v>
      </c>
      <c r="D818" t="s">
        <v>439</v>
      </c>
      <c r="E818">
        <v>47</v>
      </c>
      <c r="F818" t="s">
        <v>651</v>
      </c>
      <c r="G818">
        <v>160</v>
      </c>
      <c r="H818" t="s">
        <v>658</v>
      </c>
      <c r="I818">
        <v>13755</v>
      </c>
      <c r="J818" t="s">
        <v>699</v>
      </c>
      <c r="K818">
        <v>10</v>
      </c>
      <c r="L818" t="s">
        <v>700</v>
      </c>
      <c r="M818">
        <v>348</v>
      </c>
      <c r="N818" t="s">
        <v>654</v>
      </c>
      <c r="O818">
        <v>3</v>
      </c>
      <c r="P818" t="s">
        <v>655</v>
      </c>
      <c r="Q818">
        <v>1</v>
      </c>
      <c r="R818" t="s">
        <v>669</v>
      </c>
      <c r="S818">
        <v>1</v>
      </c>
      <c r="T818" t="s">
        <v>1361</v>
      </c>
      <c r="U818">
        <v>656</v>
      </c>
      <c r="V818">
        <v>3</v>
      </c>
      <c r="W818">
        <v>180</v>
      </c>
      <c r="X818">
        <v>2020</v>
      </c>
    </row>
    <row r="819" spans="1:24" x14ac:dyDescent="0.25">
      <c r="A819">
        <v>13364</v>
      </c>
      <c r="B819" t="s">
        <v>16</v>
      </c>
      <c r="C819">
        <v>5</v>
      </c>
      <c r="D819" t="s">
        <v>439</v>
      </c>
      <c r="E819">
        <v>47</v>
      </c>
      <c r="F819" t="s">
        <v>651</v>
      </c>
      <c r="G819">
        <v>160</v>
      </c>
      <c r="H819" t="s">
        <v>658</v>
      </c>
      <c r="I819">
        <v>13755</v>
      </c>
      <c r="J819" t="s">
        <v>699</v>
      </c>
      <c r="K819">
        <v>10</v>
      </c>
      <c r="L819" t="s">
        <v>700</v>
      </c>
      <c r="M819">
        <v>348</v>
      </c>
      <c r="N819" t="s">
        <v>654</v>
      </c>
      <c r="O819">
        <v>3</v>
      </c>
      <c r="P819" t="s">
        <v>655</v>
      </c>
      <c r="Q819">
        <v>1</v>
      </c>
      <c r="R819" t="s">
        <v>669</v>
      </c>
      <c r="S819">
        <v>1</v>
      </c>
      <c r="T819" t="s">
        <v>1362</v>
      </c>
      <c r="U819">
        <v>653</v>
      </c>
      <c r="V819">
        <v>3</v>
      </c>
      <c r="W819">
        <v>180</v>
      </c>
      <c r="X819">
        <v>2020</v>
      </c>
    </row>
    <row r="820" spans="1:24" x14ac:dyDescent="0.25">
      <c r="A820">
        <v>13361</v>
      </c>
      <c r="B820" t="s">
        <v>16</v>
      </c>
      <c r="C820">
        <v>5</v>
      </c>
      <c r="D820" t="s">
        <v>439</v>
      </c>
      <c r="E820">
        <v>47</v>
      </c>
      <c r="F820" t="s">
        <v>651</v>
      </c>
      <c r="G820">
        <v>160</v>
      </c>
      <c r="H820" t="s">
        <v>658</v>
      </c>
      <c r="I820">
        <v>13755</v>
      </c>
      <c r="J820" t="s">
        <v>699</v>
      </c>
      <c r="K820">
        <v>10</v>
      </c>
      <c r="L820" t="s">
        <v>700</v>
      </c>
      <c r="M820">
        <v>348</v>
      </c>
      <c r="N820" t="s">
        <v>654</v>
      </c>
      <c r="O820">
        <v>3</v>
      </c>
      <c r="P820" t="s">
        <v>655</v>
      </c>
      <c r="Q820">
        <v>1</v>
      </c>
      <c r="R820" t="s">
        <v>669</v>
      </c>
      <c r="S820">
        <v>1</v>
      </c>
      <c r="T820" t="s">
        <v>1363</v>
      </c>
      <c r="U820">
        <v>650</v>
      </c>
      <c r="V820">
        <v>3</v>
      </c>
      <c r="W820">
        <v>180</v>
      </c>
      <c r="X820">
        <v>2020</v>
      </c>
    </row>
    <row r="821" spans="1:24" x14ac:dyDescent="0.25">
      <c r="A821">
        <v>13358</v>
      </c>
      <c r="B821" t="s">
        <v>16</v>
      </c>
      <c r="C821">
        <v>5</v>
      </c>
      <c r="D821" t="s">
        <v>439</v>
      </c>
      <c r="E821">
        <v>47</v>
      </c>
      <c r="F821" t="s">
        <v>651</v>
      </c>
      <c r="G821">
        <v>160</v>
      </c>
      <c r="H821" t="s">
        <v>658</v>
      </c>
      <c r="I821">
        <v>13755</v>
      </c>
      <c r="J821" t="s">
        <v>699</v>
      </c>
      <c r="K821">
        <v>10</v>
      </c>
      <c r="L821" t="s">
        <v>700</v>
      </c>
      <c r="M821">
        <v>348</v>
      </c>
      <c r="N821" t="s">
        <v>654</v>
      </c>
      <c r="O821">
        <v>3</v>
      </c>
      <c r="P821" t="s">
        <v>655</v>
      </c>
      <c r="Q821">
        <v>1</v>
      </c>
      <c r="R821" t="s">
        <v>669</v>
      </c>
      <c r="S821">
        <v>1</v>
      </c>
      <c r="T821" t="s">
        <v>1364</v>
      </c>
      <c r="U821">
        <v>647</v>
      </c>
      <c r="V821">
        <v>3</v>
      </c>
      <c r="W821">
        <v>180</v>
      </c>
      <c r="X821">
        <v>2020</v>
      </c>
    </row>
    <row r="822" spans="1:24" x14ac:dyDescent="0.25">
      <c r="A822">
        <v>13355</v>
      </c>
      <c r="B822" t="s">
        <v>16</v>
      </c>
      <c r="C822">
        <v>5</v>
      </c>
      <c r="D822" t="s">
        <v>439</v>
      </c>
      <c r="E822">
        <v>47</v>
      </c>
      <c r="F822" t="s">
        <v>651</v>
      </c>
      <c r="G822">
        <v>160</v>
      </c>
      <c r="H822" t="s">
        <v>658</v>
      </c>
      <c r="I822">
        <v>13755</v>
      </c>
      <c r="J822" t="s">
        <v>699</v>
      </c>
      <c r="K822">
        <v>10</v>
      </c>
      <c r="L822" t="s">
        <v>700</v>
      </c>
      <c r="M822">
        <v>348</v>
      </c>
      <c r="N822" t="s">
        <v>654</v>
      </c>
      <c r="O822">
        <v>3</v>
      </c>
      <c r="P822" t="s">
        <v>655</v>
      </c>
      <c r="Q822">
        <v>1</v>
      </c>
      <c r="R822" t="s">
        <v>669</v>
      </c>
      <c r="S822">
        <v>1</v>
      </c>
      <c r="T822" t="s">
        <v>1365</v>
      </c>
      <c r="U822">
        <v>87</v>
      </c>
      <c r="V822">
        <v>3</v>
      </c>
      <c r="W822">
        <v>180</v>
      </c>
      <c r="X822">
        <v>2020</v>
      </c>
    </row>
    <row r="823" spans="1:24" x14ac:dyDescent="0.25">
      <c r="A823">
        <v>13352</v>
      </c>
      <c r="B823" t="s">
        <v>16</v>
      </c>
      <c r="C823">
        <v>5</v>
      </c>
      <c r="D823" t="s">
        <v>439</v>
      </c>
      <c r="E823">
        <v>47</v>
      </c>
      <c r="F823" t="s">
        <v>651</v>
      </c>
      <c r="G823">
        <v>160</v>
      </c>
      <c r="H823" t="s">
        <v>658</v>
      </c>
      <c r="I823">
        <v>13755</v>
      </c>
      <c r="J823" t="s">
        <v>699</v>
      </c>
      <c r="K823">
        <v>10</v>
      </c>
      <c r="L823" t="s">
        <v>700</v>
      </c>
      <c r="M823">
        <v>348</v>
      </c>
      <c r="N823" t="s">
        <v>654</v>
      </c>
      <c r="O823">
        <v>3</v>
      </c>
      <c r="P823" t="s">
        <v>655</v>
      </c>
      <c r="Q823">
        <v>1</v>
      </c>
      <c r="R823" t="s">
        <v>669</v>
      </c>
      <c r="S823">
        <v>1</v>
      </c>
      <c r="T823" t="s">
        <v>1366</v>
      </c>
      <c r="U823">
        <v>641</v>
      </c>
      <c r="V823">
        <v>3</v>
      </c>
      <c r="W823">
        <v>180</v>
      </c>
      <c r="X823">
        <v>2020</v>
      </c>
    </row>
    <row r="824" spans="1:24" x14ac:dyDescent="0.25">
      <c r="A824">
        <v>13349</v>
      </c>
      <c r="B824" t="s">
        <v>16</v>
      </c>
      <c r="C824">
        <v>5</v>
      </c>
      <c r="D824" t="s">
        <v>439</v>
      </c>
      <c r="E824">
        <v>47</v>
      </c>
      <c r="F824" t="s">
        <v>651</v>
      </c>
      <c r="G824">
        <v>160</v>
      </c>
      <c r="H824" t="s">
        <v>658</v>
      </c>
      <c r="I824">
        <v>13755</v>
      </c>
      <c r="J824" t="s">
        <v>699</v>
      </c>
      <c r="K824">
        <v>10</v>
      </c>
      <c r="L824" t="s">
        <v>700</v>
      </c>
      <c r="M824">
        <v>348</v>
      </c>
      <c r="N824" t="s">
        <v>654</v>
      </c>
      <c r="O824">
        <v>3</v>
      </c>
      <c r="P824" t="s">
        <v>655</v>
      </c>
      <c r="Q824">
        <v>1</v>
      </c>
      <c r="R824" t="s">
        <v>669</v>
      </c>
      <c r="S824">
        <v>1</v>
      </c>
      <c r="T824" t="s">
        <v>721</v>
      </c>
      <c r="U824">
        <v>305</v>
      </c>
      <c r="V824">
        <v>3</v>
      </c>
      <c r="W824">
        <v>180</v>
      </c>
      <c r="X824">
        <v>2020</v>
      </c>
    </row>
    <row r="825" spans="1:24" x14ac:dyDescent="0.25">
      <c r="A825">
        <v>13346</v>
      </c>
      <c r="B825" t="s">
        <v>16</v>
      </c>
      <c r="C825">
        <v>5</v>
      </c>
      <c r="D825" t="s">
        <v>439</v>
      </c>
      <c r="E825">
        <v>47</v>
      </c>
      <c r="F825" t="s">
        <v>651</v>
      </c>
      <c r="G825">
        <v>160</v>
      </c>
      <c r="H825" t="s">
        <v>658</v>
      </c>
      <c r="I825">
        <v>13755</v>
      </c>
      <c r="J825" t="s">
        <v>699</v>
      </c>
      <c r="K825">
        <v>10</v>
      </c>
      <c r="L825" t="s">
        <v>700</v>
      </c>
      <c r="M825">
        <v>348</v>
      </c>
      <c r="N825" t="s">
        <v>654</v>
      </c>
      <c r="O825">
        <v>3</v>
      </c>
      <c r="P825" t="s">
        <v>655</v>
      </c>
      <c r="Q825">
        <v>1</v>
      </c>
      <c r="R825" t="s">
        <v>669</v>
      </c>
      <c r="S825">
        <v>1</v>
      </c>
      <c r="T825" t="s">
        <v>1367</v>
      </c>
      <c r="U825">
        <v>638</v>
      </c>
      <c r="V825">
        <v>3</v>
      </c>
      <c r="W825">
        <v>180</v>
      </c>
      <c r="X825">
        <v>2020</v>
      </c>
    </row>
    <row r="826" spans="1:24" x14ac:dyDescent="0.25">
      <c r="A826">
        <v>13343</v>
      </c>
      <c r="B826" t="s">
        <v>16</v>
      </c>
      <c r="C826">
        <v>5</v>
      </c>
      <c r="D826" t="s">
        <v>439</v>
      </c>
      <c r="E826">
        <v>47</v>
      </c>
      <c r="F826" t="s">
        <v>651</v>
      </c>
      <c r="G826">
        <v>160</v>
      </c>
      <c r="H826" t="s">
        <v>658</v>
      </c>
      <c r="I826">
        <v>13755</v>
      </c>
      <c r="J826" t="s">
        <v>699</v>
      </c>
      <c r="K826">
        <v>10</v>
      </c>
      <c r="L826" t="s">
        <v>700</v>
      </c>
      <c r="M826">
        <v>348</v>
      </c>
      <c r="N826" t="s">
        <v>654</v>
      </c>
      <c r="O826">
        <v>3</v>
      </c>
      <c r="P826" t="s">
        <v>655</v>
      </c>
      <c r="Q826">
        <v>1</v>
      </c>
      <c r="R826" t="s">
        <v>669</v>
      </c>
      <c r="S826">
        <v>1</v>
      </c>
      <c r="T826" t="s">
        <v>1368</v>
      </c>
      <c r="U826">
        <v>626</v>
      </c>
      <c r="V826">
        <v>3</v>
      </c>
      <c r="W826">
        <v>180</v>
      </c>
      <c r="X826">
        <v>2020</v>
      </c>
    </row>
    <row r="827" spans="1:24" x14ac:dyDescent="0.25">
      <c r="A827">
        <v>13340</v>
      </c>
      <c r="B827" t="s">
        <v>16</v>
      </c>
      <c r="C827">
        <v>5</v>
      </c>
      <c r="D827" t="s">
        <v>439</v>
      </c>
      <c r="E827">
        <v>47</v>
      </c>
      <c r="F827" t="s">
        <v>651</v>
      </c>
      <c r="G827">
        <v>160</v>
      </c>
      <c r="H827" t="s">
        <v>658</v>
      </c>
      <c r="I827">
        <v>13755</v>
      </c>
      <c r="J827" t="s">
        <v>699</v>
      </c>
      <c r="K827">
        <v>10</v>
      </c>
      <c r="L827" t="s">
        <v>700</v>
      </c>
      <c r="M827">
        <v>348</v>
      </c>
      <c r="N827" t="s">
        <v>654</v>
      </c>
      <c r="O827">
        <v>3</v>
      </c>
      <c r="P827" t="s">
        <v>655</v>
      </c>
      <c r="Q827">
        <v>1</v>
      </c>
      <c r="R827" t="s">
        <v>669</v>
      </c>
      <c r="S827">
        <v>1</v>
      </c>
      <c r="T827" t="s">
        <v>724</v>
      </c>
      <c r="U827">
        <v>279</v>
      </c>
      <c r="V827">
        <v>3</v>
      </c>
      <c r="W827">
        <v>180</v>
      </c>
      <c r="X827">
        <v>2020</v>
      </c>
    </row>
    <row r="828" spans="1:24" x14ac:dyDescent="0.25">
      <c r="A828">
        <v>13337</v>
      </c>
      <c r="B828" t="s">
        <v>16</v>
      </c>
      <c r="C828">
        <v>5</v>
      </c>
      <c r="D828" t="s">
        <v>439</v>
      </c>
      <c r="E828">
        <v>47</v>
      </c>
      <c r="F828" t="s">
        <v>651</v>
      </c>
      <c r="G828">
        <v>160</v>
      </c>
      <c r="H828" t="s">
        <v>658</v>
      </c>
      <c r="I828">
        <v>13755</v>
      </c>
      <c r="J828" t="s">
        <v>699</v>
      </c>
      <c r="K828">
        <v>10</v>
      </c>
      <c r="L828" t="s">
        <v>700</v>
      </c>
      <c r="M828">
        <v>348</v>
      </c>
      <c r="N828" t="s">
        <v>654</v>
      </c>
      <c r="O828">
        <v>3</v>
      </c>
      <c r="P828" t="s">
        <v>655</v>
      </c>
      <c r="Q828">
        <v>1</v>
      </c>
      <c r="R828" t="s">
        <v>669</v>
      </c>
      <c r="S828">
        <v>1</v>
      </c>
      <c r="T828" t="s">
        <v>1369</v>
      </c>
      <c r="U828">
        <v>614</v>
      </c>
      <c r="V828">
        <v>3</v>
      </c>
      <c r="W828">
        <v>180</v>
      </c>
      <c r="X828">
        <v>2020</v>
      </c>
    </row>
    <row r="829" spans="1:24" x14ac:dyDescent="0.25">
      <c r="A829">
        <v>13334</v>
      </c>
      <c r="B829" t="s">
        <v>16</v>
      </c>
      <c r="C829">
        <v>5</v>
      </c>
      <c r="D829" t="s">
        <v>439</v>
      </c>
      <c r="E829">
        <v>47</v>
      </c>
      <c r="F829" t="s">
        <v>651</v>
      </c>
      <c r="G829">
        <v>160</v>
      </c>
      <c r="H829" t="s">
        <v>658</v>
      </c>
      <c r="I829">
        <v>13755</v>
      </c>
      <c r="J829" t="s">
        <v>699</v>
      </c>
      <c r="K829">
        <v>10</v>
      </c>
      <c r="L829" t="s">
        <v>700</v>
      </c>
      <c r="M829">
        <v>348</v>
      </c>
      <c r="N829" t="s">
        <v>654</v>
      </c>
      <c r="O829">
        <v>3</v>
      </c>
      <c r="P829" t="s">
        <v>655</v>
      </c>
      <c r="Q829">
        <v>1</v>
      </c>
      <c r="R829" t="s">
        <v>669</v>
      </c>
      <c r="S829">
        <v>1</v>
      </c>
      <c r="T829" t="s">
        <v>1370</v>
      </c>
      <c r="U829">
        <v>611</v>
      </c>
      <c r="V829">
        <v>3</v>
      </c>
      <c r="W829">
        <v>180</v>
      </c>
      <c r="X829">
        <v>2020</v>
      </c>
    </row>
    <row r="830" spans="1:24" x14ac:dyDescent="0.25">
      <c r="A830">
        <v>13331</v>
      </c>
      <c r="B830" t="s">
        <v>16</v>
      </c>
      <c r="C830">
        <v>5</v>
      </c>
      <c r="D830" t="s">
        <v>439</v>
      </c>
      <c r="E830">
        <v>47</v>
      </c>
      <c r="F830" t="s">
        <v>651</v>
      </c>
      <c r="G830">
        <v>160</v>
      </c>
      <c r="H830" t="s">
        <v>658</v>
      </c>
      <c r="I830">
        <v>13755</v>
      </c>
      <c r="J830" t="s">
        <v>699</v>
      </c>
      <c r="K830">
        <v>10</v>
      </c>
      <c r="L830" t="s">
        <v>700</v>
      </c>
      <c r="M830">
        <v>348</v>
      </c>
      <c r="N830" t="s">
        <v>654</v>
      </c>
      <c r="O830">
        <v>3</v>
      </c>
      <c r="P830" t="s">
        <v>655</v>
      </c>
      <c r="Q830">
        <v>1</v>
      </c>
      <c r="R830" t="s">
        <v>669</v>
      </c>
      <c r="S830">
        <v>1</v>
      </c>
      <c r="T830" t="s">
        <v>1371</v>
      </c>
      <c r="U830">
        <v>349</v>
      </c>
      <c r="V830">
        <v>3</v>
      </c>
      <c r="W830">
        <v>180</v>
      </c>
      <c r="X830">
        <v>2020</v>
      </c>
    </row>
    <row r="831" spans="1:24" x14ac:dyDescent="0.25">
      <c r="A831">
        <v>13328</v>
      </c>
      <c r="B831" t="s">
        <v>16</v>
      </c>
      <c r="C831">
        <v>5</v>
      </c>
      <c r="D831" t="s">
        <v>439</v>
      </c>
      <c r="E831">
        <v>47</v>
      </c>
      <c r="F831" t="s">
        <v>651</v>
      </c>
      <c r="G831">
        <v>160</v>
      </c>
      <c r="H831" t="s">
        <v>658</v>
      </c>
      <c r="I831">
        <v>13755</v>
      </c>
      <c r="J831" t="s">
        <v>699</v>
      </c>
      <c r="K831">
        <v>10</v>
      </c>
      <c r="L831" t="s">
        <v>700</v>
      </c>
      <c r="M831">
        <v>348</v>
      </c>
      <c r="N831" t="s">
        <v>654</v>
      </c>
      <c r="O831">
        <v>3</v>
      </c>
      <c r="P831" t="s">
        <v>655</v>
      </c>
      <c r="Q831">
        <v>1</v>
      </c>
      <c r="R831" t="s">
        <v>669</v>
      </c>
      <c r="S831">
        <v>1</v>
      </c>
      <c r="T831" t="s">
        <v>725</v>
      </c>
      <c r="U831">
        <v>280</v>
      </c>
      <c r="V831">
        <v>3</v>
      </c>
      <c r="W831">
        <v>180</v>
      </c>
      <c r="X831">
        <v>2020</v>
      </c>
    </row>
    <row r="832" spans="1:24" x14ac:dyDescent="0.25">
      <c r="A832">
        <v>13325</v>
      </c>
      <c r="B832" t="s">
        <v>16</v>
      </c>
      <c r="C832">
        <v>5</v>
      </c>
      <c r="D832" t="s">
        <v>439</v>
      </c>
      <c r="E832">
        <v>47</v>
      </c>
      <c r="F832" t="s">
        <v>651</v>
      </c>
      <c r="G832">
        <v>160</v>
      </c>
      <c r="H832" t="s">
        <v>658</v>
      </c>
      <c r="I832">
        <v>13755</v>
      </c>
      <c r="J832" t="s">
        <v>699</v>
      </c>
      <c r="K832">
        <v>10</v>
      </c>
      <c r="L832" t="s">
        <v>700</v>
      </c>
      <c r="M832">
        <v>348</v>
      </c>
      <c r="N832" t="s">
        <v>654</v>
      </c>
      <c r="O832">
        <v>3</v>
      </c>
      <c r="P832" t="s">
        <v>655</v>
      </c>
      <c r="Q832">
        <v>1</v>
      </c>
      <c r="R832" t="s">
        <v>669</v>
      </c>
      <c r="S832">
        <v>1</v>
      </c>
      <c r="T832" t="s">
        <v>1372</v>
      </c>
      <c r="U832">
        <v>593</v>
      </c>
      <c r="V832">
        <v>3</v>
      </c>
      <c r="W832">
        <v>180</v>
      </c>
      <c r="X832">
        <v>2020</v>
      </c>
    </row>
    <row r="833" spans="1:24" x14ac:dyDescent="0.25">
      <c r="A833">
        <v>13322</v>
      </c>
      <c r="B833" t="s">
        <v>16</v>
      </c>
      <c r="C833">
        <v>5</v>
      </c>
      <c r="D833" t="s">
        <v>439</v>
      </c>
      <c r="E833">
        <v>47</v>
      </c>
      <c r="F833" t="s">
        <v>651</v>
      </c>
      <c r="G833">
        <v>160</v>
      </c>
      <c r="H833" t="s">
        <v>658</v>
      </c>
      <c r="I833">
        <v>13755</v>
      </c>
      <c r="J833" t="s">
        <v>699</v>
      </c>
      <c r="K833">
        <v>10</v>
      </c>
      <c r="L833" t="s">
        <v>700</v>
      </c>
      <c r="M833">
        <v>348</v>
      </c>
      <c r="N833" t="s">
        <v>654</v>
      </c>
      <c r="O833">
        <v>3</v>
      </c>
      <c r="P833" t="s">
        <v>655</v>
      </c>
      <c r="Q833">
        <v>1</v>
      </c>
      <c r="R833" t="s">
        <v>669</v>
      </c>
      <c r="S833">
        <v>1</v>
      </c>
      <c r="T833" t="s">
        <v>1373</v>
      </c>
      <c r="U833">
        <v>584</v>
      </c>
      <c r="V833">
        <v>3</v>
      </c>
      <c r="W833">
        <v>180</v>
      </c>
      <c r="X833">
        <v>2020</v>
      </c>
    </row>
    <row r="834" spans="1:24" x14ac:dyDescent="0.25">
      <c r="A834">
        <v>13319</v>
      </c>
      <c r="B834" t="s">
        <v>16</v>
      </c>
      <c r="C834">
        <v>5</v>
      </c>
      <c r="D834" t="s">
        <v>439</v>
      </c>
      <c r="E834">
        <v>47</v>
      </c>
      <c r="F834" t="s">
        <v>651</v>
      </c>
      <c r="G834">
        <v>160</v>
      </c>
      <c r="H834" t="s">
        <v>658</v>
      </c>
      <c r="I834">
        <v>13755</v>
      </c>
      <c r="J834" t="s">
        <v>699</v>
      </c>
      <c r="K834">
        <v>10</v>
      </c>
      <c r="L834" t="s">
        <v>700</v>
      </c>
      <c r="M834">
        <v>348</v>
      </c>
      <c r="N834" t="s">
        <v>654</v>
      </c>
      <c r="O834">
        <v>3</v>
      </c>
      <c r="P834" t="s">
        <v>655</v>
      </c>
      <c r="Q834">
        <v>1</v>
      </c>
      <c r="R834" t="s">
        <v>669</v>
      </c>
      <c r="S834">
        <v>1</v>
      </c>
      <c r="T834" t="s">
        <v>1374</v>
      </c>
      <c r="U834">
        <v>575</v>
      </c>
      <c r="V834">
        <v>3</v>
      </c>
      <c r="W834">
        <v>180</v>
      </c>
      <c r="X834">
        <v>2020</v>
      </c>
    </row>
    <row r="835" spans="1:24" x14ac:dyDescent="0.25">
      <c r="A835">
        <v>13316</v>
      </c>
      <c r="B835" t="s">
        <v>16</v>
      </c>
      <c r="C835">
        <v>5</v>
      </c>
      <c r="D835" t="s">
        <v>439</v>
      </c>
      <c r="E835">
        <v>47</v>
      </c>
      <c r="F835" t="s">
        <v>651</v>
      </c>
      <c r="G835">
        <v>160</v>
      </c>
      <c r="H835" t="s">
        <v>658</v>
      </c>
      <c r="I835">
        <v>13755</v>
      </c>
      <c r="J835" t="s">
        <v>699</v>
      </c>
      <c r="K835">
        <v>10</v>
      </c>
      <c r="L835" t="s">
        <v>700</v>
      </c>
      <c r="M835">
        <v>348</v>
      </c>
      <c r="N835" t="s">
        <v>654</v>
      </c>
      <c r="O835">
        <v>3</v>
      </c>
      <c r="P835" t="s">
        <v>655</v>
      </c>
      <c r="Q835">
        <v>1</v>
      </c>
      <c r="R835" t="s">
        <v>669</v>
      </c>
      <c r="S835">
        <v>1</v>
      </c>
      <c r="T835" t="s">
        <v>1375</v>
      </c>
      <c r="U835">
        <v>572</v>
      </c>
      <c r="V835">
        <v>3</v>
      </c>
      <c r="W835">
        <v>180</v>
      </c>
      <c r="X835">
        <v>2020</v>
      </c>
    </row>
    <row r="836" spans="1:24" x14ac:dyDescent="0.25">
      <c r="A836">
        <v>13313</v>
      </c>
      <c r="B836" t="s">
        <v>16</v>
      </c>
      <c r="C836">
        <v>5</v>
      </c>
      <c r="D836" t="s">
        <v>439</v>
      </c>
      <c r="E836">
        <v>47</v>
      </c>
      <c r="F836" t="s">
        <v>651</v>
      </c>
      <c r="G836">
        <v>160</v>
      </c>
      <c r="H836" t="s">
        <v>658</v>
      </c>
      <c r="I836">
        <v>13755</v>
      </c>
      <c r="J836" t="s">
        <v>699</v>
      </c>
      <c r="K836">
        <v>10</v>
      </c>
      <c r="L836" t="s">
        <v>700</v>
      </c>
      <c r="M836">
        <v>348</v>
      </c>
      <c r="N836" t="s">
        <v>654</v>
      </c>
      <c r="O836">
        <v>3</v>
      </c>
      <c r="P836" t="s">
        <v>655</v>
      </c>
      <c r="Q836">
        <v>1</v>
      </c>
      <c r="R836" t="s">
        <v>669</v>
      </c>
      <c r="S836">
        <v>1</v>
      </c>
      <c r="T836" t="s">
        <v>1376</v>
      </c>
      <c r="U836">
        <v>569</v>
      </c>
      <c r="V836">
        <v>3</v>
      </c>
      <c r="W836">
        <v>180</v>
      </c>
      <c r="X836">
        <v>2020</v>
      </c>
    </row>
    <row r="837" spans="1:24" x14ac:dyDescent="0.25">
      <c r="A837">
        <v>13310</v>
      </c>
      <c r="B837" t="s">
        <v>16</v>
      </c>
      <c r="C837">
        <v>5</v>
      </c>
      <c r="D837" t="s">
        <v>439</v>
      </c>
      <c r="E837">
        <v>47</v>
      </c>
      <c r="F837" t="s">
        <v>651</v>
      </c>
      <c r="G837">
        <v>160</v>
      </c>
      <c r="H837" t="s">
        <v>658</v>
      </c>
      <c r="I837">
        <v>13755</v>
      </c>
      <c r="J837" t="s">
        <v>699</v>
      </c>
      <c r="K837">
        <v>10</v>
      </c>
      <c r="L837" t="s">
        <v>700</v>
      </c>
      <c r="M837">
        <v>348</v>
      </c>
      <c r="N837" t="s">
        <v>654</v>
      </c>
      <c r="O837">
        <v>3</v>
      </c>
      <c r="P837" t="s">
        <v>655</v>
      </c>
      <c r="Q837">
        <v>1</v>
      </c>
      <c r="R837" t="s">
        <v>669</v>
      </c>
      <c r="S837">
        <v>1</v>
      </c>
      <c r="T837" t="s">
        <v>1377</v>
      </c>
      <c r="U837">
        <v>563</v>
      </c>
      <c r="V837">
        <v>3</v>
      </c>
      <c r="W837">
        <v>180</v>
      </c>
      <c r="X837">
        <v>2020</v>
      </c>
    </row>
    <row r="838" spans="1:24" x14ac:dyDescent="0.25">
      <c r="A838">
        <v>13307</v>
      </c>
      <c r="B838" t="s">
        <v>16</v>
      </c>
      <c r="C838">
        <v>5</v>
      </c>
      <c r="D838" t="s">
        <v>439</v>
      </c>
      <c r="E838">
        <v>47</v>
      </c>
      <c r="F838" t="s">
        <v>651</v>
      </c>
      <c r="G838">
        <v>160</v>
      </c>
      <c r="H838" t="s">
        <v>658</v>
      </c>
      <c r="I838">
        <v>13755</v>
      </c>
      <c r="J838" t="s">
        <v>699</v>
      </c>
      <c r="K838">
        <v>10</v>
      </c>
      <c r="L838" t="s">
        <v>700</v>
      </c>
      <c r="M838">
        <v>348</v>
      </c>
      <c r="N838" t="s">
        <v>654</v>
      </c>
      <c r="O838">
        <v>3</v>
      </c>
      <c r="P838" t="s">
        <v>655</v>
      </c>
      <c r="Q838">
        <v>1</v>
      </c>
      <c r="R838" t="s">
        <v>669</v>
      </c>
      <c r="S838">
        <v>1</v>
      </c>
      <c r="T838" t="s">
        <v>1378</v>
      </c>
      <c r="U838">
        <v>551</v>
      </c>
      <c r="V838">
        <v>3</v>
      </c>
      <c r="W838">
        <v>180</v>
      </c>
      <c r="X838">
        <v>2020</v>
      </c>
    </row>
    <row r="839" spans="1:24" x14ac:dyDescent="0.25">
      <c r="A839">
        <v>13304</v>
      </c>
      <c r="B839" t="s">
        <v>16</v>
      </c>
      <c r="C839">
        <v>5</v>
      </c>
      <c r="D839" t="s">
        <v>439</v>
      </c>
      <c r="E839">
        <v>47</v>
      </c>
      <c r="F839" t="s">
        <v>651</v>
      </c>
      <c r="G839">
        <v>160</v>
      </c>
      <c r="H839" t="s">
        <v>658</v>
      </c>
      <c r="I839">
        <v>13755</v>
      </c>
      <c r="J839" t="s">
        <v>699</v>
      </c>
      <c r="K839">
        <v>10</v>
      </c>
      <c r="L839" t="s">
        <v>700</v>
      </c>
      <c r="M839">
        <v>348</v>
      </c>
      <c r="N839" t="s">
        <v>654</v>
      </c>
      <c r="O839">
        <v>3</v>
      </c>
      <c r="P839" t="s">
        <v>655</v>
      </c>
      <c r="Q839">
        <v>1</v>
      </c>
      <c r="R839" t="s">
        <v>669</v>
      </c>
      <c r="S839">
        <v>1</v>
      </c>
      <c r="T839" t="s">
        <v>1379</v>
      </c>
      <c r="U839">
        <v>548</v>
      </c>
      <c r="V839">
        <v>3</v>
      </c>
      <c r="W839">
        <v>180</v>
      </c>
      <c r="X839">
        <v>2020</v>
      </c>
    </row>
    <row r="840" spans="1:24" x14ac:dyDescent="0.25">
      <c r="A840">
        <v>13301</v>
      </c>
      <c r="B840" t="s">
        <v>16</v>
      </c>
      <c r="C840">
        <v>5</v>
      </c>
      <c r="D840" t="s">
        <v>439</v>
      </c>
      <c r="E840">
        <v>47</v>
      </c>
      <c r="F840" t="s">
        <v>651</v>
      </c>
      <c r="G840">
        <v>160</v>
      </c>
      <c r="H840" t="s">
        <v>658</v>
      </c>
      <c r="I840">
        <v>13755</v>
      </c>
      <c r="J840" t="s">
        <v>699</v>
      </c>
      <c r="K840">
        <v>10</v>
      </c>
      <c r="L840" t="s">
        <v>700</v>
      </c>
      <c r="M840">
        <v>348</v>
      </c>
      <c r="N840" t="s">
        <v>654</v>
      </c>
      <c r="O840">
        <v>3</v>
      </c>
      <c r="P840" t="s">
        <v>655</v>
      </c>
      <c r="Q840">
        <v>1</v>
      </c>
      <c r="R840" t="s">
        <v>669</v>
      </c>
      <c r="S840">
        <v>1</v>
      </c>
      <c r="T840" t="s">
        <v>1380</v>
      </c>
      <c r="U840">
        <v>542</v>
      </c>
      <c r="V840">
        <v>3</v>
      </c>
      <c r="W840">
        <v>180</v>
      </c>
      <c r="X840">
        <v>2020</v>
      </c>
    </row>
    <row r="841" spans="1:24" x14ac:dyDescent="0.25">
      <c r="A841">
        <v>13298</v>
      </c>
      <c r="B841" t="s">
        <v>16</v>
      </c>
      <c r="C841">
        <v>5</v>
      </c>
      <c r="D841" t="s">
        <v>439</v>
      </c>
      <c r="E841">
        <v>47</v>
      </c>
      <c r="F841" t="s">
        <v>651</v>
      </c>
      <c r="G841">
        <v>160</v>
      </c>
      <c r="H841" t="s">
        <v>658</v>
      </c>
      <c r="I841">
        <v>13755</v>
      </c>
      <c r="J841" t="s">
        <v>699</v>
      </c>
      <c r="K841">
        <v>10</v>
      </c>
      <c r="L841" t="s">
        <v>700</v>
      </c>
      <c r="M841">
        <v>348</v>
      </c>
      <c r="N841" t="s">
        <v>654</v>
      </c>
      <c r="O841">
        <v>3</v>
      </c>
      <c r="P841" t="s">
        <v>655</v>
      </c>
      <c r="Q841">
        <v>1</v>
      </c>
      <c r="R841" t="s">
        <v>669</v>
      </c>
      <c r="S841">
        <v>1</v>
      </c>
      <c r="T841" t="s">
        <v>1381</v>
      </c>
      <c r="U841">
        <v>539</v>
      </c>
      <c r="V841">
        <v>3</v>
      </c>
      <c r="W841">
        <v>180</v>
      </c>
      <c r="X841">
        <v>2020</v>
      </c>
    </row>
    <row r="842" spans="1:24" x14ac:dyDescent="0.25">
      <c r="A842">
        <v>13295</v>
      </c>
      <c r="B842" t="s">
        <v>16</v>
      </c>
      <c r="C842">
        <v>5</v>
      </c>
      <c r="D842" t="s">
        <v>439</v>
      </c>
      <c r="E842">
        <v>47</v>
      </c>
      <c r="F842" t="s">
        <v>651</v>
      </c>
      <c r="G842">
        <v>160</v>
      </c>
      <c r="H842" t="s">
        <v>658</v>
      </c>
      <c r="I842">
        <v>13755</v>
      </c>
      <c r="J842" t="s">
        <v>699</v>
      </c>
      <c r="K842">
        <v>10</v>
      </c>
      <c r="L842" t="s">
        <v>700</v>
      </c>
      <c r="M842">
        <v>348</v>
      </c>
      <c r="N842" t="s">
        <v>654</v>
      </c>
      <c r="O842">
        <v>3</v>
      </c>
      <c r="P842" t="s">
        <v>655</v>
      </c>
      <c r="Q842">
        <v>1</v>
      </c>
      <c r="R842" t="s">
        <v>669</v>
      </c>
      <c r="S842">
        <v>1</v>
      </c>
      <c r="T842" t="s">
        <v>1382</v>
      </c>
      <c r="U842">
        <v>113</v>
      </c>
      <c r="V842">
        <v>3</v>
      </c>
      <c r="W842">
        <v>180</v>
      </c>
      <c r="X842">
        <v>2020</v>
      </c>
    </row>
    <row r="843" spans="1:24" x14ac:dyDescent="0.25">
      <c r="A843">
        <v>13292</v>
      </c>
      <c r="B843" t="s">
        <v>16</v>
      </c>
      <c r="C843">
        <v>5</v>
      </c>
      <c r="D843" t="s">
        <v>439</v>
      </c>
      <c r="E843">
        <v>47</v>
      </c>
      <c r="F843" t="s">
        <v>651</v>
      </c>
      <c r="G843">
        <v>160</v>
      </c>
      <c r="H843" t="s">
        <v>658</v>
      </c>
      <c r="I843">
        <v>13755</v>
      </c>
      <c r="J843" t="s">
        <v>699</v>
      </c>
      <c r="K843">
        <v>10</v>
      </c>
      <c r="L843" t="s">
        <v>700</v>
      </c>
      <c r="M843">
        <v>348</v>
      </c>
      <c r="N843" t="s">
        <v>654</v>
      </c>
      <c r="O843">
        <v>3</v>
      </c>
      <c r="P843" t="s">
        <v>655</v>
      </c>
      <c r="Q843">
        <v>1</v>
      </c>
      <c r="R843" t="s">
        <v>669</v>
      </c>
      <c r="S843">
        <v>1</v>
      </c>
      <c r="T843" t="s">
        <v>1383</v>
      </c>
      <c r="U843">
        <v>527</v>
      </c>
      <c r="V843">
        <v>3</v>
      </c>
      <c r="W843">
        <v>180</v>
      </c>
      <c r="X843">
        <v>2020</v>
      </c>
    </row>
    <row r="844" spans="1:24" x14ac:dyDescent="0.25">
      <c r="A844">
        <v>13289</v>
      </c>
      <c r="B844" t="s">
        <v>16</v>
      </c>
      <c r="C844">
        <v>5</v>
      </c>
      <c r="D844" t="s">
        <v>439</v>
      </c>
      <c r="E844">
        <v>47</v>
      </c>
      <c r="F844" t="s">
        <v>651</v>
      </c>
      <c r="G844">
        <v>160</v>
      </c>
      <c r="H844" t="s">
        <v>658</v>
      </c>
      <c r="I844">
        <v>13755</v>
      </c>
      <c r="J844" t="s">
        <v>699</v>
      </c>
      <c r="K844">
        <v>10</v>
      </c>
      <c r="L844" t="s">
        <v>700</v>
      </c>
      <c r="M844">
        <v>348</v>
      </c>
      <c r="N844" t="s">
        <v>654</v>
      </c>
      <c r="O844">
        <v>3</v>
      </c>
      <c r="P844" t="s">
        <v>655</v>
      </c>
      <c r="Q844">
        <v>1</v>
      </c>
      <c r="R844" t="s">
        <v>669</v>
      </c>
      <c r="S844">
        <v>1</v>
      </c>
      <c r="T844" t="s">
        <v>1384</v>
      </c>
      <c r="U844">
        <v>521</v>
      </c>
      <c r="V844">
        <v>3</v>
      </c>
      <c r="W844">
        <v>180</v>
      </c>
      <c r="X844">
        <v>2020</v>
      </c>
    </row>
    <row r="845" spans="1:24" x14ac:dyDescent="0.25">
      <c r="A845">
        <v>13286</v>
      </c>
      <c r="B845" t="s">
        <v>16</v>
      </c>
      <c r="C845">
        <v>5</v>
      </c>
      <c r="D845" t="s">
        <v>439</v>
      </c>
      <c r="E845">
        <v>47</v>
      </c>
      <c r="F845" t="s">
        <v>651</v>
      </c>
      <c r="G845">
        <v>160</v>
      </c>
      <c r="H845" t="s">
        <v>658</v>
      </c>
      <c r="I845">
        <v>13755</v>
      </c>
      <c r="J845" t="s">
        <v>699</v>
      </c>
      <c r="K845">
        <v>10</v>
      </c>
      <c r="L845" t="s">
        <v>700</v>
      </c>
      <c r="M845">
        <v>348</v>
      </c>
      <c r="N845" t="s">
        <v>654</v>
      </c>
      <c r="O845">
        <v>3</v>
      </c>
      <c r="P845" t="s">
        <v>655</v>
      </c>
      <c r="Q845">
        <v>1</v>
      </c>
      <c r="R845" t="s">
        <v>669</v>
      </c>
      <c r="S845">
        <v>1</v>
      </c>
      <c r="T845" t="s">
        <v>1385</v>
      </c>
      <c r="U845">
        <v>518</v>
      </c>
      <c r="V845">
        <v>3</v>
      </c>
      <c r="W845">
        <v>180</v>
      </c>
      <c r="X845">
        <v>2020</v>
      </c>
    </row>
    <row r="846" spans="1:24" x14ac:dyDescent="0.25">
      <c r="A846">
        <v>13283</v>
      </c>
      <c r="B846" t="s">
        <v>16</v>
      </c>
      <c r="C846">
        <v>5</v>
      </c>
      <c r="D846" t="s">
        <v>439</v>
      </c>
      <c r="E846">
        <v>47</v>
      </c>
      <c r="F846" t="s">
        <v>651</v>
      </c>
      <c r="G846">
        <v>160</v>
      </c>
      <c r="H846" t="s">
        <v>658</v>
      </c>
      <c r="I846">
        <v>13755</v>
      </c>
      <c r="J846" t="s">
        <v>699</v>
      </c>
      <c r="K846">
        <v>10</v>
      </c>
      <c r="L846" t="s">
        <v>700</v>
      </c>
      <c r="M846">
        <v>348</v>
      </c>
      <c r="N846" t="s">
        <v>654</v>
      </c>
      <c r="O846">
        <v>3</v>
      </c>
      <c r="P846" t="s">
        <v>655</v>
      </c>
      <c r="Q846">
        <v>1</v>
      </c>
      <c r="R846" t="s">
        <v>669</v>
      </c>
      <c r="S846">
        <v>1</v>
      </c>
      <c r="T846" t="s">
        <v>1386</v>
      </c>
      <c r="U846">
        <v>515</v>
      </c>
      <c r="V846">
        <v>3</v>
      </c>
      <c r="W846">
        <v>180</v>
      </c>
      <c r="X846">
        <v>2020</v>
      </c>
    </row>
    <row r="847" spans="1:24" x14ac:dyDescent="0.25">
      <c r="A847">
        <v>13280</v>
      </c>
      <c r="B847" t="s">
        <v>16</v>
      </c>
      <c r="C847">
        <v>5</v>
      </c>
      <c r="D847" t="s">
        <v>439</v>
      </c>
      <c r="E847">
        <v>47</v>
      </c>
      <c r="F847" t="s">
        <v>651</v>
      </c>
      <c r="G847">
        <v>160</v>
      </c>
      <c r="H847" t="s">
        <v>658</v>
      </c>
      <c r="I847">
        <v>13755</v>
      </c>
      <c r="J847" t="s">
        <v>699</v>
      </c>
      <c r="K847">
        <v>10</v>
      </c>
      <c r="L847" t="s">
        <v>700</v>
      </c>
      <c r="M847">
        <v>348</v>
      </c>
      <c r="N847" t="s">
        <v>654</v>
      </c>
      <c r="O847">
        <v>3</v>
      </c>
      <c r="P847" t="s">
        <v>655</v>
      </c>
      <c r="Q847">
        <v>1</v>
      </c>
      <c r="R847" t="s">
        <v>669</v>
      </c>
      <c r="S847">
        <v>1</v>
      </c>
      <c r="T847" t="s">
        <v>1387</v>
      </c>
      <c r="U847">
        <v>512</v>
      </c>
      <c r="V847">
        <v>3</v>
      </c>
      <c r="W847">
        <v>180</v>
      </c>
      <c r="X847">
        <v>2020</v>
      </c>
    </row>
    <row r="848" spans="1:24" x14ac:dyDescent="0.25">
      <c r="A848">
        <v>13277</v>
      </c>
      <c r="B848" t="s">
        <v>16</v>
      </c>
      <c r="C848">
        <v>5</v>
      </c>
      <c r="D848" t="s">
        <v>439</v>
      </c>
      <c r="E848">
        <v>47</v>
      </c>
      <c r="F848" t="s">
        <v>651</v>
      </c>
      <c r="G848">
        <v>160</v>
      </c>
      <c r="H848" t="s">
        <v>658</v>
      </c>
      <c r="I848">
        <v>13755</v>
      </c>
      <c r="J848" t="s">
        <v>699</v>
      </c>
      <c r="K848">
        <v>10</v>
      </c>
      <c r="L848" t="s">
        <v>700</v>
      </c>
      <c r="M848">
        <v>348</v>
      </c>
      <c r="N848" t="s">
        <v>654</v>
      </c>
      <c r="O848">
        <v>3</v>
      </c>
      <c r="P848" t="s">
        <v>655</v>
      </c>
      <c r="Q848">
        <v>1</v>
      </c>
      <c r="R848" t="s">
        <v>669</v>
      </c>
      <c r="S848">
        <v>1</v>
      </c>
      <c r="T848" t="s">
        <v>1388</v>
      </c>
      <c r="U848">
        <v>509</v>
      </c>
      <c r="V848">
        <v>3</v>
      </c>
      <c r="W848">
        <v>180</v>
      </c>
      <c r="X848">
        <v>2020</v>
      </c>
    </row>
    <row r="849" spans="1:24" x14ac:dyDescent="0.25">
      <c r="A849">
        <v>13274</v>
      </c>
      <c r="B849" t="s">
        <v>16</v>
      </c>
      <c r="C849">
        <v>5</v>
      </c>
      <c r="D849" t="s">
        <v>439</v>
      </c>
      <c r="E849">
        <v>47</v>
      </c>
      <c r="F849" t="s">
        <v>651</v>
      </c>
      <c r="G849">
        <v>160</v>
      </c>
      <c r="H849" t="s">
        <v>658</v>
      </c>
      <c r="I849">
        <v>13755</v>
      </c>
      <c r="J849" t="s">
        <v>699</v>
      </c>
      <c r="K849">
        <v>10</v>
      </c>
      <c r="L849" t="s">
        <v>700</v>
      </c>
      <c r="M849">
        <v>348</v>
      </c>
      <c r="N849" t="s">
        <v>654</v>
      </c>
      <c r="O849">
        <v>3</v>
      </c>
      <c r="P849" t="s">
        <v>655</v>
      </c>
      <c r="Q849">
        <v>1</v>
      </c>
      <c r="R849" t="s">
        <v>669</v>
      </c>
      <c r="S849">
        <v>1</v>
      </c>
      <c r="T849" t="s">
        <v>1389</v>
      </c>
      <c r="U849">
        <v>500</v>
      </c>
      <c r="V849">
        <v>3</v>
      </c>
      <c r="W849">
        <v>180</v>
      </c>
      <c r="X849">
        <v>2020</v>
      </c>
    </row>
    <row r="850" spans="1:24" x14ac:dyDescent="0.25">
      <c r="A850">
        <v>13271</v>
      </c>
      <c r="B850" t="s">
        <v>16</v>
      </c>
      <c r="C850">
        <v>5</v>
      </c>
      <c r="D850" t="s">
        <v>439</v>
      </c>
      <c r="E850">
        <v>47</v>
      </c>
      <c r="F850" t="s">
        <v>651</v>
      </c>
      <c r="G850">
        <v>160</v>
      </c>
      <c r="H850" t="s">
        <v>658</v>
      </c>
      <c r="I850">
        <v>13755</v>
      </c>
      <c r="J850" t="s">
        <v>699</v>
      </c>
      <c r="K850">
        <v>10</v>
      </c>
      <c r="L850" t="s">
        <v>700</v>
      </c>
      <c r="M850">
        <v>348</v>
      </c>
      <c r="N850" t="s">
        <v>654</v>
      </c>
      <c r="O850">
        <v>3</v>
      </c>
      <c r="P850" t="s">
        <v>655</v>
      </c>
      <c r="Q850">
        <v>1</v>
      </c>
      <c r="R850" t="s">
        <v>669</v>
      </c>
      <c r="S850">
        <v>1</v>
      </c>
      <c r="T850" t="s">
        <v>1390</v>
      </c>
      <c r="U850">
        <v>494</v>
      </c>
      <c r="V850">
        <v>3</v>
      </c>
      <c r="W850">
        <v>180</v>
      </c>
      <c r="X850">
        <v>2020</v>
      </c>
    </row>
    <row r="851" spans="1:24" x14ac:dyDescent="0.25">
      <c r="A851">
        <v>13268</v>
      </c>
      <c r="B851" t="s">
        <v>16</v>
      </c>
      <c r="C851">
        <v>5</v>
      </c>
      <c r="D851" t="s">
        <v>439</v>
      </c>
      <c r="E851">
        <v>47</v>
      </c>
      <c r="F851" t="s">
        <v>651</v>
      </c>
      <c r="G851">
        <v>160</v>
      </c>
      <c r="H851" t="s">
        <v>658</v>
      </c>
      <c r="I851">
        <v>13755</v>
      </c>
      <c r="J851" t="s">
        <v>699</v>
      </c>
      <c r="K851">
        <v>10</v>
      </c>
      <c r="L851" t="s">
        <v>700</v>
      </c>
      <c r="M851">
        <v>348</v>
      </c>
      <c r="N851" t="s">
        <v>654</v>
      </c>
      <c r="O851">
        <v>3</v>
      </c>
      <c r="P851" t="s">
        <v>655</v>
      </c>
      <c r="Q851">
        <v>1</v>
      </c>
      <c r="R851" t="s">
        <v>669</v>
      </c>
      <c r="S851">
        <v>1</v>
      </c>
      <c r="T851" t="s">
        <v>1391</v>
      </c>
      <c r="U851">
        <v>491</v>
      </c>
      <c r="V851">
        <v>3</v>
      </c>
      <c r="W851">
        <v>180</v>
      </c>
      <c r="X851">
        <v>2020</v>
      </c>
    </row>
    <row r="852" spans="1:24" x14ac:dyDescent="0.25">
      <c r="A852">
        <v>13265</v>
      </c>
      <c r="B852" t="s">
        <v>16</v>
      </c>
      <c r="C852">
        <v>5</v>
      </c>
      <c r="D852" t="s">
        <v>439</v>
      </c>
      <c r="E852">
        <v>47</v>
      </c>
      <c r="F852" t="s">
        <v>651</v>
      </c>
      <c r="G852">
        <v>160</v>
      </c>
      <c r="H852" t="s">
        <v>658</v>
      </c>
      <c r="I852">
        <v>13755</v>
      </c>
      <c r="J852" t="s">
        <v>699</v>
      </c>
      <c r="K852">
        <v>10</v>
      </c>
      <c r="L852" t="s">
        <v>700</v>
      </c>
      <c r="M852">
        <v>348</v>
      </c>
      <c r="N852" t="s">
        <v>654</v>
      </c>
      <c r="O852">
        <v>3</v>
      </c>
      <c r="P852" t="s">
        <v>655</v>
      </c>
      <c r="Q852">
        <v>1</v>
      </c>
      <c r="R852" t="s">
        <v>669</v>
      </c>
      <c r="S852">
        <v>1</v>
      </c>
      <c r="T852" t="s">
        <v>1392</v>
      </c>
      <c r="U852">
        <v>488</v>
      </c>
      <c r="V852">
        <v>3</v>
      </c>
      <c r="W852">
        <v>180</v>
      </c>
      <c r="X852">
        <v>2020</v>
      </c>
    </row>
    <row r="853" spans="1:24" x14ac:dyDescent="0.25">
      <c r="A853">
        <v>13262</v>
      </c>
      <c r="B853" t="s">
        <v>16</v>
      </c>
      <c r="C853">
        <v>5</v>
      </c>
      <c r="D853" t="s">
        <v>439</v>
      </c>
      <c r="E853">
        <v>47</v>
      </c>
      <c r="F853" t="s">
        <v>651</v>
      </c>
      <c r="G853">
        <v>160</v>
      </c>
      <c r="H853" t="s">
        <v>658</v>
      </c>
      <c r="I853">
        <v>13755</v>
      </c>
      <c r="J853" t="s">
        <v>699</v>
      </c>
      <c r="K853">
        <v>10</v>
      </c>
      <c r="L853" t="s">
        <v>700</v>
      </c>
      <c r="M853">
        <v>348</v>
      </c>
      <c r="N853" t="s">
        <v>654</v>
      </c>
      <c r="O853">
        <v>3</v>
      </c>
      <c r="P853" t="s">
        <v>655</v>
      </c>
      <c r="Q853">
        <v>1</v>
      </c>
      <c r="R853" t="s">
        <v>669</v>
      </c>
      <c r="S853">
        <v>1</v>
      </c>
      <c r="T853" t="s">
        <v>1393</v>
      </c>
      <c r="U853">
        <v>482</v>
      </c>
      <c r="V853">
        <v>3</v>
      </c>
      <c r="W853">
        <v>180</v>
      </c>
      <c r="X853">
        <v>2020</v>
      </c>
    </row>
    <row r="854" spans="1:24" x14ac:dyDescent="0.25">
      <c r="A854">
        <v>13259</v>
      </c>
      <c r="B854" t="s">
        <v>16</v>
      </c>
      <c r="C854">
        <v>5</v>
      </c>
      <c r="D854" t="s">
        <v>439</v>
      </c>
      <c r="E854">
        <v>47</v>
      </c>
      <c r="F854" t="s">
        <v>651</v>
      </c>
      <c r="G854">
        <v>160</v>
      </c>
      <c r="H854" t="s">
        <v>658</v>
      </c>
      <c r="I854">
        <v>13755</v>
      </c>
      <c r="J854" t="s">
        <v>699</v>
      </c>
      <c r="K854">
        <v>10</v>
      </c>
      <c r="L854" t="s">
        <v>700</v>
      </c>
      <c r="M854">
        <v>348</v>
      </c>
      <c r="N854" t="s">
        <v>654</v>
      </c>
      <c r="O854">
        <v>3</v>
      </c>
      <c r="P854" t="s">
        <v>655</v>
      </c>
      <c r="Q854">
        <v>1</v>
      </c>
      <c r="R854" t="s">
        <v>669</v>
      </c>
      <c r="S854">
        <v>1</v>
      </c>
      <c r="T854" t="s">
        <v>1394</v>
      </c>
      <c r="U854">
        <v>476</v>
      </c>
      <c r="V854">
        <v>3</v>
      </c>
      <c r="W854">
        <v>180</v>
      </c>
      <c r="X854">
        <v>2020</v>
      </c>
    </row>
    <row r="855" spans="1:24" x14ac:dyDescent="0.25">
      <c r="A855">
        <v>13256</v>
      </c>
      <c r="B855" t="s">
        <v>16</v>
      </c>
      <c r="C855">
        <v>5</v>
      </c>
      <c r="D855" t="s">
        <v>439</v>
      </c>
      <c r="E855">
        <v>47</v>
      </c>
      <c r="F855" t="s">
        <v>651</v>
      </c>
      <c r="G855">
        <v>160</v>
      </c>
      <c r="H855" t="s">
        <v>658</v>
      </c>
      <c r="I855">
        <v>13755</v>
      </c>
      <c r="J855" t="s">
        <v>699</v>
      </c>
      <c r="K855">
        <v>10</v>
      </c>
      <c r="L855" t="s">
        <v>700</v>
      </c>
      <c r="M855">
        <v>348</v>
      </c>
      <c r="N855" t="s">
        <v>654</v>
      </c>
      <c r="O855">
        <v>3</v>
      </c>
      <c r="P855" t="s">
        <v>655</v>
      </c>
      <c r="Q855">
        <v>1</v>
      </c>
      <c r="R855" t="s">
        <v>669</v>
      </c>
      <c r="S855">
        <v>1</v>
      </c>
      <c r="T855" t="s">
        <v>1395</v>
      </c>
      <c r="U855">
        <v>473</v>
      </c>
      <c r="V855">
        <v>3</v>
      </c>
      <c r="W855">
        <v>180</v>
      </c>
      <c r="X855">
        <v>2020</v>
      </c>
    </row>
    <row r="856" spans="1:24" x14ac:dyDescent="0.25">
      <c r="A856">
        <v>13253</v>
      </c>
      <c r="B856" t="s">
        <v>16</v>
      </c>
      <c r="C856">
        <v>5</v>
      </c>
      <c r="D856" t="s">
        <v>439</v>
      </c>
      <c r="E856">
        <v>47</v>
      </c>
      <c r="F856" t="s">
        <v>651</v>
      </c>
      <c r="G856">
        <v>160</v>
      </c>
      <c r="H856" t="s">
        <v>658</v>
      </c>
      <c r="I856">
        <v>13755</v>
      </c>
      <c r="J856" t="s">
        <v>699</v>
      </c>
      <c r="K856">
        <v>10</v>
      </c>
      <c r="L856" t="s">
        <v>700</v>
      </c>
      <c r="M856">
        <v>348</v>
      </c>
      <c r="N856" t="s">
        <v>654</v>
      </c>
      <c r="O856">
        <v>3</v>
      </c>
      <c r="P856" t="s">
        <v>655</v>
      </c>
      <c r="Q856">
        <v>1</v>
      </c>
      <c r="R856" t="s">
        <v>669</v>
      </c>
      <c r="S856">
        <v>1</v>
      </c>
      <c r="T856" t="s">
        <v>1396</v>
      </c>
      <c r="U856">
        <v>470</v>
      </c>
      <c r="V856">
        <v>3</v>
      </c>
      <c r="W856">
        <v>180</v>
      </c>
      <c r="X856">
        <v>2020</v>
      </c>
    </row>
    <row r="857" spans="1:24" x14ac:dyDescent="0.25">
      <c r="A857">
        <v>13250</v>
      </c>
      <c r="B857" t="s">
        <v>16</v>
      </c>
      <c r="C857">
        <v>5</v>
      </c>
      <c r="D857" t="s">
        <v>439</v>
      </c>
      <c r="E857">
        <v>47</v>
      </c>
      <c r="F857" t="s">
        <v>651</v>
      </c>
      <c r="G857">
        <v>160</v>
      </c>
      <c r="H857" t="s">
        <v>658</v>
      </c>
      <c r="I857">
        <v>13755</v>
      </c>
      <c r="J857" t="s">
        <v>699</v>
      </c>
      <c r="K857">
        <v>10</v>
      </c>
      <c r="L857" t="s">
        <v>700</v>
      </c>
      <c r="M857">
        <v>348</v>
      </c>
      <c r="N857" t="s">
        <v>654</v>
      </c>
      <c r="O857">
        <v>3</v>
      </c>
      <c r="P857" t="s">
        <v>655</v>
      </c>
      <c r="Q857">
        <v>1</v>
      </c>
      <c r="R857" t="s">
        <v>669</v>
      </c>
      <c r="S857">
        <v>1</v>
      </c>
      <c r="T857" t="s">
        <v>1397</v>
      </c>
      <c r="U857">
        <v>467</v>
      </c>
      <c r="V857">
        <v>3</v>
      </c>
      <c r="W857">
        <v>180</v>
      </c>
      <c r="X857">
        <v>2020</v>
      </c>
    </row>
    <row r="858" spans="1:24" x14ac:dyDescent="0.25">
      <c r="A858">
        <v>13247</v>
      </c>
      <c r="B858" t="s">
        <v>16</v>
      </c>
      <c r="C858">
        <v>5</v>
      </c>
      <c r="D858" t="s">
        <v>439</v>
      </c>
      <c r="E858">
        <v>47</v>
      </c>
      <c r="F858" t="s">
        <v>651</v>
      </c>
      <c r="G858">
        <v>160</v>
      </c>
      <c r="H858" t="s">
        <v>658</v>
      </c>
      <c r="I858">
        <v>13755</v>
      </c>
      <c r="J858" t="s">
        <v>699</v>
      </c>
      <c r="K858">
        <v>10</v>
      </c>
      <c r="L858" t="s">
        <v>700</v>
      </c>
      <c r="M858">
        <v>348</v>
      </c>
      <c r="N858" t="s">
        <v>654</v>
      </c>
      <c r="O858">
        <v>3</v>
      </c>
      <c r="P858" t="s">
        <v>655</v>
      </c>
      <c r="Q858">
        <v>1</v>
      </c>
      <c r="R858" t="s">
        <v>669</v>
      </c>
      <c r="S858">
        <v>1</v>
      </c>
      <c r="T858" t="s">
        <v>1398</v>
      </c>
      <c r="U858">
        <v>464</v>
      </c>
      <c r="V858">
        <v>3</v>
      </c>
      <c r="W858">
        <v>180</v>
      </c>
      <c r="X858">
        <v>2020</v>
      </c>
    </row>
    <row r="859" spans="1:24" x14ac:dyDescent="0.25">
      <c r="A859">
        <v>13244</v>
      </c>
      <c r="B859" t="s">
        <v>16</v>
      </c>
      <c r="C859">
        <v>5</v>
      </c>
      <c r="D859" t="s">
        <v>439</v>
      </c>
      <c r="E859">
        <v>47</v>
      </c>
      <c r="F859" t="s">
        <v>651</v>
      </c>
      <c r="G859">
        <v>160</v>
      </c>
      <c r="H859" t="s">
        <v>658</v>
      </c>
      <c r="I859">
        <v>13755</v>
      </c>
      <c r="J859" t="s">
        <v>699</v>
      </c>
      <c r="K859">
        <v>10</v>
      </c>
      <c r="L859" t="s">
        <v>700</v>
      </c>
      <c r="M859">
        <v>348</v>
      </c>
      <c r="N859" t="s">
        <v>654</v>
      </c>
      <c r="O859">
        <v>3</v>
      </c>
      <c r="P859" t="s">
        <v>655</v>
      </c>
      <c r="Q859">
        <v>1</v>
      </c>
      <c r="R859" t="s">
        <v>669</v>
      </c>
      <c r="S859">
        <v>1</v>
      </c>
      <c r="T859" t="s">
        <v>1399</v>
      </c>
      <c r="U859">
        <v>461</v>
      </c>
      <c r="V859">
        <v>3</v>
      </c>
      <c r="W859">
        <v>180</v>
      </c>
      <c r="X859">
        <v>2020</v>
      </c>
    </row>
    <row r="860" spans="1:24" x14ac:dyDescent="0.25">
      <c r="A860">
        <v>13241</v>
      </c>
      <c r="B860" t="s">
        <v>16</v>
      </c>
      <c r="C860">
        <v>5</v>
      </c>
      <c r="D860" t="s">
        <v>439</v>
      </c>
      <c r="E860">
        <v>47</v>
      </c>
      <c r="F860" t="s">
        <v>651</v>
      </c>
      <c r="G860">
        <v>160</v>
      </c>
      <c r="H860" t="s">
        <v>658</v>
      </c>
      <c r="I860">
        <v>13755</v>
      </c>
      <c r="J860" t="s">
        <v>699</v>
      </c>
      <c r="K860">
        <v>10</v>
      </c>
      <c r="L860" t="s">
        <v>700</v>
      </c>
      <c r="M860">
        <v>348</v>
      </c>
      <c r="N860" t="s">
        <v>654</v>
      </c>
      <c r="O860">
        <v>3</v>
      </c>
      <c r="P860" t="s">
        <v>655</v>
      </c>
      <c r="Q860">
        <v>1</v>
      </c>
      <c r="R860" t="s">
        <v>669</v>
      </c>
      <c r="S860">
        <v>1</v>
      </c>
      <c r="T860" t="s">
        <v>1400</v>
      </c>
      <c r="U860">
        <v>458</v>
      </c>
      <c r="V860">
        <v>3</v>
      </c>
      <c r="W860">
        <v>180</v>
      </c>
      <c r="X860">
        <v>2020</v>
      </c>
    </row>
    <row r="861" spans="1:24" x14ac:dyDescent="0.25">
      <c r="A861">
        <v>13238</v>
      </c>
      <c r="B861" t="s">
        <v>16</v>
      </c>
      <c r="C861">
        <v>5</v>
      </c>
      <c r="D861" t="s">
        <v>439</v>
      </c>
      <c r="E861">
        <v>47</v>
      </c>
      <c r="F861" t="s">
        <v>651</v>
      </c>
      <c r="G861">
        <v>160</v>
      </c>
      <c r="H861" t="s">
        <v>658</v>
      </c>
      <c r="I861">
        <v>13755</v>
      </c>
      <c r="J861" t="s">
        <v>699</v>
      </c>
      <c r="K861">
        <v>10</v>
      </c>
      <c r="L861" t="s">
        <v>700</v>
      </c>
      <c r="M861">
        <v>348</v>
      </c>
      <c r="N861" t="s">
        <v>654</v>
      </c>
      <c r="O861">
        <v>3</v>
      </c>
      <c r="P861" t="s">
        <v>655</v>
      </c>
      <c r="Q861">
        <v>1</v>
      </c>
      <c r="R861" t="s">
        <v>669</v>
      </c>
      <c r="S861">
        <v>1</v>
      </c>
      <c r="T861" t="s">
        <v>1401</v>
      </c>
      <c r="U861">
        <v>452</v>
      </c>
      <c r="V861">
        <v>3</v>
      </c>
      <c r="W861">
        <v>180</v>
      </c>
      <c r="X861">
        <v>2020</v>
      </c>
    </row>
    <row r="862" spans="1:24" x14ac:dyDescent="0.25">
      <c r="A862">
        <v>13235</v>
      </c>
      <c r="B862" t="s">
        <v>16</v>
      </c>
      <c r="C862">
        <v>5</v>
      </c>
      <c r="D862" t="s">
        <v>439</v>
      </c>
      <c r="E862">
        <v>47</v>
      </c>
      <c r="F862" t="s">
        <v>651</v>
      </c>
      <c r="G862">
        <v>160</v>
      </c>
      <c r="H862" t="s">
        <v>658</v>
      </c>
      <c r="I862">
        <v>13755</v>
      </c>
      <c r="J862" t="s">
        <v>699</v>
      </c>
      <c r="K862">
        <v>10</v>
      </c>
      <c r="L862" t="s">
        <v>700</v>
      </c>
      <c r="M862">
        <v>348</v>
      </c>
      <c r="N862" t="s">
        <v>654</v>
      </c>
      <c r="O862">
        <v>3</v>
      </c>
      <c r="P862" t="s">
        <v>655</v>
      </c>
      <c r="Q862">
        <v>1</v>
      </c>
      <c r="R862" t="s">
        <v>669</v>
      </c>
      <c r="S862">
        <v>1</v>
      </c>
      <c r="T862" t="s">
        <v>1402</v>
      </c>
      <c r="U862">
        <v>449</v>
      </c>
      <c r="V862">
        <v>3</v>
      </c>
      <c r="W862">
        <v>180</v>
      </c>
      <c r="X862">
        <v>2020</v>
      </c>
    </row>
    <row r="863" spans="1:24" x14ac:dyDescent="0.25">
      <c r="A863">
        <v>13232</v>
      </c>
      <c r="B863" t="s">
        <v>16</v>
      </c>
      <c r="C863">
        <v>5</v>
      </c>
      <c r="D863" t="s">
        <v>439</v>
      </c>
      <c r="E863">
        <v>47</v>
      </c>
      <c r="F863" t="s">
        <v>651</v>
      </c>
      <c r="G863">
        <v>160</v>
      </c>
      <c r="H863" t="s">
        <v>658</v>
      </c>
      <c r="I863">
        <v>13755</v>
      </c>
      <c r="J863" t="s">
        <v>699</v>
      </c>
      <c r="K863">
        <v>10</v>
      </c>
      <c r="L863" t="s">
        <v>700</v>
      </c>
      <c r="M863">
        <v>348</v>
      </c>
      <c r="N863" t="s">
        <v>654</v>
      </c>
      <c r="O863">
        <v>3</v>
      </c>
      <c r="P863" t="s">
        <v>655</v>
      </c>
      <c r="Q863">
        <v>1</v>
      </c>
      <c r="R863" t="s">
        <v>669</v>
      </c>
      <c r="S863">
        <v>1</v>
      </c>
      <c r="T863" t="s">
        <v>1403</v>
      </c>
      <c r="U863">
        <v>446</v>
      </c>
      <c r="V863">
        <v>3</v>
      </c>
      <c r="W863">
        <v>180</v>
      </c>
      <c r="X863">
        <v>2020</v>
      </c>
    </row>
    <row r="864" spans="1:24" x14ac:dyDescent="0.25">
      <c r="A864">
        <v>13229</v>
      </c>
      <c r="B864" t="s">
        <v>16</v>
      </c>
      <c r="C864">
        <v>5</v>
      </c>
      <c r="D864" t="s">
        <v>439</v>
      </c>
      <c r="E864">
        <v>47</v>
      </c>
      <c r="F864" t="s">
        <v>651</v>
      </c>
      <c r="G864">
        <v>160</v>
      </c>
      <c r="H864" t="s">
        <v>658</v>
      </c>
      <c r="I864">
        <v>13755</v>
      </c>
      <c r="J864" t="s">
        <v>699</v>
      </c>
      <c r="K864">
        <v>10</v>
      </c>
      <c r="L864" t="s">
        <v>700</v>
      </c>
      <c r="M864">
        <v>348</v>
      </c>
      <c r="N864" t="s">
        <v>654</v>
      </c>
      <c r="O864">
        <v>3</v>
      </c>
      <c r="P864" t="s">
        <v>655</v>
      </c>
      <c r="Q864">
        <v>1</v>
      </c>
      <c r="R864" t="s">
        <v>669</v>
      </c>
      <c r="S864">
        <v>1</v>
      </c>
      <c r="T864" t="s">
        <v>1404</v>
      </c>
      <c r="U864">
        <v>443</v>
      </c>
      <c r="V864">
        <v>3</v>
      </c>
      <c r="W864">
        <v>180</v>
      </c>
      <c r="X864">
        <v>2020</v>
      </c>
    </row>
    <row r="865" spans="1:24" x14ac:dyDescent="0.25">
      <c r="A865">
        <v>13226</v>
      </c>
      <c r="B865" t="s">
        <v>16</v>
      </c>
      <c r="C865">
        <v>5</v>
      </c>
      <c r="D865" t="s">
        <v>439</v>
      </c>
      <c r="E865">
        <v>47</v>
      </c>
      <c r="F865" t="s">
        <v>651</v>
      </c>
      <c r="G865">
        <v>160</v>
      </c>
      <c r="H865" t="s">
        <v>658</v>
      </c>
      <c r="I865">
        <v>13755</v>
      </c>
      <c r="J865" t="s">
        <v>699</v>
      </c>
      <c r="K865">
        <v>10</v>
      </c>
      <c r="L865" t="s">
        <v>700</v>
      </c>
      <c r="M865">
        <v>348</v>
      </c>
      <c r="N865" t="s">
        <v>654</v>
      </c>
      <c r="O865">
        <v>3</v>
      </c>
      <c r="P865" t="s">
        <v>655</v>
      </c>
      <c r="Q865">
        <v>1</v>
      </c>
      <c r="R865" t="s">
        <v>669</v>
      </c>
      <c r="S865">
        <v>1</v>
      </c>
      <c r="T865" t="s">
        <v>1405</v>
      </c>
      <c r="U865">
        <v>434</v>
      </c>
      <c r="V865">
        <v>3</v>
      </c>
      <c r="W865">
        <v>180</v>
      </c>
      <c r="X865">
        <v>2020</v>
      </c>
    </row>
    <row r="866" spans="1:24" x14ac:dyDescent="0.25">
      <c r="A866">
        <v>13223</v>
      </c>
      <c r="B866" t="s">
        <v>16</v>
      </c>
      <c r="C866">
        <v>5</v>
      </c>
      <c r="D866" t="s">
        <v>439</v>
      </c>
      <c r="E866">
        <v>47</v>
      </c>
      <c r="F866" t="s">
        <v>651</v>
      </c>
      <c r="G866">
        <v>160</v>
      </c>
      <c r="H866" t="s">
        <v>658</v>
      </c>
      <c r="I866">
        <v>13755</v>
      </c>
      <c r="J866" t="s">
        <v>699</v>
      </c>
      <c r="K866">
        <v>10</v>
      </c>
      <c r="L866" t="s">
        <v>700</v>
      </c>
      <c r="M866">
        <v>348</v>
      </c>
      <c r="N866" t="s">
        <v>654</v>
      </c>
      <c r="O866">
        <v>3</v>
      </c>
      <c r="P866" t="s">
        <v>655</v>
      </c>
      <c r="Q866">
        <v>1</v>
      </c>
      <c r="R866" t="s">
        <v>669</v>
      </c>
      <c r="S866">
        <v>1</v>
      </c>
      <c r="T866" t="s">
        <v>1406</v>
      </c>
      <c r="U866">
        <v>431</v>
      </c>
      <c r="V866">
        <v>3</v>
      </c>
      <c r="W866">
        <v>180</v>
      </c>
      <c r="X866">
        <v>2020</v>
      </c>
    </row>
    <row r="867" spans="1:24" x14ac:dyDescent="0.25">
      <c r="A867">
        <v>13220</v>
      </c>
      <c r="B867" t="s">
        <v>16</v>
      </c>
      <c r="C867">
        <v>5</v>
      </c>
      <c r="D867" t="s">
        <v>439</v>
      </c>
      <c r="E867">
        <v>47</v>
      </c>
      <c r="F867" t="s">
        <v>651</v>
      </c>
      <c r="G867">
        <v>160</v>
      </c>
      <c r="H867" t="s">
        <v>658</v>
      </c>
      <c r="I867">
        <v>13755</v>
      </c>
      <c r="J867" t="s">
        <v>699</v>
      </c>
      <c r="K867">
        <v>10</v>
      </c>
      <c r="L867" t="s">
        <v>700</v>
      </c>
      <c r="M867">
        <v>348</v>
      </c>
      <c r="N867" t="s">
        <v>654</v>
      </c>
      <c r="O867">
        <v>3</v>
      </c>
      <c r="P867" t="s">
        <v>655</v>
      </c>
      <c r="Q867">
        <v>1</v>
      </c>
      <c r="R867" t="s">
        <v>669</v>
      </c>
      <c r="S867">
        <v>1</v>
      </c>
      <c r="T867" t="s">
        <v>1407</v>
      </c>
      <c r="U867">
        <v>428</v>
      </c>
      <c r="V867">
        <v>3</v>
      </c>
      <c r="W867">
        <v>180</v>
      </c>
      <c r="X867">
        <v>2020</v>
      </c>
    </row>
    <row r="868" spans="1:24" x14ac:dyDescent="0.25">
      <c r="A868">
        <v>13217</v>
      </c>
      <c r="B868" t="s">
        <v>16</v>
      </c>
      <c r="C868">
        <v>5</v>
      </c>
      <c r="D868" t="s">
        <v>439</v>
      </c>
      <c r="E868">
        <v>47</v>
      </c>
      <c r="F868" t="s">
        <v>651</v>
      </c>
      <c r="G868">
        <v>160</v>
      </c>
      <c r="H868" t="s">
        <v>658</v>
      </c>
      <c r="I868">
        <v>13755</v>
      </c>
      <c r="J868" t="s">
        <v>699</v>
      </c>
      <c r="K868">
        <v>10</v>
      </c>
      <c r="L868" t="s">
        <v>700</v>
      </c>
      <c r="M868">
        <v>348</v>
      </c>
      <c r="N868" t="s">
        <v>654</v>
      </c>
      <c r="O868">
        <v>3</v>
      </c>
      <c r="P868" t="s">
        <v>655</v>
      </c>
      <c r="Q868">
        <v>1</v>
      </c>
      <c r="R868" t="s">
        <v>669</v>
      </c>
      <c r="S868">
        <v>1</v>
      </c>
      <c r="T868" t="s">
        <v>1408</v>
      </c>
      <c r="U868">
        <v>425</v>
      </c>
      <c r="V868">
        <v>3</v>
      </c>
      <c r="W868">
        <v>180</v>
      </c>
      <c r="X868">
        <v>2020</v>
      </c>
    </row>
    <row r="869" spans="1:24" x14ac:dyDescent="0.25">
      <c r="A869">
        <v>13214</v>
      </c>
      <c r="B869" t="s">
        <v>16</v>
      </c>
      <c r="C869">
        <v>5</v>
      </c>
      <c r="D869" t="s">
        <v>439</v>
      </c>
      <c r="E869">
        <v>47</v>
      </c>
      <c r="F869" t="s">
        <v>651</v>
      </c>
      <c r="G869">
        <v>160</v>
      </c>
      <c r="H869" t="s">
        <v>658</v>
      </c>
      <c r="I869">
        <v>13755</v>
      </c>
      <c r="J869" t="s">
        <v>699</v>
      </c>
      <c r="K869">
        <v>10</v>
      </c>
      <c r="L869" t="s">
        <v>700</v>
      </c>
      <c r="M869">
        <v>348</v>
      </c>
      <c r="N869" t="s">
        <v>654</v>
      </c>
      <c r="O869">
        <v>3</v>
      </c>
      <c r="P869" t="s">
        <v>655</v>
      </c>
      <c r="Q869">
        <v>1</v>
      </c>
      <c r="R869" t="s">
        <v>669</v>
      </c>
      <c r="S869">
        <v>1</v>
      </c>
      <c r="T869" t="s">
        <v>1409</v>
      </c>
      <c r="U869">
        <v>419</v>
      </c>
      <c r="V869">
        <v>3</v>
      </c>
      <c r="W869">
        <v>180</v>
      </c>
      <c r="X869">
        <v>2020</v>
      </c>
    </row>
    <row r="870" spans="1:24" x14ac:dyDescent="0.25">
      <c r="A870">
        <v>13211</v>
      </c>
      <c r="B870" t="s">
        <v>16</v>
      </c>
      <c r="C870">
        <v>5</v>
      </c>
      <c r="D870" t="s">
        <v>439</v>
      </c>
      <c r="E870">
        <v>47</v>
      </c>
      <c r="F870" t="s">
        <v>651</v>
      </c>
      <c r="G870">
        <v>160</v>
      </c>
      <c r="H870" t="s">
        <v>658</v>
      </c>
      <c r="I870">
        <v>13755</v>
      </c>
      <c r="J870" t="s">
        <v>699</v>
      </c>
      <c r="K870">
        <v>10</v>
      </c>
      <c r="L870" t="s">
        <v>700</v>
      </c>
      <c r="M870">
        <v>348</v>
      </c>
      <c r="N870" t="s">
        <v>654</v>
      </c>
      <c r="O870">
        <v>3</v>
      </c>
      <c r="P870" t="s">
        <v>655</v>
      </c>
      <c r="Q870">
        <v>1</v>
      </c>
      <c r="R870" t="s">
        <v>669</v>
      </c>
      <c r="S870">
        <v>1</v>
      </c>
      <c r="T870" t="s">
        <v>1410</v>
      </c>
      <c r="U870">
        <v>416</v>
      </c>
      <c r="V870">
        <v>3</v>
      </c>
      <c r="W870">
        <v>180</v>
      </c>
      <c r="X870">
        <v>2020</v>
      </c>
    </row>
    <row r="871" spans="1:24" x14ac:dyDescent="0.25">
      <c r="A871">
        <v>13208</v>
      </c>
      <c r="B871" t="s">
        <v>16</v>
      </c>
      <c r="C871">
        <v>5</v>
      </c>
      <c r="D871" t="s">
        <v>439</v>
      </c>
      <c r="E871">
        <v>47</v>
      </c>
      <c r="F871" t="s">
        <v>651</v>
      </c>
      <c r="G871">
        <v>160</v>
      </c>
      <c r="H871" t="s">
        <v>658</v>
      </c>
      <c r="I871">
        <v>13755</v>
      </c>
      <c r="J871" t="s">
        <v>699</v>
      </c>
      <c r="K871">
        <v>10</v>
      </c>
      <c r="L871" t="s">
        <v>1241</v>
      </c>
      <c r="M871">
        <v>346</v>
      </c>
      <c r="N871" t="s">
        <v>654</v>
      </c>
      <c r="O871">
        <v>3</v>
      </c>
      <c r="P871" t="s">
        <v>655</v>
      </c>
      <c r="Q871">
        <v>1</v>
      </c>
      <c r="R871" t="s">
        <v>669</v>
      </c>
      <c r="S871">
        <v>1</v>
      </c>
      <c r="T871" t="s">
        <v>1411</v>
      </c>
      <c r="U871">
        <v>195</v>
      </c>
      <c r="V871">
        <v>3</v>
      </c>
      <c r="W871">
        <v>180</v>
      </c>
      <c r="X871">
        <v>2020</v>
      </c>
    </row>
    <row r="872" spans="1:24" x14ac:dyDescent="0.25">
      <c r="A872">
        <v>13205</v>
      </c>
      <c r="B872" t="s">
        <v>16</v>
      </c>
      <c r="C872">
        <v>5</v>
      </c>
      <c r="D872" t="s">
        <v>439</v>
      </c>
      <c r="E872">
        <v>47</v>
      </c>
      <c r="F872" t="s">
        <v>651</v>
      </c>
      <c r="G872">
        <v>160</v>
      </c>
      <c r="H872" t="s">
        <v>658</v>
      </c>
      <c r="I872">
        <v>13755</v>
      </c>
      <c r="J872" t="s">
        <v>699</v>
      </c>
      <c r="K872">
        <v>10</v>
      </c>
      <c r="L872" t="s">
        <v>1241</v>
      </c>
      <c r="M872">
        <v>346</v>
      </c>
      <c r="N872" t="s">
        <v>654</v>
      </c>
      <c r="O872">
        <v>3</v>
      </c>
      <c r="P872" t="s">
        <v>655</v>
      </c>
      <c r="Q872">
        <v>1</v>
      </c>
      <c r="R872" t="s">
        <v>669</v>
      </c>
      <c r="S872">
        <v>1</v>
      </c>
      <c r="T872" t="s">
        <v>1412</v>
      </c>
      <c r="U872">
        <v>728</v>
      </c>
      <c r="V872">
        <v>3</v>
      </c>
      <c r="W872">
        <v>180</v>
      </c>
      <c r="X872">
        <v>2020</v>
      </c>
    </row>
    <row r="873" spans="1:24" x14ac:dyDescent="0.25">
      <c r="A873">
        <v>13202</v>
      </c>
      <c r="B873" t="s">
        <v>16</v>
      </c>
      <c r="C873">
        <v>5</v>
      </c>
      <c r="D873" t="s">
        <v>439</v>
      </c>
      <c r="E873">
        <v>47</v>
      </c>
      <c r="F873" t="s">
        <v>651</v>
      </c>
      <c r="G873">
        <v>160</v>
      </c>
      <c r="H873" t="s">
        <v>658</v>
      </c>
      <c r="I873">
        <v>13755</v>
      </c>
      <c r="J873" t="s">
        <v>699</v>
      </c>
      <c r="K873">
        <v>10</v>
      </c>
      <c r="L873" t="s">
        <v>1241</v>
      </c>
      <c r="M873">
        <v>346</v>
      </c>
      <c r="N873" t="s">
        <v>654</v>
      </c>
      <c r="O873">
        <v>3</v>
      </c>
      <c r="P873" t="s">
        <v>655</v>
      </c>
      <c r="Q873">
        <v>1</v>
      </c>
      <c r="R873" t="s">
        <v>669</v>
      </c>
      <c r="S873">
        <v>1</v>
      </c>
      <c r="T873" t="s">
        <v>1413</v>
      </c>
      <c r="U873">
        <v>253</v>
      </c>
      <c r="V873">
        <v>3</v>
      </c>
      <c r="W873">
        <v>180</v>
      </c>
      <c r="X873">
        <v>2020</v>
      </c>
    </row>
    <row r="874" spans="1:24" x14ac:dyDescent="0.25">
      <c r="A874">
        <v>13199</v>
      </c>
      <c r="B874" t="s">
        <v>16</v>
      </c>
      <c r="C874">
        <v>5</v>
      </c>
      <c r="D874" t="s">
        <v>439</v>
      </c>
      <c r="E874">
        <v>47</v>
      </c>
      <c r="F874" t="s">
        <v>651</v>
      </c>
      <c r="G874">
        <v>160</v>
      </c>
      <c r="H874" t="s">
        <v>658</v>
      </c>
      <c r="I874">
        <v>13755</v>
      </c>
      <c r="J874" t="s">
        <v>699</v>
      </c>
      <c r="K874">
        <v>10</v>
      </c>
      <c r="L874" t="s">
        <v>1241</v>
      </c>
      <c r="M874">
        <v>346</v>
      </c>
      <c r="N874" t="s">
        <v>654</v>
      </c>
      <c r="O874">
        <v>3</v>
      </c>
      <c r="P874" t="s">
        <v>655</v>
      </c>
      <c r="Q874">
        <v>1</v>
      </c>
      <c r="R874" t="s">
        <v>669</v>
      </c>
      <c r="S874">
        <v>1</v>
      </c>
      <c r="T874" t="s">
        <v>1414</v>
      </c>
      <c r="U874">
        <v>686</v>
      </c>
      <c r="V874">
        <v>3</v>
      </c>
      <c r="W874">
        <v>180</v>
      </c>
      <c r="X874">
        <v>2020</v>
      </c>
    </row>
    <row r="875" spans="1:24" x14ac:dyDescent="0.25">
      <c r="A875">
        <v>13196</v>
      </c>
      <c r="B875" t="s">
        <v>16</v>
      </c>
      <c r="C875">
        <v>5</v>
      </c>
      <c r="D875" t="s">
        <v>439</v>
      </c>
      <c r="E875">
        <v>47</v>
      </c>
      <c r="F875" t="s">
        <v>651</v>
      </c>
      <c r="G875">
        <v>160</v>
      </c>
      <c r="H875" t="s">
        <v>658</v>
      </c>
      <c r="I875">
        <v>13755</v>
      </c>
      <c r="J875" t="s">
        <v>699</v>
      </c>
      <c r="K875">
        <v>10</v>
      </c>
      <c r="L875" t="s">
        <v>1241</v>
      </c>
      <c r="M875">
        <v>346</v>
      </c>
      <c r="N875" t="s">
        <v>654</v>
      </c>
      <c r="O875">
        <v>3</v>
      </c>
      <c r="P875" t="s">
        <v>655</v>
      </c>
      <c r="Q875">
        <v>1</v>
      </c>
      <c r="R875" t="s">
        <v>669</v>
      </c>
      <c r="S875">
        <v>1</v>
      </c>
      <c r="T875" t="s">
        <v>1415</v>
      </c>
      <c r="U875">
        <v>129</v>
      </c>
      <c r="V875">
        <v>3</v>
      </c>
      <c r="W875">
        <v>180</v>
      </c>
      <c r="X875">
        <v>2020</v>
      </c>
    </row>
    <row r="876" spans="1:24" x14ac:dyDescent="0.25">
      <c r="A876">
        <v>13193</v>
      </c>
      <c r="B876" t="s">
        <v>16</v>
      </c>
      <c r="C876">
        <v>5</v>
      </c>
      <c r="D876" t="s">
        <v>439</v>
      </c>
      <c r="E876">
        <v>47</v>
      </c>
      <c r="F876" t="s">
        <v>651</v>
      </c>
      <c r="G876">
        <v>160</v>
      </c>
      <c r="H876" t="s">
        <v>658</v>
      </c>
      <c r="I876">
        <v>13755</v>
      </c>
      <c r="J876" t="s">
        <v>699</v>
      </c>
      <c r="K876">
        <v>10</v>
      </c>
      <c r="L876" t="s">
        <v>1241</v>
      </c>
      <c r="M876">
        <v>346</v>
      </c>
      <c r="N876" t="s">
        <v>654</v>
      </c>
      <c r="O876">
        <v>3</v>
      </c>
      <c r="P876" t="s">
        <v>655</v>
      </c>
      <c r="Q876">
        <v>1</v>
      </c>
      <c r="R876" t="s">
        <v>669</v>
      </c>
      <c r="S876">
        <v>1</v>
      </c>
      <c r="T876" t="s">
        <v>1416</v>
      </c>
      <c r="U876">
        <v>581</v>
      </c>
      <c r="V876">
        <v>3</v>
      </c>
      <c r="W876">
        <v>180</v>
      </c>
      <c r="X876">
        <v>2020</v>
      </c>
    </row>
    <row r="877" spans="1:24" x14ac:dyDescent="0.25">
      <c r="A877">
        <v>13190</v>
      </c>
      <c r="B877" t="s">
        <v>16</v>
      </c>
      <c r="C877">
        <v>5</v>
      </c>
      <c r="D877" t="s">
        <v>439</v>
      </c>
      <c r="E877">
        <v>47</v>
      </c>
      <c r="F877" t="s">
        <v>651</v>
      </c>
      <c r="G877">
        <v>160</v>
      </c>
      <c r="H877" t="s">
        <v>658</v>
      </c>
      <c r="I877">
        <v>13755</v>
      </c>
      <c r="J877" t="s">
        <v>699</v>
      </c>
      <c r="K877">
        <v>10</v>
      </c>
      <c r="L877" t="s">
        <v>1241</v>
      </c>
      <c r="M877">
        <v>346</v>
      </c>
      <c r="N877" t="s">
        <v>654</v>
      </c>
      <c r="O877">
        <v>3</v>
      </c>
      <c r="P877" t="s">
        <v>655</v>
      </c>
      <c r="Q877">
        <v>1</v>
      </c>
      <c r="R877" t="s">
        <v>669</v>
      </c>
      <c r="S877">
        <v>1</v>
      </c>
      <c r="T877" t="s">
        <v>1417</v>
      </c>
      <c r="U877">
        <v>524</v>
      </c>
      <c r="V877">
        <v>3</v>
      </c>
      <c r="W877">
        <v>180</v>
      </c>
      <c r="X877">
        <v>2020</v>
      </c>
    </row>
    <row r="878" spans="1:24" x14ac:dyDescent="0.25">
      <c r="A878">
        <v>13187</v>
      </c>
      <c r="B878" t="s">
        <v>16</v>
      </c>
      <c r="C878">
        <v>5</v>
      </c>
      <c r="D878" t="s">
        <v>439</v>
      </c>
      <c r="E878">
        <v>47</v>
      </c>
      <c r="F878" t="s">
        <v>651</v>
      </c>
      <c r="G878">
        <v>160</v>
      </c>
      <c r="H878" t="s">
        <v>658</v>
      </c>
      <c r="I878">
        <v>13755</v>
      </c>
      <c r="J878" t="s">
        <v>895</v>
      </c>
      <c r="K878">
        <v>13</v>
      </c>
      <c r="L878" t="s">
        <v>1418</v>
      </c>
      <c r="M878">
        <v>43</v>
      </c>
      <c r="N878" t="s">
        <v>654</v>
      </c>
      <c r="O878">
        <v>3</v>
      </c>
      <c r="P878" t="s">
        <v>655</v>
      </c>
      <c r="Q878">
        <v>1</v>
      </c>
      <c r="R878" t="s">
        <v>669</v>
      </c>
      <c r="S878">
        <v>1</v>
      </c>
      <c r="T878" t="s">
        <v>1419</v>
      </c>
      <c r="U878">
        <v>34</v>
      </c>
      <c r="V878">
        <v>3</v>
      </c>
      <c r="W878">
        <v>180</v>
      </c>
      <c r="X878">
        <v>2020</v>
      </c>
    </row>
    <row r="879" spans="1:24" x14ac:dyDescent="0.25">
      <c r="A879">
        <v>13184</v>
      </c>
      <c r="B879" t="s">
        <v>16</v>
      </c>
      <c r="C879">
        <v>5</v>
      </c>
      <c r="D879" t="s">
        <v>439</v>
      </c>
      <c r="E879">
        <v>47</v>
      </c>
      <c r="F879" t="s">
        <v>651</v>
      </c>
      <c r="G879">
        <v>160</v>
      </c>
      <c r="H879" t="s">
        <v>658</v>
      </c>
      <c r="I879">
        <v>13755</v>
      </c>
      <c r="J879" t="s">
        <v>895</v>
      </c>
      <c r="K879">
        <v>13</v>
      </c>
      <c r="L879" t="s">
        <v>1418</v>
      </c>
      <c r="M879">
        <v>43</v>
      </c>
      <c r="N879" t="s">
        <v>654</v>
      </c>
      <c r="O879">
        <v>3</v>
      </c>
      <c r="P879" t="s">
        <v>655</v>
      </c>
      <c r="Q879">
        <v>1</v>
      </c>
      <c r="R879" t="s">
        <v>669</v>
      </c>
      <c r="S879">
        <v>1</v>
      </c>
      <c r="T879" t="s">
        <v>725</v>
      </c>
      <c r="U879">
        <v>280</v>
      </c>
      <c r="V879">
        <v>3</v>
      </c>
      <c r="W879">
        <v>180</v>
      </c>
      <c r="X879">
        <v>2020</v>
      </c>
    </row>
    <row r="880" spans="1:24" x14ac:dyDescent="0.25">
      <c r="A880">
        <v>13181</v>
      </c>
      <c r="B880" t="s">
        <v>16</v>
      </c>
      <c r="C880">
        <v>5</v>
      </c>
      <c r="D880" t="s">
        <v>439</v>
      </c>
      <c r="E880">
        <v>47</v>
      </c>
      <c r="F880" t="s">
        <v>651</v>
      </c>
      <c r="G880">
        <v>160</v>
      </c>
      <c r="H880" t="s">
        <v>658</v>
      </c>
      <c r="I880">
        <v>13755</v>
      </c>
      <c r="J880" t="s">
        <v>667</v>
      </c>
      <c r="K880">
        <v>11</v>
      </c>
      <c r="L880" t="s">
        <v>1420</v>
      </c>
      <c r="M880">
        <v>34</v>
      </c>
      <c r="N880" t="s">
        <v>654</v>
      </c>
      <c r="O880">
        <v>3</v>
      </c>
      <c r="P880" t="s">
        <v>655</v>
      </c>
      <c r="Q880">
        <v>1</v>
      </c>
      <c r="R880" t="s">
        <v>669</v>
      </c>
      <c r="S880">
        <v>1</v>
      </c>
      <c r="T880" t="s">
        <v>1421</v>
      </c>
      <c r="U880">
        <v>51</v>
      </c>
      <c r="V880">
        <v>3</v>
      </c>
      <c r="W880">
        <v>180</v>
      </c>
      <c r="X880">
        <v>2020</v>
      </c>
    </row>
    <row r="881" spans="1:24" x14ac:dyDescent="0.25">
      <c r="A881">
        <v>13178</v>
      </c>
      <c r="B881" t="s">
        <v>16</v>
      </c>
      <c r="C881">
        <v>5</v>
      </c>
      <c r="D881" t="s">
        <v>439</v>
      </c>
      <c r="E881">
        <v>47</v>
      </c>
      <c r="F881" t="s">
        <v>651</v>
      </c>
      <c r="G881">
        <v>160</v>
      </c>
      <c r="H881" t="s">
        <v>658</v>
      </c>
      <c r="I881">
        <v>13755</v>
      </c>
      <c r="J881" t="s">
        <v>667</v>
      </c>
      <c r="K881">
        <v>11</v>
      </c>
      <c r="L881" t="s">
        <v>667</v>
      </c>
      <c r="M881">
        <v>35</v>
      </c>
      <c r="N881" t="s">
        <v>654</v>
      </c>
      <c r="O881">
        <v>3</v>
      </c>
      <c r="P881" t="s">
        <v>655</v>
      </c>
      <c r="Q881">
        <v>1</v>
      </c>
      <c r="R881" t="s">
        <v>669</v>
      </c>
      <c r="S881">
        <v>1</v>
      </c>
      <c r="T881" t="s">
        <v>1370</v>
      </c>
      <c r="U881">
        <v>611</v>
      </c>
      <c r="V881">
        <v>3</v>
      </c>
      <c r="W881">
        <v>180</v>
      </c>
      <c r="X881">
        <v>2020</v>
      </c>
    </row>
    <row r="882" spans="1:24" x14ac:dyDescent="0.25">
      <c r="A882">
        <v>13175</v>
      </c>
      <c r="B882" t="s">
        <v>16</v>
      </c>
      <c r="C882">
        <v>5</v>
      </c>
      <c r="D882" t="s">
        <v>439</v>
      </c>
      <c r="E882">
        <v>47</v>
      </c>
      <c r="F882" t="s">
        <v>651</v>
      </c>
      <c r="G882">
        <v>160</v>
      </c>
      <c r="H882" t="s">
        <v>658</v>
      </c>
      <c r="I882">
        <v>13755</v>
      </c>
      <c r="J882" t="s">
        <v>667</v>
      </c>
      <c r="K882">
        <v>11</v>
      </c>
      <c r="L882" t="s">
        <v>1420</v>
      </c>
      <c r="M882">
        <v>34</v>
      </c>
      <c r="N882" t="s">
        <v>654</v>
      </c>
      <c r="O882">
        <v>3</v>
      </c>
      <c r="P882" t="s">
        <v>655</v>
      </c>
      <c r="Q882">
        <v>1</v>
      </c>
      <c r="R882" t="s">
        <v>669</v>
      </c>
      <c r="S882">
        <v>1</v>
      </c>
      <c r="T882" t="s">
        <v>1422</v>
      </c>
      <c r="U882">
        <v>71</v>
      </c>
      <c r="V882">
        <v>3</v>
      </c>
      <c r="W882">
        <v>180</v>
      </c>
      <c r="X882">
        <v>2020</v>
      </c>
    </row>
    <row r="883" spans="1:24" x14ac:dyDescent="0.25">
      <c r="A883">
        <v>13172</v>
      </c>
      <c r="B883" t="s">
        <v>16</v>
      </c>
      <c r="C883">
        <v>5</v>
      </c>
      <c r="D883" t="s">
        <v>439</v>
      </c>
      <c r="E883">
        <v>47</v>
      </c>
      <c r="F883" t="s">
        <v>651</v>
      </c>
      <c r="G883">
        <v>160</v>
      </c>
      <c r="H883" t="s">
        <v>658</v>
      </c>
      <c r="I883">
        <v>13755</v>
      </c>
      <c r="J883" t="s">
        <v>667</v>
      </c>
      <c r="K883">
        <v>11</v>
      </c>
      <c r="L883" t="s">
        <v>1420</v>
      </c>
      <c r="M883">
        <v>34</v>
      </c>
      <c r="N883" t="s">
        <v>654</v>
      </c>
      <c r="O883">
        <v>3</v>
      </c>
      <c r="P883" t="s">
        <v>655</v>
      </c>
      <c r="Q883">
        <v>1</v>
      </c>
      <c r="R883" t="s">
        <v>669</v>
      </c>
      <c r="S883">
        <v>1</v>
      </c>
      <c r="T883" t="s">
        <v>1423</v>
      </c>
      <c r="U883">
        <v>47</v>
      </c>
      <c r="V883">
        <v>3</v>
      </c>
      <c r="W883">
        <v>180</v>
      </c>
      <c r="X883">
        <v>2020</v>
      </c>
    </row>
    <row r="884" spans="1:24" x14ac:dyDescent="0.25">
      <c r="A884">
        <v>13169</v>
      </c>
      <c r="B884" t="s">
        <v>16</v>
      </c>
      <c r="C884">
        <v>5</v>
      </c>
      <c r="D884" t="s">
        <v>439</v>
      </c>
      <c r="E884">
        <v>47</v>
      </c>
      <c r="F884" t="s">
        <v>651</v>
      </c>
      <c r="G884">
        <v>160</v>
      </c>
      <c r="H884" t="s">
        <v>658</v>
      </c>
      <c r="I884">
        <v>13755</v>
      </c>
      <c r="J884" t="s">
        <v>667</v>
      </c>
      <c r="K884">
        <v>11</v>
      </c>
      <c r="L884" t="s">
        <v>1420</v>
      </c>
      <c r="M884">
        <v>34</v>
      </c>
      <c r="N884" t="s">
        <v>654</v>
      </c>
      <c r="O884">
        <v>3</v>
      </c>
      <c r="P884" t="s">
        <v>655</v>
      </c>
      <c r="Q884">
        <v>1</v>
      </c>
      <c r="R884" t="s">
        <v>669</v>
      </c>
      <c r="S884">
        <v>1</v>
      </c>
      <c r="T884" t="s">
        <v>1424</v>
      </c>
      <c r="U884">
        <v>62</v>
      </c>
      <c r="V884">
        <v>3</v>
      </c>
      <c r="W884">
        <v>180</v>
      </c>
      <c r="X884">
        <v>2020</v>
      </c>
    </row>
    <row r="885" spans="1:24" x14ac:dyDescent="0.25">
      <c r="A885">
        <v>13166</v>
      </c>
      <c r="B885" t="s">
        <v>16</v>
      </c>
      <c r="C885">
        <v>5</v>
      </c>
      <c r="D885" t="s">
        <v>439</v>
      </c>
      <c r="E885">
        <v>47</v>
      </c>
      <c r="F885" t="s">
        <v>651</v>
      </c>
      <c r="G885">
        <v>160</v>
      </c>
      <c r="H885" t="s">
        <v>658</v>
      </c>
      <c r="I885">
        <v>13755</v>
      </c>
      <c r="J885" t="s">
        <v>667</v>
      </c>
      <c r="K885">
        <v>11</v>
      </c>
      <c r="L885" t="s">
        <v>667</v>
      </c>
      <c r="M885">
        <v>35</v>
      </c>
      <c r="N885" t="s">
        <v>654</v>
      </c>
      <c r="O885">
        <v>3</v>
      </c>
      <c r="P885" t="s">
        <v>655</v>
      </c>
      <c r="Q885">
        <v>1</v>
      </c>
      <c r="R885" t="s">
        <v>669</v>
      </c>
      <c r="S885">
        <v>1</v>
      </c>
      <c r="T885" t="s">
        <v>1425</v>
      </c>
      <c r="U885">
        <v>608</v>
      </c>
      <c r="V885">
        <v>3</v>
      </c>
      <c r="W885">
        <v>180</v>
      </c>
      <c r="X885">
        <v>2020</v>
      </c>
    </row>
    <row r="886" spans="1:24" x14ac:dyDescent="0.25">
      <c r="A886">
        <v>13163</v>
      </c>
      <c r="B886" t="s">
        <v>16</v>
      </c>
      <c r="C886">
        <v>5</v>
      </c>
      <c r="D886" t="s">
        <v>439</v>
      </c>
      <c r="E886">
        <v>47</v>
      </c>
      <c r="F886" t="s">
        <v>651</v>
      </c>
      <c r="G886">
        <v>160</v>
      </c>
      <c r="H886" t="s">
        <v>658</v>
      </c>
      <c r="I886">
        <v>13755</v>
      </c>
      <c r="J886" t="s">
        <v>667</v>
      </c>
      <c r="K886">
        <v>11</v>
      </c>
      <c r="L886" t="s">
        <v>667</v>
      </c>
      <c r="M886">
        <v>35</v>
      </c>
      <c r="N886" t="s">
        <v>654</v>
      </c>
      <c r="O886">
        <v>3</v>
      </c>
      <c r="P886" t="s">
        <v>655</v>
      </c>
      <c r="Q886">
        <v>1</v>
      </c>
      <c r="R886" t="s">
        <v>669</v>
      </c>
      <c r="S886">
        <v>1</v>
      </c>
      <c r="T886" t="s">
        <v>1426</v>
      </c>
      <c r="U886">
        <v>596</v>
      </c>
      <c r="V886">
        <v>3</v>
      </c>
      <c r="W886">
        <v>180</v>
      </c>
      <c r="X886">
        <v>2020</v>
      </c>
    </row>
    <row r="887" spans="1:24" x14ac:dyDescent="0.25">
      <c r="A887">
        <v>13160</v>
      </c>
      <c r="B887" t="s">
        <v>16</v>
      </c>
      <c r="C887">
        <v>5</v>
      </c>
      <c r="D887" t="s">
        <v>439</v>
      </c>
      <c r="E887">
        <v>47</v>
      </c>
      <c r="F887" t="s">
        <v>651</v>
      </c>
      <c r="G887">
        <v>160</v>
      </c>
      <c r="H887" t="s">
        <v>658</v>
      </c>
      <c r="I887">
        <v>13755</v>
      </c>
      <c r="J887" t="s">
        <v>895</v>
      </c>
      <c r="K887">
        <v>13</v>
      </c>
      <c r="L887" t="s">
        <v>1418</v>
      </c>
      <c r="M887">
        <v>43</v>
      </c>
      <c r="N887" t="s">
        <v>654</v>
      </c>
      <c r="O887">
        <v>3</v>
      </c>
      <c r="P887" t="s">
        <v>655</v>
      </c>
      <c r="Q887">
        <v>1</v>
      </c>
      <c r="R887" t="s">
        <v>669</v>
      </c>
      <c r="S887">
        <v>1</v>
      </c>
      <c r="T887" t="s">
        <v>1427</v>
      </c>
      <c r="U887">
        <v>316</v>
      </c>
      <c r="V887">
        <v>3</v>
      </c>
      <c r="W887">
        <v>180</v>
      </c>
      <c r="X887">
        <v>2020</v>
      </c>
    </row>
    <row r="888" spans="1:24" x14ac:dyDescent="0.25">
      <c r="A888">
        <v>13157</v>
      </c>
      <c r="B888" t="s">
        <v>16</v>
      </c>
      <c r="C888">
        <v>5</v>
      </c>
      <c r="D888" t="s">
        <v>439</v>
      </c>
      <c r="E888">
        <v>47</v>
      </c>
      <c r="F888" t="s">
        <v>651</v>
      </c>
      <c r="G888">
        <v>160</v>
      </c>
      <c r="H888" t="s">
        <v>658</v>
      </c>
      <c r="I888">
        <v>13755</v>
      </c>
      <c r="J888" t="s">
        <v>699</v>
      </c>
      <c r="K888">
        <v>10</v>
      </c>
      <c r="L888" t="s">
        <v>700</v>
      </c>
      <c r="M888">
        <v>348</v>
      </c>
      <c r="N888" t="s">
        <v>654</v>
      </c>
      <c r="O888">
        <v>3</v>
      </c>
      <c r="P888" t="s">
        <v>655</v>
      </c>
      <c r="Q888">
        <v>1</v>
      </c>
      <c r="R888" t="s">
        <v>669</v>
      </c>
      <c r="S888">
        <v>1</v>
      </c>
      <c r="T888" t="s">
        <v>1428</v>
      </c>
      <c r="U888">
        <v>770</v>
      </c>
      <c r="V888">
        <v>3</v>
      </c>
      <c r="W888">
        <v>180</v>
      </c>
      <c r="X888">
        <v>2020</v>
      </c>
    </row>
    <row r="889" spans="1:24" x14ac:dyDescent="0.25">
      <c r="A889">
        <v>13154</v>
      </c>
      <c r="B889" t="s">
        <v>16</v>
      </c>
      <c r="C889">
        <v>5</v>
      </c>
      <c r="D889" t="s">
        <v>439</v>
      </c>
      <c r="E889">
        <v>47</v>
      </c>
      <c r="F889" t="s">
        <v>651</v>
      </c>
      <c r="G889">
        <v>160</v>
      </c>
      <c r="H889" t="s">
        <v>658</v>
      </c>
      <c r="I889">
        <v>13755</v>
      </c>
      <c r="J889" t="s">
        <v>699</v>
      </c>
      <c r="K889">
        <v>10</v>
      </c>
      <c r="L889" t="s">
        <v>1241</v>
      </c>
      <c r="M889">
        <v>346</v>
      </c>
      <c r="N889" t="s">
        <v>654</v>
      </c>
      <c r="O889">
        <v>3</v>
      </c>
      <c r="P889" t="s">
        <v>655</v>
      </c>
      <c r="Q889">
        <v>1</v>
      </c>
      <c r="R889" t="s">
        <v>669</v>
      </c>
      <c r="S889">
        <v>1</v>
      </c>
      <c r="T889" t="s">
        <v>1429</v>
      </c>
      <c r="U889">
        <v>794</v>
      </c>
      <c r="V889">
        <v>3</v>
      </c>
      <c r="W889">
        <v>180</v>
      </c>
      <c r="X889">
        <v>2020</v>
      </c>
    </row>
    <row r="890" spans="1:24" x14ac:dyDescent="0.25">
      <c r="A890">
        <v>13151</v>
      </c>
      <c r="B890" t="s">
        <v>16</v>
      </c>
      <c r="C890">
        <v>5</v>
      </c>
      <c r="D890" t="s">
        <v>439</v>
      </c>
      <c r="E890">
        <v>47</v>
      </c>
      <c r="F890" t="s">
        <v>651</v>
      </c>
      <c r="G890">
        <v>160</v>
      </c>
      <c r="H890" t="s">
        <v>658</v>
      </c>
      <c r="I890">
        <v>13755</v>
      </c>
      <c r="J890" t="s">
        <v>699</v>
      </c>
      <c r="K890">
        <v>10</v>
      </c>
      <c r="L890" t="s">
        <v>700</v>
      </c>
      <c r="M890">
        <v>348</v>
      </c>
      <c r="N890" t="s">
        <v>654</v>
      </c>
      <c r="O890">
        <v>3</v>
      </c>
      <c r="P890" t="s">
        <v>655</v>
      </c>
      <c r="Q890">
        <v>1</v>
      </c>
      <c r="R890" t="s">
        <v>669</v>
      </c>
      <c r="S890">
        <v>1</v>
      </c>
      <c r="T890" t="s">
        <v>1430</v>
      </c>
      <c r="U890">
        <v>767</v>
      </c>
      <c r="V890">
        <v>3</v>
      </c>
      <c r="W890">
        <v>180</v>
      </c>
      <c r="X890">
        <v>2020</v>
      </c>
    </row>
    <row r="891" spans="1:24" x14ac:dyDescent="0.25">
      <c r="A891">
        <v>13148</v>
      </c>
      <c r="B891" t="s">
        <v>16</v>
      </c>
      <c r="C891">
        <v>5</v>
      </c>
      <c r="D891" t="s">
        <v>439</v>
      </c>
      <c r="E891">
        <v>47</v>
      </c>
      <c r="F891" t="s">
        <v>651</v>
      </c>
      <c r="G891">
        <v>160</v>
      </c>
      <c r="H891" t="s">
        <v>658</v>
      </c>
      <c r="I891">
        <v>13755</v>
      </c>
      <c r="J891" t="s">
        <v>699</v>
      </c>
      <c r="K891">
        <v>10</v>
      </c>
      <c r="L891" t="s">
        <v>700</v>
      </c>
      <c r="M891">
        <v>348</v>
      </c>
      <c r="N891" t="s">
        <v>654</v>
      </c>
      <c r="O891">
        <v>3</v>
      </c>
      <c r="P891" t="s">
        <v>655</v>
      </c>
      <c r="Q891">
        <v>1</v>
      </c>
      <c r="R891" t="s">
        <v>669</v>
      </c>
      <c r="S891">
        <v>1</v>
      </c>
      <c r="T891" t="s">
        <v>1431</v>
      </c>
      <c r="U891">
        <v>797</v>
      </c>
      <c r="V891">
        <v>3</v>
      </c>
      <c r="W891">
        <v>180</v>
      </c>
      <c r="X891">
        <v>2020</v>
      </c>
    </row>
    <row r="892" spans="1:24" x14ac:dyDescent="0.25">
      <c r="A892">
        <v>13145</v>
      </c>
      <c r="B892" t="s">
        <v>16</v>
      </c>
      <c r="C892">
        <v>5</v>
      </c>
      <c r="D892" t="s">
        <v>439</v>
      </c>
      <c r="E892">
        <v>47</v>
      </c>
      <c r="F892" t="s">
        <v>651</v>
      </c>
      <c r="G892">
        <v>160</v>
      </c>
      <c r="H892" t="s">
        <v>658</v>
      </c>
      <c r="I892">
        <v>13755</v>
      </c>
      <c r="J892" t="s">
        <v>699</v>
      </c>
      <c r="K892">
        <v>10</v>
      </c>
      <c r="L892" t="s">
        <v>700</v>
      </c>
      <c r="M892">
        <v>348</v>
      </c>
      <c r="N892" t="s">
        <v>654</v>
      </c>
      <c r="O892">
        <v>3</v>
      </c>
      <c r="P892" t="s">
        <v>655</v>
      </c>
      <c r="Q892">
        <v>1</v>
      </c>
      <c r="R892" t="s">
        <v>669</v>
      </c>
      <c r="S892">
        <v>1</v>
      </c>
      <c r="T892" t="s">
        <v>1432</v>
      </c>
      <c r="U892">
        <v>587</v>
      </c>
      <c r="V892">
        <v>3</v>
      </c>
      <c r="W892">
        <v>180</v>
      </c>
      <c r="X892">
        <v>2020</v>
      </c>
    </row>
    <row r="893" spans="1:24" x14ac:dyDescent="0.25">
      <c r="A893">
        <v>13142</v>
      </c>
      <c r="B893" t="s">
        <v>16</v>
      </c>
      <c r="C893">
        <v>5</v>
      </c>
      <c r="D893" t="s">
        <v>439</v>
      </c>
      <c r="E893">
        <v>47</v>
      </c>
      <c r="F893" t="s">
        <v>651</v>
      </c>
      <c r="G893">
        <v>160</v>
      </c>
      <c r="H893" t="s">
        <v>658</v>
      </c>
      <c r="I893">
        <v>13755</v>
      </c>
      <c r="J893" t="s">
        <v>699</v>
      </c>
      <c r="K893">
        <v>10</v>
      </c>
      <c r="L893" t="s">
        <v>700</v>
      </c>
      <c r="M893">
        <v>348</v>
      </c>
      <c r="N893" t="s">
        <v>654</v>
      </c>
      <c r="O893">
        <v>3</v>
      </c>
      <c r="P893" t="s">
        <v>655</v>
      </c>
      <c r="Q893">
        <v>1</v>
      </c>
      <c r="R893" t="s">
        <v>669</v>
      </c>
      <c r="S893">
        <v>1</v>
      </c>
      <c r="T893" t="s">
        <v>1433</v>
      </c>
      <c r="U893">
        <v>554</v>
      </c>
      <c r="V893">
        <v>3</v>
      </c>
      <c r="W893">
        <v>180</v>
      </c>
      <c r="X893">
        <v>2020</v>
      </c>
    </row>
    <row r="894" spans="1:24" x14ac:dyDescent="0.25">
      <c r="A894">
        <v>13139</v>
      </c>
      <c r="B894" t="s">
        <v>16</v>
      </c>
      <c r="C894">
        <v>5</v>
      </c>
      <c r="D894" t="s">
        <v>439</v>
      </c>
      <c r="E894">
        <v>47</v>
      </c>
      <c r="F894" t="s">
        <v>651</v>
      </c>
      <c r="G894">
        <v>160</v>
      </c>
      <c r="H894" t="s">
        <v>658</v>
      </c>
      <c r="I894">
        <v>13755</v>
      </c>
      <c r="J894" t="s">
        <v>699</v>
      </c>
      <c r="K894">
        <v>10</v>
      </c>
      <c r="L894" t="s">
        <v>700</v>
      </c>
      <c r="M894">
        <v>348</v>
      </c>
      <c r="N894" t="s">
        <v>654</v>
      </c>
      <c r="O894">
        <v>3</v>
      </c>
      <c r="P894" t="s">
        <v>655</v>
      </c>
      <c r="Q894">
        <v>1</v>
      </c>
      <c r="R894" t="s">
        <v>669</v>
      </c>
      <c r="S894">
        <v>1</v>
      </c>
      <c r="T894" t="s">
        <v>1434</v>
      </c>
      <c r="U894">
        <v>566</v>
      </c>
      <c r="V894">
        <v>3</v>
      </c>
      <c r="W894">
        <v>180</v>
      </c>
      <c r="X894">
        <v>2020</v>
      </c>
    </row>
    <row r="895" spans="1:24" x14ac:dyDescent="0.25">
      <c r="A895">
        <v>13136</v>
      </c>
      <c r="B895" t="s">
        <v>16</v>
      </c>
      <c r="C895">
        <v>5</v>
      </c>
      <c r="D895" t="s">
        <v>439</v>
      </c>
      <c r="E895">
        <v>47</v>
      </c>
      <c r="F895" t="s">
        <v>651</v>
      </c>
      <c r="G895">
        <v>160</v>
      </c>
      <c r="H895" t="s">
        <v>658</v>
      </c>
      <c r="I895">
        <v>13755</v>
      </c>
      <c r="J895" t="s">
        <v>699</v>
      </c>
      <c r="K895">
        <v>10</v>
      </c>
      <c r="L895" t="s">
        <v>700</v>
      </c>
      <c r="M895">
        <v>348</v>
      </c>
      <c r="N895" t="s">
        <v>654</v>
      </c>
      <c r="O895">
        <v>3</v>
      </c>
      <c r="P895" t="s">
        <v>655</v>
      </c>
      <c r="Q895">
        <v>1</v>
      </c>
      <c r="R895" t="s">
        <v>669</v>
      </c>
      <c r="S895">
        <v>1</v>
      </c>
      <c r="T895" t="s">
        <v>1435</v>
      </c>
      <c r="U895">
        <v>560</v>
      </c>
      <c r="V895">
        <v>3</v>
      </c>
      <c r="W895">
        <v>180</v>
      </c>
      <c r="X895">
        <v>2020</v>
      </c>
    </row>
    <row r="896" spans="1:24" x14ac:dyDescent="0.25">
      <c r="A896">
        <v>13133</v>
      </c>
      <c r="B896" t="s">
        <v>16</v>
      </c>
      <c r="C896">
        <v>5</v>
      </c>
      <c r="D896" t="s">
        <v>439</v>
      </c>
      <c r="E896">
        <v>47</v>
      </c>
      <c r="F896" t="s">
        <v>651</v>
      </c>
      <c r="G896">
        <v>160</v>
      </c>
      <c r="H896" t="s">
        <v>658</v>
      </c>
      <c r="I896">
        <v>13755</v>
      </c>
      <c r="J896" t="s">
        <v>699</v>
      </c>
      <c r="K896">
        <v>10</v>
      </c>
      <c r="L896" t="s">
        <v>700</v>
      </c>
      <c r="M896">
        <v>348</v>
      </c>
      <c r="N896" t="s">
        <v>654</v>
      </c>
      <c r="O896">
        <v>3</v>
      </c>
      <c r="P896" t="s">
        <v>655</v>
      </c>
      <c r="Q896">
        <v>1</v>
      </c>
      <c r="R896" t="s">
        <v>669</v>
      </c>
      <c r="S896">
        <v>1</v>
      </c>
      <c r="T896" t="s">
        <v>1436</v>
      </c>
      <c r="U896">
        <v>578</v>
      </c>
      <c r="V896">
        <v>3</v>
      </c>
      <c r="W896">
        <v>180</v>
      </c>
      <c r="X896">
        <v>2020</v>
      </c>
    </row>
    <row r="897" spans="1:24" x14ac:dyDescent="0.25">
      <c r="A897">
        <v>13130</v>
      </c>
      <c r="B897" t="s">
        <v>16</v>
      </c>
      <c r="C897">
        <v>5</v>
      </c>
      <c r="D897" t="s">
        <v>439</v>
      </c>
      <c r="E897">
        <v>47</v>
      </c>
      <c r="F897" t="s">
        <v>651</v>
      </c>
      <c r="G897">
        <v>160</v>
      </c>
      <c r="H897" t="s">
        <v>658</v>
      </c>
      <c r="I897">
        <v>13755</v>
      </c>
      <c r="J897" t="s">
        <v>699</v>
      </c>
      <c r="K897">
        <v>10</v>
      </c>
      <c r="L897" t="s">
        <v>700</v>
      </c>
      <c r="M897">
        <v>348</v>
      </c>
      <c r="N897" t="s">
        <v>654</v>
      </c>
      <c r="O897">
        <v>3</v>
      </c>
      <c r="P897" t="s">
        <v>655</v>
      </c>
      <c r="Q897">
        <v>1</v>
      </c>
      <c r="R897" t="s">
        <v>669</v>
      </c>
      <c r="S897">
        <v>1</v>
      </c>
      <c r="T897" t="s">
        <v>1437</v>
      </c>
      <c r="U897">
        <v>557</v>
      </c>
      <c r="V897">
        <v>3</v>
      </c>
      <c r="W897">
        <v>180</v>
      </c>
      <c r="X897">
        <v>2020</v>
      </c>
    </row>
    <row r="898" spans="1:24" x14ac:dyDescent="0.25">
      <c r="A898">
        <v>13127</v>
      </c>
      <c r="B898" t="s">
        <v>16</v>
      </c>
      <c r="C898">
        <v>5</v>
      </c>
      <c r="D898" t="s">
        <v>439</v>
      </c>
      <c r="E898">
        <v>47</v>
      </c>
      <c r="F898" t="s">
        <v>651</v>
      </c>
      <c r="G898">
        <v>160</v>
      </c>
      <c r="H898" t="s">
        <v>658</v>
      </c>
      <c r="I898">
        <v>13755</v>
      </c>
      <c r="J898" t="s">
        <v>699</v>
      </c>
      <c r="K898">
        <v>10</v>
      </c>
      <c r="L898" t="s">
        <v>700</v>
      </c>
      <c r="M898">
        <v>348</v>
      </c>
      <c r="N898" t="s">
        <v>654</v>
      </c>
      <c r="O898">
        <v>3</v>
      </c>
      <c r="P898" t="s">
        <v>655</v>
      </c>
      <c r="Q898">
        <v>1</v>
      </c>
      <c r="R898" t="s">
        <v>669</v>
      </c>
      <c r="S898">
        <v>1</v>
      </c>
      <c r="T898" t="s">
        <v>1438</v>
      </c>
      <c r="U898">
        <v>590</v>
      </c>
      <c r="V898">
        <v>3</v>
      </c>
      <c r="W898">
        <v>180</v>
      </c>
      <c r="X898">
        <v>2020</v>
      </c>
    </row>
    <row r="899" spans="1:24" x14ac:dyDescent="0.25">
      <c r="A899">
        <v>13124</v>
      </c>
      <c r="B899" t="s">
        <v>16</v>
      </c>
      <c r="C899">
        <v>5</v>
      </c>
      <c r="D899" t="s">
        <v>439</v>
      </c>
      <c r="E899">
        <v>47</v>
      </c>
      <c r="F899" t="s">
        <v>651</v>
      </c>
      <c r="G899">
        <v>160</v>
      </c>
      <c r="H899" t="s">
        <v>658</v>
      </c>
      <c r="I899">
        <v>13755</v>
      </c>
      <c r="J899" t="s">
        <v>699</v>
      </c>
      <c r="K899">
        <v>10</v>
      </c>
      <c r="L899" t="s">
        <v>1241</v>
      </c>
      <c r="M899">
        <v>346</v>
      </c>
      <c r="N899" t="s">
        <v>654</v>
      </c>
      <c r="O899">
        <v>3</v>
      </c>
      <c r="P899" t="s">
        <v>655</v>
      </c>
      <c r="Q899">
        <v>1</v>
      </c>
      <c r="R899" t="s">
        <v>669</v>
      </c>
      <c r="S899">
        <v>1</v>
      </c>
      <c r="T899" t="s">
        <v>1439</v>
      </c>
      <c r="U899">
        <v>479</v>
      </c>
      <c r="V899">
        <v>3</v>
      </c>
      <c r="W899">
        <v>180</v>
      </c>
      <c r="X899">
        <v>2020</v>
      </c>
    </row>
    <row r="900" spans="1:24" x14ac:dyDescent="0.25">
      <c r="A900">
        <v>13121</v>
      </c>
      <c r="B900" t="s">
        <v>16</v>
      </c>
      <c r="C900">
        <v>5</v>
      </c>
      <c r="D900" t="s">
        <v>439</v>
      </c>
      <c r="E900">
        <v>47</v>
      </c>
      <c r="F900" t="s">
        <v>651</v>
      </c>
      <c r="G900">
        <v>160</v>
      </c>
      <c r="H900" t="s">
        <v>658</v>
      </c>
      <c r="I900">
        <v>13755</v>
      </c>
      <c r="J900" t="s">
        <v>699</v>
      </c>
      <c r="K900">
        <v>10</v>
      </c>
      <c r="L900" t="s">
        <v>700</v>
      </c>
      <c r="M900">
        <v>348</v>
      </c>
      <c r="N900" t="s">
        <v>654</v>
      </c>
      <c r="O900">
        <v>3</v>
      </c>
      <c r="P900" t="s">
        <v>655</v>
      </c>
      <c r="Q900">
        <v>1</v>
      </c>
      <c r="R900" t="s">
        <v>669</v>
      </c>
      <c r="S900">
        <v>1</v>
      </c>
      <c r="T900" t="s">
        <v>1440</v>
      </c>
      <c r="U900">
        <v>455</v>
      </c>
      <c r="V900">
        <v>3</v>
      </c>
      <c r="W900">
        <v>180</v>
      </c>
      <c r="X900">
        <v>2020</v>
      </c>
    </row>
    <row r="901" spans="1:24" x14ac:dyDescent="0.25">
      <c r="A901">
        <v>13118</v>
      </c>
      <c r="B901" t="s">
        <v>16</v>
      </c>
      <c r="C901">
        <v>5</v>
      </c>
      <c r="D901" t="s">
        <v>439</v>
      </c>
      <c r="E901">
        <v>47</v>
      </c>
      <c r="F901" t="s">
        <v>651</v>
      </c>
      <c r="G901">
        <v>160</v>
      </c>
      <c r="H901" t="s">
        <v>658</v>
      </c>
      <c r="I901">
        <v>13755</v>
      </c>
      <c r="J901" t="s">
        <v>699</v>
      </c>
      <c r="K901">
        <v>10</v>
      </c>
      <c r="L901" t="s">
        <v>700</v>
      </c>
      <c r="M901">
        <v>348</v>
      </c>
      <c r="N901" t="s">
        <v>654</v>
      </c>
      <c r="O901">
        <v>3</v>
      </c>
      <c r="P901" t="s">
        <v>655</v>
      </c>
      <c r="Q901">
        <v>1</v>
      </c>
      <c r="R901" t="s">
        <v>669</v>
      </c>
      <c r="S901">
        <v>1</v>
      </c>
      <c r="T901" t="s">
        <v>1441</v>
      </c>
      <c r="U901">
        <v>485</v>
      </c>
      <c r="V901">
        <v>3</v>
      </c>
      <c r="W901">
        <v>180</v>
      </c>
      <c r="X901">
        <v>2020</v>
      </c>
    </row>
    <row r="902" spans="1:24" x14ac:dyDescent="0.25">
      <c r="A902">
        <v>13115</v>
      </c>
      <c r="B902" t="s">
        <v>16</v>
      </c>
      <c r="C902">
        <v>5</v>
      </c>
      <c r="D902" t="s">
        <v>439</v>
      </c>
      <c r="E902">
        <v>47</v>
      </c>
      <c r="F902" t="s">
        <v>651</v>
      </c>
      <c r="G902">
        <v>160</v>
      </c>
      <c r="H902" t="s">
        <v>658</v>
      </c>
      <c r="I902">
        <v>13755</v>
      </c>
      <c r="J902" t="s">
        <v>699</v>
      </c>
      <c r="K902">
        <v>10</v>
      </c>
      <c r="L902" t="s">
        <v>700</v>
      </c>
      <c r="M902">
        <v>348</v>
      </c>
      <c r="N902" t="s">
        <v>654</v>
      </c>
      <c r="O902">
        <v>3</v>
      </c>
      <c r="P902" t="s">
        <v>655</v>
      </c>
      <c r="Q902">
        <v>1</v>
      </c>
      <c r="R902" t="s">
        <v>669</v>
      </c>
      <c r="S902">
        <v>1</v>
      </c>
      <c r="T902" t="s">
        <v>1442</v>
      </c>
      <c r="U902">
        <v>321</v>
      </c>
      <c r="V902">
        <v>3</v>
      </c>
      <c r="W902">
        <v>180</v>
      </c>
      <c r="X902">
        <v>2020</v>
      </c>
    </row>
    <row r="903" spans="1:24" x14ac:dyDescent="0.25">
      <c r="A903">
        <v>13112</v>
      </c>
      <c r="B903" t="s">
        <v>16</v>
      </c>
      <c r="C903">
        <v>5</v>
      </c>
      <c r="D903" t="s">
        <v>439</v>
      </c>
      <c r="E903">
        <v>47</v>
      </c>
      <c r="F903" t="s">
        <v>651</v>
      </c>
      <c r="G903">
        <v>160</v>
      </c>
      <c r="H903" t="s">
        <v>658</v>
      </c>
      <c r="I903">
        <v>13755</v>
      </c>
      <c r="J903" t="s">
        <v>699</v>
      </c>
      <c r="K903">
        <v>10</v>
      </c>
      <c r="L903" t="s">
        <v>1241</v>
      </c>
      <c r="M903">
        <v>346</v>
      </c>
      <c r="N903" t="s">
        <v>654</v>
      </c>
      <c r="O903">
        <v>3</v>
      </c>
      <c r="P903" t="s">
        <v>655</v>
      </c>
      <c r="Q903">
        <v>1</v>
      </c>
      <c r="R903" t="s">
        <v>669</v>
      </c>
      <c r="S903">
        <v>1</v>
      </c>
      <c r="T903" t="s">
        <v>1443</v>
      </c>
      <c r="U903">
        <v>73</v>
      </c>
      <c r="V903">
        <v>3</v>
      </c>
      <c r="W903">
        <v>180</v>
      </c>
      <c r="X903">
        <v>2020</v>
      </c>
    </row>
    <row r="904" spans="1:24" x14ac:dyDescent="0.25">
      <c r="A904">
        <v>13109</v>
      </c>
      <c r="B904" t="s">
        <v>16</v>
      </c>
      <c r="C904">
        <v>5</v>
      </c>
      <c r="D904" t="s">
        <v>439</v>
      </c>
      <c r="E904">
        <v>47</v>
      </c>
      <c r="F904" t="s">
        <v>651</v>
      </c>
      <c r="G904">
        <v>160</v>
      </c>
      <c r="H904" t="s">
        <v>658</v>
      </c>
      <c r="I904">
        <v>13755</v>
      </c>
      <c r="J904" t="s">
        <v>699</v>
      </c>
      <c r="K904">
        <v>10</v>
      </c>
      <c r="L904" t="s">
        <v>700</v>
      </c>
      <c r="M904">
        <v>348</v>
      </c>
      <c r="N904" t="s">
        <v>654</v>
      </c>
      <c r="O904">
        <v>3</v>
      </c>
      <c r="P904" t="s">
        <v>655</v>
      </c>
      <c r="Q904">
        <v>1</v>
      </c>
      <c r="R904" t="s">
        <v>669</v>
      </c>
      <c r="S904">
        <v>1</v>
      </c>
      <c r="T904" t="s">
        <v>1444</v>
      </c>
      <c r="U904">
        <v>761</v>
      </c>
      <c r="V904">
        <v>3</v>
      </c>
      <c r="W904">
        <v>180</v>
      </c>
      <c r="X904">
        <v>2020</v>
      </c>
    </row>
    <row r="905" spans="1:24" x14ac:dyDescent="0.25">
      <c r="A905">
        <v>13106</v>
      </c>
      <c r="B905" t="s">
        <v>16</v>
      </c>
      <c r="C905">
        <v>5</v>
      </c>
      <c r="D905" t="s">
        <v>439</v>
      </c>
      <c r="E905">
        <v>47</v>
      </c>
      <c r="F905" t="s">
        <v>651</v>
      </c>
      <c r="G905">
        <v>160</v>
      </c>
      <c r="H905" t="s">
        <v>658</v>
      </c>
      <c r="I905">
        <v>13755</v>
      </c>
      <c r="J905" t="s">
        <v>699</v>
      </c>
      <c r="K905">
        <v>10</v>
      </c>
      <c r="L905" t="s">
        <v>700</v>
      </c>
      <c r="M905">
        <v>348</v>
      </c>
      <c r="N905" t="s">
        <v>654</v>
      </c>
      <c r="O905">
        <v>3</v>
      </c>
      <c r="P905" t="s">
        <v>655</v>
      </c>
      <c r="Q905">
        <v>1</v>
      </c>
      <c r="R905" t="s">
        <v>669</v>
      </c>
      <c r="S905">
        <v>1</v>
      </c>
      <c r="T905" t="s">
        <v>1445</v>
      </c>
      <c r="U905">
        <v>692</v>
      </c>
      <c r="V905">
        <v>3</v>
      </c>
      <c r="W905">
        <v>180</v>
      </c>
      <c r="X905">
        <v>2020</v>
      </c>
    </row>
    <row r="906" spans="1:24" x14ac:dyDescent="0.25">
      <c r="A906">
        <v>13103</v>
      </c>
      <c r="B906" t="s">
        <v>16</v>
      </c>
      <c r="C906">
        <v>5</v>
      </c>
      <c r="D906" t="s">
        <v>439</v>
      </c>
      <c r="E906">
        <v>47</v>
      </c>
      <c r="F906" t="s">
        <v>651</v>
      </c>
      <c r="G906">
        <v>160</v>
      </c>
      <c r="H906" t="s">
        <v>658</v>
      </c>
      <c r="I906">
        <v>13755</v>
      </c>
      <c r="J906" t="s">
        <v>699</v>
      </c>
      <c r="K906">
        <v>10</v>
      </c>
      <c r="L906" t="s">
        <v>700</v>
      </c>
      <c r="M906">
        <v>348</v>
      </c>
      <c r="N906" t="s">
        <v>654</v>
      </c>
      <c r="O906">
        <v>3</v>
      </c>
      <c r="P906" t="s">
        <v>655</v>
      </c>
      <c r="Q906">
        <v>1</v>
      </c>
      <c r="R906" t="s">
        <v>669</v>
      </c>
      <c r="S906">
        <v>1</v>
      </c>
      <c r="T906" t="s">
        <v>1446</v>
      </c>
      <c r="U906">
        <v>689</v>
      </c>
      <c r="V906">
        <v>3</v>
      </c>
      <c r="W906">
        <v>180</v>
      </c>
      <c r="X906">
        <v>2020</v>
      </c>
    </row>
    <row r="907" spans="1:24" x14ac:dyDescent="0.25">
      <c r="A907">
        <v>13100</v>
      </c>
      <c r="B907" t="s">
        <v>16</v>
      </c>
      <c r="C907">
        <v>5</v>
      </c>
      <c r="D907" t="s">
        <v>439</v>
      </c>
      <c r="E907">
        <v>47</v>
      </c>
      <c r="F907" t="s">
        <v>651</v>
      </c>
      <c r="G907">
        <v>160</v>
      </c>
      <c r="H907" t="s">
        <v>658</v>
      </c>
      <c r="I907">
        <v>13755</v>
      </c>
      <c r="J907" t="s">
        <v>699</v>
      </c>
      <c r="K907">
        <v>10</v>
      </c>
      <c r="L907" t="s">
        <v>700</v>
      </c>
      <c r="M907">
        <v>348</v>
      </c>
      <c r="N907" t="s">
        <v>654</v>
      </c>
      <c r="O907">
        <v>3</v>
      </c>
      <c r="P907" t="s">
        <v>655</v>
      </c>
      <c r="Q907">
        <v>1</v>
      </c>
      <c r="R907" t="s">
        <v>669</v>
      </c>
      <c r="S907">
        <v>1</v>
      </c>
      <c r="T907" t="s">
        <v>1447</v>
      </c>
      <c r="U907">
        <v>635</v>
      </c>
      <c r="V907">
        <v>3</v>
      </c>
      <c r="W907">
        <v>180</v>
      </c>
      <c r="X907">
        <v>2020</v>
      </c>
    </row>
    <row r="908" spans="1:24" x14ac:dyDescent="0.25">
      <c r="A908">
        <v>13097</v>
      </c>
      <c r="B908" t="s">
        <v>16</v>
      </c>
      <c r="C908">
        <v>5</v>
      </c>
      <c r="D908" t="s">
        <v>439</v>
      </c>
      <c r="E908">
        <v>47</v>
      </c>
      <c r="F908" t="s">
        <v>651</v>
      </c>
      <c r="G908">
        <v>160</v>
      </c>
      <c r="H908" t="s">
        <v>658</v>
      </c>
      <c r="I908">
        <v>13755</v>
      </c>
      <c r="J908" t="s">
        <v>699</v>
      </c>
      <c r="K908">
        <v>10</v>
      </c>
      <c r="L908" t="s">
        <v>700</v>
      </c>
      <c r="M908">
        <v>348</v>
      </c>
      <c r="N908" t="s">
        <v>654</v>
      </c>
      <c r="O908">
        <v>3</v>
      </c>
      <c r="P908" t="s">
        <v>655</v>
      </c>
      <c r="Q908">
        <v>1</v>
      </c>
      <c r="R908" t="s">
        <v>669</v>
      </c>
      <c r="S908">
        <v>1</v>
      </c>
      <c r="T908" t="s">
        <v>1448</v>
      </c>
      <c r="U908">
        <v>318</v>
      </c>
      <c r="V908">
        <v>3</v>
      </c>
      <c r="W908">
        <v>180</v>
      </c>
      <c r="X908">
        <v>2020</v>
      </c>
    </row>
    <row r="909" spans="1:24" x14ac:dyDescent="0.25">
      <c r="A909">
        <v>13094</v>
      </c>
      <c r="B909" t="s">
        <v>16</v>
      </c>
      <c r="C909">
        <v>5</v>
      </c>
      <c r="D909" t="s">
        <v>439</v>
      </c>
      <c r="E909">
        <v>47</v>
      </c>
      <c r="F909" t="s">
        <v>651</v>
      </c>
      <c r="G909">
        <v>160</v>
      </c>
      <c r="H909" t="s">
        <v>658</v>
      </c>
      <c r="I909">
        <v>13755</v>
      </c>
      <c r="J909" t="s">
        <v>699</v>
      </c>
      <c r="K909">
        <v>10</v>
      </c>
      <c r="L909" t="s">
        <v>700</v>
      </c>
      <c r="M909">
        <v>348</v>
      </c>
      <c r="N909" t="s">
        <v>654</v>
      </c>
      <c r="O909">
        <v>3</v>
      </c>
      <c r="P909" t="s">
        <v>655</v>
      </c>
      <c r="Q909">
        <v>1</v>
      </c>
      <c r="R909" t="s">
        <v>669</v>
      </c>
      <c r="S909">
        <v>1</v>
      </c>
      <c r="T909" t="s">
        <v>1427</v>
      </c>
      <c r="U909">
        <v>316</v>
      </c>
      <c r="V909">
        <v>3</v>
      </c>
      <c r="W909">
        <v>180</v>
      </c>
      <c r="X909">
        <v>2020</v>
      </c>
    </row>
    <row r="910" spans="1:24" x14ac:dyDescent="0.25">
      <c r="A910">
        <v>13091</v>
      </c>
      <c r="B910" t="s">
        <v>16</v>
      </c>
      <c r="C910">
        <v>5</v>
      </c>
      <c r="D910" t="s">
        <v>439</v>
      </c>
      <c r="E910">
        <v>47</v>
      </c>
      <c r="F910" t="s">
        <v>651</v>
      </c>
      <c r="G910">
        <v>160</v>
      </c>
      <c r="H910" t="s">
        <v>658</v>
      </c>
      <c r="I910">
        <v>13755</v>
      </c>
      <c r="J910" t="s">
        <v>699</v>
      </c>
      <c r="K910">
        <v>10</v>
      </c>
      <c r="L910" t="s">
        <v>700</v>
      </c>
      <c r="M910">
        <v>348</v>
      </c>
      <c r="N910" t="s">
        <v>654</v>
      </c>
      <c r="O910">
        <v>3</v>
      </c>
      <c r="P910" t="s">
        <v>655</v>
      </c>
      <c r="Q910">
        <v>1</v>
      </c>
      <c r="R910" t="s">
        <v>669</v>
      </c>
      <c r="S910">
        <v>1</v>
      </c>
      <c r="T910" t="s">
        <v>1449</v>
      </c>
      <c r="U910">
        <v>887</v>
      </c>
      <c r="V910">
        <v>3</v>
      </c>
      <c r="W910">
        <v>180</v>
      </c>
      <c r="X910">
        <v>2020</v>
      </c>
    </row>
    <row r="911" spans="1:24" x14ac:dyDescent="0.25">
      <c r="A911">
        <v>13088</v>
      </c>
      <c r="B911" t="s">
        <v>16</v>
      </c>
      <c r="C911">
        <v>5</v>
      </c>
      <c r="D911" t="s">
        <v>439</v>
      </c>
      <c r="E911">
        <v>47</v>
      </c>
      <c r="F911" t="s">
        <v>651</v>
      </c>
      <c r="G911">
        <v>160</v>
      </c>
      <c r="H911" t="s">
        <v>658</v>
      </c>
      <c r="I911">
        <v>13755</v>
      </c>
      <c r="J911" t="s">
        <v>699</v>
      </c>
      <c r="K911">
        <v>10</v>
      </c>
      <c r="L911" t="s">
        <v>700</v>
      </c>
      <c r="M911">
        <v>348</v>
      </c>
      <c r="N911" t="s">
        <v>654</v>
      </c>
      <c r="O911">
        <v>3</v>
      </c>
      <c r="P911" t="s">
        <v>655</v>
      </c>
      <c r="Q911">
        <v>1</v>
      </c>
      <c r="R911" t="s">
        <v>669</v>
      </c>
      <c r="S911">
        <v>1</v>
      </c>
      <c r="T911" t="s">
        <v>1450</v>
      </c>
      <c r="U911">
        <v>863</v>
      </c>
      <c r="V911">
        <v>3</v>
      </c>
      <c r="W911">
        <v>180</v>
      </c>
      <c r="X911">
        <v>2020</v>
      </c>
    </row>
    <row r="912" spans="1:24" x14ac:dyDescent="0.25">
      <c r="A912">
        <v>13085</v>
      </c>
      <c r="B912" t="s">
        <v>16</v>
      </c>
      <c r="C912">
        <v>5</v>
      </c>
      <c r="D912" t="s">
        <v>439</v>
      </c>
      <c r="E912">
        <v>47</v>
      </c>
      <c r="F912" t="s">
        <v>651</v>
      </c>
      <c r="G912">
        <v>160</v>
      </c>
      <c r="H912" t="s">
        <v>658</v>
      </c>
      <c r="I912">
        <v>13755</v>
      </c>
      <c r="J912" t="s">
        <v>699</v>
      </c>
      <c r="K912">
        <v>10</v>
      </c>
      <c r="L912" t="s">
        <v>1241</v>
      </c>
      <c r="M912">
        <v>346</v>
      </c>
      <c r="N912" t="s">
        <v>654</v>
      </c>
      <c r="O912">
        <v>3</v>
      </c>
      <c r="P912" t="s">
        <v>655</v>
      </c>
      <c r="Q912">
        <v>1</v>
      </c>
      <c r="R912" t="s">
        <v>669</v>
      </c>
      <c r="S912">
        <v>1</v>
      </c>
      <c r="T912" t="s">
        <v>1451</v>
      </c>
      <c r="U912">
        <v>884</v>
      </c>
      <c r="V912">
        <v>3</v>
      </c>
      <c r="W912">
        <v>180</v>
      </c>
      <c r="X912">
        <v>2020</v>
      </c>
    </row>
    <row r="913" spans="1:24" x14ac:dyDescent="0.25">
      <c r="A913">
        <v>13082</v>
      </c>
      <c r="B913" t="s">
        <v>16</v>
      </c>
      <c r="C913">
        <v>5</v>
      </c>
      <c r="D913" t="s">
        <v>439</v>
      </c>
      <c r="E913">
        <v>47</v>
      </c>
      <c r="F913" t="s">
        <v>651</v>
      </c>
      <c r="G913">
        <v>160</v>
      </c>
      <c r="H913" t="s">
        <v>658</v>
      </c>
      <c r="I913">
        <v>13755</v>
      </c>
      <c r="J913" t="s">
        <v>699</v>
      </c>
      <c r="K913">
        <v>10</v>
      </c>
      <c r="L913" t="s">
        <v>700</v>
      </c>
      <c r="M913">
        <v>348</v>
      </c>
      <c r="N913" t="s">
        <v>654</v>
      </c>
      <c r="O913">
        <v>3</v>
      </c>
      <c r="P913" t="s">
        <v>655</v>
      </c>
      <c r="Q913">
        <v>1</v>
      </c>
      <c r="R913" t="s">
        <v>669</v>
      </c>
      <c r="S913">
        <v>1</v>
      </c>
      <c r="T913" t="s">
        <v>1452</v>
      </c>
      <c r="U913">
        <v>893</v>
      </c>
      <c r="V913">
        <v>3</v>
      </c>
      <c r="W913">
        <v>180</v>
      </c>
      <c r="X913">
        <v>2020</v>
      </c>
    </row>
    <row r="914" spans="1:24" x14ac:dyDescent="0.25">
      <c r="A914">
        <v>13079</v>
      </c>
      <c r="B914" t="s">
        <v>16</v>
      </c>
      <c r="C914">
        <v>5</v>
      </c>
      <c r="D914" t="s">
        <v>439</v>
      </c>
      <c r="E914">
        <v>47</v>
      </c>
      <c r="F914" t="s">
        <v>651</v>
      </c>
      <c r="G914">
        <v>160</v>
      </c>
      <c r="H914" t="s">
        <v>658</v>
      </c>
      <c r="I914">
        <v>13755</v>
      </c>
      <c r="J914" t="s">
        <v>699</v>
      </c>
      <c r="K914">
        <v>10</v>
      </c>
      <c r="L914" t="s">
        <v>700</v>
      </c>
      <c r="M914">
        <v>348</v>
      </c>
      <c r="N914" t="s">
        <v>654</v>
      </c>
      <c r="O914">
        <v>3</v>
      </c>
      <c r="P914" t="s">
        <v>655</v>
      </c>
      <c r="Q914">
        <v>1</v>
      </c>
      <c r="R914" t="s">
        <v>669</v>
      </c>
      <c r="S914">
        <v>1</v>
      </c>
      <c r="T914" t="s">
        <v>1453</v>
      </c>
      <c r="U914">
        <v>854</v>
      </c>
      <c r="V914">
        <v>3</v>
      </c>
      <c r="W914">
        <v>180</v>
      </c>
      <c r="X914">
        <v>2020</v>
      </c>
    </row>
    <row r="915" spans="1:24" x14ac:dyDescent="0.25">
      <c r="A915">
        <v>13076</v>
      </c>
      <c r="B915" t="s">
        <v>16</v>
      </c>
      <c r="C915">
        <v>5</v>
      </c>
      <c r="D915" t="s">
        <v>439</v>
      </c>
      <c r="E915">
        <v>47</v>
      </c>
      <c r="F915" t="s">
        <v>651</v>
      </c>
      <c r="G915">
        <v>160</v>
      </c>
      <c r="H915" t="s">
        <v>658</v>
      </c>
      <c r="I915">
        <v>13755</v>
      </c>
      <c r="J915" t="s">
        <v>699</v>
      </c>
      <c r="K915">
        <v>10</v>
      </c>
      <c r="L915" t="s">
        <v>700</v>
      </c>
      <c r="M915">
        <v>348</v>
      </c>
      <c r="N915" t="s">
        <v>654</v>
      </c>
      <c r="O915">
        <v>3</v>
      </c>
      <c r="P915" t="s">
        <v>655</v>
      </c>
      <c r="Q915">
        <v>1</v>
      </c>
      <c r="R915" t="s">
        <v>669</v>
      </c>
      <c r="S915">
        <v>1</v>
      </c>
      <c r="T915" t="s">
        <v>1454</v>
      </c>
      <c r="U915">
        <v>860</v>
      </c>
      <c r="V915">
        <v>3</v>
      </c>
      <c r="W915">
        <v>180</v>
      </c>
      <c r="X915">
        <v>2020</v>
      </c>
    </row>
    <row r="916" spans="1:24" x14ac:dyDescent="0.25">
      <c r="A916">
        <v>13073</v>
      </c>
      <c r="B916" t="s">
        <v>16</v>
      </c>
      <c r="C916">
        <v>5</v>
      </c>
      <c r="D916" t="s">
        <v>439</v>
      </c>
      <c r="E916">
        <v>47</v>
      </c>
      <c r="F916" t="s">
        <v>651</v>
      </c>
      <c r="G916">
        <v>160</v>
      </c>
      <c r="H916" t="s">
        <v>658</v>
      </c>
      <c r="I916">
        <v>13755</v>
      </c>
      <c r="J916" t="s">
        <v>699</v>
      </c>
      <c r="K916">
        <v>10</v>
      </c>
      <c r="L916" t="s">
        <v>700</v>
      </c>
      <c r="M916">
        <v>348</v>
      </c>
      <c r="N916" t="s">
        <v>654</v>
      </c>
      <c r="O916">
        <v>3</v>
      </c>
      <c r="P916" t="s">
        <v>655</v>
      </c>
      <c r="Q916">
        <v>1</v>
      </c>
      <c r="R916" t="s">
        <v>669</v>
      </c>
      <c r="S916">
        <v>1</v>
      </c>
      <c r="T916" t="s">
        <v>1455</v>
      </c>
      <c r="U916">
        <v>857</v>
      </c>
      <c r="V916">
        <v>3</v>
      </c>
      <c r="W916">
        <v>180</v>
      </c>
      <c r="X916">
        <v>2020</v>
      </c>
    </row>
    <row r="917" spans="1:24" x14ac:dyDescent="0.25">
      <c r="A917">
        <v>13070</v>
      </c>
      <c r="B917" t="s">
        <v>16</v>
      </c>
      <c r="C917">
        <v>5</v>
      </c>
      <c r="D917" t="s">
        <v>439</v>
      </c>
      <c r="E917">
        <v>47</v>
      </c>
      <c r="F917" t="s">
        <v>651</v>
      </c>
      <c r="G917">
        <v>160</v>
      </c>
      <c r="H917" t="s">
        <v>658</v>
      </c>
      <c r="I917">
        <v>13755</v>
      </c>
      <c r="J917" t="s">
        <v>699</v>
      </c>
      <c r="K917">
        <v>10</v>
      </c>
      <c r="L917" t="s">
        <v>700</v>
      </c>
      <c r="M917">
        <v>348</v>
      </c>
      <c r="N917" t="s">
        <v>654</v>
      </c>
      <c r="O917">
        <v>3</v>
      </c>
      <c r="P917" t="s">
        <v>655</v>
      </c>
      <c r="Q917">
        <v>1</v>
      </c>
      <c r="R917" t="s">
        <v>669</v>
      </c>
      <c r="S917">
        <v>1</v>
      </c>
      <c r="T917" t="s">
        <v>1456</v>
      </c>
      <c r="U917">
        <v>881</v>
      </c>
      <c r="V917">
        <v>3</v>
      </c>
      <c r="W917">
        <v>180</v>
      </c>
      <c r="X917">
        <v>2020</v>
      </c>
    </row>
    <row r="918" spans="1:24" x14ac:dyDescent="0.25">
      <c r="A918">
        <v>13067</v>
      </c>
      <c r="B918" t="s">
        <v>16</v>
      </c>
      <c r="C918">
        <v>5</v>
      </c>
      <c r="D918" t="s">
        <v>439</v>
      </c>
      <c r="E918">
        <v>47</v>
      </c>
      <c r="F918" t="s">
        <v>651</v>
      </c>
      <c r="G918">
        <v>160</v>
      </c>
      <c r="H918" t="s">
        <v>658</v>
      </c>
      <c r="I918">
        <v>13755</v>
      </c>
      <c r="J918" t="s">
        <v>699</v>
      </c>
      <c r="K918">
        <v>10</v>
      </c>
      <c r="L918" t="s">
        <v>700</v>
      </c>
      <c r="M918">
        <v>348</v>
      </c>
      <c r="N918" t="s">
        <v>654</v>
      </c>
      <c r="O918">
        <v>3</v>
      </c>
      <c r="P918" t="s">
        <v>655</v>
      </c>
      <c r="Q918">
        <v>1</v>
      </c>
      <c r="R918" t="s">
        <v>669</v>
      </c>
      <c r="S918">
        <v>1</v>
      </c>
      <c r="T918" t="s">
        <v>1457</v>
      </c>
      <c r="U918">
        <v>890</v>
      </c>
      <c r="V918">
        <v>3</v>
      </c>
      <c r="W918">
        <v>180</v>
      </c>
      <c r="X918">
        <v>2020</v>
      </c>
    </row>
    <row r="919" spans="1:24" x14ac:dyDescent="0.25">
      <c r="A919">
        <v>13064</v>
      </c>
      <c r="B919" t="s">
        <v>16</v>
      </c>
      <c r="C919">
        <v>5</v>
      </c>
      <c r="D919" t="s">
        <v>439</v>
      </c>
      <c r="E919">
        <v>47</v>
      </c>
      <c r="F919" t="s">
        <v>651</v>
      </c>
      <c r="G919">
        <v>160</v>
      </c>
      <c r="H919" t="s">
        <v>658</v>
      </c>
      <c r="I919">
        <v>13755</v>
      </c>
      <c r="J919" t="s">
        <v>699</v>
      </c>
      <c r="K919">
        <v>10</v>
      </c>
      <c r="L919" t="s">
        <v>700</v>
      </c>
      <c r="M919">
        <v>348</v>
      </c>
      <c r="N919" t="s">
        <v>654</v>
      </c>
      <c r="O919">
        <v>3</v>
      </c>
      <c r="P919" t="s">
        <v>655</v>
      </c>
      <c r="Q919">
        <v>1</v>
      </c>
      <c r="R919" t="s">
        <v>669</v>
      </c>
      <c r="S919">
        <v>1</v>
      </c>
      <c r="T919" t="s">
        <v>1458</v>
      </c>
      <c r="U919">
        <v>324</v>
      </c>
      <c r="V919">
        <v>3</v>
      </c>
      <c r="W919">
        <v>180</v>
      </c>
      <c r="X919">
        <v>2020</v>
      </c>
    </row>
    <row r="920" spans="1:24" x14ac:dyDescent="0.25">
      <c r="A920">
        <v>13061</v>
      </c>
      <c r="B920" t="s">
        <v>16</v>
      </c>
      <c r="C920">
        <v>5</v>
      </c>
      <c r="D920" t="s">
        <v>439</v>
      </c>
      <c r="E920">
        <v>47</v>
      </c>
      <c r="F920" t="s">
        <v>651</v>
      </c>
      <c r="G920">
        <v>160</v>
      </c>
      <c r="H920" t="s">
        <v>658</v>
      </c>
      <c r="I920">
        <v>13755</v>
      </c>
      <c r="J920" t="s">
        <v>699</v>
      </c>
      <c r="K920">
        <v>10</v>
      </c>
      <c r="L920" t="s">
        <v>700</v>
      </c>
      <c r="M920">
        <v>348</v>
      </c>
      <c r="N920" t="s">
        <v>654</v>
      </c>
      <c r="O920">
        <v>3</v>
      </c>
      <c r="P920" t="s">
        <v>655</v>
      </c>
      <c r="Q920">
        <v>1</v>
      </c>
      <c r="R920" t="s">
        <v>669</v>
      </c>
      <c r="S920">
        <v>1</v>
      </c>
      <c r="T920" t="s">
        <v>1459</v>
      </c>
      <c r="U920">
        <v>404</v>
      </c>
      <c r="V920">
        <v>3</v>
      </c>
      <c r="W920">
        <v>180</v>
      </c>
      <c r="X920">
        <v>2020</v>
      </c>
    </row>
    <row r="921" spans="1:24" x14ac:dyDescent="0.25">
      <c r="A921">
        <v>13058</v>
      </c>
      <c r="B921" t="s">
        <v>16</v>
      </c>
      <c r="C921">
        <v>5</v>
      </c>
      <c r="D921" t="s">
        <v>439</v>
      </c>
      <c r="E921">
        <v>47</v>
      </c>
      <c r="F921" t="s">
        <v>651</v>
      </c>
      <c r="G921">
        <v>160</v>
      </c>
      <c r="H921" t="s">
        <v>658</v>
      </c>
      <c r="I921">
        <v>13755</v>
      </c>
      <c r="J921" t="s">
        <v>699</v>
      </c>
      <c r="K921">
        <v>10</v>
      </c>
      <c r="L921" t="s">
        <v>1241</v>
      </c>
      <c r="M921">
        <v>346</v>
      </c>
      <c r="N921" t="s">
        <v>654</v>
      </c>
      <c r="O921">
        <v>3</v>
      </c>
      <c r="P921" t="s">
        <v>655</v>
      </c>
      <c r="Q921">
        <v>1</v>
      </c>
      <c r="R921" t="s">
        <v>669</v>
      </c>
      <c r="S921">
        <v>1</v>
      </c>
      <c r="T921" t="s">
        <v>1460</v>
      </c>
      <c r="U921">
        <v>440</v>
      </c>
      <c r="V921">
        <v>3</v>
      </c>
      <c r="W921">
        <v>180</v>
      </c>
      <c r="X921">
        <v>2020</v>
      </c>
    </row>
    <row r="922" spans="1:24" x14ac:dyDescent="0.25">
      <c r="A922">
        <v>13055</v>
      </c>
      <c r="B922" t="s">
        <v>16</v>
      </c>
      <c r="C922">
        <v>5</v>
      </c>
      <c r="D922" t="s">
        <v>439</v>
      </c>
      <c r="E922">
        <v>47</v>
      </c>
      <c r="F922" t="s">
        <v>651</v>
      </c>
      <c r="G922">
        <v>160</v>
      </c>
      <c r="H922" t="s">
        <v>658</v>
      </c>
      <c r="I922">
        <v>13755</v>
      </c>
      <c r="J922" t="s">
        <v>699</v>
      </c>
      <c r="K922">
        <v>10</v>
      </c>
      <c r="L922" t="s">
        <v>700</v>
      </c>
      <c r="M922">
        <v>348</v>
      </c>
      <c r="N922" t="s">
        <v>654</v>
      </c>
      <c r="O922">
        <v>3</v>
      </c>
      <c r="P922" t="s">
        <v>655</v>
      </c>
      <c r="Q922">
        <v>1</v>
      </c>
      <c r="R922" t="s">
        <v>669</v>
      </c>
      <c r="S922">
        <v>1</v>
      </c>
      <c r="T922" t="s">
        <v>1461</v>
      </c>
      <c r="U922">
        <v>422</v>
      </c>
      <c r="V922">
        <v>3</v>
      </c>
      <c r="W922">
        <v>180</v>
      </c>
      <c r="X922">
        <v>2020</v>
      </c>
    </row>
    <row r="923" spans="1:24" x14ac:dyDescent="0.25">
      <c r="A923">
        <v>13052</v>
      </c>
      <c r="B923" t="s">
        <v>16</v>
      </c>
      <c r="C923">
        <v>5</v>
      </c>
      <c r="D923" t="s">
        <v>439</v>
      </c>
      <c r="E923">
        <v>47</v>
      </c>
      <c r="F923" t="s">
        <v>651</v>
      </c>
      <c r="G923">
        <v>160</v>
      </c>
      <c r="H923" t="s">
        <v>658</v>
      </c>
      <c r="I923">
        <v>13755</v>
      </c>
      <c r="J923" t="s">
        <v>699</v>
      </c>
      <c r="K923">
        <v>10</v>
      </c>
      <c r="L923" t="s">
        <v>700</v>
      </c>
      <c r="M923">
        <v>348</v>
      </c>
      <c r="N923" t="s">
        <v>654</v>
      </c>
      <c r="O923">
        <v>3</v>
      </c>
      <c r="P923" t="s">
        <v>655</v>
      </c>
      <c r="Q923">
        <v>1</v>
      </c>
      <c r="R923" t="s">
        <v>669</v>
      </c>
      <c r="S923">
        <v>1</v>
      </c>
      <c r="T923" t="s">
        <v>1462</v>
      </c>
      <c r="U923">
        <v>437</v>
      </c>
      <c r="V923">
        <v>3</v>
      </c>
      <c r="W923">
        <v>180</v>
      </c>
      <c r="X923">
        <v>2020</v>
      </c>
    </row>
    <row r="924" spans="1:24" x14ac:dyDescent="0.25">
      <c r="A924">
        <v>13049</v>
      </c>
      <c r="B924" t="s">
        <v>16</v>
      </c>
      <c r="C924">
        <v>5</v>
      </c>
      <c r="D924" t="s">
        <v>439</v>
      </c>
      <c r="E924">
        <v>47</v>
      </c>
      <c r="F924" t="s">
        <v>651</v>
      </c>
      <c r="G924">
        <v>160</v>
      </c>
      <c r="H924" t="s">
        <v>658</v>
      </c>
      <c r="I924">
        <v>13755</v>
      </c>
      <c r="J924" t="s">
        <v>699</v>
      </c>
      <c r="K924">
        <v>10</v>
      </c>
      <c r="L924" t="s">
        <v>700</v>
      </c>
      <c r="M924">
        <v>348</v>
      </c>
      <c r="N924" t="s">
        <v>654</v>
      </c>
      <c r="O924">
        <v>3</v>
      </c>
      <c r="P924" t="s">
        <v>655</v>
      </c>
      <c r="Q924">
        <v>1</v>
      </c>
      <c r="R924" t="s">
        <v>669</v>
      </c>
      <c r="S924">
        <v>1</v>
      </c>
      <c r="T924" t="s">
        <v>1463</v>
      </c>
      <c r="U924">
        <v>199</v>
      </c>
      <c r="V924">
        <v>3</v>
      </c>
      <c r="W924">
        <v>180</v>
      </c>
      <c r="X924">
        <v>2020</v>
      </c>
    </row>
    <row r="925" spans="1:24" x14ac:dyDescent="0.25">
      <c r="A925">
        <v>13046</v>
      </c>
      <c r="B925" t="s">
        <v>16</v>
      </c>
      <c r="C925">
        <v>5</v>
      </c>
      <c r="D925" t="s">
        <v>439</v>
      </c>
      <c r="E925">
        <v>47</v>
      </c>
      <c r="F925" t="s">
        <v>651</v>
      </c>
      <c r="G925">
        <v>160</v>
      </c>
      <c r="H925" t="s">
        <v>658</v>
      </c>
      <c r="I925">
        <v>13755</v>
      </c>
      <c r="J925" t="s">
        <v>699</v>
      </c>
      <c r="K925">
        <v>10</v>
      </c>
      <c r="L925" t="s">
        <v>700</v>
      </c>
      <c r="M925">
        <v>348</v>
      </c>
      <c r="N925" t="s">
        <v>654</v>
      </c>
      <c r="O925">
        <v>3</v>
      </c>
      <c r="P925" t="s">
        <v>655</v>
      </c>
      <c r="Q925">
        <v>1</v>
      </c>
      <c r="R925" t="s">
        <v>669</v>
      </c>
      <c r="S925">
        <v>1</v>
      </c>
      <c r="T925" t="s">
        <v>1464</v>
      </c>
      <c r="U925">
        <v>695</v>
      </c>
      <c r="V925">
        <v>3</v>
      </c>
      <c r="W925">
        <v>180</v>
      </c>
      <c r="X925">
        <v>2020</v>
      </c>
    </row>
    <row r="926" spans="1:24" x14ac:dyDescent="0.25">
      <c r="A926">
        <v>13043</v>
      </c>
      <c r="B926" t="s">
        <v>16</v>
      </c>
      <c r="C926">
        <v>5</v>
      </c>
      <c r="D926" t="s">
        <v>439</v>
      </c>
      <c r="E926">
        <v>47</v>
      </c>
      <c r="F926" t="s">
        <v>651</v>
      </c>
      <c r="G926">
        <v>160</v>
      </c>
      <c r="H926" t="s">
        <v>658</v>
      </c>
      <c r="I926">
        <v>13755</v>
      </c>
      <c r="J926" t="s">
        <v>699</v>
      </c>
      <c r="K926">
        <v>10</v>
      </c>
      <c r="L926" t="s">
        <v>700</v>
      </c>
      <c r="M926">
        <v>348</v>
      </c>
      <c r="N926" t="s">
        <v>654</v>
      </c>
      <c r="O926">
        <v>3</v>
      </c>
      <c r="P926" t="s">
        <v>655</v>
      </c>
      <c r="Q926">
        <v>1</v>
      </c>
      <c r="R926" t="s">
        <v>669</v>
      </c>
      <c r="S926">
        <v>1</v>
      </c>
      <c r="T926" t="s">
        <v>1465</v>
      </c>
      <c r="U926">
        <v>659</v>
      </c>
      <c r="V926">
        <v>3</v>
      </c>
      <c r="W926">
        <v>180</v>
      </c>
      <c r="X926">
        <v>2020</v>
      </c>
    </row>
    <row r="927" spans="1:24" x14ac:dyDescent="0.25">
      <c r="A927">
        <v>13040</v>
      </c>
      <c r="B927" t="s">
        <v>16</v>
      </c>
      <c r="C927">
        <v>5</v>
      </c>
      <c r="D927" t="s">
        <v>439</v>
      </c>
      <c r="E927">
        <v>47</v>
      </c>
      <c r="F927" t="s">
        <v>651</v>
      </c>
      <c r="G927">
        <v>160</v>
      </c>
      <c r="H927" t="s">
        <v>658</v>
      </c>
      <c r="I927">
        <v>13755</v>
      </c>
      <c r="J927" t="s">
        <v>699</v>
      </c>
      <c r="K927">
        <v>10</v>
      </c>
      <c r="L927" t="s">
        <v>700</v>
      </c>
      <c r="M927">
        <v>348</v>
      </c>
      <c r="N927" t="s">
        <v>654</v>
      </c>
      <c r="O927">
        <v>3</v>
      </c>
      <c r="P927" t="s">
        <v>655</v>
      </c>
      <c r="Q927">
        <v>1</v>
      </c>
      <c r="R927" t="s">
        <v>669</v>
      </c>
      <c r="S927">
        <v>1</v>
      </c>
      <c r="T927" t="s">
        <v>1466</v>
      </c>
      <c r="U927">
        <v>27</v>
      </c>
      <c r="V927">
        <v>3</v>
      </c>
      <c r="W927">
        <v>180</v>
      </c>
      <c r="X927">
        <v>2020</v>
      </c>
    </row>
    <row r="928" spans="1:24" x14ac:dyDescent="0.25">
      <c r="A928">
        <v>13037</v>
      </c>
      <c r="B928" t="s">
        <v>16</v>
      </c>
      <c r="C928">
        <v>5</v>
      </c>
      <c r="D928" t="s">
        <v>439</v>
      </c>
      <c r="E928">
        <v>47</v>
      </c>
      <c r="F928" t="s">
        <v>651</v>
      </c>
      <c r="G928">
        <v>160</v>
      </c>
      <c r="H928" t="s">
        <v>658</v>
      </c>
      <c r="I928">
        <v>13755</v>
      </c>
      <c r="J928" t="s">
        <v>699</v>
      </c>
      <c r="K928">
        <v>10</v>
      </c>
      <c r="L928" t="s">
        <v>700</v>
      </c>
      <c r="M928">
        <v>348</v>
      </c>
      <c r="N928" t="s">
        <v>654</v>
      </c>
      <c r="O928">
        <v>3</v>
      </c>
      <c r="P928" t="s">
        <v>655</v>
      </c>
      <c r="Q928">
        <v>1</v>
      </c>
      <c r="R928" t="s">
        <v>669</v>
      </c>
      <c r="S928">
        <v>1</v>
      </c>
      <c r="T928" t="s">
        <v>1467</v>
      </c>
      <c r="U928">
        <v>22</v>
      </c>
      <c r="V928">
        <v>3</v>
      </c>
      <c r="W928">
        <v>180</v>
      </c>
      <c r="X928">
        <v>2020</v>
      </c>
    </row>
    <row r="929" spans="1:24" x14ac:dyDescent="0.25">
      <c r="A929">
        <v>13034</v>
      </c>
      <c r="B929" t="s">
        <v>16</v>
      </c>
      <c r="C929">
        <v>5</v>
      </c>
      <c r="D929" t="s">
        <v>439</v>
      </c>
      <c r="E929">
        <v>47</v>
      </c>
      <c r="F929" t="s">
        <v>651</v>
      </c>
      <c r="G929">
        <v>160</v>
      </c>
      <c r="H929" t="s">
        <v>658</v>
      </c>
      <c r="I929">
        <v>13755</v>
      </c>
      <c r="J929" t="s">
        <v>699</v>
      </c>
      <c r="K929">
        <v>10</v>
      </c>
      <c r="L929" t="s">
        <v>700</v>
      </c>
      <c r="M929">
        <v>348</v>
      </c>
      <c r="N929" t="s">
        <v>654</v>
      </c>
      <c r="O929">
        <v>3</v>
      </c>
      <c r="P929" t="s">
        <v>655</v>
      </c>
      <c r="Q929">
        <v>1</v>
      </c>
      <c r="R929" t="s">
        <v>669</v>
      </c>
      <c r="S929">
        <v>1</v>
      </c>
      <c r="T929" t="s">
        <v>1468</v>
      </c>
      <c r="U929">
        <v>668</v>
      </c>
      <c r="V929">
        <v>3</v>
      </c>
      <c r="W929">
        <v>180</v>
      </c>
      <c r="X929">
        <v>2020</v>
      </c>
    </row>
    <row r="930" spans="1:24" x14ac:dyDescent="0.25">
      <c r="A930">
        <v>13031</v>
      </c>
      <c r="B930" t="s">
        <v>16</v>
      </c>
      <c r="C930">
        <v>5</v>
      </c>
      <c r="D930" t="s">
        <v>439</v>
      </c>
      <c r="E930">
        <v>47</v>
      </c>
      <c r="F930" t="s">
        <v>651</v>
      </c>
      <c r="G930">
        <v>160</v>
      </c>
      <c r="H930" t="s">
        <v>658</v>
      </c>
      <c r="I930">
        <v>13755</v>
      </c>
      <c r="J930" t="s">
        <v>699</v>
      </c>
      <c r="K930">
        <v>10</v>
      </c>
      <c r="L930" t="s">
        <v>700</v>
      </c>
      <c r="M930">
        <v>348</v>
      </c>
      <c r="N930" t="s">
        <v>654</v>
      </c>
      <c r="O930">
        <v>3</v>
      </c>
      <c r="P930" t="s">
        <v>655</v>
      </c>
      <c r="Q930">
        <v>1</v>
      </c>
      <c r="R930" t="s">
        <v>669</v>
      </c>
      <c r="S930">
        <v>1</v>
      </c>
      <c r="T930" t="s">
        <v>1469</v>
      </c>
      <c r="U930">
        <v>319</v>
      </c>
      <c r="V930">
        <v>3</v>
      </c>
      <c r="W930">
        <v>180</v>
      </c>
      <c r="X930">
        <v>2020</v>
      </c>
    </row>
    <row r="931" spans="1:24" x14ac:dyDescent="0.25">
      <c r="A931">
        <v>13028</v>
      </c>
      <c r="B931" t="s">
        <v>16</v>
      </c>
      <c r="C931">
        <v>5</v>
      </c>
      <c r="D931" t="s">
        <v>439</v>
      </c>
      <c r="E931">
        <v>47</v>
      </c>
      <c r="F931" t="s">
        <v>651</v>
      </c>
      <c r="G931">
        <v>160</v>
      </c>
      <c r="H931" t="s">
        <v>658</v>
      </c>
      <c r="I931">
        <v>13755</v>
      </c>
      <c r="J931" t="s">
        <v>699</v>
      </c>
      <c r="K931">
        <v>10</v>
      </c>
      <c r="L931" t="s">
        <v>700</v>
      </c>
      <c r="M931">
        <v>348</v>
      </c>
      <c r="N931" t="s">
        <v>654</v>
      </c>
      <c r="O931">
        <v>3</v>
      </c>
      <c r="P931" t="s">
        <v>655</v>
      </c>
      <c r="Q931">
        <v>1</v>
      </c>
      <c r="R931" t="s">
        <v>669</v>
      </c>
      <c r="S931">
        <v>1</v>
      </c>
      <c r="T931" t="s">
        <v>1470</v>
      </c>
      <c r="U931">
        <v>317</v>
      </c>
      <c r="V931">
        <v>3</v>
      </c>
      <c r="W931">
        <v>180</v>
      </c>
      <c r="X931">
        <v>2020</v>
      </c>
    </row>
    <row r="932" spans="1:24" x14ac:dyDescent="0.25">
      <c r="A932">
        <v>13025</v>
      </c>
      <c r="B932" t="s">
        <v>16</v>
      </c>
      <c r="C932">
        <v>5</v>
      </c>
      <c r="D932" t="s">
        <v>439</v>
      </c>
      <c r="E932">
        <v>47</v>
      </c>
      <c r="F932" t="s">
        <v>651</v>
      </c>
      <c r="G932">
        <v>160</v>
      </c>
      <c r="H932" t="s">
        <v>658</v>
      </c>
      <c r="I932">
        <v>13755</v>
      </c>
      <c r="J932" t="s">
        <v>699</v>
      </c>
      <c r="K932">
        <v>10</v>
      </c>
      <c r="L932" t="s">
        <v>700</v>
      </c>
      <c r="M932">
        <v>348</v>
      </c>
      <c r="N932" t="s">
        <v>654</v>
      </c>
      <c r="O932">
        <v>3</v>
      </c>
      <c r="P932" t="s">
        <v>655</v>
      </c>
      <c r="Q932">
        <v>1</v>
      </c>
      <c r="R932" t="s">
        <v>669</v>
      </c>
      <c r="S932">
        <v>1</v>
      </c>
      <c r="T932" t="s">
        <v>1471</v>
      </c>
      <c r="U932">
        <v>617</v>
      </c>
      <c r="V932">
        <v>3</v>
      </c>
      <c r="W932">
        <v>180</v>
      </c>
      <c r="X932">
        <v>2020</v>
      </c>
    </row>
    <row r="933" spans="1:24" x14ac:dyDescent="0.25">
      <c r="A933">
        <v>13022</v>
      </c>
      <c r="B933" t="s">
        <v>16</v>
      </c>
      <c r="C933">
        <v>5</v>
      </c>
      <c r="D933" t="s">
        <v>439</v>
      </c>
      <c r="E933">
        <v>47</v>
      </c>
      <c r="F933" t="s">
        <v>651</v>
      </c>
      <c r="G933">
        <v>160</v>
      </c>
      <c r="H933" t="s">
        <v>658</v>
      </c>
      <c r="I933">
        <v>13755</v>
      </c>
      <c r="J933" t="s">
        <v>699</v>
      </c>
      <c r="K933">
        <v>10</v>
      </c>
      <c r="L933" t="s">
        <v>700</v>
      </c>
      <c r="M933">
        <v>348</v>
      </c>
      <c r="N933" t="s">
        <v>654</v>
      </c>
      <c r="O933">
        <v>3</v>
      </c>
      <c r="P933" t="s">
        <v>655</v>
      </c>
      <c r="Q933">
        <v>1</v>
      </c>
      <c r="R933" t="s">
        <v>669</v>
      </c>
      <c r="S933">
        <v>1</v>
      </c>
      <c r="T933" t="s">
        <v>1472</v>
      </c>
      <c r="U933">
        <v>61</v>
      </c>
      <c r="V933">
        <v>3</v>
      </c>
      <c r="W933">
        <v>180</v>
      </c>
      <c r="X933">
        <v>2020</v>
      </c>
    </row>
    <row r="934" spans="1:24" x14ac:dyDescent="0.25">
      <c r="A934">
        <v>13019</v>
      </c>
      <c r="B934" t="s">
        <v>16</v>
      </c>
      <c r="C934">
        <v>5</v>
      </c>
      <c r="D934" t="s">
        <v>439</v>
      </c>
      <c r="E934">
        <v>47</v>
      </c>
      <c r="F934" t="s">
        <v>651</v>
      </c>
      <c r="G934">
        <v>160</v>
      </c>
      <c r="H934" t="s">
        <v>658</v>
      </c>
      <c r="I934">
        <v>13755</v>
      </c>
      <c r="J934" t="s">
        <v>667</v>
      </c>
      <c r="K934">
        <v>11</v>
      </c>
      <c r="L934" t="s">
        <v>667</v>
      </c>
      <c r="M934">
        <v>35</v>
      </c>
      <c r="N934" t="s">
        <v>654</v>
      </c>
      <c r="O934">
        <v>3</v>
      </c>
      <c r="P934" t="s">
        <v>655</v>
      </c>
      <c r="Q934">
        <v>1</v>
      </c>
      <c r="R934" t="s">
        <v>669</v>
      </c>
      <c r="S934">
        <v>1</v>
      </c>
      <c r="T934" t="s">
        <v>1473</v>
      </c>
      <c r="U934">
        <v>599</v>
      </c>
      <c r="V934">
        <v>3</v>
      </c>
      <c r="W934">
        <v>180</v>
      </c>
      <c r="X934">
        <v>2020</v>
      </c>
    </row>
    <row r="935" spans="1:24" x14ac:dyDescent="0.25">
      <c r="A935">
        <v>13016</v>
      </c>
      <c r="B935" t="s">
        <v>16</v>
      </c>
      <c r="C935">
        <v>5</v>
      </c>
      <c r="D935" t="s">
        <v>439</v>
      </c>
      <c r="E935">
        <v>47</v>
      </c>
      <c r="F935" t="s">
        <v>651</v>
      </c>
      <c r="G935">
        <v>160</v>
      </c>
      <c r="H935" t="s">
        <v>658</v>
      </c>
      <c r="I935">
        <v>13755</v>
      </c>
      <c r="J935" t="s">
        <v>895</v>
      </c>
      <c r="K935">
        <v>13</v>
      </c>
      <c r="L935" t="s">
        <v>1418</v>
      </c>
      <c r="M935">
        <v>43</v>
      </c>
      <c r="N935" t="s">
        <v>654</v>
      </c>
      <c r="O935">
        <v>3</v>
      </c>
      <c r="P935" t="s">
        <v>655</v>
      </c>
      <c r="Q935">
        <v>1</v>
      </c>
      <c r="R935" t="s">
        <v>669</v>
      </c>
      <c r="S935">
        <v>1</v>
      </c>
      <c r="T935" t="s">
        <v>1474</v>
      </c>
      <c r="U935">
        <v>605</v>
      </c>
      <c r="V935">
        <v>3</v>
      </c>
      <c r="W935">
        <v>180</v>
      </c>
      <c r="X935">
        <v>2020</v>
      </c>
    </row>
    <row r="936" spans="1:24" x14ac:dyDescent="0.25">
      <c r="A936">
        <v>13013</v>
      </c>
      <c r="B936" t="s">
        <v>16</v>
      </c>
      <c r="C936">
        <v>5</v>
      </c>
      <c r="D936" t="s">
        <v>439</v>
      </c>
      <c r="E936">
        <v>47</v>
      </c>
      <c r="F936" t="s">
        <v>651</v>
      </c>
      <c r="G936">
        <v>160</v>
      </c>
      <c r="H936" t="s">
        <v>658</v>
      </c>
      <c r="I936">
        <v>13755</v>
      </c>
      <c r="J936" t="s">
        <v>895</v>
      </c>
      <c r="K936">
        <v>13</v>
      </c>
      <c r="L936" t="s">
        <v>1418</v>
      </c>
      <c r="M936">
        <v>43</v>
      </c>
      <c r="N936" t="s">
        <v>654</v>
      </c>
      <c r="O936">
        <v>3</v>
      </c>
      <c r="P936" t="s">
        <v>655</v>
      </c>
      <c r="Q936">
        <v>1</v>
      </c>
      <c r="R936" t="s">
        <v>669</v>
      </c>
      <c r="S936">
        <v>1</v>
      </c>
      <c r="T936" t="s">
        <v>1475</v>
      </c>
      <c r="U936">
        <v>602</v>
      </c>
      <c r="V936">
        <v>3</v>
      </c>
      <c r="W936">
        <v>180</v>
      </c>
      <c r="X936">
        <v>2020</v>
      </c>
    </row>
    <row r="937" spans="1:24" x14ac:dyDescent="0.25">
      <c r="A937">
        <v>13010</v>
      </c>
      <c r="B937" t="s">
        <v>16</v>
      </c>
      <c r="C937">
        <v>5</v>
      </c>
      <c r="D937" t="s">
        <v>439</v>
      </c>
      <c r="E937">
        <v>47</v>
      </c>
      <c r="F937" t="s">
        <v>651</v>
      </c>
      <c r="G937">
        <v>160</v>
      </c>
      <c r="H937" t="s">
        <v>658</v>
      </c>
      <c r="I937">
        <v>13755</v>
      </c>
      <c r="J937" t="s">
        <v>895</v>
      </c>
      <c r="K937">
        <v>13</v>
      </c>
      <c r="L937" t="s">
        <v>1418</v>
      </c>
      <c r="M937">
        <v>43</v>
      </c>
      <c r="N937" t="s">
        <v>654</v>
      </c>
      <c r="O937">
        <v>3</v>
      </c>
      <c r="P937" t="s">
        <v>655</v>
      </c>
      <c r="Q937">
        <v>1</v>
      </c>
      <c r="R937" t="s">
        <v>669</v>
      </c>
      <c r="S937">
        <v>1</v>
      </c>
      <c r="T937" t="s">
        <v>1372</v>
      </c>
      <c r="U937">
        <v>593</v>
      </c>
      <c r="V937">
        <v>3</v>
      </c>
      <c r="W937">
        <v>180</v>
      </c>
      <c r="X937">
        <v>2020</v>
      </c>
    </row>
    <row r="938" spans="1:24" x14ac:dyDescent="0.25">
      <c r="A938">
        <v>13007</v>
      </c>
      <c r="B938" t="s">
        <v>16</v>
      </c>
      <c r="C938">
        <v>5</v>
      </c>
      <c r="D938" t="s">
        <v>439</v>
      </c>
      <c r="E938">
        <v>47</v>
      </c>
      <c r="F938" t="s">
        <v>651</v>
      </c>
      <c r="G938">
        <v>160</v>
      </c>
      <c r="H938" t="s">
        <v>658</v>
      </c>
      <c r="I938">
        <v>13755</v>
      </c>
      <c r="J938" t="s">
        <v>699</v>
      </c>
      <c r="K938">
        <v>10</v>
      </c>
      <c r="L938" t="s">
        <v>700</v>
      </c>
      <c r="M938">
        <v>348</v>
      </c>
      <c r="N938" t="s">
        <v>654</v>
      </c>
      <c r="O938">
        <v>3</v>
      </c>
      <c r="P938" t="s">
        <v>655</v>
      </c>
      <c r="Q938">
        <v>1</v>
      </c>
      <c r="R938" t="s">
        <v>669</v>
      </c>
      <c r="S938">
        <v>1</v>
      </c>
      <c r="T938" t="s">
        <v>1476</v>
      </c>
      <c r="U938">
        <v>839</v>
      </c>
      <c r="V938">
        <v>3</v>
      </c>
      <c r="W938">
        <v>180</v>
      </c>
      <c r="X938">
        <v>2020</v>
      </c>
    </row>
    <row r="939" spans="1:24" x14ac:dyDescent="0.25">
      <c r="A939">
        <v>13004</v>
      </c>
      <c r="B939" t="s">
        <v>16</v>
      </c>
      <c r="C939">
        <v>5</v>
      </c>
      <c r="D939" t="s">
        <v>439</v>
      </c>
      <c r="E939">
        <v>47</v>
      </c>
      <c r="F939" t="s">
        <v>651</v>
      </c>
      <c r="G939">
        <v>160</v>
      </c>
      <c r="H939" t="s">
        <v>658</v>
      </c>
      <c r="I939">
        <v>13755</v>
      </c>
      <c r="J939" t="s">
        <v>699</v>
      </c>
      <c r="K939">
        <v>10</v>
      </c>
      <c r="L939" t="s">
        <v>700</v>
      </c>
      <c r="M939">
        <v>348</v>
      </c>
      <c r="N939" t="s">
        <v>654</v>
      </c>
      <c r="O939">
        <v>3</v>
      </c>
      <c r="P939" t="s">
        <v>655</v>
      </c>
      <c r="Q939">
        <v>1</v>
      </c>
      <c r="R939" t="s">
        <v>669</v>
      </c>
      <c r="S939">
        <v>1</v>
      </c>
      <c r="T939" t="s">
        <v>1477</v>
      </c>
      <c r="U939">
        <v>836</v>
      </c>
      <c r="V939">
        <v>3</v>
      </c>
      <c r="W939">
        <v>180</v>
      </c>
      <c r="X939">
        <v>2020</v>
      </c>
    </row>
    <row r="940" spans="1:24" x14ac:dyDescent="0.25">
      <c r="A940">
        <v>13001</v>
      </c>
      <c r="B940" t="s">
        <v>16</v>
      </c>
      <c r="C940">
        <v>5</v>
      </c>
      <c r="D940" t="s">
        <v>439</v>
      </c>
      <c r="E940">
        <v>47</v>
      </c>
      <c r="F940" t="s">
        <v>651</v>
      </c>
      <c r="G940">
        <v>160</v>
      </c>
      <c r="H940" t="s">
        <v>658</v>
      </c>
      <c r="I940">
        <v>13755</v>
      </c>
      <c r="J940" t="s">
        <v>699</v>
      </c>
      <c r="K940">
        <v>10</v>
      </c>
      <c r="L940" t="s">
        <v>700</v>
      </c>
      <c r="M940">
        <v>348</v>
      </c>
      <c r="N940" t="s">
        <v>654</v>
      </c>
      <c r="O940">
        <v>3</v>
      </c>
      <c r="P940" t="s">
        <v>655</v>
      </c>
      <c r="Q940">
        <v>1</v>
      </c>
      <c r="R940" t="s">
        <v>669</v>
      </c>
      <c r="S940">
        <v>1</v>
      </c>
      <c r="T940" t="s">
        <v>1478</v>
      </c>
      <c r="U940">
        <v>821</v>
      </c>
      <c r="V940">
        <v>3</v>
      </c>
      <c r="W940">
        <v>180</v>
      </c>
      <c r="X940">
        <v>2020</v>
      </c>
    </row>
    <row r="941" spans="1:24" x14ac:dyDescent="0.25">
      <c r="A941">
        <v>12998</v>
      </c>
      <c r="B941" t="s">
        <v>16</v>
      </c>
      <c r="C941">
        <v>5</v>
      </c>
      <c r="D941" t="s">
        <v>439</v>
      </c>
      <c r="E941">
        <v>47</v>
      </c>
      <c r="F941" t="s">
        <v>651</v>
      </c>
      <c r="G941">
        <v>160</v>
      </c>
      <c r="H941" t="s">
        <v>658</v>
      </c>
      <c r="I941">
        <v>13755</v>
      </c>
      <c r="J941" t="s">
        <v>699</v>
      </c>
      <c r="K941">
        <v>10</v>
      </c>
      <c r="L941" t="s">
        <v>700</v>
      </c>
      <c r="M941">
        <v>348</v>
      </c>
      <c r="N941" t="s">
        <v>654</v>
      </c>
      <c r="O941">
        <v>3</v>
      </c>
      <c r="P941" t="s">
        <v>655</v>
      </c>
      <c r="Q941">
        <v>1</v>
      </c>
      <c r="R941" t="s">
        <v>669</v>
      </c>
      <c r="S941">
        <v>1</v>
      </c>
      <c r="T941" t="s">
        <v>1479</v>
      </c>
      <c r="U941">
        <v>818</v>
      </c>
      <c r="V941">
        <v>3</v>
      </c>
      <c r="W941">
        <v>180</v>
      </c>
      <c r="X941">
        <v>2020</v>
      </c>
    </row>
    <row r="942" spans="1:24" x14ac:dyDescent="0.25">
      <c r="A942">
        <v>12995</v>
      </c>
      <c r="B942" t="s">
        <v>16</v>
      </c>
      <c r="C942">
        <v>5</v>
      </c>
      <c r="D942" t="s">
        <v>439</v>
      </c>
      <c r="E942">
        <v>47</v>
      </c>
      <c r="F942" t="s">
        <v>651</v>
      </c>
      <c r="G942">
        <v>160</v>
      </c>
      <c r="H942" t="s">
        <v>658</v>
      </c>
      <c r="I942">
        <v>13755</v>
      </c>
      <c r="J942" t="s">
        <v>699</v>
      </c>
      <c r="K942">
        <v>10</v>
      </c>
      <c r="L942" t="s">
        <v>700</v>
      </c>
      <c r="M942">
        <v>348</v>
      </c>
      <c r="N942" t="s">
        <v>654</v>
      </c>
      <c r="O942">
        <v>3</v>
      </c>
      <c r="P942" t="s">
        <v>655</v>
      </c>
      <c r="Q942">
        <v>1</v>
      </c>
      <c r="R942" t="s">
        <v>669</v>
      </c>
      <c r="S942">
        <v>1</v>
      </c>
      <c r="T942" t="s">
        <v>1480</v>
      </c>
      <c r="U942">
        <v>716</v>
      </c>
      <c r="V942">
        <v>3</v>
      </c>
      <c r="W942">
        <v>180</v>
      </c>
      <c r="X942">
        <v>2020</v>
      </c>
    </row>
    <row r="943" spans="1:24" x14ac:dyDescent="0.25">
      <c r="A943">
        <v>12992</v>
      </c>
      <c r="B943" t="s">
        <v>16</v>
      </c>
      <c r="C943">
        <v>5</v>
      </c>
      <c r="D943" t="s">
        <v>439</v>
      </c>
      <c r="E943">
        <v>47</v>
      </c>
      <c r="F943" t="s">
        <v>651</v>
      </c>
      <c r="G943">
        <v>160</v>
      </c>
      <c r="H943" t="s">
        <v>658</v>
      </c>
      <c r="I943">
        <v>13755</v>
      </c>
      <c r="J943" t="s">
        <v>699</v>
      </c>
      <c r="K943">
        <v>10</v>
      </c>
      <c r="L943" t="s">
        <v>700</v>
      </c>
      <c r="M943">
        <v>348</v>
      </c>
      <c r="N943" t="s">
        <v>654</v>
      </c>
      <c r="O943">
        <v>3</v>
      </c>
      <c r="P943" t="s">
        <v>655</v>
      </c>
      <c r="Q943">
        <v>1</v>
      </c>
      <c r="R943" t="s">
        <v>669</v>
      </c>
      <c r="S943">
        <v>1</v>
      </c>
      <c r="T943" t="s">
        <v>1481</v>
      </c>
      <c r="U943">
        <v>530</v>
      </c>
      <c r="V943">
        <v>3</v>
      </c>
      <c r="W943">
        <v>180</v>
      </c>
      <c r="X943">
        <v>2020</v>
      </c>
    </row>
    <row r="944" spans="1:24" x14ac:dyDescent="0.25">
      <c r="A944">
        <v>12989</v>
      </c>
      <c r="B944" t="s">
        <v>16</v>
      </c>
      <c r="C944">
        <v>5</v>
      </c>
      <c r="D944" t="s">
        <v>439</v>
      </c>
      <c r="E944">
        <v>47</v>
      </c>
      <c r="F944" t="s">
        <v>651</v>
      </c>
      <c r="G944">
        <v>160</v>
      </c>
      <c r="H944" t="s">
        <v>658</v>
      </c>
      <c r="I944">
        <v>13755</v>
      </c>
      <c r="J944" t="s">
        <v>699</v>
      </c>
      <c r="K944">
        <v>10</v>
      </c>
      <c r="L944" t="s">
        <v>700</v>
      </c>
      <c r="M944">
        <v>348</v>
      </c>
      <c r="N944" t="s">
        <v>654</v>
      </c>
      <c r="O944">
        <v>3</v>
      </c>
      <c r="P944" t="s">
        <v>655</v>
      </c>
      <c r="Q944">
        <v>1</v>
      </c>
      <c r="R944" t="s">
        <v>669</v>
      </c>
      <c r="S944">
        <v>1</v>
      </c>
      <c r="T944" t="s">
        <v>1482</v>
      </c>
      <c r="U944">
        <v>506</v>
      </c>
      <c r="V944">
        <v>3</v>
      </c>
      <c r="W944">
        <v>180</v>
      </c>
      <c r="X944">
        <v>2020</v>
      </c>
    </row>
    <row r="945" spans="1:24" x14ac:dyDescent="0.25">
      <c r="A945">
        <v>12986</v>
      </c>
      <c r="B945" t="s">
        <v>16</v>
      </c>
      <c r="C945">
        <v>5</v>
      </c>
      <c r="D945" t="s">
        <v>439</v>
      </c>
      <c r="E945">
        <v>47</v>
      </c>
      <c r="F945" t="s">
        <v>651</v>
      </c>
      <c r="G945">
        <v>160</v>
      </c>
      <c r="H945" t="s">
        <v>658</v>
      </c>
      <c r="I945">
        <v>13755</v>
      </c>
      <c r="J945" t="s">
        <v>699</v>
      </c>
      <c r="K945">
        <v>10</v>
      </c>
      <c r="L945" t="s">
        <v>700</v>
      </c>
      <c r="M945">
        <v>348</v>
      </c>
      <c r="N945" t="s">
        <v>654</v>
      </c>
      <c r="O945">
        <v>3</v>
      </c>
      <c r="P945" t="s">
        <v>655</v>
      </c>
      <c r="Q945">
        <v>1</v>
      </c>
      <c r="R945" t="s">
        <v>669</v>
      </c>
      <c r="S945">
        <v>1</v>
      </c>
      <c r="T945" t="s">
        <v>1483</v>
      </c>
      <c r="U945">
        <v>503</v>
      </c>
      <c r="V945">
        <v>3</v>
      </c>
      <c r="W945">
        <v>180</v>
      </c>
      <c r="X945">
        <v>2020</v>
      </c>
    </row>
    <row r="946" spans="1:24" x14ac:dyDescent="0.25">
      <c r="A946">
        <v>12983</v>
      </c>
      <c r="B946" t="s">
        <v>16</v>
      </c>
      <c r="C946">
        <v>5</v>
      </c>
      <c r="D946" t="s">
        <v>439</v>
      </c>
      <c r="E946">
        <v>47</v>
      </c>
      <c r="F946" t="s">
        <v>651</v>
      </c>
      <c r="G946">
        <v>160</v>
      </c>
      <c r="H946" t="s">
        <v>658</v>
      </c>
      <c r="I946">
        <v>13755</v>
      </c>
      <c r="J946" t="s">
        <v>699</v>
      </c>
      <c r="K946">
        <v>10</v>
      </c>
      <c r="L946" t="s">
        <v>700</v>
      </c>
      <c r="M946">
        <v>348</v>
      </c>
      <c r="N946" t="s">
        <v>654</v>
      </c>
      <c r="O946">
        <v>3</v>
      </c>
      <c r="P946" t="s">
        <v>655</v>
      </c>
      <c r="Q946">
        <v>1</v>
      </c>
      <c r="R946" t="s">
        <v>669</v>
      </c>
      <c r="S946">
        <v>1</v>
      </c>
      <c r="T946" t="s">
        <v>1484</v>
      </c>
      <c r="U946">
        <v>497</v>
      </c>
      <c r="V946">
        <v>3</v>
      </c>
      <c r="W946">
        <v>180</v>
      </c>
      <c r="X946">
        <v>2020</v>
      </c>
    </row>
    <row r="947" spans="1:24" x14ac:dyDescent="0.25">
      <c r="A947">
        <v>12980</v>
      </c>
      <c r="B947" t="s">
        <v>16</v>
      </c>
      <c r="C947">
        <v>5</v>
      </c>
      <c r="D947" t="s">
        <v>439</v>
      </c>
      <c r="E947">
        <v>47</v>
      </c>
      <c r="F947" t="s">
        <v>651</v>
      </c>
      <c r="G947">
        <v>160</v>
      </c>
      <c r="H947" t="s">
        <v>658</v>
      </c>
      <c r="I947">
        <v>13755</v>
      </c>
      <c r="J947" t="s">
        <v>699</v>
      </c>
      <c r="K947">
        <v>10</v>
      </c>
      <c r="L947" t="s">
        <v>700</v>
      </c>
      <c r="M947">
        <v>348</v>
      </c>
      <c r="N947" t="s">
        <v>654</v>
      </c>
      <c r="O947">
        <v>3</v>
      </c>
      <c r="P947" t="s">
        <v>655</v>
      </c>
      <c r="Q947">
        <v>1</v>
      </c>
      <c r="R947" t="s">
        <v>669</v>
      </c>
      <c r="S947">
        <v>1</v>
      </c>
      <c r="T947" t="s">
        <v>1485</v>
      </c>
      <c r="U947">
        <v>632</v>
      </c>
      <c r="V947">
        <v>3</v>
      </c>
      <c r="W947">
        <v>180</v>
      </c>
      <c r="X947">
        <v>2020</v>
      </c>
    </row>
    <row r="948" spans="1:24" x14ac:dyDescent="0.25">
      <c r="A948">
        <v>12977</v>
      </c>
      <c r="B948" t="s">
        <v>16</v>
      </c>
      <c r="C948">
        <v>5</v>
      </c>
      <c r="D948" t="s">
        <v>439</v>
      </c>
      <c r="E948">
        <v>47</v>
      </c>
      <c r="F948" t="s">
        <v>651</v>
      </c>
      <c r="G948">
        <v>160</v>
      </c>
      <c r="H948" t="s">
        <v>658</v>
      </c>
      <c r="I948">
        <v>13755</v>
      </c>
      <c r="J948" t="s">
        <v>699</v>
      </c>
      <c r="K948">
        <v>10</v>
      </c>
      <c r="L948" t="s">
        <v>700</v>
      </c>
      <c r="M948">
        <v>348</v>
      </c>
      <c r="N948" t="s">
        <v>654</v>
      </c>
      <c r="O948">
        <v>3</v>
      </c>
      <c r="P948" t="s">
        <v>655</v>
      </c>
      <c r="Q948">
        <v>1</v>
      </c>
      <c r="R948" t="s">
        <v>669</v>
      </c>
      <c r="S948">
        <v>1</v>
      </c>
      <c r="T948" t="s">
        <v>723</v>
      </c>
      <c r="U948">
        <v>278</v>
      </c>
      <c r="V948">
        <v>3</v>
      </c>
      <c r="W948">
        <v>180</v>
      </c>
      <c r="X948">
        <v>2020</v>
      </c>
    </row>
    <row r="949" spans="1:24" x14ac:dyDescent="0.25">
      <c r="A949">
        <v>12974</v>
      </c>
      <c r="B949" t="s">
        <v>16</v>
      </c>
      <c r="C949">
        <v>5</v>
      </c>
      <c r="D949" t="s">
        <v>439</v>
      </c>
      <c r="E949">
        <v>47</v>
      </c>
      <c r="F949" t="s">
        <v>651</v>
      </c>
      <c r="G949">
        <v>160</v>
      </c>
      <c r="H949" t="s">
        <v>658</v>
      </c>
      <c r="I949">
        <v>13755</v>
      </c>
      <c r="J949" t="s">
        <v>699</v>
      </c>
      <c r="K949">
        <v>10</v>
      </c>
      <c r="L949" t="s">
        <v>700</v>
      </c>
      <c r="M949">
        <v>348</v>
      </c>
      <c r="N949" t="s">
        <v>654</v>
      </c>
      <c r="O949">
        <v>3</v>
      </c>
      <c r="P949" t="s">
        <v>655</v>
      </c>
      <c r="Q949">
        <v>1</v>
      </c>
      <c r="R949" t="s">
        <v>669</v>
      </c>
      <c r="S949">
        <v>1</v>
      </c>
      <c r="T949" t="s">
        <v>1486</v>
      </c>
      <c r="U949">
        <v>50</v>
      </c>
      <c r="V949">
        <v>3</v>
      </c>
      <c r="W949">
        <v>180</v>
      </c>
      <c r="X949">
        <v>2020</v>
      </c>
    </row>
    <row r="950" spans="1:24" x14ac:dyDescent="0.25">
      <c r="A950">
        <v>12971</v>
      </c>
      <c r="B950" t="s">
        <v>16</v>
      </c>
      <c r="C950">
        <v>5</v>
      </c>
      <c r="D950" t="s">
        <v>439</v>
      </c>
      <c r="E950">
        <v>47</v>
      </c>
      <c r="F950" t="s">
        <v>651</v>
      </c>
      <c r="G950">
        <v>160</v>
      </c>
      <c r="H950" t="s">
        <v>658</v>
      </c>
      <c r="I950">
        <v>13755</v>
      </c>
      <c r="J950" t="s">
        <v>699</v>
      </c>
      <c r="K950">
        <v>10</v>
      </c>
      <c r="L950" t="s">
        <v>700</v>
      </c>
      <c r="M950">
        <v>348</v>
      </c>
      <c r="N950" t="s">
        <v>654</v>
      </c>
      <c r="O950">
        <v>3</v>
      </c>
      <c r="P950" t="s">
        <v>655</v>
      </c>
      <c r="Q950">
        <v>1</v>
      </c>
      <c r="R950" t="s">
        <v>669</v>
      </c>
      <c r="S950">
        <v>1</v>
      </c>
      <c r="T950" t="s">
        <v>1487</v>
      </c>
      <c r="U950">
        <v>629</v>
      </c>
      <c r="V950">
        <v>3</v>
      </c>
      <c r="W950">
        <v>180</v>
      </c>
      <c r="X950">
        <v>2020</v>
      </c>
    </row>
    <row r="951" spans="1:24" x14ac:dyDescent="0.25">
      <c r="A951">
        <v>12968</v>
      </c>
      <c r="B951" t="s">
        <v>16</v>
      </c>
      <c r="C951">
        <v>5</v>
      </c>
      <c r="D951" t="s">
        <v>439</v>
      </c>
      <c r="E951">
        <v>47</v>
      </c>
      <c r="F951" t="s">
        <v>651</v>
      </c>
      <c r="G951">
        <v>160</v>
      </c>
      <c r="H951" t="s">
        <v>658</v>
      </c>
      <c r="I951">
        <v>13755</v>
      </c>
      <c r="J951" t="s">
        <v>699</v>
      </c>
      <c r="K951">
        <v>10</v>
      </c>
      <c r="L951" t="s">
        <v>700</v>
      </c>
      <c r="M951">
        <v>348</v>
      </c>
      <c r="N951" t="s">
        <v>654</v>
      </c>
      <c r="O951">
        <v>3</v>
      </c>
      <c r="P951" t="s">
        <v>655</v>
      </c>
      <c r="Q951">
        <v>1</v>
      </c>
      <c r="R951" t="s">
        <v>669</v>
      </c>
      <c r="S951">
        <v>1</v>
      </c>
      <c r="T951" t="s">
        <v>1474</v>
      </c>
      <c r="U951">
        <v>605</v>
      </c>
      <c r="V951">
        <v>3</v>
      </c>
      <c r="W951">
        <v>180</v>
      </c>
      <c r="X951">
        <v>2020</v>
      </c>
    </row>
    <row r="952" spans="1:24" x14ac:dyDescent="0.25">
      <c r="A952">
        <v>12965</v>
      </c>
      <c r="B952" t="s">
        <v>16</v>
      </c>
      <c r="C952">
        <v>5</v>
      </c>
      <c r="D952" t="s">
        <v>439</v>
      </c>
      <c r="E952">
        <v>47</v>
      </c>
      <c r="F952" t="s">
        <v>651</v>
      </c>
      <c r="G952">
        <v>160</v>
      </c>
      <c r="H952" t="s">
        <v>658</v>
      </c>
      <c r="I952">
        <v>13755</v>
      </c>
      <c r="J952" t="s">
        <v>699</v>
      </c>
      <c r="K952">
        <v>10</v>
      </c>
      <c r="L952" t="s">
        <v>700</v>
      </c>
      <c r="M952">
        <v>348</v>
      </c>
      <c r="N952" t="s">
        <v>654</v>
      </c>
      <c r="O952">
        <v>3</v>
      </c>
      <c r="P952" t="s">
        <v>655</v>
      </c>
      <c r="Q952">
        <v>1</v>
      </c>
      <c r="R952" t="s">
        <v>669</v>
      </c>
      <c r="S952">
        <v>1</v>
      </c>
      <c r="T952" t="s">
        <v>1475</v>
      </c>
      <c r="U952">
        <v>602</v>
      </c>
      <c r="V952">
        <v>3</v>
      </c>
      <c r="W952">
        <v>180</v>
      </c>
      <c r="X952">
        <v>2020</v>
      </c>
    </row>
    <row r="953" spans="1:24" x14ac:dyDescent="0.25">
      <c r="A953">
        <v>12962</v>
      </c>
      <c r="B953" t="s">
        <v>16</v>
      </c>
      <c r="C953">
        <v>5</v>
      </c>
      <c r="D953" t="s">
        <v>439</v>
      </c>
      <c r="E953">
        <v>47</v>
      </c>
      <c r="F953" t="s">
        <v>651</v>
      </c>
      <c r="G953">
        <v>160</v>
      </c>
      <c r="H953" t="s">
        <v>658</v>
      </c>
      <c r="I953">
        <v>13755</v>
      </c>
      <c r="J953" t="s">
        <v>699</v>
      </c>
      <c r="K953">
        <v>10</v>
      </c>
      <c r="L953" t="s">
        <v>700</v>
      </c>
      <c r="M953">
        <v>348</v>
      </c>
      <c r="N953" t="s">
        <v>654</v>
      </c>
      <c r="O953">
        <v>3</v>
      </c>
      <c r="P953" t="s">
        <v>655</v>
      </c>
      <c r="Q953">
        <v>1</v>
      </c>
      <c r="R953" t="s">
        <v>669</v>
      </c>
      <c r="S953">
        <v>1</v>
      </c>
      <c r="T953" t="s">
        <v>1488</v>
      </c>
      <c r="U953">
        <v>137</v>
      </c>
      <c r="V953">
        <v>3</v>
      </c>
      <c r="W953">
        <v>180</v>
      </c>
      <c r="X953">
        <v>2020</v>
      </c>
    </row>
    <row r="954" spans="1:24" x14ac:dyDescent="0.25">
      <c r="A954">
        <v>12959</v>
      </c>
      <c r="B954" t="s">
        <v>16</v>
      </c>
      <c r="C954">
        <v>5</v>
      </c>
      <c r="D954" t="s">
        <v>439</v>
      </c>
      <c r="E954">
        <v>47</v>
      </c>
      <c r="F954" t="s">
        <v>651</v>
      </c>
      <c r="G954">
        <v>160</v>
      </c>
      <c r="H954" t="s">
        <v>658</v>
      </c>
      <c r="I954">
        <v>13755</v>
      </c>
      <c r="J954" t="s">
        <v>699</v>
      </c>
      <c r="K954">
        <v>10</v>
      </c>
      <c r="L954" t="s">
        <v>700</v>
      </c>
      <c r="M954">
        <v>348</v>
      </c>
      <c r="N954" t="s">
        <v>654</v>
      </c>
      <c r="O954">
        <v>3</v>
      </c>
      <c r="P954" t="s">
        <v>655</v>
      </c>
      <c r="Q954">
        <v>1</v>
      </c>
      <c r="R954" t="s">
        <v>669</v>
      </c>
      <c r="S954">
        <v>1</v>
      </c>
      <c r="T954" t="s">
        <v>1489</v>
      </c>
      <c r="U954">
        <v>545</v>
      </c>
      <c r="V954">
        <v>3</v>
      </c>
      <c r="W954">
        <v>180</v>
      </c>
      <c r="X954">
        <v>2020</v>
      </c>
    </row>
    <row r="955" spans="1:24" x14ac:dyDescent="0.25">
      <c r="A955">
        <v>12956</v>
      </c>
      <c r="B955" t="s">
        <v>16</v>
      </c>
      <c r="C955">
        <v>5</v>
      </c>
      <c r="D955" t="s">
        <v>439</v>
      </c>
      <c r="E955">
        <v>47</v>
      </c>
      <c r="F955" t="s">
        <v>651</v>
      </c>
      <c r="G955">
        <v>160</v>
      </c>
      <c r="H955" t="s">
        <v>658</v>
      </c>
      <c r="I955">
        <v>13755</v>
      </c>
      <c r="J955" t="s">
        <v>699</v>
      </c>
      <c r="K955">
        <v>10</v>
      </c>
      <c r="L955" t="s">
        <v>700</v>
      </c>
      <c r="M955">
        <v>348</v>
      </c>
      <c r="N955" t="s">
        <v>654</v>
      </c>
      <c r="O955">
        <v>3</v>
      </c>
      <c r="P955" t="s">
        <v>655</v>
      </c>
      <c r="Q955">
        <v>1</v>
      </c>
      <c r="R955" t="s">
        <v>669</v>
      </c>
      <c r="S955">
        <v>1</v>
      </c>
      <c r="T955" t="s">
        <v>1490</v>
      </c>
      <c r="U955">
        <v>111</v>
      </c>
      <c r="V955">
        <v>3</v>
      </c>
      <c r="W955">
        <v>180</v>
      </c>
      <c r="X955">
        <v>2020</v>
      </c>
    </row>
    <row r="956" spans="1:24" x14ac:dyDescent="0.25">
      <c r="A956">
        <v>12953</v>
      </c>
      <c r="B956" t="s">
        <v>16</v>
      </c>
      <c r="C956">
        <v>5</v>
      </c>
      <c r="D956" t="s">
        <v>439</v>
      </c>
      <c r="E956">
        <v>47</v>
      </c>
      <c r="F956" t="s">
        <v>651</v>
      </c>
      <c r="G956">
        <v>160</v>
      </c>
      <c r="H956" t="s">
        <v>658</v>
      </c>
      <c r="I956">
        <v>13755</v>
      </c>
      <c r="J956" t="s">
        <v>699</v>
      </c>
      <c r="K956">
        <v>10</v>
      </c>
      <c r="L956" t="s">
        <v>700</v>
      </c>
      <c r="M956">
        <v>348</v>
      </c>
      <c r="N956" t="s">
        <v>654</v>
      </c>
      <c r="O956">
        <v>3</v>
      </c>
      <c r="P956" t="s">
        <v>655</v>
      </c>
      <c r="Q956">
        <v>1</v>
      </c>
      <c r="R956" t="s">
        <v>669</v>
      </c>
      <c r="S956">
        <v>1</v>
      </c>
      <c r="T956" t="s">
        <v>1491</v>
      </c>
      <c r="U956">
        <v>536</v>
      </c>
      <c r="V956">
        <v>3</v>
      </c>
      <c r="W956">
        <v>180</v>
      </c>
      <c r="X956">
        <v>2020</v>
      </c>
    </row>
    <row r="957" spans="1:24" x14ac:dyDescent="0.25">
      <c r="A957">
        <v>12950</v>
      </c>
      <c r="B957" t="s">
        <v>16</v>
      </c>
      <c r="C957">
        <v>5</v>
      </c>
      <c r="D957" t="s">
        <v>439</v>
      </c>
      <c r="E957">
        <v>47</v>
      </c>
      <c r="F957" t="s">
        <v>651</v>
      </c>
      <c r="G957">
        <v>160</v>
      </c>
      <c r="H957" t="s">
        <v>658</v>
      </c>
      <c r="I957">
        <v>13755</v>
      </c>
      <c r="J957" t="s">
        <v>699</v>
      </c>
      <c r="K957">
        <v>10</v>
      </c>
      <c r="L957" t="s">
        <v>700</v>
      </c>
      <c r="M957">
        <v>348</v>
      </c>
      <c r="N957" t="s">
        <v>654</v>
      </c>
      <c r="O957">
        <v>3</v>
      </c>
      <c r="P957" t="s">
        <v>655</v>
      </c>
      <c r="Q957">
        <v>1</v>
      </c>
      <c r="R957" t="s">
        <v>669</v>
      </c>
      <c r="S957">
        <v>1</v>
      </c>
      <c r="T957" t="s">
        <v>1492</v>
      </c>
      <c r="U957">
        <v>533</v>
      </c>
      <c r="V957">
        <v>3</v>
      </c>
      <c r="W957">
        <v>180</v>
      </c>
      <c r="X957">
        <v>2020</v>
      </c>
    </row>
    <row r="958" spans="1:24" x14ac:dyDescent="0.25">
      <c r="A958">
        <v>12944</v>
      </c>
      <c r="B958" t="s">
        <v>16</v>
      </c>
      <c r="C958">
        <v>5</v>
      </c>
      <c r="D958" t="s">
        <v>439</v>
      </c>
      <c r="E958">
        <v>47</v>
      </c>
      <c r="F958" t="s">
        <v>651</v>
      </c>
      <c r="G958">
        <v>160</v>
      </c>
      <c r="H958" t="s">
        <v>658</v>
      </c>
      <c r="I958">
        <v>13755</v>
      </c>
      <c r="J958" t="s">
        <v>699</v>
      </c>
      <c r="K958">
        <v>10</v>
      </c>
      <c r="L958" t="s">
        <v>700</v>
      </c>
      <c r="M958">
        <v>348</v>
      </c>
      <c r="N958" t="s">
        <v>654</v>
      </c>
      <c r="O958">
        <v>3</v>
      </c>
      <c r="P958" t="s">
        <v>655</v>
      </c>
      <c r="Q958">
        <v>1</v>
      </c>
      <c r="R958" t="s">
        <v>669</v>
      </c>
      <c r="S958">
        <v>1</v>
      </c>
      <c r="T958" t="s">
        <v>1493</v>
      </c>
      <c r="U958">
        <v>249</v>
      </c>
      <c r="V958">
        <v>3</v>
      </c>
      <c r="W958">
        <v>180</v>
      </c>
      <c r="X958">
        <v>2020</v>
      </c>
    </row>
    <row r="959" spans="1:24" x14ac:dyDescent="0.25">
      <c r="A959">
        <v>12941</v>
      </c>
      <c r="B959" t="s">
        <v>16</v>
      </c>
      <c r="C959">
        <v>5</v>
      </c>
      <c r="D959" t="s">
        <v>439</v>
      </c>
      <c r="E959">
        <v>47</v>
      </c>
      <c r="F959" t="s">
        <v>651</v>
      </c>
      <c r="G959">
        <v>160</v>
      </c>
      <c r="H959" t="s">
        <v>658</v>
      </c>
      <c r="I959">
        <v>13755</v>
      </c>
      <c r="J959" t="s">
        <v>699</v>
      </c>
      <c r="K959">
        <v>10</v>
      </c>
      <c r="L959" t="s">
        <v>700</v>
      </c>
      <c r="M959">
        <v>348</v>
      </c>
      <c r="N959" t="s">
        <v>654</v>
      </c>
      <c r="O959">
        <v>3</v>
      </c>
      <c r="P959" t="s">
        <v>655</v>
      </c>
      <c r="Q959">
        <v>1</v>
      </c>
      <c r="R959" t="s">
        <v>669</v>
      </c>
      <c r="S959">
        <v>1</v>
      </c>
      <c r="T959" t="s">
        <v>1494</v>
      </c>
      <c r="U959">
        <v>746</v>
      </c>
      <c r="V959">
        <v>3</v>
      </c>
      <c r="W959">
        <v>180</v>
      </c>
      <c r="X959">
        <v>2020</v>
      </c>
    </row>
    <row r="960" spans="1:24" x14ac:dyDescent="0.25">
      <c r="A960">
        <v>12938</v>
      </c>
      <c r="B960" t="s">
        <v>16</v>
      </c>
      <c r="C960">
        <v>5</v>
      </c>
      <c r="D960" t="s">
        <v>439</v>
      </c>
      <c r="E960">
        <v>47</v>
      </c>
      <c r="F960" t="s">
        <v>651</v>
      </c>
      <c r="G960">
        <v>160</v>
      </c>
      <c r="H960" t="s">
        <v>658</v>
      </c>
      <c r="I960">
        <v>13755</v>
      </c>
      <c r="J960" t="s">
        <v>699</v>
      </c>
      <c r="K960">
        <v>10</v>
      </c>
      <c r="L960" t="s">
        <v>700</v>
      </c>
      <c r="M960">
        <v>348</v>
      </c>
      <c r="N960" t="s">
        <v>654</v>
      </c>
      <c r="O960">
        <v>3</v>
      </c>
      <c r="P960" t="s">
        <v>655</v>
      </c>
      <c r="Q960">
        <v>1</v>
      </c>
      <c r="R960" t="s">
        <v>669</v>
      </c>
      <c r="S960">
        <v>1</v>
      </c>
      <c r="T960" t="s">
        <v>1495</v>
      </c>
      <c r="U960">
        <v>251</v>
      </c>
      <c r="V960">
        <v>3</v>
      </c>
      <c r="W960">
        <v>180</v>
      </c>
      <c r="X960">
        <v>2020</v>
      </c>
    </row>
    <row r="961" spans="1:24" x14ac:dyDescent="0.25">
      <c r="A961">
        <v>12935</v>
      </c>
      <c r="B961" t="s">
        <v>16</v>
      </c>
      <c r="C961">
        <v>5</v>
      </c>
      <c r="D961" t="s">
        <v>439</v>
      </c>
      <c r="E961">
        <v>47</v>
      </c>
      <c r="F961" t="s">
        <v>651</v>
      </c>
      <c r="G961">
        <v>160</v>
      </c>
      <c r="H961" t="s">
        <v>658</v>
      </c>
      <c r="I961">
        <v>13755</v>
      </c>
      <c r="J961" t="s">
        <v>699</v>
      </c>
      <c r="K961">
        <v>10</v>
      </c>
      <c r="L961" t="s">
        <v>700</v>
      </c>
      <c r="M961">
        <v>348</v>
      </c>
      <c r="N961" t="s">
        <v>654</v>
      </c>
      <c r="O961">
        <v>3</v>
      </c>
      <c r="P961" t="s">
        <v>655</v>
      </c>
      <c r="Q961">
        <v>1</v>
      </c>
      <c r="R961" t="s">
        <v>669</v>
      </c>
      <c r="S961">
        <v>1</v>
      </c>
      <c r="T961" t="s">
        <v>1496</v>
      </c>
      <c r="U961">
        <v>707</v>
      </c>
      <c r="V961">
        <v>3</v>
      </c>
      <c r="W961">
        <v>180</v>
      </c>
      <c r="X961">
        <v>2020</v>
      </c>
    </row>
    <row r="962" spans="1:24" x14ac:dyDescent="0.25">
      <c r="A962">
        <v>12932</v>
      </c>
      <c r="B962" t="s">
        <v>16</v>
      </c>
      <c r="C962">
        <v>5</v>
      </c>
      <c r="D962" t="s">
        <v>439</v>
      </c>
      <c r="E962">
        <v>47</v>
      </c>
      <c r="F962" t="s">
        <v>651</v>
      </c>
      <c r="G962">
        <v>160</v>
      </c>
      <c r="H962" t="s">
        <v>658</v>
      </c>
      <c r="I962">
        <v>13755</v>
      </c>
      <c r="J962" t="s">
        <v>699</v>
      </c>
      <c r="K962">
        <v>10</v>
      </c>
      <c r="L962" t="s">
        <v>1241</v>
      </c>
      <c r="M962">
        <v>346</v>
      </c>
      <c r="N962" t="s">
        <v>654</v>
      </c>
      <c r="O962">
        <v>3</v>
      </c>
      <c r="P962" t="s">
        <v>655</v>
      </c>
      <c r="Q962">
        <v>1</v>
      </c>
      <c r="R962" t="s">
        <v>669</v>
      </c>
      <c r="S962">
        <v>1</v>
      </c>
      <c r="T962" t="s">
        <v>1497</v>
      </c>
      <c r="U962">
        <v>21</v>
      </c>
      <c r="V962">
        <v>3</v>
      </c>
      <c r="W962">
        <v>180</v>
      </c>
      <c r="X962">
        <v>2020</v>
      </c>
    </row>
    <row r="963" spans="1:24" x14ac:dyDescent="0.25">
      <c r="A963">
        <v>12929</v>
      </c>
      <c r="B963" t="s">
        <v>16</v>
      </c>
      <c r="C963">
        <v>5</v>
      </c>
      <c r="D963" t="s">
        <v>439</v>
      </c>
      <c r="E963">
        <v>47</v>
      </c>
      <c r="F963" t="s">
        <v>651</v>
      </c>
      <c r="G963">
        <v>160</v>
      </c>
      <c r="H963" t="s">
        <v>658</v>
      </c>
      <c r="I963">
        <v>13755</v>
      </c>
      <c r="J963" t="s">
        <v>699</v>
      </c>
      <c r="K963">
        <v>10</v>
      </c>
      <c r="L963" t="s">
        <v>700</v>
      </c>
      <c r="M963">
        <v>348</v>
      </c>
      <c r="N963" t="s">
        <v>654</v>
      </c>
      <c r="O963">
        <v>3</v>
      </c>
      <c r="P963" t="s">
        <v>655</v>
      </c>
      <c r="Q963">
        <v>1</v>
      </c>
      <c r="R963" t="s">
        <v>669</v>
      </c>
      <c r="S963">
        <v>1</v>
      </c>
      <c r="T963" t="s">
        <v>1498</v>
      </c>
      <c r="U963">
        <v>23</v>
      </c>
      <c r="V963">
        <v>3</v>
      </c>
      <c r="W963">
        <v>180</v>
      </c>
      <c r="X963">
        <v>2020</v>
      </c>
    </row>
    <row r="964" spans="1:24" x14ac:dyDescent="0.25">
      <c r="A964">
        <v>12926</v>
      </c>
      <c r="B964" t="s">
        <v>16</v>
      </c>
      <c r="C964">
        <v>5</v>
      </c>
      <c r="D964" t="s">
        <v>439</v>
      </c>
      <c r="E964">
        <v>47</v>
      </c>
      <c r="F964" t="s">
        <v>651</v>
      </c>
      <c r="G964">
        <v>160</v>
      </c>
      <c r="H964" t="s">
        <v>658</v>
      </c>
      <c r="I964">
        <v>13755</v>
      </c>
      <c r="J964" t="s">
        <v>699</v>
      </c>
      <c r="K964">
        <v>10</v>
      </c>
      <c r="L964" t="s">
        <v>700</v>
      </c>
      <c r="M964">
        <v>348</v>
      </c>
      <c r="N964" t="s">
        <v>654</v>
      </c>
      <c r="O964">
        <v>3</v>
      </c>
      <c r="P964" t="s">
        <v>655</v>
      </c>
      <c r="Q964">
        <v>1</v>
      </c>
      <c r="R964" t="s">
        <v>669</v>
      </c>
      <c r="S964">
        <v>1</v>
      </c>
      <c r="T964" t="s">
        <v>1499</v>
      </c>
      <c r="U964">
        <v>740</v>
      </c>
      <c r="V964">
        <v>3</v>
      </c>
      <c r="W964">
        <v>180</v>
      </c>
      <c r="X964">
        <v>2020</v>
      </c>
    </row>
    <row r="965" spans="1:24" x14ac:dyDescent="0.25">
      <c r="A965">
        <v>12923</v>
      </c>
      <c r="B965" t="s">
        <v>16</v>
      </c>
      <c r="C965">
        <v>5</v>
      </c>
      <c r="D965" t="s">
        <v>439</v>
      </c>
      <c r="E965">
        <v>47</v>
      </c>
      <c r="F965" t="s">
        <v>651</v>
      </c>
      <c r="G965">
        <v>160</v>
      </c>
      <c r="H965" t="s">
        <v>658</v>
      </c>
      <c r="I965">
        <v>13755</v>
      </c>
      <c r="J965" t="s">
        <v>699</v>
      </c>
      <c r="K965">
        <v>10</v>
      </c>
      <c r="L965" t="s">
        <v>700</v>
      </c>
      <c r="M965">
        <v>348</v>
      </c>
      <c r="N965" t="s">
        <v>654</v>
      </c>
      <c r="O965">
        <v>3</v>
      </c>
      <c r="P965" t="s">
        <v>655</v>
      </c>
      <c r="Q965">
        <v>1</v>
      </c>
      <c r="R965" t="s">
        <v>669</v>
      </c>
      <c r="S965">
        <v>1</v>
      </c>
      <c r="T965" t="s">
        <v>1500</v>
      </c>
      <c r="U965">
        <v>845</v>
      </c>
      <c r="V965">
        <v>3</v>
      </c>
      <c r="W965">
        <v>180</v>
      </c>
      <c r="X965">
        <v>2020</v>
      </c>
    </row>
    <row r="966" spans="1:24" x14ac:dyDescent="0.25">
      <c r="A966">
        <v>12920</v>
      </c>
      <c r="B966" t="s">
        <v>16</v>
      </c>
      <c r="C966">
        <v>5</v>
      </c>
      <c r="D966" t="s">
        <v>439</v>
      </c>
      <c r="E966">
        <v>47</v>
      </c>
      <c r="F966" t="s">
        <v>651</v>
      </c>
      <c r="G966">
        <v>160</v>
      </c>
      <c r="H966" t="s">
        <v>658</v>
      </c>
      <c r="I966">
        <v>13755</v>
      </c>
      <c r="J966" t="s">
        <v>699</v>
      </c>
      <c r="K966">
        <v>10</v>
      </c>
      <c r="L966" t="s">
        <v>700</v>
      </c>
      <c r="M966">
        <v>348</v>
      </c>
      <c r="N966" t="s">
        <v>654</v>
      </c>
      <c r="O966">
        <v>3</v>
      </c>
      <c r="P966" t="s">
        <v>655</v>
      </c>
      <c r="Q966">
        <v>1</v>
      </c>
      <c r="R966" t="s">
        <v>669</v>
      </c>
      <c r="S966">
        <v>1</v>
      </c>
      <c r="T966" t="s">
        <v>1501</v>
      </c>
      <c r="U966">
        <v>842</v>
      </c>
      <c r="V966">
        <v>3</v>
      </c>
      <c r="W966">
        <v>180</v>
      </c>
      <c r="X966">
        <v>2020</v>
      </c>
    </row>
    <row r="967" spans="1:24" x14ac:dyDescent="0.25">
      <c r="A967">
        <v>12917</v>
      </c>
      <c r="B967" t="s">
        <v>16</v>
      </c>
      <c r="C967">
        <v>5</v>
      </c>
      <c r="D967" t="s">
        <v>439</v>
      </c>
      <c r="E967">
        <v>47</v>
      </c>
      <c r="F967" t="s">
        <v>651</v>
      </c>
      <c r="G967">
        <v>160</v>
      </c>
      <c r="H967" t="s">
        <v>658</v>
      </c>
      <c r="I967">
        <v>13755</v>
      </c>
      <c r="J967" t="s">
        <v>699</v>
      </c>
      <c r="K967">
        <v>10</v>
      </c>
      <c r="L967" t="s">
        <v>700</v>
      </c>
      <c r="M967">
        <v>348</v>
      </c>
      <c r="N967" t="s">
        <v>654</v>
      </c>
      <c r="O967">
        <v>3</v>
      </c>
      <c r="P967" t="s">
        <v>655</v>
      </c>
      <c r="Q967">
        <v>1</v>
      </c>
      <c r="R967" t="s">
        <v>669</v>
      </c>
      <c r="S967">
        <v>1</v>
      </c>
      <c r="T967" t="s">
        <v>1502</v>
      </c>
      <c r="U967">
        <v>644</v>
      </c>
      <c r="V967">
        <v>3</v>
      </c>
      <c r="W967">
        <v>180</v>
      </c>
      <c r="X967">
        <v>2020</v>
      </c>
    </row>
    <row r="968" spans="1:24" x14ac:dyDescent="0.25">
      <c r="A968">
        <v>12914</v>
      </c>
      <c r="B968" t="s">
        <v>16</v>
      </c>
      <c r="C968">
        <v>5</v>
      </c>
      <c r="D968" t="s">
        <v>439</v>
      </c>
      <c r="E968">
        <v>47</v>
      </c>
      <c r="F968" t="s">
        <v>651</v>
      </c>
      <c r="G968">
        <v>160</v>
      </c>
      <c r="H968" t="s">
        <v>658</v>
      </c>
      <c r="I968">
        <v>13755</v>
      </c>
      <c r="J968" t="s">
        <v>699</v>
      </c>
      <c r="K968">
        <v>10</v>
      </c>
      <c r="L968" t="s">
        <v>700</v>
      </c>
      <c r="M968">
        <v>348</v>
      </c>
      <c r="N968" t="s">
        <v>654</v>
      </c>
      <c r="O968">
        <v>3</v>
      </c>
      <c r="P968" t="s">
        <v>655</v>
      </c>
      <c r="Q968">
        <v>1</v>
      </c>
      <c r="R968" t="s">
        <v>669</v>
      </c>
      <c r="S968">
        <v>1</v>
      </c>
      <c r="T968" t="s">
        <v>1503</v>
      </c>
      <c r="U968">
        <v>623</v>
      </c>
      <c r="V968">
        <v>3</v>
      </c>
      <c r="W968">
        <v>180</v>
      </c>
      <c r="X968">
        <v>2020</v>
      </c>
    </row>
    <row r="969" spans="1:24" x14ac:dyDescent="0.25">
      <c r="A969">
        <v>12911</v>
      </c>
      <c r="B969" t="s">
        <v>16</v>
      </c>
      <c r="C969">
        <v>5</v>
      </c>
      <c r="D969" t="s">
        <v>439</v>
      </c>
      <c r="E969">
        <v>47</v>
      </c>
      <c r="F969" t="s">
        <v>651</v>
      </c>
      <c r="G969">
        <v>160</v>
      </c>
      <c r="H969" t="s">
        <v>658</v>
      </c>
      <c r="I969">
        <v>13755</v>
      </c>
      <c r="J969" t="s">
        <v>699</v>
      </c>
      <c r="K969">
        <v>10</v>
      </c>
      <c r="L969" t="s">
        <v>700</v>
      </c>
      <c r="M969">
        <v>348</v>
      </c>
      <c r="N969" t="s">
        <v>654</v>
      </c>
      <c r="O969">
        <v>3</v>
      </c>
      <c r="P969" t="s">
        <v>655</v>
      </c>
      <c r="Q969">
        <v>1</v>
      </c>
      <c r="R969" t="s">
        <v>669</v>
      </c>
      <c r="S969">
        <v>1</v>
      </c>
      <c r="T969" t="s">
        <v>1504</v>
      </c>
      <c r="U969">
        <v>63</v>
      </c>
      <c r="V969">
        <v>3</v>
      </c>
      <c r="W969">
        <v>180</v>
      </c>
      <c r="X969">
        <v>2020</v>
      </c>
    </row>
    <row r="970" spans="1:24" x14ac:dyDescent="0.25">
      <c r="A970">
        <v>12908</v>
      </c>
      <c r="B970" t="s">
        <v>16</v>
      </c>
      <c r="C970">
        <v>5</v>
      </c>
      <c r="D970" t="s">
        <v>439</v>
      </c>
      <c r="E970">
        <v>47</v>
      </c>
      <c r="F970" t="s">
        <v>651</v>
      </c>
      <c r="G970">
        <v>160</v>
      </c>
      <c r="H970" t="s">
        <v>658</v>
      </c>
      <c r="I970">
        <v>13755</v>
      </c>
      <c r="J970" t="s">
        <v>699</v>
      </c>
      <c r="K970">
        <v>10</v>
      </c>
      <c r="L970" t="s">
        <v>1241</v>
      </c>
      <c r="M970">
        <v>346</v>
      </c>
      <c r="N970" t="s">
        <v>654</v>
      </c>
      <c r="O970">
        <v>3</v>
      </c>
      <c r="P970" t="s">
        <v>655</v>
      </c>
      <c r="Q970">
        <v>1</v>
      </c>
      <c r="R970" t="s">
        <v>669</v>
      </c>
      <c r="S970">
        <v>1</v>
      </c>
      <c r="T970" t="s">
        <v>1505</v>
      </c>
      <c r="U970">
        <v>59</v>
      </c>
      <c r="V970">
        <v>3</v>
      </c>
      <c r="W970">
        <v>180</v>
      </c>
      <c r="X970">
        <v>2020</v>
      </c>
    </row>
    <row r="971" spans="1:24" x14ac:dyDescent="0.25">
      <c r="A971">
        <v>12905</v>
      </c>
      <c r="B971" t="s">
        <v>16</v>
      </c>
      <c r="C971">
        <v>5</v>
      </c>
      <c r="D971" t="s">
        <v>439</v>
      </c>
      <c r="E971">
        <v>47</v>
      </c>
      <c r="F971" t="s">
        <v>651</v>
      </c>
      <c r="G971">
        <v>160</v>
      </c>
      <c r="H971" t="s">
        <v>658</v>
      </c>
      <c r="I971">
        <v>13755</v>
      </c>
      <c r="J971" t="s">
        <v>699</v>
      </c>
      <c r="K971">
        <v>10</v>
      </c>
      <c r="L971" t="s">
        <v>700</v>
      </c>
      <c r="M971">
        <v>348</v>
      </c>
      <c r="N971" t="s">
        <v>654</v>
      </c>
      <c r="O971">
        <v>3</v>
      </c>
      <c r="P971" t="s">
        <v>655</v>
      </c>
      <c r="Q971">
        <v>1</v>
      </c>
      <c r="R971" t="s">
        <v>669</v>
      </c>
      <c r="S971">
        <v>1</v>
      </c>
      <c r="T971" t="s">
        <v>1506</v>
      </c>
      <c r="U971">
        <v>620</v>
      </c>
      <c r="V971">
        <v>3</v>
      </c>
      <c r="W971">
        <v>180</v>
      </c>
      <c r="X971">
        <v>2020</v>
      </c>
    </row>
    <row r="972" spans="1:24" x14ac:dyDescent="0.25">
      <c r="A972">
        <v>12902</v>
      </c>
      <c r="B972" t="s">
        <v>16</v>
      </c>
      <c r="C972">
        <v>5</v>
      </c>
      <c r="D972" t="s">
        <v>439</v>
      </c>
      <c r="E972">
        <v>47</v>
      </c>
      <c r="F972" t="s">
        <v>651</v>
      </c>
      <c r="G972">
        <v>160</v>
      </c>
      <c r="H972" t="s">
        <v>658</v>
      </c>
      <c r="I972">
        <v>13755</v>
      </c>
      <c r="J972" t="s">
        <v>699</v>
      </c>
      <c r="K972">
        <v>10</v>
      </c>
      <c r="L972" t="s">
        <v>700</v>
      </c>
      <c r="M972">
        <v>348</v>
      </c>
      <c r="N972" t="s">
        <v>654</v>
      </c>
      <c r="O972">
        <v>3</v>
      </c>
      <c r="P972" t="s">
        <v>655</v>
      </c>
      <c r="Q972">
        <v>1</v>
      </c>
      <c r="R972" t="s">
        <v>669</v>
      </c>
      <c r="S972">
        <v>1</v>
      </c>
      <c r="T972" t="s">
        <v>1000</v>
      </c>
      <c r="U972">
        <v>60</v>
      </c>
      <c r="V972">
        <v>3</v>
      </c>
      <c r="W972">
        <v>180</v>
      </c>
      <c r="X972">
        <v>2020</v>
      </c>
    </row>
    <row r="973" spans="1:24" x14ac:dyDescent="0.25">
      <c r="A973">
        <v>12897</v>
      </c>
      <c r="B973" t="s">
        <v>138</v>
      </c>
      <c r="C973">
        <v>35</v>
      </c>
      <c r="D973" t="s">
        <v>137</v>
      </c>
      <c r="E973">
        <v>1159</v>
      </c>
      <c r="F973" t="s">
        <v>892</v>
      </c>
      <c r="G973" t="s">
        <v>892</v>
      </c>
      <c r="H973" t="s">
        <v>892</v>
      </c>
      <c r="I973" t="s">
        <v>892</v>
      </c>
      <c r="J973" t="s">
        <v>730</v>
      </c>
      <c r="K973">
        <v>66</v>
      </c>
      <c r="L973" t="s">
        <v>892</v>
      </c>
      <c r="M973" t="s">
        <v>892</v>
      </c>
      <c r="N973" t="s">
        <v>892</v>
      </c>
      <c r="O973" t="s">
        <v>892</v>
      </c>
      <c r="P973" t="s">
        <v>746</v>
      </c>
      <c r="Q973">
        <v>2</v>
      </c>
      <c r="R973" t="s">
        <v>893</v>
      </c>
      <c r="S973">
        <v>3</v>
      </c>
      <c r="T973" t="s">
        <v>892</v>
      </c>
      <c r="U973" t="s">
        <v>892</v>
      </c>
      <c r="V973">
        <v>3</v>
      </c>
      <c r="W973" t="s">
        <v>892</v>
      </c>
      <c r="X973">
        <v>2020</v>
      </c>
    </row>
    <row r="974" spans="1:24" x14ac:dyDescent="0.25">
      <c r="A974">
        <v>12894</v>
      </c>
      <c r="B974" t="s">
        <v>138</v>
      </c>
      <c r="C974">
        <v>35</v>
      </c>
      <c r="D974" t="s">
        <v>137</v>
      </c>
      <c r="E974">
        <v>1159</v>
      </c>
      <c r="F974" t="s">
        <v>892</v>
      </c>
      <c r="G974" t="s">
        <v>892</v>
      </c>
      <c r="H974" t="s">
        <v>892</v>
      </c>
      <c r="I974" t="s">
        <v>892</v>
      </c>
      <c r="J974" t="s">
        <v>730</v>
      </c>
      <c r="K974">
        <v>66</v>
      </c>
      <c r="L974" t="s">
        <v>892</v>
      </c>
      <c r="M974" t="s">
        <v>892</v>
      </c>
      <c r="N974" t="s">
        <v>892</v>
      </c>
      <c r="O974" t="s">
        <v>892</v>
      </c>
      <c r="P974" t="s">
        <v>655</v>
      </c>
      <c r="Q974">
        <v>1</v>
      </c>
      <c r="R974" t="s">
        <v>893</v>
      </c>
      <c r="S974">
        <v>3</v>
      </c>
      <c r="T974" t="s">
        <v>892</v>
      </c>
      <c r="U974" t="s">
        <v>892</v>
      </c>
      <c r="V974">
        <v>3</v>
      </c>
      <c r="W974" t="s">
        <v>892</v>
      </c>
      <c r="X974">
        <v>2020</v>
      </c>
    </row>
    <row r="975" spans="1:24" x14ac:dyDescent="0.25">
      <c r="A975">
        <v>12882</v>
      </c>
      <c r="B975" t="s">
        <v>14</v>
      </c>
      <c r="C975">
        <v>20</v>
      </c>
      <c r="D975" t="s">
        <v>426</v>
      </c>
      <c r="E975">
        <v>145</v>
      </c>
      <c r="F975" t="s">
        <v>651</v>
      </c>
      <c r="G975">
        <v>160</v>
      </c>
      <c r="H975" t="s">
        <v>739</v>
      </c>
      <c r="I975">
        <v>4413</v>
      </c>
      <c r="J975" t="s">
        <v>699</v>
      </c>
      <c r="K975">
        <v>10</v>
      </c>
      <c r="L975" t="s">
        <v>1507</v>
      </c>
      <c r="M975">
        <v>3500</v>
      </c>
      <c r="N975" t="s">
        <v>654</v>
      </c>
      <c r="O975">
        <v>3</v>
      </c>
      <c r="P975" t="s">
        <v>655</v>
      </c>
      <c r="Q975">
        <v>1</v>
      </c>
      <c r="R975" t="s">
        <v>669</v>
      </c>
      <c r="S975">
        <v>1</v>
      </c>
      <c r="T975" t="s">
        <v>1508</v>
      </c>
      <c r="U975">
        <v>9</v>
      </c>
      <c r="V975">
        <v>3</v>
      </c>
      <c r="W975">
        <v>180</v>
      </c>
      <c r="X975">
        <v>2020</v>
      </c>
    </row>
    <row r="976" spans="1:24" x14ac:dyDescent="0.25">
      <c r="A976">
        <v>12879</v>
      </c>
      <c r="B976" t="s">
        <v>14</v>
      </c>
      <c r="C976">
        <v>20</v>
      </c>
      <c r="D976" t="s">
        <v>426</v>
      </c>
      <c r="E976">
        <v>145</v>
      </c>
      <c r="F976" t="s">
        <v>651</v>
      </c>
      <c r="G976">
        <v>160</v>
      </c>
      <c r="H976" t="s">
        <v>739</v>
      </c>
      <c r="I976">
        <v>4413</v>
      </c>
      <c r="J976" t="s">
        <v>699</v>
      </c>
      <c r="K976">
        <v>10</v>
      </c>
      <c r="L976" t="s">
        <v>1509</v>
      </c>
      <c r="M976">
        <v>460</v>
      </c>
      <c r="N976" t="s">
        <v>654</v>
      </c>
      <c r="O976">
        <v>3</v>
      </c>
      <c r="P976" t="s">
        <v>655</v>
      </c>
      <c r="Q976">
        <v>1</v>
      </c>
      <c r="R976" t="s">
        <v>669</v>
      </c>
      <c r="S976">
        <v>1</v>
      </c>
      <c r="T976" t="s">
        <v>661</v>
      </c>
      <c r="U976">
        <v>8</v>
      </c>
      <c r="V976">
        <v>3</v>
      </c>
      <c r="W976">
        <v>180</v>
      </c>
      <c r="X976">
        <v>2020</v>
      </c>
    </row>
    <row r="977" spans="1:24" x14ac:dyDescent="0.25">
      <c r="A977">
        <v>12876</v>
      </c>
      <c r="B977" t="s">
        <v>14</v>
      </c>
      <c r="C977">
        <v>20</v>
      </c>
      <c r="D977" t="s">
        <v>426</v>
      </c>
      <c r="E977">
        <v>145</v>
      </c>
      <c r="F977" t="s">
        <v>651</v>
      </c>
      <c r="G977">
        <v>160</v>
      </c>
      <c r="H977" t="s">
        <v>739</v>
      </c>
      <c r="I977">
        <v>4413</v>
      </c>
      <c r="J977" t="s">
        <v>699</v>
      </c>
      <c r="K977">
        <v>10</v>
      </c>
      <c r="L977" t="s">
        <v>700</v>
      </c>
      <c r="M977">
        <v>348</v>
      </c>
      <c r="N977" t="s">
        <v>654</v>
      </c>
      <c r="O977">
        <v>3</v>
      </c>
      <c r="P977" t="s">
        <v>655</v>
      </c>
      <c r="Q977">
        <v>1</v>
      </c>
      <c r="R977" t="s">
        <v>669</v>
      </c>
      <c r="S977">
        <v>1</v>
      </c>
      <c r="T977" t="s">
        <v>1510</v>
      </c>
      <c r="U977">
        <v>412</v>
      </c>
      <c r="V977">
        <v>3</v>
      </c>
      <c r="W977">
        <v>180</v>
      </c>
      <c r="X977">
        <v>2020</v>
      </c>
    </row>
    <row r="978" spans="1:24" x14ac:dyDescent="0.25">
      <c r="A978">
        <v>12873</v>
      </c>
      <c r="B978" t="s">
        <v>69</v>
      </c>
      <c r="C978">
        <v>36</v>
      </c>
      <c r="D978" t="s">
        <v>68</v>
      </c>
      <c r="E978">
        <v>1260</v>
      </c>
      <c r="F978" t="s">
        <v>651</v>
      </c>
      <c r="G978">
        <v>160</v>
      </c>
      <c r="H978" t="s">
        <v>732</v>
      </c>
      <c r="I978">
        <v>1000</v>
      </c>
      <c r="J978" t="s">
        <v>695</v>
      </c>
      <c r="K978">
        <v>54</v>
      </c>
      <c r="L978" t="s">
        <v>1511</v>
      </c>
      <c r="M978">
        <v>215</v>
      </c>
      <c r="N978" t="s">
        <v>668</v>
      </c>
      <c r="O978">
        <v>4</v>
      </c>
      <c r="P978" t="s">
        <v>655</v>
      </c>
      <c r="Q978">
        <v>1</v>
      </c>
      <c r="R978" t="s">
        <v>669</v>
      </c>
      <c r="S978">
        <v>1</v>
      </c>
      <c r="T978" t="s">
        <v>661</v>
      </c>
      <c r="U978">
        <v>8</v>
      </c>
      <c r="V978">
        <v>4</v>
      </c>
      <c r="W978">
        <v>240</v>
      </c>
      <c r="X978">
        <v>2020</v>
      </c>
    </row>
    <row r="979" spans="1:24" x14ac:dyDescent="0.25">
      <c r="A979">
        <v>12860</v>
      </c>
      <c r="B979" t="s">
        <v>22</v>
      </c>
      <c r="C979">
        <v>28</v>
      </c>
      <c r="D979" t="s">
        <v>528</v>
      </c>
      <c r="E979">
        <v>215</v>
      </c>
      <c r="F979" t="s">
        <v>651</v>
      </c>
      <c r="G979">
        <v>160</v>
      </c>
      <c r="H979" t="s">
        <v>675</v>
      </c>
      <c r="I979">
        <v>5952</v>
      </c>
      <c r="J979" t="s">
        <v>659</v>
      </c>
      <c r="K979">
        <v>35</v>
      </c>
      <c r="L979" t="s">
        <v>1082</v>
      </c>
      <c r="M979">
        <v>48</v>
      </c>
      <c r="N979" t="s">
        <v>668</v>
      </c>
      <c r="O979">
        <v>4</v>
      </c>
      <c r="P979" t="s">
        <v>655</v>
      </c>
      <c r="Q979">
        <v>1</v>
      </c>
      <c r="R979" t="s">
        <v>669</v>
      </c>
      <c r="S979">
        <v>1</v>
      </c>
      <c r="T979" t="s">
        <v>661</v>
      </c>
      <c r="U979">
        <v>8</v>
      </c>
      <c r="V979">
        <v>3</v>
      </c>
      <c r="W979">
        <v>180</v>
      </c>
      <c r="X979">
        <v>2020</v>
      </c>
    </row>
    <row r="980" spans="1:24" x14ac:dyDescent="0.25">
      <c r="A980">
        <v>12854</v>
      </c>
      <c r="B980" t="s">
        <v>63</v>
      </c>
      <c r="C980">
        <v>58</v>
      </c>
      <c r="D980" t="s">
        <v>64</v>
      </c>
      <c r="E980">
        <v>1268</v>
      </c>
      <c r="F980" t="s">
        <v>892</v>
      </c>
      <c r="G980" t="s">
        <v>892</v>
      </c>
      <c r="H980" t="s">
        <v>892</v>
      </c>
      <c r="I980" t="s">
        <v>892</v>
      </c>
      <c r="J980" t="s">
        <v>839</v>
      </c>
      <c r="K980">
        <v>89</v>
      </c>
      <c r="L980" t="s">
        <v>892</v>
      </c>
      <c r="M980" t="s">
        <v>892</v>
      </c>
      <c r="N980" t="s">
        <v>892</v>
      </c>
      <c r="O980" t="s">
        <v>892</v>
      </c>
      <c r="P980" t="s">
        <v>746</v>
      </c>
      <c r="Q980">
        <v>2</v>
      </c>
      <c r="R980" t="s">
        <v>893</v>
      </c>
      <c r="S980">
        <v>3</v>
      </c>
      <c r="T980" t="s">
        <v>892</v>
      </c>
      <c r="U980" t="s">
        <v>892</v>
      </c>
      <c r="V980">
        <v>4</v>
      </c>
      <c r="W980">
        <v>240</v>
      </c>
      <c r="X980">
        <v>2020</v>
      </c>
    </row>
    <row r="981" spans="1:24" x14ac:dyDescent="0.25">
      <c r="A981">
        <v>12851</v>
      </c>
      <c r="B981" t="s">
        <v>63</v>
      </c>
      <c r="C981">
        <v>58</v>
      </c>
      <c r="D981" t="s">
        <v>64</v>
      </c>
      <c r="E981">
        <v>1268</v>
      </c>
      <c r="F981" t="s">
        <v>892</v>
      </c>
      <c r="G981" t="s">
        <v>892</v>
      </c>
      <c r="H981" t="s">
        <v>892</v>
      </c>
      <c r="I981" t="s">
        <v>892</v>
      </c>
      <c r="J981" t="s">
        <v>839</v>
      </c>
      <c r="K981">
        <v>89</v>
      </c>
      <c r="L981" t="s">
        <v>892</v>
      </c>
      <c r="M981" t="s">
        <v>892</v>
      </c>
      <c r="N981" t="s">
        <v>892</v>
      </c>
      <c r="O981" t="s">
        <v>892</v>
      </c>
      <c r="P981" t="s">
        <v>655</v>
      </c>
      <c r="Q981">
        <v>1</v>
      </c>
      <c r="R981" t="s">
        <v>893</v>
      </c>
      <c r="S981">
        <v>3</v>
      </c>
      <c r="T981" t="s">
        <v>892</v>
      </c>
      <c r="U981" t="s">
        <v>892</v>
      </c>
      <c r="V981">
        <v>4</v>
      </c>
      <c r="W981">
        <v>240</v>
      </c>
      <c r="X981">
        <v>2020</v>
      </c>
    </row>
    <row r="982" spans="1:24" x14ac:dyDescent="0.25">
      <c r="A982">
        <v>12849</v>
      </c>
      <c r="B982" t="s">
        <v>12</v>
      </c>
      <c r="C982">
        <v>7</v>
      </c>
      <c r="D982" t="s">
        <v>65</v>
      </c>
      <c r="E982">
        <v>1265</v>
      </c>
      <c r="F982" t="s">
        <v>892</v>
      </c>
      <c r="G982" t="s">
        <v>892</v>
      </c>
      <c r="H982" t="s">
        <v>892</v>
      </c>
      <c r="I982" t="s">
        <v>892</v>
      </c>
      <c r="J982" t="s">
        <v>65</v>
      </c>
      <c r="K982">
        <v>15</v>
      </c>
      <c r="L982" t="s">
        <v>892</v>
      </c>
      <c r="M982" t="s">
        <v>892</v>
      </c>
      <c r="N982" t="s">
        <v>892</v>
      </c>
      <c r="O982" t="s">
        <v>892</v>
      </c>
      <c r="P982" t="s">
        <v>746</v>
      </c>
      <c r="Q982">
        <v>2</v>
      </c>
      <c r="R982" t="s">
        <v>893</v>
      </c>
      <c r="S982">
        <v>3</v>
      </c>
      <c r="T982" t="s">
        <v>892</v>
      </c>
      <c r="U982" t="s">
        <v>892</v>
      </c>
      <c r="V982">
        <v>3</v>
      </c>
      <c r="W982">
        <v>180</v>
      </c>
      <c r="X982">
        <v>2020</v>
      </c>
    </row>
    <row r="983" spans="1:24" x14ac:dyDescent="0.25">
      <c r="A983">
        <v>12846</v>
      </c>
      <c r="B983" t="s">
        <v>12</v>
      </c>
      <c r="C983">
        <v>7</v>
      </c>
      <c r="D983" t="s">
        <v>65</v>
      </c>
      <c r="E983">
        <v>1265</v>
      </c>
      <c r="F983" t="s">
        <v>892</v>
      </c>
      <c r="G983" t="s">
        <v>892</v>
      </c>
      <c r="H983" t="s">
        <v>892</v>
      </c>
      <c r="I983" t="s">
        <v>892</v>
      </c>
      <c r="J983" t="s">
        <v>65</v>
      </c>
      <c r="K983">
        <v>15</v>
      </c>
      <c r="L983" t="s">
        <v>892</v>
      </c>
      <c r="M983" t="s">
        <v>892</v>
      </c>
      <c r="N983" t="s">
        <v>892</v>
      </c>
      <c r="O983" t="s">
        <v>892</v>
      </c>
      <c r="P983" t="s">
        <v>655</v>
      </c>
      <c r="Q983">
        <v>1</v>
      </c>
      <c r="R983" t="s">
        <v>893</v>
      </c>
      <c r="S983">
        <v>3</v>
      </c>
      <c r="T983" t="s">
        <v>892</v>
      </c>
      <c r="U983" t="s">
        <v>892</v>
      </c>
      <c r="V983">
        <v>3</v>
      </c>
      <c r="W983">
        <v>180</v>
      </c>
      <c r="X983">
        <v>2020</v>
      </c>
    </row>
    <row r="984" spans="1:24" x14ac:dyDescent="0.25">
      <c r="A984">
        <v>12845</v>
      </c>
      <c r="B984" t="s">
        <v>91</v>
      </c>
      <c r="C984">
        <v>91</v>
      </c>
      <c r="D984" t="s">
        <v>90</v>
      </c>
      <c r="E984">
        <v>1209</v>
      </c>
      <c r="F984" t="s">
        <v>892</v>
      </c>
      <c r="G984" t="s">
        <v>892</v>
      </c>
      <c r="H984" t="s">
        <v>892</v>
      </c>
      <c r="I984" t="s">
        <v>892</v>
      </c>
      <c r="J984" t="s">
        <v>864</v>
      </c>
      <c r="K984">
        <v>14</v>
      </c>
      <c r="L984" t="s">
        <v>892</v>
      </c>
      <c r="M984" t="s">
        <v>892</v>
      </c>
      <c r="N984" t="s">
        <v>892</v>
      </c>
      <c r="O984" t="s">
        <v>892</v>
      </c>
      <c r="P984" t="s">
        <v>746</v>
      </c>
      <c r="Q984">
        <v>2</v>
      </c>
      <c r="R984" t="s">
        <v>893</v>
      </c>
      <c r="S984">
        <v>3</v>
      </c>
      <c r="T984" t="s">
        <v>892</v>
      </c>
      <c r="U984" t="s">
        <v>892</v>
      </c>
      <c r="V984">
        <v>3</v>
      </c>
      <c r="W984">
        <v>180</v>
      </c>
      <c r="X984">
        <v>2020</v>
      </c>
    </row>
    <row r="985" spans="1:24" x14ac:dyDescent="0.25">
      <c r="A985">
        <v>12842</v>
      </c>
      <c r="B985" t="s">
        <v>91</v>
      </c>
      <c r="C985">
        <v>91</v>
      </c>
      <c r="D985" t="s">
        <v>90</v>
      </c>
      <c r="E985">
        <v>1209</v>
      </c>
      <c r="F985" t="s">
        <v>892</v>
      </c>
      <c r="G985" t="s">
        <v>892</v>
      </c>
      <c r="H985" t="s">
        <v>892</v>
      </c>
      <c r="I985" t="s">
        <v>892</v>
      </c>
      <c r="J985" t="s">
        <v>864</v>
      </c>
      <c r="K985">
        <v>14</v>
      </c>
      <c r="L985" t="s">
        <v>892</v>
      </c>
      <c r="M985" t="s">
        <v>892</v>
      </c>
      <c r="N985" t="s">
        <v>892</v>
      </c>
      <c r="O985" t="s">
        <v>892</v>
      </c>
      <c r="P985" t="s">
        <v>655</v>
      </c>
      <c r="Q985">
        <v>1</v>
      </c>
      <c r="R985" t="s">
        <v>893</v>
      </c>
      <c r="S985">
        <v>3</v>
      </c>
      <c r="T985" t="s">
        <v>892</v>
      </c>
      <c r="U985" t="s">
        <v>892</v>
      </c>
      <c r="V985">
        <v>3</v>
      </c>
      <c r="W985">
        <v>180</v>
      </c>
      <c r="X985">
        <v>2020</v>
      </c>
    </row>
    <row r="986" spans="1:24" x14ac:dyDescent="0.25">
      <c r="A986">
        <v>12839</v>
      </c>
      <c r="B986" t="s">
        <v>26</v>
      </c>
      <c r="C986">
        <v>44</v>
      </c>
      <c r="D986" t="s">
        <v>240</v>
      </c>
      <c r="E986">
        <v>1069</v>
      </c>
      <c r="F986" t="s">
        <v>892</v>
      </c>
      <c r="G986" t="s">
        <v>892</v>
      </c>
      <c r="H986" t="s">
        <v>892</v>
      </c>
      <c r="I986" t="s">
        <v>892</v>
      </c>
      <c r="J986" t="s">
        <v>802</v>
      </c>
      <c r="K986">
        <v>12</v>
      </c>
      <c r="L986" t="s">
        <v>892</v>
      </c>
      <c r="M986" t="s">
        <v>892</v>
      </c>
      <c r="N986" t="s">
        <v>892</v>
      </c>
      <c r="O986" t="s">
        <v>892</v>
      </c>
      <c r="P986" t="s">
        <v>746</v>
      </c>
      <c r="Q986">
        <v>2</v>
      </c>
      <c r="R986" t="s">
        <v>893</v>
      </c>
      <c r="S986">
        <v>3</v>
      </c>
      <c r="T986" t="s">
        <v>892</v>
      </c>
      <c r="U986" t="s">
        <v>892</v>
      </c>
      <c r="V986">
        <v>3</v>
      </c>
      <c r="W986">
        <v>180</v>
      </c>
      <c r="X986">
        <v>2020</v>
      </c>
    </row>
    <row r="987" spans="1:24" x14ac:dyDescent="0.25">
      <c r="A987">
        <v>12836</v>
      </c>
      <c r="B987" t="s">
        <v>26</v>
      </c>
      <c r="C987">
        <v>44</v>
      </c>
      <c r="D987" t="s">
        <v>240</v>
      </c>
      <c r="E987">
        <v>1069</v>
      </c>
      <c r="F987" t="s">
        <v>892</v>
      </c>
      <c r="G987" t="s">
        <v>892</v>
      </c>
      <c r="H987" t="s">
        <v>892</v>
      </c>
      <c r="I987" t="s">
        <v>892</v>
      </c>
      <c r="J987" t="s">
        <v>802</v>
      </c>
      <c r="K987">
        <v>12</v>
      </c>
      <c r="L987" t="s">
        <v>892</v>
      </c>
      <c r="M987" t="s">
        <v>892</v>
      </c>
      <c r="N987" t="s">
        <v>892</v>
      </c>
      <c r="O987" t="s">
        <v>892</v>
      </c>
      <c r="P987" t="s">
        <v>655</v>
      </c>
      <c r="Q987">
        <v>1</v>
      </c>
      <c r="R987" t="s">
        <v>893</v>
      </c>
      <c r="S987">
        <v>3</v>
      </c>
      <c r="T987" t="s">
        <v>892</v>
      </c>
      <c r="U987" t="s">
        <v>892</v>
      </c>
      <c r="V987">
        <v>3</v>
      </c>
      <c r="W987">
        <v>180</v>
      </c>
      <c r="X987">
        <v>2020</v>
      </c>
    </row>
    <row r="988" spans="1:24" x14ac:dyDescent="0.25">
      <c r="A988">
        <v>12833</v>
      </c>
      <c r="B988" t="s">
        <v>69</v>
      </c>
      <c r="C988">
        <v>36</v>
      </c>
      <c r="D988" t="s">
        <v>89</v>
      </c>
      <c r="E988">
        <v>1212</v>
      </c>
      <c r="F988" t="s">
        <v>892</v>
      </c>
      <c r="G988" t="s">
        <v>892</v>
      </c>
      <c r="H988" t="s">
        <v>892</v>
      </c>
      <c r="I988" t="s">
        <v>892</v>
      </c>
      <c r="J988" t="s">
        <v>831</v>
      </c>
      <c r="K988">
        <v>5</v>
      </c>
      <c r="L988" t="s">
        <v>892</v>
      </c>
      <c r="M988" t="s">
        <v>892</v>
      </c>
      <c r="N988" t="s">
        <v>892</v>
      </c>
      <c r="O988" t="s">
        <v>892</v>
      </c>
      <c r="P988" t="s">
        <v>746</v>
      </c>
      <c r="Q988">
        <v>2</v>
      </c>
      <c r="R988" t="s">
        <v>893</v>
      </c>
      <c r="S988">
        <v>3</v>
      </c>
      <c r="T988" t="s">
        <v>892</v>
      </c>
      <c r="U988" t="s">
        <v>892</v>
      </c>
      <c r="V988">
        <v>3</v>
      </c>
      <c r="W988">
        <v>180</v>
      </c>
      <c r="X988">
        <v>2020</v>
      </c>
    </row>
    <row r="989" spans="1:24" x14ac:dyDescent="0.25">
      <c r="A989">
        <v>12830</v>
      </c>
      <c r="B989" t="s">
        <v>69</v>
      </c>
      <c r="C989">
        <v>36</v>
      </c>
      <c r="D989" t="s">
        <v>88</v>
      </c>
      <c r="E989">
        <v>1215</v>
      </c>
      <c r="F989" t="s">
        <v>892</v>
      </c>
      <c r="G989" t="s">
        <v>892</v>
      </c>
      <c r="H989" t="s">
        <v>892</v>
      </c>
      <c r="I989" t="s">
        <v>892</v>
      </c>
      <c r="J989" t="s">
        <v>885</v>
      </c>
      <c r="K989">
        <v>1</v>
      </c>
      <c r="L989" t="s">
        <v>892</v>
      </c>
      <c r="M989" t="s">
        <v>892</v>
      </c>
      <c r="N989" t="s">
        <v>892</v>
      </c>
      <c r="O989" t="s">
        <v>892</v>
      </c>
      <c r="P989" t="s">
        <v>746</v>
      </c>
      <c r="Q989">
        <v>2</v>
      </c>
      <c r="R989" t="s">
        <v>893</v>
      </c>
      <c r="S989">
        <v>3</v>
      </c>
      <c r="T989" t="s">
        <v>892</v>
      </c>
      <c r="U989" t="s">
        <v>892</v>
      </c>
      <c r="V989">
        <v>3</v>
      </c>
      <c r="W989">
        <v>180</v>
      </c>
      <c r="X989">
        <v>2020</v>
      </c>
    </row>
    <row r="990" spans="1:24" x14ac:dyDescent="0.25">
      <c r="A990">
        <v>12827</v>
      </c>
      <c r="B990" t="s">
        <v>69</v>
      </c>
      <c r="C990">
        <v>36</v>
      </c>
      <c r="D990" t="s">
        <v>87</v>
      </c>
      <c r="E990">
        <v>1218</v>
      </c>
      <c r="F990" t="s">
        <v>892</v>
      </c>
      <c r="G990" t="s">
        <v>892</v>
      </c>
      <c r="H990" t="s">
        <v>892</v>
      </c>
      <c r="I990" t="s">
        <v>892</v>
      </c>
      <c r="J990" t="s">
        <v>738</v>
      </c>
      <c r="K990">
        <v>61</v>
      </c>
      <c r="L990" t="s">
        <v>892</v>
      </c>
      <c r="M990" t="s">
        <v>892</v>
      </c>
      <c r="N990" t="s">
        <v>892</v>
      </c>
      <c r="O990" t="s">
        <v>892</v>
      </c>
      <c r="P990" t="s">
        <v>746</v>
      </c>
      <c r="Q990">
        <v>2</v>
      </c>
      <c r="R990" t="s">
        <v>893</v>
      </c>
      <c r="S990">
        <v>3</v>
      </c>
      <c r="T990" t="s">
        <v>892</v>
      </c>
      <c r="U990" t="s">
        <v>892</v>
      </c>
      <c r="V990">
        <v>3</v>
      </c>
      <c r="W990">
        <v>180</v>
      </c>
      <c r="X990">
        <v>2020</v>
      </c>
    </row>
    <row r="991" spans="1:24" x14ac:dyDescent="0.25">
      <c r="A991">
        <v>12824</v>
      </c>
      <c r="B991" t="s">
        <v>69</v>
      </c>
      <c r="C991">
        <v>36</v>
      </c>
      <c r="D991" t="s">
        <v>89</v>
      </c>
      <c r="E991">
        <v>1212</v>
      </c>
      <c r="F991" t="s">
        <v>892</v>
      </c>
      <c r="G991" t="s">
        <v>892</v>
      </c>
      <c r="H991" t="s">
        <v>892</v>
      </c>
      <c r="I991" t="s">
        <v>892</v>
      </c>
      <c r="J991" t="s">
        <v>831</v>
      </c>
      <c r="K991">
        <v>5</v>
      </c>
      <c r="L991" t="s">
        <v>892</v>
      </c>
      <c r="M991" t="s">
        <v>892</v>
      </c>
      <c r="N991" t="s">
        <v>892</v>
      </c>
      <c r="O991" t="s">
        <v>892</v>
      </c>
      <c r="P991" t="s">
        <v>655</v>
      </c>
      <c r="Q991">
        <v>1</v>
      </c>
      <c r="R991" t="s">
        <v>893</v>
      </c>
      <c r="S991">
        <v>3</v>
      </c>
      <c r="T991" t="s">
        <v>892</v>
      </c>
      <c r="U991" t="s">
        <v>892</v>
      </c>
      <c r="V991">
        <v>3</v>
      </c>
      <c r="W991">
        <v>180</v>
      </c>
      <c r="X991">
        <v>2020</v>
      </c>
    </row>
    <row r="992" spans="1:24" x14ac:dyDescent="0.25">
      <c r="A992">
        <v>12821</v>
      </c>
      <c r="B992" t="s">
        <v>69</v>
      </c>
      <c r="C992">
        <v>36</v>
      </c>
      <c r="D992" t="s">
        <v>88</v>
      </c>
      <c r="E992">
        <v>1215</v>
      </c>
      <c r="F992" t="s">
        <v>892</v>
      </c>
      <c r="G992" t="s">
        <v>892</v>
      </c>
      <c r="H992" t="s">
        <v>892</v>
      </c>
      <c r="I992" t="s">
        <v>892</v>
      </c>
      <c r="J992" t="s">
        <v>885</v>
      </c>
      <c r="K992">
        <v>1</v>
      </c>
      <c r="L992" t="s">
        <v>892</v>
      </c>
      <c r="M992" t="s">
        <v>892</v>
      </c>
      <c r="N992" t="s">
        <v>892</v>
      </c>
      <c r="O992" t="s">
        <v>892</v>
      </c>
      <c r="P992" t="s">
        <v>655</v>
      </c>
      <c r="Q992">
        <v>1</v>
      </c>
      <c r="R992" t="s">
        <v>893</v>
      </c>
      <c r="S992">
        <v>3</v>
      </c>
      <c r="T992" t="s">
        <v>892</v>
      </c>
      <c r="U992" t="s">
        <v>892</v>
      </c>
      <c r="V992">
        <v>3</v>
      </c>
      <c r="W992">
        <v>180</v>
      </c>
      <c r="X992">
        <v>2020</v>
      </c>
    </row>
    <row r="993" spans="1:24" x14ac:dyDescent="0.25">
      <c r="A993">
        <v>12818</v>
      </c>
      <c r="B993" t="s">
        <v>69</v>
      </c>
      <c r="C993">
        <v>36</v>
      </c>
      <c r="D993" t="s">
        <v>87</v>
      </c>
      <c r="E993">
        <v>1218</v>
      </c>
      <c r="F993" t="s">
        <v>892</v>
      </c>
      <c r="G993" t="s">
        <v>892</v>
      </c>
      <c r="H993" t="s">
        <v>892</v>
      </c>
      <c r="I993" t="s">
        <v>892</v>
      </c>
      <c r="J993" t="s">
        <v>738</v>
      </c>
      <c r="K993">
        <v>61</v>
      </c>
      <c r="L993" t="s">
        <v>892</v>
      </c>
      <c r="M993" t="s">
        <v>892</v>
      </c>
      <c r="N993" t="s">
        <v>892</v>
      </c>
      <c r="O993" t="s">
        <v>892</v>
      </c>
      <c r="P993" t="s">
        <v>655</v>
      </c>
      <c r="Q993">
        <v>1</v>
      </c>
      <c r="R993" t="s">
        <v>893</v>
      </c>
      <c r="S993">
        <v>3</v>
      </c>
      <c r="T993" t="s">
        <v>892</v>
      </c>
      <c r="U993" t="s">
        <v>892</v>
      </c>
      <c r="V993">
        <v>3</v>
      </c>
      <c r="W993">
        <v>180</v>
      </c>
      <c r="X993">
        <v>2020</v>
      </c>
    </row>
    <row r="994" spans="1:24" x14ac:dyDescent="0.25">
      <c r="A994">
        <v>12815</v>
      </c>
      <c r="B994" t="s">
        <v>140</v>
      </c>
      <c r="C994">
        <v>34</v>
      </c>
      <c r="D994" t="s">
        <v>139</v>
      </c>
      <c r="E994">
        <v>1158</v>
      </c>
      <c r="F994" t="s">
        <v>892</v>
      </c>
      <c r="G994" t="s">
        <v>892</v>
      </c>
      <c r="H994" t="s">
        <v>892</v>
      </c>
      <c r="I994" t="s">
        <v>892</v>
      </c>
      <c r="J994" t="s">
        <v>730</v>
      </c>
      <c r="K994">
        <v>66</v>
      </c>
      <c r="L994" t="s">
        <v>892</v>
      </c>
      <c r="M994" t="s">
        <v>892</v>
      </c>
      <c r="N994" t="s">
        <v>892</v>
      </c>
      <c r="O994" t="s">
        <v>892</v>
      </c>
      <c r="P994" t="s">
        <v>655</v>
      </c>
      <c r="Q994">
        <v>1</v>
      </c>
      <c r="R994" t="s">
        <v>893</v>
      </c>
      <c r="S994">
        <v>3</v>
      </c>
      <c r="T994" t="s">
        <v>892</v>
      </c>
      <c r="U994" t="s">
        <v>892</v>
      </c>
      <c r="V994">
        <v>3</v>
      </c>
      <c r="W994">
        <v>180</v>
      </c>
      <c r="X994">
        <v>2020</v>
      </c>
    </row>
    <row r="995" spans="1:24" x14ac:dyDescent="0.25">
      <c r="A995">
        <v>12812</v>
      </c>
      <c r="B995" t="s">
        <v>140</v>
      </c>
      <c r="C995">
        <v>34</v>
      </c>
      <c r="D995" t="s">
        <v>139</v>
      </c>
      <c r="E995">
        <v>1158</v>
      </c>
      <c r="F995" t="s">
        <v>892</v>
      </c>
      <c r="G995" t="s">
        <v>892</v>
      </c>
      <c r="H995" t="s">
        <v>892</v>
      </c>
      <c r="I995" t="s">
        <v>892</v>
      </c>
      <c r="J995" t="s">
        <v>730</v>
      </c>
      <c r="K995">
        <v>66</v>
      </c>
      <c r="L995" t="s">
        <v>892</v>
      </c>
      <c r="M995" t="s">
        <v>892</v>
      </c>
      <c r="N995" t="s">
        <v>892</v>
      </c>
      <c r="O995" t="s">
        <v>892</v>
      </c>
      <c r="P995" t="s">
        <v>746</v>
      </c>
      <c r="Q995">
        <v>2</v>
      </c>
      <c r="R995" t="s">
        <v>893</v>
      </c>
      <c r="S995">
        <v>3</v>
      </c>
      <c r="T995" t="s">
        <v>892</v>
      </c>
      <c r="U995" t="s">
        <v>892</v>
      </c>
      <c r="V995">
        <v>3</v>
      </c>
      <c r="W995">
        <v>180</v>
      </c>
      <c r="X995">
        <v>2020</v>
      </c>
    </row>
    <row r="996" spans="1:24" x14ac:dyDescent="0.25">
      <c r="A996">
        <v>12809</v>
      </c>
      <c r="B996" t="s">
        <v>22</v>
      </c>
      <c r="C996">
        <v>28</v>
      </c>
      <c r="D996" t="s">
        <v>43</v>
      </c>
      <c r="E996">
        <v>1316</v>
      </c>
      <c r="F996" t="s">
        <v>892</v>
      </c>
      <c r="G996" t="s">
        <v>892</v>
      </c>
      <c r="H996" t="s">
        <v>892</v>
      </c>
      <c r="I996" t="s">
        <v>892</v>
      </c>
      <c r="J996" t="s">
        <v>917</v>
      </c>
      <c r="K996">
        <v>83</v>
      </c>
      <c r="L996" t="s">
        <v>892</v>
      </c>
      <c r="M996" t="s">
        <v>892</v>
      </c>
      <c r="N996" t="s">
        <v>892</v>
      </c>
      <c r="O996" t="s">
        <v>892</v>
      </c>
      <c r="P996" t="s">
        <v>746</v>
      </c>
      <c r="Q996">
        <v>2</v>
      </c>
      <c r="R996" t="s">
        <v>893</v>
      </c>
      <c r="S996">
        <v>3</v>
      </c>
      <c r="T996" t="s">
        <v>892</v>
      </c>
      <c r="U996" t="s">
        <v>892</v>
      </c>
      <c r="V996">
        <v>3</v>
      </c>
      <c r="W996">
        <v>180</v>
      </c>
      <c r="X996">
        <v>2020</v>
      </c>
    </row>
    <row r="997" spans="1:24" x14ac:dyDescent="0.25">
      <c r="A997">
        <v>12806</v>
      </c>
      <c r="B997" t="s">
        <v>22</v>
      </c>
      <c r="C997">
        <v>28</v>
      </c>
      <c r="D997" t="s">
        <v>43</v>
      </c>
      <c r="E997">
        <v>1316</v>
      </c>
      <c r="F997" t="s">
        <v>892</v>
      </c>
      <c r="G997" t="s">
        <v>892</v>
      </c>
      <c r="H997" t="s">
        <v>892</v>
      </c>
      <c r="I997" t="s">
        <v>892</v>
      </c>
      <c r="J997" t="s">
        <v>917</v>
      </c>
      <c r="K997">
        <v>83</v>
      </c>
      <c r="L997" t="s">
        <v>892</v>
      </c>
      <c r="M997" t="s">
        <v>892</v>
      </c>
      <c r="N997" t="s">
        <v>892</v>
      </c>
      <c r="O997" t="s">
        <v>892</v>
      </c>
      <c r="P997" t="s">
        <v>655</v>
      </c>
      <c r="Q997">
        <v>1</v>
      </c>
      <c r="R997" t="s">
        <v>893</v>
      </c>
      <c r="S997">
        <v>3</v>
      </c>
      <c r="T997" t="s">
        <v>892</v>
      </c>
      <c r="U997" t="s">
        <v>892</v>
      </c>
      <c r="V997">
        <v>3</v>
      </c>
      <c r="W997">
        <v>180</v>
      </c>
      <c r="X997">
        <v>2020</v>
      </c>
    </row>
    <row r="998" spans="1:24" x14ac:dyDescent="0.25">
      <c r="A998">
        <v>12803</v>
      </c>
      <c r="B998" t="s">
        <v>14</v>
      </c>
      <c r="C998">
        <v>20</v>
      </c>
      <c r="D998" t="s">
        <v>86</v>
      </c>
      <c r="E998">
        <v>1221</v>
      </c>
      <c r="F998" t="s">
        <v>892</v>
      </c>
      <c r="G998" t="s">
        <v>892</v>
      </c>
      <c r="H998" t="s">
        <v>892</v>
      </c>
      <c r="I998" t="s">
        <v>892</v>
      </c>
      <c r="J998" t="s">
        <v>802</v>
      </c>
      <c r="K998">
        <v>12</v>
      </c>
      <c r="L998" t="s">
        <v>892</v>
      </c>
      <c r="M998" t="s">
        <v>892</v>
      </c>
      <c r="N998" t="s">
        <v>892</v>
      </c>
      <c r="O998" t="s">
        <v>892</v>
      </c>
      <c r="P998" t="s">
        <v>746</v>
      </c>
      <c r="Q998">
        <v>2</v>
      </c>
      <c r="R998" t="s">
        <v>893</v>
      </c>
      <c r="S998">
        <v>3</v>
      </c>
      <c r="T998" t="s">
        <v>892</v>
      </c>
      <c r="U998" t="s">
        <v>892</v>
      </c>
      <c r="V998">
        <v>3</v>
      </c>
      <c r="W998">
        <v>180</v>
      </c>
      <c r="X998">
        <v>2020</v>
      </c>
    </row>
    <row r="999" spans="1:24" x14ac:dyDescent="0.25">
      <c r="A999">
        <v>12800</v>
      </c>
      <c r="B999" t="s">
        <v>14</v>
      </c>
      <c r="C999">
        <v>20</v>
      </c>
      <c r="D999" t="s">
        <v>86</v>
      </c>
      <c r="E999">
        <v>1221</v>
      </c>
      <c r="F999" t="s">
        <v>892</v>
      </c>
      <c r="G999" t="s">
        <v>892</v>
      </c>
      <c r="H999" t="s">
        <v>892</v>
      </c>
      <c r="I999" t="s">
        <v>892</v>
      </c>
      <c r="J999" t="s">
        <v>802</v>
      </c>
      <c r="K999">
        <v>12</v>
      </c>
      <c r="L999" t="s">
        <v>892</v>
      </c>
      <c r="M999" t="s">
        <v>892</v>
      </c>
      <c r="N999" t="s">
        <v>892</v>
      </c>
      <c r="O999" t="s">
        <v>892</v>
      </c>
      <c r="P999" t="s">
        <v>655</v>
      </c>
      <c r="Q999">
        <v>1</v>
      </c>
      <c r="R999" t="s">
        <v>893</v>
      </c>
      <c r="S999">
        <v>3</v>
      </c>
      <c r="T999" t="s">
        <v>892</v>
      </c>
      <c r="U999" t="s">
        <v>892</v>
      </c>
      <c r="V999">
        <v>3</v>
      </c>
      <c r="W999">
        <v>180</v>
      </c>
      <c r="X999">
        <v>2020</v>
      </c>
    </row>
    <row r="1000" spans="1:24" x14ac:dyDescent="0.25">
      <c r="A1000">
        <v>12797</v>
      </c>
      <c r="B1000" t="s">
        <v>14</v>
      </c>
      <c r="C1000">
        <v>20</v>
      </c>
      <c r="D1000" t="s">
        <v>265</v>
      </c>
      <c r="E1000">
        <v>1045</v>
      </c>
      <c r="F1000" t="s">
        <v>892</v>
      </c>
      <c r="G1000" t="s">
        <v>892</v>
      </c>
      <c r="H1000" t="s">
        <v>892</v>
      </c>
      <c r="I1000" t="s">
        <v>892</v>
      </c>
      <c r="J1000" t="s">
        <v>703</v>
      </c>
      <c r="K1000">
        <v>16</v>
      </c>
      <c r="L1000" t="s">
        <v>892</v>
      </c>
      <c r="M1000" t="s">
        <v>892</v>
      </c>
      <c r="N1000" t="s">
        <v>892</v>
      </c>
      <c r="O1000" t="s">
        <v>892</v>
      </c>
      <c r="P1000" t="s">
        <v>746</v>
      </c>
      <c r="Q1000">
        <v>2</v>
      </c>
      <c r="R1000" t="s">
        <v>893</v>
      </c>
      <c r="S1000">
        <v>3</v>
      </c>
      <c r="T1000" t="s">
        <v>892</v>
      </c>
      <c r="U1000" t="s">
        <v>892</v>
      </c>
      <c r="V1000">
        <v>3</v>
      </c>
      <c r="W1000">
        <v>180</v>
      </c>
      <c r="X1000">
        <v>2020</v>
      </c>
    </row>
    <row r="1001" spans="1:24" x14ac:dyDescent="0.25">
      <c r="A1001">
        <v>12794</v>
      </c>
      <c r="B1001" t="s">
        <v>14</v>
      </c>
      <c r="C1001">
        <v>20</v>
      </c>
      <c r="D1001" t="s">
        <v>265</v>
      </c>
      <c r="E1001">
        <v>1045</v>
      </c>
      <c r="F1001" t="s">
        <v>892</v>
      </c>
      <c r="G1001" t="s">
        <v>892</v>
      </c>
      <c r="H1001" t="s">
        <v>892</v>
      </c>
      <c r="I1001" t="s">
        <v>892</v>
      </c>
      <c r="J1001" t="s">
        <v>703</v>
      </c>
      <c r="K1001">
        <v>16</v>
      </c>
      <c r="L1001" t="s">
        <v>892</v>
      </c>
      <c r="M1001" t="s">
        <v>892</v>
      </c>
      <c r="N1001" t="s">
        <v>892</v>
      </c>
      <c r="O1001" t="s">
        <v>892</v>
      </c>
      <c r="P1001" t="s">
        <v>655</v>
      </c>
      <c r="Q1001">
        <v>1</v>
      </c>
      <c r="R1001" t="s">
        <v>893</v>
      </c>
      <c r="S1001">
        <v>3</v>
      </c>
      <c r="T1001" t="s">
        <v>892</v>
      </c>
      <c r="U1001" t="s">
        <v>892</v>
      </c>
      <c r="V1001">
        <v>3</v>
      </c>
      <c r="W1001">
        <v>180</v>
      </c>
      <c r="X1001">
        <v>2020</v>
      </c>
    </row>
    <row r="1002" spans="1:24" x14ac:dyDescent="0.25">
      <c r="A1002">
        <v>12791</v>
      </c>
      <c r="B1002" t="s">
        <v>14</v>
      </c>
      <c r="C1002">
        <v>20</v>
      </c>
      <c r="D1002" t="s">
        <v>85</v>
      </c>
      <c r="E1002">
        <v>1224</v>
      </c>
      <c r="F1002" t="s">
        <v>892</v>
      </c>
      <c r="G1002" t="s">
        <v>892</v>
      </c>
      <c r="H1002" t="s">
        <v>892</v>
      </c>
      <c r="I1002" t="s">
        <v>892</v>
      </c>
      <c r="J1002" t="s">
        <v>294</v>
      </c>
      <c r="K1002">
        <v>31</v>
      </c>
      <c r="L1002" t="s">
        <v>892</v>
      </c>
      <c r="M1002" t="s">
        <v>892</v>
      </c>
      <c r="N1002" t="s">
        <v>892</v>
      </c>
      <c r="O1002" t="s">
        <v>892</v>
      </c>
      <c r="P1002" t="s">
        <v>655</v>
      </c>
      <c r="Q1002">
        <v>1</v>
      </c>
      <c r="R1002" t="s">
        <v>893</v>
      </c>
      <c r="S1002">
        <v>3</v>
      </c>
      <c r="T1002" t="s">
        <v>892</v>
      </c>
      <c r="U1002" t="s">
        <v>892</v>
      </c>
      <c r="V1002">
        <v>3</v>
      </c>
      <c r="W1002">
        <v>180</v>
      </c>
      <c r="X1002">
        <v>2020</v>
      </c>
    </row>
    <row r="1003" spans="1:24" x14ac:dyDescent="0.25">
      <c r="A1003">
        <v>12788</v>
      </c>
      <c r="B1003" t="s">
        <v>14</v>
      </c>
      <c r="C1003">
        <v>20</v>
      </c>
      <c r="D1003" t="s">
        <v>85</v>
      </c>
      <c r="E1003">
        <v>1224</v>
      </c>
      <c r="F1003" t="s">
        <v>892</v>
      </c>
      <c r="G1003" t="s">
        <v>892</v>
      </c>
      <c r="H1003" t="s">
        <v>892</v>
      </c>
      <c r="I1003" t="s">
        <v>892</v>
      </c>
      <c r="J1003" t="s">
        <v>294</v>
      </c>
      <c r="K1003">
        <v>31</v>
      </c>
      <c r="L1003" t="s">
        <v>892</v>
      </c>
      <c r="M1003" t="s">
        <v>892</v>
      </c>
      <c r="N1003" t="s">
        <v>892</v>
      </c>
      <c r="O1003" t="s">
        <v>892</v>
      </c>
      <c r="P1003" t="s">
        <v>746</v>
      </c>
      <c r="Q1003">
        <v>2</v>
      </c>
      <c r="R1003" t="s">
        <v>893</v>
      </c>
      <c r="S1003">
        <v>3</v>
      </c>
      <c r="T1003" t="s">
        <v>892</v>
      </c>
      <c r="U1003" t="s">
        <v>892</v>
      </c>
      <c r="V1003">
        <v>3</v>
      </c>
      <c r="W1003">
        <v>180</v>
      </c>
      <c r="X1003">
        <v>2020</v>
      </c>
    </row>
    <row r="1004" spans="1:24" x14ac:dyDescent="0.25">
      <c r="A1004">
        <v>12785</v>
      </c>
      <c r="B1004" t="s">
        <v>14</v>
      </c>
      <c r="C1004">
        <v>20</v>
      </c>
      <c r="D1004" t="s">
        <v>85</v>
      </c>
      <c r="E1004">
        <v>1224</v>
      </c>
      <c r="F1004" t="s">
        <v>892</v>
      </c>
      <c r="G1004" t="s">
        <v>892</v>
      </c>
      <c r="H1004" t="s">
        <v>892</v>
      </c>
      <c r="I1004" t="s">
        <v>892</v>
      </c>
      <c r="J1004" t="s">
        <v>894</v>
      </c>
      <c r="K1004">
        <v>18</v>
      </c>
      <c r="L1004" t="s">
        <v>892</v>
      </c>
      <c r="M1004" t="s">
        <v>892</v>
      </c>
      <c r="N1004" t="s">
        <v>892</v>
      </c>
      <c r="O1004" t="s">
        <v>892</v>
      </c>
      <c r="P1004" t="s">
        <v>655</v>
      </c>
      <c r="Q1004">
        <v>1</v>
      </c>
      <c r="R1004" t="s">
        <v>893</v>
      </c>
      <c r="S1004">
        <v>3</v>
      </c>
      <c r="T1004" t="s">
        <v>892</v>
      </c>
      <c r="U1004" t="s">
        <v>892</v>
      </c>
      <c r="V1004">
        <v>3</v>
      </c>
      <c r="W1004">
        <v>180</v>
      </c>
      <c r="X1004">
        <v>2020</v>
      </c>
    </row>
    <row r="1005" spans="1:24" x14ac:dyDescent="0.25">
      <c r="A1005">
        <v>12782</v>
      </c>
      <c r="B1005" t="s">
        <v>14</v>
      </c>
      <c r="C1005">
        <v>20</v>
      </c>
      <c r="D1005" t="s">
        <v>85</v>
      </c>
      <c r="E1005">
        <v>1224</v>
      </c>
      <c r="F1005" t="s">
        <v>892</v>
      </c>
      <c r="G1005" t="s">
        <v>892</v>
      </c>
      <c r="H1005" t="s">
        <v>892</v>
      </c>
      <c r="I1005" t="s">
        <v>892</v>
      </c>
      <c r="J1005" t="s">
        <v>894</v>
      </c>
      <c r="K1005">
        <v>18</v>
      </c>
      <c r="L1005" t="s">
        <v>892</v>
      </c>
      <c r="M1005" t="s">
        <v>892</v>
      </c>
      <c r="N1005" t="s">
        <v>892</v>
      </c>
      <c r="O1005" t="s">
        <v>892</v>
      </c>
      <c r="P1005" t="s">
        <v>746</v>
      </c>
      <c r="Q1005">
        <v>2</v>
      </c>
      <c r="R1005" t="s">
        <v>893</v>
      </c>
      <c r="S1005">
        <v>3</v>
      </c>
      <c r="T1005" t="s">
        <v>892</v>
      </c>
      <c r="U1005" t="s">
        <v>892</v>
      </c>
      <c r="V1005">
        <v>3</v>
      </c>
      <c r="W1005">
        <v>180</v>
      </c>
      <c r="X1005">
        <v>2020</v>
      </c>
    </row>
    <row r="1006" spans="1:24" x14ac:dyDescent="0.25">
      <c r="A1006">
        <v>12779</v>
      </c>
      <c r="B1006" t="s">
        <v>14</v>
      </c>
      <c r="C1006">
        <v>20</v>
      </c>
      <c r="D1006" t="s">
        <v>85</v>
      </c>
      <c r="E1006">
        <v>1224</v>
      </c>
      <c r="F1006" t="s">
        <v>892</v>
      </c>
      <c r="G1006" t="s">
        <v>892</v>
      </c>
      <c r="H1006" t="s">
        <v>892</v>
      </c>
      <c r="I1006" t="s">
        <v>892</v>
      </c>
      <c r="J1006" t="s">
        <v>691</v>
      </c>
      <c r="K1006">
        <v>21</v>
      </c>
      <c r="L1006" t="s">
        <v>892</v>
      </c>
      <c r="M1006" t="s">
        <v>892</v>
      </c>
      <c r="N1006" t="s">
        <v>892</v>
      </c>
      <c r="O1006" t="s">
        <v>892</v>
      </c>
      <c r="P1006" t="s">
        <v>655</v>
      </c>
      <c r="Q1006">
        <v>1</v>
      </c>
      <c r="R1006" t="s">
        <v>893</v>
      </c>
      <c r="S1006">
        <v>3</v>
      </c>
      <c r="T1006" t="s">
        <v>892</v>
      </c>
      <c r="U1006" t="s">
        <v>892</v>
      </c>
      <c r="V1006">
        <v>3</v>
      </c>
      <c r="W1006">
        <v>180</v>
      </c>
      <c r="X1006">
        <v>2020</v>
      </c>
    </row>
    <row r="1007" spans="1:24" x14ac:dyDescent="0.25">
      <c r="A1007">
        <v>12776</v>
      </c>
      <c r="B1007" t="s">
        <v>14</v>
      </c>
      <c r="C1007">
        <v>20</v>
      </c>
      <c r="D1007" t="s">
        <v>85</v>
      </c>
      <c r="E1007">
        <v>1224</v>
      </c>
      <c r="F1007" t="s">
        <v>892</v>
      </c>
      <c r="G1007" t="s">
        <v>892</v>
      </c>
      <c r="H1007" t="s">
        <v>892</v>
      </c>
      <c r="I1007" t="s">
        <v>892</v>
      </c>
      <c r="J1007" t="s">
        <v>691</v>
      </c>
      <c r="K1007">
        <v>21</v>
      </c>
      <c r="L1007" t="s">
        <v>892</v>
      </c>
      <c r="M1007" t="s">
        <v>892</v>
      </c>
      <c r="N1007" t="s">
        <v>892</v>
      </c>
      <c r="O1007" t="s">
        <v>892</v>
      </c>
      <c r="P1007" t="s">
        <v>746</v>
      </c>
      <c r="Q1007">
        <v>2</v>
      </c>
      <c r="R1007" t="s">
        <v>893</v>
      </c>
      <c r="S1007">
        <v>3</v>
      </c>
      <c r="T1007" t="s">
        <v>892</v>
      </c>
      <c r="U1007" t="s">
        <v>892</v>
      </c>
      <c r="V1007">
        <v>3</v>
      </c>
      <c r="W1007">
        <v>180</v>
      </c>
      <c r="X1007">
        <v>2020</v>
      </c>
    </row>
    <row r="1008" spans="1:24" x14ac:dyDescent="0.25">
      <c r="A1008">
        <v>12773</v>
      </c>
      <c r="B1008" t="s">
        <v>12</v>
      </c>
      <c r="C1008">
        <v>7</v>
      </c>
      <c r="D1008" t="s">
        <v>82</v>
      </c>
      <c r="E1008">
        <v>1230</v>
      </c>
      <c r="F1008" t="s">
        <v>892</v>
      </c>
      <c r="G1008" t="s">
        <v>892</v>
      </c>
      <c r="H1008" t="s">
        <v>892</v>
      </c>
      <c r="I1008" t="s">
        <v>892</v>
      </c>
      <c r="J1008" t="s">
        <v>813</v>
      </c>
      <c r="K1008">
        <v>24</v>
      </c>
      <c r="L1008" t="s">
        <v>892</v>
      </c>
      <c r="M1008" t="s">
        <v>892</v>
      </c>
      <c r="N1008" t="s">
        <v>892</v>
      </c>
      <c r="O1008" t="s">
        <v>892</v>
      </c>
      <c r="P1008" t="s">
        <v>746</v>
      </c>
      <c r="Q1008">
        <v>2</v>
      </c>
      <c r="R1008" t="s">
        <v>893</v>
      </c>
      <c r="S1008">
        <v>3</v>
      </c>
      <c r="T1008" t="s">
        <v>892</v>
      </c>
      <c r="U1008" t="s">
        <v>892</v>
      </c>
      <c r="V1008">
        <v>3</v>
      </c>
      <c r="W1008">
        <v>180</v>
      </c>
      <c r="X1008">
        <v>2020</v>
      </c>
    </row>
    <row r="1009" spans="1:24" x14ac:dyDescent="0.25">
      <c r="A1009">
        <v>12770</v>
      </c>
      <c r="B1009" t="s">
        <v>12</v>
      </c>
      <c r="C1009">
        <v>7</v>
      </c>
      <c r="D1009" t="s">
        <v>82</v>
      </c>
      <c r="E1009">
        <v>1230</v>
      </c>
      <c r="F1009" t="s">
        <v>892</v>
      </c>
      <c r="G1009" t="s">
        <v>892</v>
      </c>
      <c r="H1009" t="s">
        <v>892</v>
      </c>
      <c r="I1009" t="s">
        <v>892</v>
      </c>
      <c r="J1009" t="s">
        <v>813</v>
      </c>
      <c r="K1009">
        <v>24</v>
      </c>
      <c r="L1009" t="s">
        <v>892</v>
      </c>
      <c r="M1009" t="s">
        <v>892</v>
      </c>
      <c r="N1009" t="s">
        <v>892</v>
      </c>
      <c r="O1009" t="s">
        <v>892</v>
      </c>
      <c r="P1009" t="s">
        <v>655</v>
      </c>
      <c r="Q1009">
        <v>1</v>
      </c>
      <c r="R1009" t="s">
        <v>893</v>
      </c>
      <c r="S1009">
        <v>3</v>
      </c>
      <c r="T1009" t="s">
        <v>892</v>
      </c>
      <c r="U1009" t="s">
        <v>892</v>
      </c>
      <c r="V1009">
        <v>3</v>
      </c>
      <c r="W1009">
        <v>180</v>
      </c>
      <c r="X1009">
        <v>2020</v>
      </c>
    </row>
    <row r="1010" spans="1:24" x14ac:dyDescent="0.25">
      <c r="A1010">
        <v>12767</v>
      </c>
      <c r="B1010" t="s">
        <v>12</v>
      </c>
      <c r="C1010">
        <v>7</v>
      </c>
      <c r="D1010" t="s">
        <v>81</v>
      </c>
      <c r="E1010">
        <v>1233</v>
      </c>
      <c r="F1010" t="s">
        <v>892</v>
      </c>
      <c r="G1010" t="s">
        <v>892</v>
      </c>
      <c r="H1010" t="s">
        <v>892</v>
      </c>
      <c r="I1010" t="s">
        <v>892</v>
      </c>
      <c r="J1010" t="s">
        <v>813</v>
      </c>
      <c r="K1010">
        <v>24</v>
      </c>
      <c r="L1010" t="s">
        <v>892</v>
      </c>
      <c r="M1010" t="s">
        <v>892</v>
      </c>
      <c r="N1010" t="s">
        <v>892</v>
      </c>
      <c r="O1010" t="s">
        <v>892</v>
      </c>
      <c r="P1010" t="s">
        <v>746</v>
      </c>
      <c r="Q1010">
        <v>2</v>
      </c>
      <c r="R1010" t="s">
        <v>893</v>
      </c>
      <c r="S1010">
        <v>3</v>
      </c>
      <c r="T1010" t="s">
        <v>892</v>
      </c>
      <c r="U1010" t="s">
        <v>892</v>
      </c>
      <c r="V1010">
        <v>3</v>
      </c>
      <c r="W1010">
        <v>180</v>
      </c>
      <c r="X1010">
        <v>2020</v>
      </c>
    </row>
    <row r="1011" spans="1:24" x14ac:dyDescent="0.25">
      <c r="A1011">
        <v>12764</v>
      </c>
      <c r="B1011" t="s">
        <v>12</v>
      </c>
      <c r="C1011">
        <v>7</v>
      </c>
      <c r="D1011" t="s">
        <v>81</v>
      </c>
      <c r="E1011">
        <v>1233</v>
      </c>
      <c r="F1011" t="s">
        <v>892</v>
      </c>
      <c r="G1011" t="s">
        <v>892</v>
      </c>
      <c r="H1011" t="s">
        <v>892</v>
      </c>
      <c r="I1011" t="s">
        <v>892</v>
      </c>
      <c r="J1011" t="s">
        <v>813</v>
      </c>
      <c r="K1011">
        <v>24</v>
      </c>
      <c r="L1011" t="s">
        <v>892</v>
      </c>
      <c r="M1011" t="s">
        <v>892</v>
      </c>
      <c r="N1011" t="s">
        <v>892</v>
      </c>
      <c r="O1011" t="s">
        <v>892</v>
      </c>
      <c r="P1011" t="s">
        <v>655</v>
      </c>
      <c r="Q1011">
        <v>1</v>
      </c>
      <c r="R1011" t="s">
        <v>893</v>
      </c>
      <c r="S1011">
        <v>3</v>
      </c>
      <c r="T1011" t="s">
        <v>892</v>
      </c>
      <c r="U1011" t="s">
        <v>892</v>
      </c>
      <c r="V1011">
        <v>3</v>
      </c>
      <c r="W1011">
        <v>180</v>
      </c>
      <c r="X1011">
        <v>2020</v>
      </c>
    </row>
    <row r="1012" spans="1:24" x14ac:dyDescent="0.25">
      <c r="A1012">
        <v>12761</v>
      </c>
      <c r="B1012" t="s">
        <v>16</v>
      </c>
      <c r="C1012">
        <v>5</v>
      </c>
      <c r="D1012" t="s">
        <v>163</v>
      </c>
      <c r="E1012">
        <v>1133</v>
      </c>
      <c r="F1012" t="s">
        <v>892</v>
      </c>
      <c r="G1012" t="s">
        <v>892</v>
      </c>
      <c r="H1012" t="s">
        <v>892</v>
      </c>
      <c r="I1012" t="s">
        <v>892</v>
      </c>
      <c r="J1012" t="s">
        <v>895</v>
      </c>
      <c r="K1012">
        <v>13</v>
      </c>
      <c r="L1012" t="s">
        <v>892</v>
      </c>
      <c r="M1012" t="s">
        <v>892</v>
      </c>
      <c r="N1012" t="s">
        <v>892</v>
      </c>
      <c r="O1012" t="s">
        <v>892</v>
      </c>
      <c r="P1012" t="s">
        <v>746</v>
      </c>
      <c r="Q1012">
        <v>2</v>
      </c>
      <c r="R1012" t="s">
        <v>893</v>
      </c>
      <c r="S1012">
        <v>3</v>
      </c>
      <c r="T1012" t="s">
        <v>892</v>
      </c>
      <c r="U1012" t="s">
        <v>892</v>
      </c>
      <c r="V1012">
        <v>3</v>
      </c>
      <c r="W1012">
        <v>180</v>
      </c>
      <c r="X1012">
        <v>2020</v>
      </c>
    </row>
    <row r="1013" spans="1:24" x14ac:dyDescent="0.25">
      <c r="A1013">
        <v>12758</v>
      </c>
      <c r="B1013" t="s">
        <v>16</v>
      </c>
      <c r="C1013">
        <v>5</v>
      </c>
      <c r="D1013" t="s">
        <v>163</v>
      </c>
      <c r="E1013">
        <v>1133</v>
      </c>
      <c r="F1013" t="s">
        <v>892</v>
      </c>
      <c r="G1013" t="s">
        <v>892</v>
      </c>
      <c r="H1013" t="s">
        <v>892</v>
      </c>
      <c r="I1013" t="s">
        <v>892</v>
      </c>
      <c r="J1013" t="s">
        <v>895</v>
      </c>
      <c r="K1013">
        <v>13</v>
      </c>
      <c r="L1013" t="s">
        <v>892</v>
      </c>
      <c r="M1013" t="s">
        <v>892</v>
      </c>
      <c r="N1013" t="s">
        <v>892</v>
      </c>
      <c r="O1013" t="s">
        <v>892</v>
      </c>
      <c r="P1013" t="s">
        <v>655</v>
      </c>
      <c r="Q1013">
        <v>1</v>
      </c>
      <c r="R1013" t="s">
        <v>893</v>
      </c>
      <c r="S1013">
        <v>3</v>
      </c>
      <c r="T1013" t="s">
        <v>892</v>
      </c>
      <c r="U1013" t="s">
        <v>892</v>
      </c>
      <c r="V1013">
        <v>3</v>
      </c>
      <c r="W1013">
        <v>180</v>
      </c>
      <c r="X1013">
        <v>2020</v>
      </c>
    </row>
    <row r="1014" spans="1:24" x14ac:dyDescent="0.25">
      <c r="A1014">
        <v>12755</v>
      </c>
      <c r="B1014" t="s">
        <v>16</v>
      </c>
      <c r="C1014">
        <v>5</v>
      </c>
      <c r="D1014" t="s">
        <v>164</v>
      </c>
      <c r="E1014">
        <v>1132</v>
      </c>
      <c r="F1014" t="s">
        <v>892</v>
      </c>
      <c r="G1014" t="s">
        <v>892</v>
      </c>
      <c r="H1014" t="s">
        <v>892</v>
      </c>
      <c r="I1014" t="s">
        <v>892</v>
      </c>
      <c r="J1014" t="s">
        <v>895</v>
      </c>
      <c r="K1014">
        <v>13</v>
      </c>
      <c r="L1014" t="s">
        <v>892</v>
      </c>
      <c r="M1014" t="s">
        <v>892</v>
      </c>
      <c r="N1014" t="s">
        <v>892</v>
      </c>
      <c r="O1014" t="s">
        <v>892</v>
      </c>
      <c r="P1014" t="s">
        <v>746</v>
      </c>
      <c r="Q1014">
        <v>2</v>
      </c>
      <c r="R1014" t="s">
        <v>893</v>
      </c>
      <c r="S1014">
        <v>3</v>
      </c>
      <c r="T1014" t="s">
        <v>892</v>
      </c>
      <c r="U1014" t="s">
        <v>892</v>
      </c>
      <c r="V1014">
        <v>3</v>
      </c>
      <c r="W1014">
        <v>180</v>
      </c>
      <c r="X1014">
        <v>2020</v>
      </c>
    </row>
    <row r="1015" spans="1:24" x14ac:dyDescent="0.25">
      <c r="A1015">
        <v>12752</v>
      </c>
      <c r="B1015" t="s">
        <v>16</v>
      </c>
      <c r="C1015">
        <v>5</v>
      </c>
      <c r="D1015" t="s">
        <v>164</v>
      </c>
      <c r="E1015">
        <v>1132</v>
      </c>
      <c r="F1015" t="s">
        <v>892</v>
      </c>
      <c r="G1015" t="s">
        <v>892</v>
      </c>
      <c r="H1015" t="s">
        <v>892</v>
      </c>
      <c r="I1015" t="s">
        <v>892</v>
      </c>
      <c r="J1015" t="s">
        <v>895</v>
      </c>
      <c r="K1015">
        <v>13</v>
      </c>
      <c r="L1015" t="s">
        <v>892</v>
      </c>
      <c r="M1015" t="s">
        <v>892</v>
      </c>
      <c r="N1015" t="s">
        <v>892</v>
      </c>
      <c r="O1015" t="s">
        <v>892</v>
      </c>
      <c r="P1015" t="s">
        <v>655</v>
      </c>
      <c r="Q1015">
        <v>1</v>
      </c>
      <c r="R1015" t="s">
        <v>893</v>
      </c>
      <c r="S1015">
        <v>3</v>
      </c>
      <c r="T1015" t="s">
        <v>892</v>
      </c>
      <c r="U1015" t="s">
        <v>892</v>
      </c>
      <c r="V1015">
        <v>3</v>
      </c>
      <c r="W1015">
        <v>180</v>
      </c>
      <c r="X1015">
        <v>2020</v>
      </c>
    </row>
    <row r="1016" spans="1:24" x14ac:dyDescent="0.25">
      <c r="A1016">
        <v>12749</v>
      </c>
      <c r="B1016" t="s">
        <v>183</v>
      </c>
      <c r="C1016">
        <v>4</v>
      </c>
      <c r="D1016" t="s">
        <v>182</v>
      </c>
      <c r="E1016">
        <v>1113</v>
      </c>
      <c r="F1016" t="s">
        <v>892</v>
      </c>
      <c r="G1016" t="s">
        <v>892</v>
      </c>
      <c r="H1016" t="s">
        <v>892</v>
      </c>
      <c r="I1016" t="s">
        <v>892</v>
      </c>
      <c r="J1016" t="s">
        <v>917</v>
      </c>
      <c r="K1016">
        <v>83</v>
      </c>
      <c r="L1016" t="s">
        <v>892</v>
      </c>
      <c r="M1016" t="s">
        <v>892</v>
      </c>
      <c r="N1016" t="s">
        <v>892</v>
      </c>
      <c r="O1016" t="s">
        <v>892</v>
      </c>
      <c r="P1016" t="s">
        <v>746</v>
      </c>
      <c r="Q1016">
        <v>2</v>
      </c>
      <c r="R1016" t="s">
        <v>893</v>
      </c>
      <c r="S1016">
        <v>3</v>
      </c>
      <c r="T1016" t="s">
        <v>892</v>
      </c>
      <c r="U1016" t="s">
        <v>892</v>
      </c>
      <c r="V1016">
        <v>3</v>
      </c>
      <c r="W1016">
        <v>180</v>
      </c>
      <c r="X1016">
        <v>2020</v>
      </c>
    </row>
    <row r="1017" spans="1:24" x14ac:dyDescent="0.25">
      <c r="A1017">
        <v>12746</v>
      </c>
      <c r="B1017" t="s">
        <v>183</v>
      </c>
      <c r="C1017">
        <v>4</v>
      </c>
      <c r="D1017" t="s">
        <v>182</v>
      </c>
      <c r="E1017">
        <v>1113</v>
      </c>
      <c r="F1017" t="s">
        <v>892</v>
      </c>
      <c r="G1017" t="s">
        <v>892</v>
      </c>
      <c r="H1017" t="s">
        <v>892</v>
      </c>
      <c r="I1017" t="s">
        <v>892</v>
      </c>
      <c r="J1017" t="s">
        <v>917</v>
      </c>
      <c r="K1017">
        <v>83</v>
      </c>
      <c r="L1017" t="s">
        <v>892</v>
      </c>
      <c r="M1017" t="s">
        <v>892</v>
      </c>
      <c r="N1017" t="s">
        <v>892</v>
      </c>
      <c r="O1017" t="s">
        <v>892</v>
      </c>
      <c r="P1017" t="s">
        <v>655</v>
      </c>
      <c r="Q1017">
        <v>1</v>
      </c>
      <c r="R1017" t="s">
        <v>893</v>
      </c>
      <c r="S1017">
        <v>3</v>
      </c>
      <c r="T1017" t="s">
        <v>892</v>
      </c>
      <c r="U1017" t="s">
        <v>892</v>
      </c>
      <c r="V1017">
        <v>3</v>
      </c>
      <c r="W1017">
        <v>180</v>
      </c>
      <c r="X1017">
        <v>2020</v>
      </c>
    </row>
    <row r="1018" spans="1:24" x14ac:dyDescent="0.25">
      <c r="A1018">
        <v>12743</v>
      </c>
      <c r="B1018" t="s">
        <v>84</v>
      </c>
      <c r="C1018">
        <v>3</v>
      </c>
      <c r="D1018" t="s">
        <v>83</v>
      </c>
      <c r="E1018">
        <v>1227</v>
      </c>
      <c r="F1018" t="s">
        <v>892</v>
      </c>
      <c r="G1018" t="s">
        <v>892</v>
      </c>
      <c r="H1018" t="s">
        <v>892</v>
      </c>
      <c r="I1018" t="s">
        <v>892</v>
      </c>
      <c r="J1018" t="s">
        <v>1512</v>
      </c>
      <c r="K1018">
        <v>37</v>
      </c>
      <c r="L1018" t="s">
        <v>892</v>
      </c>
      <c r="M1018" t="s">
        <v>892</v>
      </c>
      <c r="N1018" t="s">
        <v>892</v>
      </c>
      <c r="O1018" t="s">
        <v>892</v>
      </c>
      <c r="P1018" t="s">
        <v>746</v>
      </c>
      <c r="Q1018">
        <v>2</v>
      </c>
      <c r="R1018" t="s">
        <v>893</v>
      </c>
      <c r="S1018">
        <v>3</v>
      </c>
      <c r="T1018" t="s">
        <v>892</v>
      </c>
      <c r="U1018" t="s">
        <v>892</v>
      </c>
      <c r="V1018">
        <v>3</v>
      </c>
      <c r="W1018">
        <v>180</v>
      </c>
      <c r="X1018">
        <v>2020</v>
      </c>
    </row>
    <row r="1019" spans="1:24" x14ac:dyDescent="0.25">
      <c r="A1019">
        <v>12740</v>
      </c>
      <c r="B1019" t="s">
        <v>84</v>
      </c>
      <c r="C1019">
        <v>3</v>
      </c>
      <c r="D1019" t="s">
        <v>83</v>
      </c>
      <c r="E1019">
        <v>1227</v>
      </c>
      <c r="F1019" t="s">
        <v>892</v>
      </c>
      <c r="G1019" t="s">
        <v>892</v>
      </c>
      <c r="H1019" t="s">
        <v>892</v>
      </c>
      <c r="I1019" t="s">
        <v>892</v>
      </c>
      <c r="J1019" t="s">
        <v>1512</v>
      </c>
      <c r="K1019">
        <v>37</v>
      </c>
      <c r="L1019" t="s">
        <v>892</v>
      </c>
      <c r="M1019" t="s">
        <v>892</v>
      </c>
      <c r="N1019" t="s">
        <v>892</v>
      </c>
      <c r="O1019" t="s">
        <v>892</v>
      </c>
      <c r="P1019" t="s">
        <v>655</v>
      </c>
      <c r="Q1019">
        <v>1</v>
      </c>
      <c r="R1019" t="s">
        <v>893</v>
      </c>
      <c r="S1019">
        <v>3</v>
      </c>
      <c r="T1019" t="s">
        <v>892</v>
      </c>
      <c r="U1019" t="s">
        <v>892</v>
      </c>
      <c r="V1019">
        <v>3</v>
      </c>
      <c r="W1019">
        <v>180</v>
      </c>
      <c r="X1019">
        <v>2020</v>
      </c>
    </row>
    <row r="1020" spans="1:24" x14ac:dyDescent="0.25">
      <c r="A1020">
        <v>12738</v>
      </c>
      <c r="B1020" t="s">
        <v>69</v>
      </c>
      <c r="C1020">
        <v>36</v>
      </c>
      <c r="D1020" t="s">
        <v>70</v>
      </c>
      <c r="E1020">
        <v>1257</v>
      </c>
      <c r="F1020" t="s">
        <v>651</v>
      </c>
      <c r="G1020">
        <v>160</v>
      </c>
      <c r="H1020" t="s">
        <v>732</v>
      </c>
      <c r="I1020">
        <v>1000</v>
      </c>
      <c r="J1020" t="s">
        <v>301</v>
      </c>
      <c r="K1020">
        <v>26</v>
      </c>
      <c r="L1020" t="s">
        <v>930</v>
      </c>
      <c r="M1020">
        <v>84</v>
      </c>
      <c r="N1020" t="s">
        <v>654</v>
      </c>
      <c r="O1020">
        <v>3</v>
      </c>
      <c r="P1020" t="s">
        <v>655</v>
      </c>
      <c r="Q1020">
        <v>1</v>
      </c>
      <c r="R1020" t="s">
        <v>669</v>
      </c>
      <c r="S1020">
        <v>1</v>
      </c>
      <c r="T1020" t="s">
        <v>661</v>
      </c>
      <c r="U1020">
        <v>8</v>
      </c>
      <c r="V1020">
        <v>3</v>
      </c>
      <c r="W1020">
        <v>180</v>
      </c>
      <c r="X1020">
        <v>2020</v>
      </c>
    </row>
    <row r="1021" spans="1:24" x14ac:dyDescent="0.25">
      <c r="A1021">
        <v>12729</v>
      </c>
      <c r="B1021" t="s">
        <v>69</v>
      </c>
      <c r="C1021">
        <v>36</v>
      </c>
      <c r="D1021" t="s">
        <v>72</v>
      </c>
      <c r="E1021">
        <v>1251</v>
      </c>
      <c r="F1021" t="s">
        <v>651</v>
      </c>
      <c r="G1021">
        <v>160</v>
      </c>
      <c r="H1021" t="s">
        <v>732</v>
      </c>
      <c r="I1021">
        <v>1000</v>
      </c>
      <c r="J1021" t="s">
        <v>667</v>
      </c>
      <c r="K1021">
        <v>11</v>
      </c>
      <c r="L1021" t="s">
        <v>667</v>
      </c>
      <c r="M1021">
        <v>35</v>
      </c>
      <c r="N1021" t="s">
        <v>654</v>
      </c>
      <c r="O1021">
        <v>3</v>
      </c>
      <c r="P1021" t="s">
        <v>655</v>
      </c>
      <c r="Q1021">
        <v>1</v>
      </c>
      <c r="R1021" t="s">
        <v>669</v>
      </c>
      <c r="S1021">
        <v>1</v>
      </c>
      <c r="T1021" t="s">
        <v>1513</v>
      </c>
      <c r="U1021">
        <v>338</v>
      </c>
      <c r="V1021">
        <v>3</v>
      </c>
      <c r="W1021">
        <v>180</v>
      </c>
      <c r="X1021">
        <v>2020</v>
      </c>
    </row>
    <row r="1022" spans="1:24" x14ac:dyDescent="0.25">
      <c r="A1022">
        <v>12723</v>
      </c>
      <c r="B1022" t="s">
        <v>226</v>
      </c>
      <c r="C1022">
        <v>1</v>
      </c>
      <c r="D1022" t="s">
        <v>625</v>
      </c>
      <c r="E1022">
        <v>9</v>
      </c>
      <c r="F1022" t="s">
        <v>651</v>
      </c>
      <c r="G1022">
        <v>160</v>
      </c>
      <c r="H1022" t="s">
        <v>658</v>
      </c>
      <c r="I1022">
        <v>13755</v>
      </c>
      <c r="J1022" t="s">
        <v>1514</v>
      </c>
      <c r="K1022">
        <v>47</v>
      </c>
      <c r="L1022" t="s">
        <v>1515</v>
      </c>
      <c r="M1022">
        <v>3492</v>
      </c>
      <c r="N1022" t="s">
        <v>668</v>
      </c>
      <c r="O1022">
        <v>4</v>
      </c>
      <c r="P1022" t="s">
        <v>655</v>
      </c>
      <c r="Q1022">
        <v>1</v>
      </c>
      <c r="R1022" t="s">
        <v>669</v>
      </c>
      <c r="S1022">
        <v>1</v>
      </c>
      <c r="T1022" t="s">
        <v>661</v>
      </c>
      <c r="U1022">
        <v>8</v>
      </c>
      <c r="V1022">
        <v>4</v>
      </c>
      <c r="W1022">
        <v>240</v>
      </c>
      <c r="X1022">
        <v>2020</v>
      </c>
    </row>
    <row r="1023" spans="1:24" x14ac:dyDescent="0.25">
      <c r="A1023">
        <v>12720</v>
      </c>
      <c r="B1023" t="s">
        <v>192</v>
      </c>
      <c r="C1023">
        <v>19</v>
      </c>
      <c r="D1023" t="s">
        <v>463</v>
      </c>
      <c r="E1023">
        <v>134</v>
      </c>
      <c r="F1023" t="s">
        <v>651</v>
      </c>
      <c r="G1023">
        <v>160</v>
      </c>
      <c r="H1023" t="s">
        <v>739</v>
      </c>
      <c r="I1023">
        <v>4413</v>
      </c>
      <c r="J1023" t="s">
        <v>848</v>
      </c>
      <c r="K1023">
        <v>62</v>
      </c>
      <c r="L1023" t="s">
        <v>848</v>
      </c>
      <c r="M1023">
        <v>268</v>
      </c>
      <c r="N1023" t="s">
        <v>654</v>
      </c>
      <c r="O1023">
        <v>3</v>
      </c>
      <c r="P1023" t="s">
        <v>689</v>
      </c>
      <c r="Q1023">
        <v>4</v>
      </c>
      <c r="R1023" t="s">
        <v>669</v>
      </c>
      <c r="S1023">
        <v>1</v>
      </c>
      <c r="T1023" t="s">
        <v>661</v>
      </c>
      <c r="U1023">
        <v>8</v>
      </c>
      <c r="V1023">
        <v>4</v>
      </c>
      <c r="W1023">
        <v>240</v>
      </c>
      <c r="X1023">
        <v>2020</v>
      </c>
    </row>
    <row r="1024" spans="1:24" x14ac:dyDescent="0.25">
      <c r="A1024">
        <v>12717</v>
      </c>
      <c r="B1024" t="s">
        <v>55</v>
      </c>
      <c r="C1024">
        <v>81</v>
      </c>
      <c r="D1024" t="s">
        <v>316</v>
      </c>
      <c r="E1024">
        <v>517</v>
      </c>
      <c r="F1024" t="s">
        <v>651</v>
      </c>
      <c r="G1024">
        <v>160</v>
      </c>
      <c r="H1024" t="s">
        <v>666</v>
      </c>
      <c r="I1024">
        <v>8767</v>
      </c>
      <c r="J1024" t="s">
        <v>301</v>
      </c>
      <c r="K1024">
        <v>26</v>
      </c>
      <c r="L1024" t="s">
        <v>301</v>
      </c>
      <c r="M1024">
        <v>969</v>
      </c>
      <c r="N1024" t="s">
        <v>654</v>
      </c>
      <c r="O1024">
        <v>3</v>
      </c>
      <c r="P1024" t="s">
        <v>655</v>
      </c>
      <c r="Q1024">
        <v>1</v>
      </c>
      <c r="R1024" t="s">
        <v>656</v>
      </c>
      <c r="S1024">
        <v>2</v>
      </c>
      <c r="T1024" t="s">
        <v>718</v>
      </c>
      <c r="U1024">
        <v>2</v>
      </c>
      <c r="V1024">
        <v>2</v>
      </c>
      <c r="W1024">
        <v>120</v>
      </c>
      <c r="X1024">
        <v>2020</v>
      </c>
    </row>
    <row r="1025" spans="1:24" x14ac:dyDescent="0.25">
      <c r="A1025">
        <v>12711</v>
      </c>
      <c r="B1025" t="s">
        <v>318</v>
      </c>
      <c r="C1025">
        <v>95</v>
      </c>
      <c r="D1025" t="s">
        <v>344</v>
      </c>
      <c r="E1025">
        <v>628</v>
      </c>
      <c r="F1025" t="s">
        <v>651</v>
      </c>
      <c r="G1025">
        <v>160</v>
      </c>
      <c r="H1025" t="s">
        <v>739</v>
      </c>
      <c r="I1025">
        <v>4413</v>
      </c>
      <c r="J1025" t="s">
        <v>736</v>
      </c>
      <c r="K1025">
        <v>8</v>
      </c>
      <c r="L1025" t="s">
        <v>1516</v>
      </c>
      <c r="M1025">
        <v>3414</v>
      </c>
      <c r="N1025" t="s">
        <v>654</v>
      </c>
      <c r="O1025">
        <v>3</v>
      </c>
      <c r="P1025" t="s">
        <v>655</v>
      </c>
      <c r="Q1025">
        <v>1</v>
      </c>
      <c r="R1025" t="s">
        <v>656</v>
      </c>
      <c r="S1025">
        <v>2</v>
      </c>
      <c r="T1025" t="s">
        <v>657</v>
      </c>
      <c r="U1025">
        <v>7</v>
      </c>
      <c r="V1025">
        <v>2</v>
      </c>
      <c r="W1025">
        <v>120</v>
      </c>
      <c r="X1025">
        <v>2020</v>
      </c>
    </row>
    <row r="1026" spans="1:24" x14ac:dyDescent="0.25">
      <c r="A1026">
        <v>12708</v>
      </c>
      <c r="B1026" t="s">
        <v>67</v>
      </c>
      <c r="C1026">
        <v>62</v>
      </c>
      <c r="D1026" t="s">
        <v>424</v>
      </c>
      <c r="E1026">
        <v>433</v>
      </c>
      <c r="F1026" t="s">
        <v>651</v>
      </c>
      <c r="G1026">
        <v>160</v>
      </c>
      <c r="H1026" t="s">
        <v>744</v>
      </c>
      <c r="I1026">
        <v>3143</v>
      </c>
      <c r="J1026" t="s">
        <v>868</v>
      </c>
      <c r="K1026">
        <v>23</v>
      </c>
      <c r="L1026" t="s">
        <v>1517</v>
      </c>
      <c r="M1026">
        <v>2940</v>
      </c>
      <c r="N1026" t="s">
        <v>654</v>
      </c>
      <c r="O1026">
        <v>3</v>
      </c>
      <c r="P1026" t="s">
        <v>655</v>
      </c>
      <c r="Q1026">
        <v>1</v>
      </c>
      <c r="R1026" t="s">
        <v>656</v>
      </c>
      <c r="S1026">
        <v>2</v>
      </c>
      <c r="T1026" t="s">
        <v>661</v>
      </c>
      <c r="U1026">
        <v>8</v>
      </c>
      <c r="V1026">
        <v>2</v>
      </c>
      <c r="W1026">
        <v>120</v>
      </c>
      <c r="X1026">
        <v>2020</v>
      </c>
    </row>
    <row r="1027" spans="1:24" x14ac:dyDescent="0.25">
      <c r="A1027">
        <v>12705</v>
      </c>
      <c r="B1027" t="s">
        <v>67</v>
      </c>
      <c r="C1027">
        <v>62</v>
      </c>
      <c r="D1027" t="s">
        <v>311</v>
      </c>
      <c r="E1027">
        <v>674</v>
      </c>
      <c r="F1027" t="s">
        <v>651</v>
      </c>
      <c r="G1027">
        <v>160</v>
      </c>
      <c r="H1027" t="s">
        <v>658</v>
      </c>
      <c r="I1027">
        <v>13755</v>
      </c>
      <c r="J1027" t="s">
        <v>691</v>
      </c>
      <c r="K1027">
        <v>21</v>
      </c>
      <c r="L1027" t="s">
        <v>1518</v>
      </c>
      <c r="M1027">
        <v>3405</v>
      </c>
      <c r="N1027" t="s">
        <v>654</v>
      </c>
      <c r="O1027">
        <v>3</v>
      </c>
      <c r="P1027" t="s">
        <v>655</v>
      </c>
      <c r="Q1027">
        <v>1</v>
      </c>
      <c r="R1027" t="s">
        <v>656</v>
      </c>
      <c r="S1027">
        <v>2</v>
      </c>
      <c r="T1027" t="s">
        <v>661</v>
      </c>
      <c r="U1027">
        <v>8</v>
      </c>
      <c r="V1027">
        <v>2</v>
      </c>
      <c r="W1027">
        <v>120</v>
      </c>
      <c r="X1027">
        <v>2020</v>
      </c>
    </row>
    <row r="1028" spans="1:24" x14ac:dyDescent="0.25">
      <c r="A1028">
        <v>12702</v>
      </c>
      <c r="B1028" t="s">
        <v>76</v>
      </c>
      <c r="C1028">
        <v>61</v>
      </c>
      <c r="D1028" t="s">
        <v>316</v>
      </c>
      <c r="E1028">
        <v>420</v>
      </c>
      <c r="F1028" t="s">
        <v>651</v>
      </c>
      <c r="G1028">
        <v>160</v>
      </c>
      <c r="H1028" t="s">
        <v>658</v>
      </c>
      <c r="I1028">
        <v>13755</v>
      </c>
      <c r="J1028" t="s">
        <v>955</v>
      </c>
      <c r="K1028">
        <v>29</v>
      </c>
      <c r="L1028" t="s">
        <v>1519</v>
      </c>
      <c r="M1028">
        <v>3393</v>
      </c>
      <c r="N1028" t="s">
        <v>654</v>
      </c>
      <c r="O1028">
        <v>3</v>
      </c>
      <c r="P1028" t="s">
        <v>655</v>
      </c>
      <c r="Q1028">
        <v>1</v>
      </c>
      <c r="R1028" t="s">
        <v>656</v>
      </c>
      <c r="S1028">
        <v>2</v>
      </c>
      <c r="T1028" t="s">
        <v>661</v>
      </c>
      <c r="U1028">
        <v>8</v>
      </c>
      <c r="V1028">
        <v>2</v>
      </c>
      <c r="W1028">
        <v>120</v>
      </c>
      <c r="X1028">
        <v>2020</v>
      </c>
    </row>
    <row r="1029" spans="1:24" x14ac:dyDescent="0.25">
      <c r="A1029">
        <v>12699</v>
      </c>
      <c r="B1029" t="s">
        <v>76</v>
      </c>
      <c r="C1029">
        <v>61</v>
      </c>
      <c r="D1029" t="s">
        <v>346</v>
      </c>
      <c r="E1029">
        <v>624</v>
      </c>
      <c r="F1029" t="s">
        <v>651</v>
      </c>
      <c r="G1029">
        <v>160</v>
      </c>
      <c r="H1029" t="s">
        <v>658</v>
      </c>
      <c r="I1029">
        <v>13755</v>
      </c>
      <c r="J1029" t="s">
        <v>894</v>
      </c>
      <c r="K1029">
        <v>18</v>
      </c>
      <c r="L1029" t="s">
        <v>1520</v>
      </c>
      <c r="M1029">
        <v>3390</v>
      </c>
      <c r="N1029" t="s">
        <v>654</v>
      </c>
      <c r="O1029">
        <v>3</v>
      </c>
      <c r="P1029" t="s">
        <v>655</v>
      </c>
      <c r="Q1029">
        <v>1</v>
      </c>
      <c r="R1029" t="s">
        <v>656</v>
      </c>
      <c r="S1029">
        <v>2</v>
      </c>
      <c r="T1029" t="s">
        <v>661</v>
      </c>
      <c r="U1029">
        <v>8</v>
      </c>
      <c r="V1029">
        <v>2</v>
      </c>
      <c r="W1029">
        <v>120</v>
      </c>
      <c r="X1029">
        <v>2020</v>
      </c>
    </row>
    <row r="1030" spans="1:24" x14ac:dyDescent="0.25">
      <c r="A1030">
        <v>12696</v>
      </c>
      <c r="B1030" t="s">
        <v>287</v>
      </c>
      <c r="C1030">
        <v>59</v>
      </c>
      <c r="D1030" t="s">
        <v>9</v>
      </c>
      <c r="E1030">
        <v>404</v>
      </c>
      <c r="F1030" t="s">
        <v>651</v>
      </c>
      <c r="G1030">
        <v>160</v>
      </c>
      <c r="H1030" t="s">
        <v>658</v>
      </c>
      <c r="I1030">
        <v>13755</v>
      </c>
      <c r="J1030" t="s">
        <v>301</v>
      </c>
      <c r="K1030">
        <v>26</v>
      </c>
      <c r="L1030" t="s">
        <v>1121</v>
      </c>
      <c r="M1030">
        <v>973</v>
      </c>
      <c r="N1030" t="s">
        <v>654</v>
      </c>
      <c r="O1030">
        <v>3</v>
      </c>
      <c r="P1030" t="s">
        <v>655</v>
      </c>
      <c r="Q1030">
        <v>1</v>
      </c>
      <c r="R1030" t="s">
        <v>656</v>
      </c>
      <c r="S1030">
        <v>2</v>
      </c>
      <c r="T1030" t="s">
        <v>661</v>
      </c>
      <c r="U1030">
        <v>8</v>
      </c>
      <c r="V1030">
        <v>2</v>
      </c>
      <c r="W1030">
        <v>120</v>
      </c>
      <c r="X1030">
        <v>2020</v>
      </c>
    </row>
    <row r="1031" spans="1:24" x14ac:dyDescent="0.25">
      <c r="A1031">
        <v>12693</v>
      </c>
      <c r="B1031" t="s">
        <v>287</v>
      </c>
      <c r="C1031">
        <v>59</v>
      </c>
      <c r="D1031" t="s">
        <v>11</v>
      </c>
      <c r="E1031">
        <v>403</v>
      </c>
      <c r="F1031" t="s">
        <v>651</v>
      </c>
      <c r="G1031">
        <v>160</v>
      </c>
      <c r="H1031" t="s">
        <v>658</v>
      </c>
      <c r="I1031">
        <v>13755</v>
      </c>
      <c r="J1031" t="s">
        <v>65</v>
      </c>
      <c r="K1031">
        <v>15</v>
      </c>
      <c r="L1031" t="s">
        <v>1521</v>
      </c>
      <c r="M1031">
        <v>3387</v>
      </c>
      <c r="N1031" t="s">
        <v>654</v>
      </c>
      <c r="O1031">
        <v>3</v>
      </c>
      <c r="P1031" t="s">
        <v>655</v>
      </c>
      <c r="Q1031">
        <v>1</v>
      </c>
      <c r="R1031" t="s">
        <v>656</v>
      </c>
      <c r="S1031">
        <v>2</v>
      </c>
      <c r="T1031" t="s">
        <v>661</v>
      </c>
      <c r="U1031">
        <v>8</v>
      </c>
      <c r="V1031">
        <v>1</v>
      </c>
      <c r="W1031">
        <v>60</v>
      </c>
      <c r="X1031">
        <v>2020</v>
      </c>
    </row>
    <row r="1032" spans="1:24" x14ac:dyDescent="0.25">
      <c r="A1032">
        <v>12690</v>
      </c>
      <c r="B1032" t="s">
        <v>63</v>
      </c>
      <c r="C1032">
        <v>58</v>
      </c>
      <c r="D1032" t="s">
        <v>432</v>
      </c>
      <c r="E1032">
        <v>398</v>
      </c>
      <c r="F1032" t="s">
        <v>651</v>
      </c>
      <c r="G1032">
        <v>160</v>
      </c>
      <c r="H1032" t="s">
        <v>658</v>
      </c>
      <c r="I1032">
        <v>13755</v>
      </c>
      <c r="J1032" t="s">
        <v>299</v>
      </c>
      <c r="K1032">
        <v>27</v>
      </c>
      <c r="L1032" t="s">
        <v>884</v>
      </c>
      <c r="M1032">
        <v>3381</v>
      </c>
      <c r="N1032" t="s">
        <v>654</v>
      </c>
      <c r="O1032">
        <v>3</v>
      </c>
      <c r="P1032" t="s">
        <v>655</v>
      </c>
      <c r="Q1032">
        <v>1</v>
      </c>
      <c r="R1032" t="s">
        <v>656</v>
      </c>
      <c r="S1032">
        <v>2</v>
      </c>
      <c r="T1032" t="s">
        <v>661</v>
      </c>
      <c r="U1032">
        <v>8</v>
      </c>
      <c r="V1032">
        <v>2</v>
      </c>
      <c r="W1032">
        <v>120</v>
      </c>
      <c r="X1032">
        <v>2020</v>
      </c>
    </row>
    <row r="1033" spans="1:24" x14ac:dyDescent="0.25">
      <c r="A1033">
        <v>12687</v>
      </c>
      <c r="B1033" t="s">
        <v>63</v>
      </c>
      <c r="C1033">
        <v>58</v>
      </c>
      <c r="D1033" t="s">
        <v>11</v>
      </c>
      <c r="E1033">
        <v>396</v>
      </c>
      <c r="F1033" t="s">
        <v>651</v>
      </c>
      <c r="G1033">
        <v>160</v>
      </c>
      <c r="H1033" t="s">
        <v>658</v>
      </c>
      <c r="I1033">
        <v>13755</v>
      </c>
      <c r="J1033" t="s">
        <v>65</v>
      </c>
      <c r="K1033">
        <v>15</v>
      </c>
      <c r="L1033" t="s">
        <v>1522</v>
      </c>
      <c r="M1033">
        <v>3378</v>
      </c>
      <c r="N1033" t="s">
        <v>654</v>
      </c>
      <c r="O1033">
        <v>3</v>
      </c>
      <c r="P1033" t="s">
        <v>655</v>
      </c>
      <c r="Q1033">
        <v>1</v>
      </c>
      <c r="R1033" t="s">
        <v>656</v>
      </c>
      <c r="S1033">
        <v>2</v>
      </c>
      <c r="T1033" t="s">
        <v>661</v>
      </c>
      <c r="U1033">
        <v>8</v>
      </c>
      <c r="V1033">
        <v>1</v>
      </c>
      <c r="W1033">
        <v>60</v>
      </c>
      <c r="X1033">
        <v>2020</v>
      </c>
    </row>
    <row r="1034" spans="1:24" x14ac:dyDescent="0.25">
      <c r="A1034">
        <v>12684</v>
      </c>
      <c r="B1034" t="s">
        <v>10</v>
      </c>
      <c r="C1034">
        <v>57</v>
      </c>
      <c r="D1034" t="s">
        <v>438</v>
      </c>
      <c r="E1034">
        <v>388</v>
      </c>
      <c r="F1034" t="s">
        <v>651</v>
      </c>
      <c r="G1034">
        <v>160</v>
      </c>
      <c r="H1034" t="s">
        <v>739</v>
      </c>
      <c r="I1034">
        <v>4413</v>
      </c>
      <c r="J1034" t="s">
        <v>65</v>
      </c>
      <c r="K1034">
        <v>15</v>
      </c>
      <c r="L1034" t="s">
        <v>1523</v>
      </c>
      <c r="M1034">
        <v>3369</v>
      </c>
      <c r="N1034" t="s">
        <v>654</v>
      </c>
      <c r="O1034">
        <v>3</v>
      </c>
      <c r="P1034" t="s">
        <v>655</v>
      </c>
      <c r="Q1034">
        <v>1</v>
      </c>
      <c r="R1034" t="s">
        <v>656</v>
      </c>
      <c r="S1034">
        <v>2</v>
      </c>
      <c r="T1034" t="s">
        <v>661</v>
      </c>
      <c r="U1034">
        <v>8</v>
      </c>
      <c r="V1034">
        <v>1</v>
      </c>
      <c r="W1034">
        <v>60</v>
      </c>
      <c r="X1034">
        <v>2020</v>
      </c>
    </row>
    <row r="1035" spans="1:24" x14ac:dyDescent="0.25">
      <c r="A1035">
        <v>12681</v>
      </c>
      <c r="B1035" t="s">
        <v>10</v>
      </c>
      <c r="C1035">
        <v>57</v>
      </c>
      <c r="D1035" t="s">
        <v>323</v>
      </c>
      <c r="E1035">
        <v>381</v>
      </c>
      <c r="F1035" t="s">
        <v>651</v>
      </c>
      <c r="G1035">
        <v>160</v>
      </c>
      <c r="H1035" t="s">
        <v>658</v>
      </c>
      <c r="I1035">
        <v>13755</v>
      </c>
      <c r="J1035" t="s">
        <v>65</v>
      </c>
      <c r="K1035">
        <v>15</v>
      </c>
      <c r="L1035" t="s">
        <v>1524</v>
      </c>
      <c r="M1035">
        <v>3357</v>
      </c>
      <c r="N1035" t="s">
        <v>654</v>
      </c>
      <c r="O1035">
        <v>3</v>
      </c>
      <c r="P1035" t="s">
        <v>655</v>
      </c>
      <c r="Q1035">
        <v>1</v>
      </c>
      <c r="R1035" t="s">
        <v>656</v>
      </c>
      <c r="S1035">
        <v>2</v>
      </c>
      <c r="T1035" t="s">
        <v>661</v>
      </c>
      <c r="U1035">
        <v>8</v>
      </c>
      <c r="V1035">
        <v>1</v>
      </c>
      <c r="W1035">
        <v>60</v>
      </c>
      <c r="X1035">
        <v>2020</v>
      </c>
    </row>
    <row r="1036" spans="1:24" x14ac:dyDescent="0.25">
      <c r="A1036">
        <v>12678</v>
      </c>
      <c r="B1036" t="s">
        <v>215</v>
      </c>
      <c r="C1036">
        <v>41</v>
      </c>
      <c r="D1036" t="s">
        <v>335</v>
      </c>
      <c r="E1036">
        <v>645</v>
      </c>
      <c r="F1036" t="s">
        <v>651</v>
      </c>
      <c r="G1036">
        <v>160</v>
      </c>
      <c r="H1036" t="s">
        <v>1525</v>
      </c>
      <c r="I1036">
        <v>11610</v>
      </c>
      <c r="J1036" t="s">
        <v>797</v>
      </c>
      <c r="K1036">
        <v>65</v>
      </c>
      <c r="L1036" t="s">
        <v>1526</v>
      </c>
      <c r="M1036">
        <v>278</v>
      </c>
      <c r="N1036" t="s">
        <v>668</v>
      </c>
      <c r="O1036">
        <v>4</v>
      </c>
      <c r="P1036" t="s">
        <v>655</v>
      </c>
      <c r="Q1036">
        <v>1</v>
      </c>
      <c r="R1036" t="s">
        <v>669</v>
      </c>
      <c r="S1036">
        <v>1</v>
      </c>
      <c r="T1036" t="s">
        <v>661</v>
      </c>
      <c r="U1036">
        <v>8</v>
      </c>
      <c r="V1036">
        <v>4</v>
      </c>
      <c r="W1036">
        <v>240</v>
      </c>
      <c r="X1036">
        <v>2020</v>
      </c>
    </row>
    <row r="1037" spans="1:24" x14ac:dyDescent="0.25">
      <c r="A1037">
        <v>12675</v>
      </c>
      <c r="B1037" t="s">
        <v>37</v>
      </c>
      <c r="C1037">
        <v>50</v>
      </c>
      <c r="D1037" t="s">
        <v>40</v>
      </c>
      <c r="E1037">
        <v>1325</v>
      </c>
      <c r="F1037" t="s">
        <v>651</v>
      </c>
      <c r="G1037">
        <v>160</v>
      </c>
      <c r="H1037" t="s">
        <v>658</v>
      </c>
      <c r="I1037">
        <v>13755</v>
      </c>
      <c r="J1037" t="s">
        <v>1080</v>
      </c>
      <c r="K1037">
        <v>49</v>
      </c>
      <c r="L1037" t="s">
        <v>1527</v>
      </c>
      <c r="M1037">
        <v>3498</v>
      </c>
      <c r="N1037" t="s">
        <v>668</v>
      </c>
      <c r="O1037">
        <v>4</v>
      </c>
      <c r="P1037" t="s">
        <v>655</v>
      </c>
      <c r="Q1037">
        <v>1</v>
      </c>
      <c r="R1037" t="s">
        <v>669</v>
      </c>
      <c r="S1037">
        <v>1</v>
      </c>
      <c r="T1037" t="s">
        <v>661</v>
      </c>
      <c r="U1037">
        <v>8</v>
      </c>
      <c r="V1037">
        <v>4</v>
      </c>
      <c r="W1037">
        <v>240</v>
      </c>
      <c r="X1037">
        <v>2020</v>
      </c>
    </row>
    <row r="1038" spans="1:24" x14ac:dyDescent="0.25">
      <c r="A1038">
        <v>12672</v>
      </c>
      <c r="B1038" t="s">
        <v>37</v>
      </c>
      <c r="C1038">
        <v>50</v>
      </c>
      <c r="D1038" t="s">
        <v>40</v>
      </c>
      <c r="E1038">
        <v>1325</v>
      </c>
      <c r="F1038" t="s">
        <v>651</v>
      </c>
      <c r="G1038">
        <v>160</v>
      </c>
      <c r="H1038" t="s">
        <v>658</v>
      </c>
      <c r="I1038">
        <v>13755</v>
      </c>
      <c r="J1038" t="s">
        <v>1528</v>
      </c>
      <c r="K1038">
        <v>51</v>
      </c>
      <c r="L1038" t="s">
        <v>1529</v>
      </c>
      <c r="M1038">
        <v>3489</v>
      </c>
      <c r="N1038" t="s">
        <v>668</v>
      </c>
      <c r="O1038">
        <v>4</v>
      </c>
      <c r="P1038" t="s">
        <v>655</v>
      </c>
      <c r="Q1038">
        <v>1</v>
      </c>
      <c r="R1038" t="s">
        <v>669</v>
      </c>
      <c r="S1038">
        <v>1</v>
      </c>
      <c r="T1038" t="s">
        <v>661</v>
      </c>
      <c r="U1038">
        <v>8</v>
      </c>
      <c r="V1038">
        <v>4</v>
      </c>
      <c r="W1038">
        <v>240</v>
      </c>
      <c r="X1038">
        <v>2020</v>
      </c>
    </row>
    <row r="1039" spans="1:24" x14ac:dyDescent="0.25">
      <c r="A1039">
        <v>12669</v>
      </c>
      <c r="B1039" t="s">
        <v>10</v>
      </c>
      <c r="C1039">
        <v>57</v>
      </c>
      <c r="D1039" t="s">
        <v>439</v>
      </c>
      <c r="E1039">
        <v>387</v>
      </c>
      <c r="F1039" t="s">
        <v>651</v>
      </c>
      <c r="G1039">
        <v>160</v>
      </c>
      <c r="H1039" t="s">
        <v>658</v>
      </c>
      <c r="I1039">
        <v>13755</v>
      </c>
      <c r="J1039" t="s">
        <v>663</v>
      </c>
      <c r="K1039">
        <v>99</v>
      </c>
      <c r="L1039" t="s">
        <v>1530</v>
      </c>
      <c r="M1039">
        <v>3264</v>
      </c>
      <c r="N1039" t="s">
        <v>654</v>
      </c>
      <c r="O1039">
        <v>3</v>
      </c>
      <c r="P1039" t="s">
        <v>655</v>
      </c>
      <c r="Q1039">
        <v>1</v>
      </c>
      <c r="R1039" t="s">
        <v>656</v>
      </c>
      <c r="S1039">
        <v>2</v>
      </c>
      <c r="T1039" t="s">
        <v>661</v>
      </c>
      <c r="U1039">
        <v>8</v>
      </c>
      <c r="V1039">
        <v>2</v>
      </c>
      <c r="W1039">
        <v>120</v>
      </c>
      <c r="X1039">
        <v>2020</v>
      </c>
    </row>
    <row r="1040" spans="1:24" x14ac:dyDescent="0.25">
      <c r="A1040">
        <v>12666</v>
      </c>
      <c r="B1040" t="s">
        <v>10</v>
      </c>
      <c r="C1040">
        <v>57</v>
      </c>
      <c r="D1040" t="s">
        <v>439</v>
      </c>
      <c r="E1040">
        <v>387</v>
      </c>
      <c r="F1040" t="s">
        <v>651</v>
      </c>
      <c r="G1040">
        <v>160</v>
      </c>
      <c r="H1040" t="s">
        <v>658</v>
      </c>
      <c r="I1040">
        <v>13755</v>
      </c>
      <c r="J1040" t="s">
        <v>663</v>
      </c>
      <c r="K1040">
        <v>99</v>
      </c>
      <c r="L1040" t="s">
        <v>1531</v>
      </c>
      <c r="M1040">
        <v>3267</v>
      </c>
      <c r="N1040" t="s">
        <v>654</v>
      </c>
      <c r="O1040">
        <v>3</v>
      </c>
      <c r="P1040" t="s">
        <v>655</v>
      </c>
      <c r="Q1040">
        <v>1</v>
      </c>
      <c r="R1040" t="s">
        <v>656</v>
      </c>
      <c r="S1040">
        <v>2</v>
      </c>
      <c r="T1040" t="s">
        <v>718</v>
      </c>
      <c r="U1040">
        <v>2</v>
      </c>
      <c r="V1040">
        <v>2</v>
      </c>
      <c r="W1040">
        <v>120</v>
      </c>
      <c r="X1040">
        <v>2020</v>
      </c>
    </row>
    <row r="1041" spans="1:24" x14ac:dyDescent="0.25">
      <c r="A1041">
        <v>12663</v>
      </c>
      <c r="B1041" t="s">
        <v>93</v>
      </c>
      <c r="C1041">
        <v>48</v>
      </c>
      <c r="D1041" t="s">
        <v>455</v>
      </c>
      <c r="E1041">
        <v>359</v>
      </c>
      <c r="F1041" t="s">
        <v>651</v>
      </c>
      <c r="G1041">
        <v>160</v>
      </c>
      <c r="H1041" t="s">
        <v>773</v>
      </c>
      <c r="I1041">
        <v>11846</v>
      </c>
      <c r="J1041" t="s">
        <v>663</v>
      </c>
      <c r="K1041">
        <v>99</v>
      </c>
      <c r="L1041" t="s">
        <v>1532</v>
      </c>
      <c r="M1041">
        <v>3270</v>
      </c>
      <c r="N1041" t="s">
        <v>654</v>
      </c>
      <c r="O1041">
        <v>3</v>
      </c>
      <c r="P1041" t="s">
        <v>655</v>
      </c>
      <c r="Q1041">
        <v>1</v>
      </c>
      <c r="R1041" t="s">
        <v>656</v>
      </c>
      <c r="S1041">
        <v>2</v>
      </c>
      <c r="T1041" t="s">
        <v>661</v>
      </c>
      <c r="U1041">
        <v>8</v>
      </c>
      <c r="V1041">
        <v>2</v>
      </c>
      <c r="W1041">
        <v>120</v>
      </c>
      <c r="X1041">
        <v>2020</v>
      </c>
    </row>
    <row r="1042" spans="1:24" x14ac:dyDescent="0.25">
      <c r="A1042">
        <v>12654</v>
      </c>
      <c r="B1042" t="s">
        <v>93</v>
      </c>
      <c r="C1042">
        <v>48</v>
      </c>
      <c r="D1042" t="s">
        <v>452</v>
      </c>
      <c r="E1042">
        <v>363</v>
      </c>
      <c r="F1042" t="s">
        <v>651</v>
      </c>
      <c r="G1042">
        <v>160</v>
      </c>
      <c r="H1042" t="s">
        <v>773</v>
      </c>
      <c r="I1042">
        <v>11846</v>
      </c>
      <c r="J1042" t="s">
        <v>294</v>
      </c>
      <c r="K1042">
        <v>31</v>
      </c>
      <c r="L1042" t="s">
        <v>1533</v>
      </c>
      <c r="M1042">
        <v>3273</v>
      </c>
      <c r="N1042" t="s">
        <v>654</v>
      </c>
      <c r="O1042">
        <v>3</v>
      </c>
      <c r="P1042" t="s">
        <v>655</v>
      </c>
      <c r="Q1042">
        <v>1</v>
      </c>
      <c r="R1042" t="s">
        <v>656</v>
      </c>
      <c r="S1042">
        <v>2</v>
      </c>
      <c r="T1042" t="s">
        <v>661</v>
      </c>
      <c r="U1042">
        <v>8</v>
      </c>
      <c r="V1042">
        <v>2</v>
      </c>
      <c r="W1042">
        <v>120</v>
      </c>
      <c r="X1042">
        <v>2020</v>
      </c>
    </row>
    <row r="1043" spans="1:24" x14ac:dyDescent="0.25">
      <c r="A1043">
        <v>12651</v>
      </c>
      <c r="B1043" t="s">
        <v>67</v>
      </c>
      <c r="C1043">
        <v>62</v>
      </c>
      <c r="D1043" t="s">
        <v>66</v>
      </c>
      <c r="E1043">
        <v>1263</v>
      </c>
      <c r="F1043" t="s">
        <v>651</v>
      </c>
      <c r="G1043">
        <v>160</v>
      </c>
      <c r="H1043" t="s">
        <v>658</v>
      </c>
      <c r="I1043">
        <v>13755</v>
      </c>
      <c r="J1043" t="s">
        <v>676</v>
      </c>
      <c r="K1043">
        <v>4</v>
      </c>
      <c r="L1043" t="s">
        <v>676</v>
      </c>
      <c r="M1043">
        <v>12</v>
      </c>
      <c r="N1043" t="s">
        <v>654</v>
      </c>
      <c r="O1043">
        <v>3</v>
      </c>
      <c r="P1043" t="s">
        <v>655</v>
      </c>
      <c r="Q1043">
        <v>1</v>
      </c>
      <c r="R1043" t="s">
        <v>669</v>
      </c>
      <c r="S1043">
        <v>1</v>
      </c>
      <c r="T1043" t="s">
        <v>661</v>
      </c>
      <c r="U1043">
        <v>8</v>
      </c>
      <c r="V1043">
        <v>3</v>
      </c>
      <c r="W1043">
        <v>180</v>
      </c>
      <c r="X1043">
        <v>2020</v>
      </c>
    </row>
    <row r="1044" spans="1:24" x14ac:dyDescent="0.25">
      <c r="A1044">
        <v>12642</v>
      </c>
      <c r="B1044" t="s">
        <v>93</v>
      </c>
      <c r="C1044">
        <v>48</v>
      </c>
      <c r="D1044" t="s">
        <v>457</v>
      </c>
      <c r="E1044">
        <v>357</v>
      </c>
      <c r="F1044" t="s">
        <v>651</v>
      </c>
      <c r="G1044">
        <v>160</v>
      </c>
      <c r="H1044" t="s">
        <v>773</v>
      </c>
      <c r="I1044">
        <v>11846</v>
      </c>
      <c r="J1044" t="s">
        <v>726</v>
      </c>
      <c r="K1044">
        <v>2</v>
      </c>
      <c r="L1044" t="s">
        <v>1534</v>
      </c>
      <c r="M1044">
        <v>3279</v>
      </c>
      <c r="N1044" t="s">
        <v>654</v>
      </c>
      <c r="O1044">
        <v>3</v>
      </c>
      <c r="P1044" t="s">
        <v>655</v>
      </c>
      <c r="Q1044">
        <v>1</v>
      </c>
      <c r="R1044" t="s">
        <v>656</v>
      </c>
      <c r="S1044">
        <v>2</v>
      </c>
      <c r="T1044" t="s">
        <v>718</v>
      </c>
      <c r="U1044">
        <v>2</v>
      </c>
      <c r="V1044">
        <v>2</v>
      </c>
      <c r="W1044">
        <v>120</v>
      </c>
      <c r="X1044">
        <v>2020</v>
      </c>
    </row>
    <row r="1045" spans="1:24" x14ac:dyDescent="0.25">
      <c r="A1045">
        <v>12639</v>
      </c>
      <c r="B1045" t="s">
        <v>186</v>
      </c>
      <c r="C1045">
        <v>47</v>
      </c>
      <c r="D1045" t="s">
        <v>461</v>
      </c>
      <c r="E1045">
        <v>352</v>
      </c>
      <c r="F1045" t="s">
        <v>651</v>
      </c>
      <c r="G1045">
        <v>160</v>
      </c>
      <c r="H1045" t="s">
        <v>773</v>
      </c>
      <c r="I1045">
        <v>11846</v>
      </c>
      <c r="J1045" t="s">
        <v>917</v>
      </c>
      <c r="K1045">
        <v>83</v>
      </c>
      <c r="L1045" t="s">
        <v>1535</v>
      </c>
      <c r="M1045">
        <v>3282</v>
      </c>
      <c r="N1045" t="s">
        <v>654</v>
      </c>
      <c r="O1045">
        <v>3</v>
      </c>
      <c r="P1045" t="s">
        <v>655</v>
      </c>
      <c r="Q1045">
        <v>1</v>
      </c>
      <c r="R1045" t="s">
        <v>656</v>
      </c>
      <c r="S1045">
        <v>2</v>
      </c>
      <c r="T1045" t="s">
        <v>661</v>
      </c>
      <c r="U1045">
        <v>8</v>
      </c>
      <c r="V1045">
        <v>2</v>
      </c>
      <c r="W1045">
        <v>120</v>
      </c>
      <c r="X1045">
        <v>2020</v>
      </c>
    </row>
    <row r="1046" spans="1:24" x14ac:dyDescent="0.25">
      <c r="A1046">
        <v>12636</v>
      </c>
      <c r="B1046" t="s">
        <v>180</v>
      </c>
      <c r="C1046">
        <v>70</v>
      </c>
      <c r="D1046" t="s">
        <v>319</v>
      </c>
      <c r="E1046">
        <v>664</v>
      </c>
      <c r="F1046" t="s">
        <v>651</v>
      </c>
      <c r="G1046">
        <v>160</v>
      </c>
      <c r="H1046" t="s">
        <v>922</v>
      </c>
      <c r="I1046">
        <v>8163</v>
      </c>
      <c r="J1046" t="s">
        <v>684</v>
      </c>
      <c r="K1046">
        <v>22</v>
      </c>
      <c r="L1046" t="s">
        <v>685</v>
      </c>
      <c r="M1046">
        <v>72</v>
      </c>
      <c r="N1046" t="s">
        <v>668</v>
      </c>
      <c r="O1046">
        <v>4</v>
      </c>
      <c r="P1046" t="s">
        <v>655</v>
      </c>
      <c r="Q1046">
        <v>1</v>
      </c>
      <c r="R1046" t="s">
        <v>669</v>
      </c>
      <c r="S1046">
        <v>1</v>
      </c>
      <c r="T1046" t="s">
        <v>661</v>
      </c>
      <c r="U1046">
        <v>8</v>
      </c>
      <c r="V1046">
        <v>3</v>
      </c>
      <c r="W1046">
        <v>180</v>
      </c>
      <c r="X1046">
        <v>2020</v>
      </c>
    </row>
    <row r="1047" spans="1:24" x14ac:dyDescent="0.25">
      <c r="A1047">
        <v>12633</v>
      </c>
      <c r="B1047" t="s">
        <v>183</v>
      </c>
      <c r="C1047">
        <v>4</v>
      </c>
      <c r="D1047" t="s">
        <v>610</v>
      </c>
      <c r="E1047">
        <v>30</v>
      </c>
      <c r="F1047" t="s">
        <v>651</v>
      </c>
      <c r="G1047">
        <v>160</v>
      </c>
      <c r="H1047" t="s">
        <v>658</v>
      </c>
      <c r="I1047">
        <v>13755</v>
      </c>
      <c r="J1047" t="s">
        <v>880</v>
      </c>
      <c r="K1047">
        <v>58</v>
      </c>
      <c r="L1047" t="s">
        <v>1536</v>
      </c>
      <c r="M1047">
        <v>475</v>
      </c>
      <c r="N1047" t="s">
        <v>668</v>
      </c>
      <c r="O1047">
        <v>4</v>
      </c>
      <c r="P1047" t="s">
        <v>655</v>
      </c>
      <c r="Q1047">
        <v>1</v>
      </c>
      <c r="R1047" t="s">
        <v>669</v>
      </c>
      <c r="S1047">
        <v>1</v>
      </c>
      <c r="T1047" t="s">
        <v>661</v>
      </c>
      <c r="U1047">
        <v>8</v>
      </c>
      <c r="V1047">
        <v>4</v>
      </c>
      <c r="W1047">
        <v>240</v>
      </c>
      <c r="X1047">
        <v>2020</v>
      </c>
    </row>
    <row r="1048" spans="1:24" x14ac:dyDescent="0.25">
      <c r="A1048">
        <v>12630</v>
      </c>
      <c r="B1048" t="s">
        <v>16</v>
      </c>
      <c r="C1048">
        <v>5</v>
      </c>
      <c r="D1048" t="s">
        <v>514</v>
      </c>
      <c r="E1048">
        <v>38</v>
      </c>
      <c r="F1048" t="s">
        <v>651</v>
      </c>
      <c r="G1048">
        <v>160</v>
      </c>
      <c r="H1048" t="s">
        <v>658</v>
      </c>
      <c r="I1048">
        <v>13755</v>
      </c>
      <c r="J1048" t="s">
        <v>897</v>
      </c>
      <c r="K1048">
        <v>3</v>
      </c>
      <c r="L1048" t="s">
        <v>923</v>
      </c>
      <c r="M1048">
        <v>3082</v>
      </c>
      <c r="N1048" t="s">
        <v>668</v>
      </c>
      <c r="O1048">
        <v>4</v>
      </c>
      <c r="P1048" t="s">
        <v>655</v>
      </c>
      <c r="Q1048">
        <v>1</v>
      </c>
      <c r="R1048" t="s">
        <v>669</v>
      </c>
      <c r="S1048">
        <v>1</v>
      </c>
      <c r="T1048" t="s">
        <v>661</v>
      </c>
      <c r="U1048">
        <v>8</v>
      </c>
      <c r="V1048">
        <v>3</v>
      </c>
      <c r="W1048">
        <v>180</v>
      </c>
      <c r="X1048">
        <v>2020</v>
      </c>
    </row>
    <row r="1049" spans="1:24" x14ac:dyDescent="0.25">
      <c r="A1049">
        <v>12627</v>
      </c>
      <c r="B1049" t="s">
        <v>224</v>
      </c>
      <c r="C1049">
        <v>46</v>
      </c>
      <c r="D1049" t="s">
        <v>471</v>
      </c>
      <c r="E1049">
        <v>340</v>
      </c>
      <c r="F1049" t="s">
        <v>651</v>
      </c>
      <c r="G1049">
        <v>160</v>
      </c>
      <c r="H1049" t="s">
        <v>773</v>
      </c>
      <c r="I1049">
        <v>11846</v>
      </c>
      <c r="J1049" t="s">
        <v>705</v>
      </c>
      <c r="K1049">
        <v>70</v>
      </c>
      <c r="L1049" t="s">
        <v>1537</v>
      </c>
      <c r="M1049">
        <v>3285</v>
      </c>
      <c r="N1049" t="s">
        <v>654</v>
      </c>
      <c r="O1049">
        <v>3</v>
      </c>
      <c r="P1049" t="s">
        <v>655</v>
      </c>
      <c r="Q1049">
        <v>1</v>
      </c>
      <c r="R1049" t="s">
        <v>656</v>
      </c>
      <c r="S1049">
        <v>2</v>
      </c>
      <c r="T1049" t="s">
        <v>661</v>
      </c>
      <c r="U1049">
        <v>8</v>
      </c>
      <c r="V1049">
        <v>2</v>
      </c>
      <c r="W1049">
        <v>120</v>
      </c>
      <c r="X1049">
        <v>2020</v>
      </c>
    </row>
    <row r="1050" spans="1:24" x14ac:dyDescent="0.25">
      <c r="A1050">
        <v>12624</v>
      </c>
      <c r="B1050" t="s">
        <v>16</v>
      </c>
      <c r="C1050">
        <v>5</v>
      </c>
      <c r="D1050" t="s">
        <v>514</v>
      </c>
      <c r="E1050">
        <v>38</v>
      </c>
      <c r="F1050" t="s">
        <v>651</v>
      </c>
      <c r="G1050">
        <v>160</v>
      </c>
      <c r="H1050" t="s">
        <v>658</v>
      </c>
      <c r="I1050">
        <v>13755</v>
      </c>
      <c r="J1050" t="s">
        <v>897</v>
      </c>
      <c r="K1050">
        <v>3</v>
      </c>
      <c r="L1050" t="s">
        <v>921</v>
      </c>
      <c r="M1050">
        <v>3486</v>
      </c>
      <c r="N1050" t="s">
        <v>668</v>
      </c>
      <c r="O1050">
        <v>4</v>
      </c>
      <c r="P1050" t="s">
        <v>655</v>
      </c>
      <c r="Q1050">
        <v>1</v>
      </c>
      <c r="R1050" t="s">
        <v>669</v>
      </c>
      <c r="S1050">
        <v>1</v>
      </c>
      <c r="T1050" t="s">
        <v>661</v>
      </c>
      <c r="U1050">
        <v>8</v>
      </c>
      <c r="V1050">
        <v>3</v>
      </c>
      <c r="W1050">
        <v>180</v>
      </c>
      <c r="X1050">
        <v>2020</v>
      </c>
    </row>
    <row r="1051" spans="1:24" x14ac:dyDescent="0.25">
      <c r="A1051">
        <v>12621</v>
      </c>
      <c r="B1051" t="s">
        <v>224</v>
      </c>
      <c r="C1051">
        <v>46</v>
      </c>
      <c r="D1051" t="s">
        <v>469</v>
      </c>
      <c r="E1051">
        <v>342</v>
      </c>
      <c r="F1051" t="s">
        <v>651</v>
      </c>
      <c r="G1051">
        <v>160</v>
      </c>
      <c r="H1051" t="s">
        <v>773</v>
      </c>
      <c r="I1051">
        <v>11846</v>
      </c>
      <c r="J1051" t="s">
        <v>1538</v>
      </c>
      <c r="K1051">
        <v>36</v>
      </c>
      <c r="L1051" t="s">
        <v>1539</v>
      </c>
      <c r="M1051">
        <v>3288</v>
      </c>
      <c r="N1051" t="s">
        <v>654</v>
      </c>
      <c r="O1051">
        <v>3</v>
      </c>
      <c r="P1051" t="s">
        <v>655</v>
      </c>
      <c r="Q1051">
        <v>1</v>
      </c>
      <c r="R1051" t="s">
        <v>656</v>
      </c>
      <c r="S1051">
        <v>2</v>
      </c>
      <c r="T1051" t="s">
        <v>661</v>
      </c>
      <c r="U1051">
        <v>8</v>
      </c>
      <c r="V1051">
        <v>2</v>
      </c>
      <c r="W1051">
        <v>120</v>
      </c>
      <c r="X1051">
        <v>2020</v>
      </c>
    </row>
    <row r="1052" spans="1:24" x14ac:dyDescent="0.25">
      <c r="A1052">
        <v>12618</v>
      </c>
      <c r="B1052" t="s">
        <v>224</v>
      </c>
      <c r="C1052">
        <v>46</v>
      </c>
      <c r="D1052" t="s">
        <v>469</v>
      </c>
      <c r="E1052">
        <v>342</v>
      </c>
      <c r="F1052" t="s">
        <v>651</v>
      </c>
      <c r="G1052">
        <v>160</v>
      </c>
      <c r="H1052" t="s">
        <v>773</v>
      </c>
      <c r="I1052">
        <v>11846</v>
      </c>
      <c r="J1052" t="s">
        <v>1538</v>
      </c>
      <c r="K1052">
        <v>36</v>
      </c>
      <c r="L1052" t="s">
        <v>1540</v>
      </c>
      <c r="M1052">
        <v>3291</v>
      </c>
      <c r="N1052" t="s">
        <v>654</v>
      </c>
      <c r="O1052">
        <v>3</v>
      </c>
      <c r="P1052" t="s">
        <v>655</v>
      </c>
      <c r="Q1052">
        <v>1</v>
      </c>
      <c r="R1052" t="s">
        <v>656</v>
      </c>
      <c r="S1052">
        <v>2</v>
      </c>
      <c r="T1052" t="s">
        <v>661</v>
      </c>
      <c r="U1052">
        <v>8</v>
      </c>
      <c r="V1052">
        <v>2</v>
      </c>
      <c r="W1052">
        <v>120</v>
      </c>
      <c r="X1052">
        <v>2020</v>
      </c>
    </row>
    <row r="1053" spans="1:24" x14ac:dyDescent="0.25">
      <c r="A1053">
        <v>12615</v>
      </c>
      <c r="B1053" t="s">
        <v>26</v>
      </c>
      <c r="C1053">
        <v>44</v>
      </c>
      <c r="D1053" t="s">
        <v>322</v>
      </c>
      <c r="E1053">
        <v>334</v>
      </c>
      <c r="F1053" t="s">
        <v>651</v>
      </c>
      <c r="G1053">
        <v>160</v>
      </c>
      <c r="H1053" t="s">
        <v>666</v>
      </c>
      <c r="I1053">
        <v>8767</v>
      </c>
      <c r="J1053" t="s">
        <v>839</v>
      </c>
      <c r="K1053">
        <v>89</v>
      </c>
      <c r="L1053" t="s">
        <v>1541</v>
      </c>
      <c r="M1053">
        <v>3294</v>
      </c>
      <c r="N1053" t="s">
        <v>654</v>
      </c>
      <c r="O1053">
        <v>3</v>
      </c>
      <c r="P1053" t="s">
        <v>655</v>
      </c>
      <c r="Q1053">
        <v>1</v>
      </c>
      <c r="R1053" t="s">
        <v>656</v>
      </c>
      <c r="S1053">
        <v>2</v>
      </c>
      <c r="T1053" t="s">
        <v>661</v>
      </c>
      <c r="U1053">
        <v>8</v>
      </c>
      <c r="V1053">
        <v>1</v>
      </c>
      <c r="W1053">
        <v>60</v>
      </c>
      <c r="X1053">
        <v>2020</v>
      </c>
    </row>
    <row r="1054" spans="1:24" x14ac:dyDescent="0.25">
      <c r="A1054">
        <v>12609</v>
      </c>
      <c r="B1054" t="s">
        <v>59</v>
      </c>
      <c r="C1054">
        <v>42</v>
      </c>
      <c r="D1054" t="s">
        <v>316</v>
      </c>
      <c r="E1054">
        <v>327</v>
      </c>
      <c r="F1054" t="s">
        <v>651</v>
      </c>
      <c r="G1054">
        <v>160</v>
      </c>
      <c r="H1054" t="s">
        <v>1060</v>
      </c>
      <c r="I1054">
        <v>6305</v>
      </c>
      <c r="J1054" t="s">
        <v>301</v>
      </c>
      <c r="K1054">
        <v>26</v>
      </c>
      <c r="L1054" t="s">
        <v>1121</v>
      </c>
      <c r="M1054">
        <v>973</v>
      </c>
      <c r="N1054" t="s">
        <v>654</v>
      </c>
      <c r="O1054">
        <v>3</v>
      </c>
      <c r="P1054" t="s">
        <v>655</v>
      </c>
      <c r="Q1054">
        <v>1</v>
      </c>
      <c r="R1054" t="s">
        <v>656</v>
      </c>
      <c r="S1054">
        <v>2</v>
      </c>
      <c r="T1054" t="s">
        <v>661</v>
      </c>
      <c r="U1054">
        <v>8</v>
      </c>
      <c r="V1054">
        <v>2</v>
      </c>
      <c r="W1054">
        <v>120</v>
      </c>
      <c r="X1054">
        <v>2020</v>
      </c>
    </row>
    <row r="1055" spans="1:24" x14ac:dyDescent="0.25">
      <c r="A1055">
        <v>12606</v>
      </c>
      <c r="B1055" t="s">
        <v>289</v>
      </c>
      <c r="C1055">
        <v>12</v>
      </c>
      <c r="D1055" t="s">
        <v>396</v>
      </c>
      <c r="E1055">
        <v>83</v>
      </c>
      <c r="F1055" t="s">
        <v>651</v>
      </c>
      <c r="G1055">
        <v>160</v>
      </c>
      <c r="H1055" t="s">
        <v>658</v>
      </c>
      <c r="I1055">
        <v>13755</v>
      </c>
      <c r="J1055" t="s">
        <v>295</v>
      </c>
      <c r="K1055">
        <v>30</v>
      </c>
      <c r="L1055" t="s">
        <v>295</v>
      </c>
      <c r="M1055">
        <v>96</v>
      </c>
      <c r="N1055" t="s">
        <v>668</v>
      </c>
      <c r="O1055">
        <v>4</v>
      </c>
      <c r="P1055" t="s">
        <v>655</v>
      </c>
      <c r="Q1055">
        <v>1</v>
      </c>
      <c r="R1055" t="s">
        <v>669</v>
      </c>
      <c r="S1055">
        <v>1</v>
      </c>
      <c r="T1055" t="s">
        <v>718</v>
      </c>
      <c r="U1055">
        <v>2</v>
      </c>
      <c r="V1055">
        <v>3</v>
      </c>
      <c r="W1055">
        <v>180</v>
      </c>
      <c r="X1055">
        <v>2020</v>
      </c>
    </row>
    <row r="1056" spans="1:24" x14ac:dyDescent="0.25">
      <c r="A1056">
        <v>12603</v>
      </c>
      <c r="B1056" t="s">
        <v>59</v>
      </c>
      <c r="C1056">
        <v>42</v>
      </c>
      <c r="D1056" t="s">
        <v>58</v>
      </c>
      <c r="E1056">
        <v>1283</v>
      </c>
      <c r="F1056" t="s">
        <v>651</v>
      </c>
      <c r="G1056">
        <v>160</v>
      </c>
      <c r="H1056" t="s">
        <v>1060</v>
      </c>
      <c r="I1056">
        <v>6305</v>
      </c>
      <c r="J1056" t="s">
        <v>65</v>
      </c>
      <c r="K1056">
        <v>15</v>
      </c>
      <c r="L1056" t="s">
        <v>1542</v>
      </c>
      <c r="M1056">
        <v>3300</v>
      </c>
      <c r="N1056" t="s">
        <v>654</v>
      </c>
      <c r="O1056">
        <v>3</v>
      </c>
      <c r="P1056" t="s">
        <v>655</v>
      </c>
      <c r="Q1056">
        <v>1</v>
      </c>
      <c r="R1056" t="s">
        <v>656</v>
      </c>
      <c r="S1056">
        <v>2</v>
      </c>
      <c r="T1056" t="s">
        <v>661</v>
      </c>
      <c r="U1056">
        <v>8</v>
      </c>
      <c r="V1056">
        <v>1.5</v>
      </c>
      <c r="W1056">
        <v>90</v>
      </c>
      <c r="X1056">
        <v>2020</v>
      </c>
    </row>
    <row r="1057" spans="1:24" x14ac:dyDescent="0.25">
      <c r="A1057">
        <v>12600</v>
      </c>
      <c r="B1057" t="s">
        <v>14</v>
      </c>
      <c r="C1057">
        <v>20</v>
      </c>
      <c r="D1057" t="s">
        <v>554</v>
      </c>
      <c r="E1057">
        <v>149</v>
      </c>
      <c r="F1057" t="s">
        <v>651</v>
      </c>
      <c r="G1057">
        <v>160</v>
      </c>
      <c r="H1057" t="s">
        <v>739</v>
      </c>
      <c r="I1057">
        <v>4413</v>
      </c>
      <c r="J1057" t="s">
        <v>955</v>
      </c>
      <c r="K1057">
        <v>29</v>
      </c>
      <c r="L1057" t="s">
        <v>955</v>
      </c>
      <c r="M1057">
        <v>95</v>
      </c>
      <c r="N1057" t="s">
        <v>668</v>
      </c>
      <c r="O1057">
        <v>4</v>
      </c>
      <c r="P1057" t="s">
        <v>655</v>
      </c>
      <c r="Q1057">
        <v>1</v>
      </c>
      <c r="R1057" t="s">
        <v>669</v>
      </c>
      <c r="S1057">
        <v>1</v>
      </c>
      <c r="T1057" t="s">
        <v>718</v>
      </c>
      <c r="U1057">
        <v>2</v>
      </c>
      <c r="V1057">
        <v>3</v>
      </c>
      <c r="W1057">
        <v>180</v>
      </c>
      <c r="X1057">
        <v>2020</v>
      </c>
    </row>
    <row r="1058" spans="1:24" x14ac:dyDescent="0.25">
      <c r="A1058">
        <v>12597</v>
      </c>
      <c r="B1058" t="s">
        <v>14</v>
      </c>
      <c r="C1058">
        <v>20</v>
      </c>
      <c r="D1058" t="s">
        <v>458</v>
      </c>
      <c r="E1058">
        <v>138</v>
      </c>
      <c r="F1058" t="s">
        <v>651</v>
      </c>
      <c r="G1058">
        <v>160</v>
      </c>
      <c r="H1058" t="s">
        <v>739</v>
      </c>
      <c r="I1058">
        <v>4413</v>
      </c>
      <c r="J1058" t="s">
        <v>885</v>
      </c>
      <c r="K1058">
        <v>1</v>
      </c>
      <c r="L1058" t="s">
        <v>1543</v>
      </c>
      <c r="M1058">
        <v>3</v>
      </c>
      <c r="N1058" t="s">
        <v>668</v>
      </c>
      <c r="O1058">
        <v>4</v>
      </c>
      <c r="P1058" t="s">
        <v>655</v>
      </c>
      <c r="Q1058">
        <v>1</v>
      </c>
      <c r="R1058" t="s">
        <v>669</v>
      </c>
      <c r="S1058">
        <v>1</v>
      </c>
      <c r="T1058" t="s">
        <v>718</v>
      </c>
      <c r="U1058">
        <v>2</v>
      </c>
      <c r="V1058">
        <v>3</v>
      </c>
      <c r="W1058">
        <v>180</v>
      </c>
      <c r="X1058">
        <v>2020</v>
      </c>
    </row>
    <row r="1059" spans="1:24" x14ac:dyDescent="0.25">
      <c r="A1059">
        <v>12594</v>
      </c>
      <c r="B1059" t="s">
        <v>14</v>
      </c>
      <c r="C1059">
        <v>20</v>
      </c>
      <c r="D1059" t="s">
        <v>551</v>
      </c>
      <c r="E1059">
        <v>152</v>
      </c>
      <c r="F1059" t="s">
        <v>651</v>
      </c>
      <c r="G1059">
        <v>160</v>
      </c>
      <c r="H1059" t="s">
        <v>739</v>
      </c>
      <c r="I1059">
        <v>4413</v>
      </c>
      <c r="J1059" t="s">
        <v>691</v>
      </c>
      <c r="K1059">
        <v>21</v>
      </c>
      <c r="L1059" t="s">
        <v>698</v>
      </c>
      <c r="M1059">
        <v>3480</v>
      </c>
      <c r="N1059" t="s">
        <v>668</v>
      </c>
      <c r="O1059">
        <v>4</v>
      </c>
      <c r="P1059" t="s">
        <v>655</v>
      </c>
      <c r="Q1059">
        <v>1</v>
      </c>
      <c r="R1059" t="s">
        <v>669</v>
      </c>
      <c r="S1059">
        <v>1</v>
      </c>
      <c r="T1059" t="s">
        <v>661</v>
      </c>
      <c r="U1059">
        <v>8</v>
      </c>
      <c r="V1059">
        <v>3</v>
      </c>
      <c r="W1059">
        <v>180</v>
      </c>
      <c r="X1059">
        <v>2020</v>
      </c>
    </row>
    <row r="1060" spans="1:24" x14ac:dyDescent="0.25">
      <c r="A1060">
        <v>12591</v>
      </c>
      <c r="B1060" t="s">
        <v>305</v>
      </c>
      <c r="C1060">
        <v>22</v>
      </c>
      <c r="D1060" t="s">
        <v>545</v>
      </c>
      <c r="E1060">
        <v>164</v>
      </c>
      <c r="F1060" t="s">
        <v>651</v>
      </c>
      <c r="G1060">
        <v>160</v>
      </c>
      <c r="H1060" t="s">
        <v>739</v>
      </c>
      <c r="I1060">
        <v>4413</v>
      </c>
      <c r="J1060" t="s">
        <v>673</v>
      </c>
      <c r="K1060">
        <v>34</v>
      </c>
      <c r="L1060" t="s">
        <v>673</v>
      </c>
      <c r="M1060">
        <v>104</v>
      </c>
      <c r="N1060" t="s">
        <v>668</v>
      </c>
      <c r="O1060">
        <v>4</v>
      </c>
      <c r="P1060" t="s">
        <v>655</v>
      </c>
      <c r="Q1060">
        <v>1</v>
      </c>
      <c r="R1060" t="s">
        <v>669</v>
      </c>
      <c r="S1060">
        <v>1</v>
      </c>
      <c r="T1060" t="s">
        <v>718</v>
      </c>
      <c r="U1060">
        <v>2</v>
      </c>
      <c r="V1060">
        <v>3</v>
      </c>
      <c r="W1060">
        <v>180</v>
      </c>
      <c r="X1060">
        <v>2020</v>
      </c>
    </row>
    <row r="1061" spans="1:24" x14ac:dyDescent="0.25">
      <c r="A1061">
        <v>12585</v>
      </c>
      <c r="B1061" t="s">
        <v>215</v>
      </c>
      <c r="C1061">
        <v>41</v>
      </c>
      <c r="D1061" t="s">
        <v>480</v>
      </c>
      <c r="E1061">
        <v>323</v>
      </c>
      <c r="F1061" t="s">
        <v>651</v>
      </c>
      <c r="G1061">
        <v>160</v>
      </c>
      <c r="H1061" t="s">
        <v>1207</v>
      </c>
      <c r="I1061">
        <v>5188</v>
      </c>
      <c r="J1061" t="s">
        <v>710</v>
      </c>
      <c r="K1061">
        <v>53</v>
      </c>
      <c r="L1061" t="s">
        <v>1544</v>
      </c>
      <c r="M1061">
        <v>2488</v>
      </c>
      <c r="N1061" t="s">
        <v>654</v>
      </c>
      <c r="O1061">
        <v>3</v>
      </c>
      <c r="P1061" t="s">
        <v>655</v>
      </c>
      <c r="Q1061">
        <v>1</v>
      </c>
      <c r="R1061" t="s">
        <v>656</v>
      </c>
      <c r="S1061">
        <v>2</v>
      </c>
      <c r="T1061" t="s">
        <v>661</v>
      </c>
      <c r="U1061">
        <v>8</v>
      </c>
      <c r="V1061">
        <v>2</v>
      </c>
      <c r="W1061">
        <v>120</v>
      </c>
      <c r="X1061">
        <v>2020</v>
      </c>
    </row>
    <row r="1062" spans="1:24" x14ac:dyDescent="0.25">
      <c r="A1062">
        <v>12582</v>
      </c>
      <c r="B1062" t="s">
        <v>215</v>
      </c>
      <c r="C1062">
        <v>41</v>
      </c>
      <c r="D1062" t="s">
        <v>480</v>
      </c>
      <c r="E1062">
        <v>323</v>
      </c>
      <c r="F1062" t="s">
        <v>651</v>
      </c>
      <c r="G1062">
        <v>160</v>
      </c>
      <c r="H1062" t="s">
        <v>1207</v>
      </c>
      <c r="I1062">
        <v>5188</v>
      </c>
      <c r="J1062" t="s">
        <v>695</v>
      </c>
      <c r="K1062">
        <v>54</v>
      </c>
      <c r="L1062" t="s">
        <v>1545</v>
      </c>
      <c r="M1062">
        <v>2489</v>
      </c>
      <c r="N1062" t="s">
        <v>654</v>
      </c>
      <c r="O1062">
        <v>3</v>
      </c>
      <c r="P1062" t="s">
        <v>655</v>
      </c>
      <c r="Q1062">
        <v>1</v>
      </c>
      <c r="R1062" t="s">
        <v>656</v>
      </c>
      <c r="S1062">
        <v>2</v>
      </c>
      <c r="T1062" t="s">
        <v>661</v>
      </c>
      <c r="U1062">
        <v>8</v>
      </c>
      <c r="V1062">
        <v>2</v>
      </c>
      <c r="W1062">
        <v>120</v>
      </c>
      <c r="X1062">
        <v>2020</v>
      </c>
    </row>
    <row r="1063" spans="1:24" x14ac:dyDescent="0.25">
      <c r="A1063">
        <v>12579</v>
      </c>
      <c r="B1063" t="s">
        <v>215</v>
      </c>
      <c r="C1063">
        <v>41</v>
      </c>
      <c r="D1063" t="s">
        <v>480</v>
      </c>
      <c r="E1063">
        <v>323</v>
      </c>
      <c r="F1063" t="s">
        <v>651</v>
      </c>
      <c r="G1063">
        <v>160</v>
      </c>
      <c r="H1063" t="s">
        <v>1207</v>
      </c>
      <c r="I1063">
        <v>5188</v>
      </c>
      <c r="J1063" t="s">
        <v>714</v>
      </c>
      <c r="K1063">
        <v>52</v>
      </c>
      <c r="L1063" t="s">
        <v>1546</v>
      </c>
      <c r="M1063">
        <v>2487</v>
      </c>
      <c r="N1063" t="s">
        <v>654</v>
      </c>
      <c r="O1063">
        <v>3</v>
      </c>
      <c r="P1063" t="s">
        <v>655</v>
      </c>
      <c r="Q1063">
        <v>1</v>
      </c>
      <c r="R1063" t="s">
        <v>656</v>
      </c>
      <c r="S1063">
        <v>2</v>
      </c>
      <c r="T1063" t="s">
        <v>661</v>
      </c>
      <c r="U1063">
        <v>8</v>
      </c>
      <c r="V1063">
        <v>2</v>
      </c>
      <c r="W1063">
        <v>120</v>
      </c>
      <c r="X1063">
        <v>2020</v>
      </c>
    </row>
    <row r="1064" spans="1:24" x14ac:dyDescent="0.25">
      <c r="A1064">
        <v>12576</v>
      </c>
      <c r="B1064" t="s">
        <v>74</v>
      </c>
      <c r="C1064">
        <v>40</v>
      </c>
      <c r="D1064" t="s">
        <v>402</v>
      </c>
      <c r="E1064">
        <v>309</v>
      </c>
      <c r="F1064" t="s">
        <v>651</v>
      </c>
      <c r="G1064">
        <v>160</v>
      </c>
      <c r="H1064" t="s">
        <v>697</v>
      </c>
      <c r="I1064">
        <v>11198</v>
      </c>
      <c r="J1064" t="s">
        <v>819</v>
      </c>
      <c r="K1064">
        <v>101</v>
      </c>
      <c r="L1064" t="s">
        <v>1547</v>
      </c>
      <c r="M1064">
        <v>3306</v>
      </c>
      <c r="N1064" t="s">
        <v>654</v>
      </c>
      <c r="O1064">
        <v>3</v>
      </c>
      <c r="P1064" t="s">
        <v>655</v>
      </c>
      <c r="Q1064">
        <v>1</v>
      </c>
      <c r="R1064" t="s">
        <v>656</v>
      </c>
      <c r="S1064">
        <v>2</v>
      </c>
      <c r="T1064" t="s">
        <v>661</v>
      </c>
      <c r="U1064">
        <v>8</v>
      </c>
      <c r="V1064">
        <v>2</v>
      </c>
      <c r="W1064">
        <v>120</v>
      </c>
      <c r="X1064">
        <v>2020</v>
      </c>
    </row>
    <row r="1065" spans="1:24" x14ac:dyDescent="0.25">
      <c r="A1065">
        <v>12573</v>
      </c>
      <c r="B1065" t="s">
        <v>74</v>
      </c>
      <c r="C1065">
        <v>40</v>
      </c>
      <c r="D1065" t="s">
        <v>487</v>
      </c>
      <c r="E1065">
        <v>312</v>
      </c>
      <c r="F1065" t="s">
        <v>651</v>
      </c>
      <c r="G1065">
        <v>160</v>
      </c>
      <c r="H1065" t="s">
        <v>697</v>
      </c>
      <c r="I1065">
        <v>11198</v>
      </c>
      <c r="J1065" t="s">
        <v>730</v>
      </c>
      <c r="K1065">
        <v>66</v>
      </c>
      <c r="L1065" t="s">
        <v>1548</v>
      </c>
      <c r="M1065">
        <v>2427</v>
      </c>
      <c r="N1065" t="s">
        <v>654</v>
      </c>
      <c r="O1065">
        <v>3</v>
      </c>
      <c r="P1065" t="s">
        <v>655</v>
      </c>
      <c r="Q1065">
        <v>1</v>
      </c>
      <c r="R1065" t="s">
        <v>656</v>
      </c>
      <c r="S1065">
        <v>2</v>
      </c>
      <c r="T1065" t="s">
        <v>661</v>
      </c>
      <c r="U1065">
        <v>8</v>
      </c>
      <c r="V1065">
        <v>2</v>
      </c>
      <c r="W1065">
        <v>120</v>
      </c>
      <c r="X1065">
        <v>2020</v>
      </c>
    </row>
    <row r="1066" spans="1:24" x14ac:dyDescent="0.25">
      <c r="A1066">
        <v>12570</v>
      </c>
      <c r="B1066" t="s">
        <v>74</v>
      </c>
      <c r="C1066">
        <v>40</v>
      </c>
      <c r="D1066" t="s">
        <v>487</v>
      </c>
      <c r="E1066">
        <v>312</v>
      </c>
      <c r="F1066" t="s">
        <v>651</v>
      </c>
      <c r="G1066">
        <v>160</v>
      </c>
      <c r="H1066" t="s">
        <v>697</v>
      </c>
      <c r="I1066">
        <v>11198</v>
      </c>
      <c r="J1066" t="s">
        <v>716</v>
      </c>
      <c r="K1066">
        <v>68</v>
      </c>
      <c r="L1066" t="s">
        <v>1549</v>
      </c>
      <c r="M1066">
        <v>2166</v>
      </c>
      <c r="N1066" t="s">
        <v>654</v>
      </c>
      <c r="O1066">
        <v>3</v>
      </c>
      <c r="P1066" t="s">
        <v>655</v>
      </c>
      <c r="Q1066">
        <v>1</v>
      </c>
      <c r="R1066" t="s">
        <v>656</v>
      </c>
      <c r="S1066">
        <v>2</v>
      </c>
      <c r="T1066" t="s">
        <v>661</v>
      </c>
      <c r="U1066">
        <v>8</v>
      </c>
      <c r="V1066">
        <v>2</v>
      </c>
      <c r="W1066">
        <v>120</v>
      </c>
      <c r="X1066">
        <v>2020</v>
      </c>
    </row>
    <row r="1067" spans="1:24" x14ac:dyDescent="0.25">
      <c r="A1067">
        <v>12567</v>
      </c>
      <c r="B1067" t="s">
        <v>249</v>
      </c>
      <c r="C1067">
        <v>38</v>
      </c>
      <c r="D1067" t="s">
        <v>356</v>
      </c>
      <c r="E1067">
        <v>599</v>
      </c>
      <c r="F1067" t="s">
        <v>651</v>
      </c>
      <c r="G1067">
        <v>160</v>
      </c>
      <c r="H1067" t="s">
        <v>713</v>
      </c>
      <c r="I1067">
        <v>3939</v>
      </c>
      <c r="J1067" t="s">
        <v>738</v>
      </c>
      <c r="K1067">
        <v>61</v>
      </c>
      <c r="L1067" t="s">
        <v>1550</v>
      </c>
      <c r="M1067">
        <v>3309</v>
      </c>
      <c r="N1067" t="s">
        <v>654</v>
      </c>
      <c r="O1067">
        <v>3</v>
      </c>
      <c r="P1067" t="s">
        <v>655</v>
      </c>
      <c r="Q1067">
        <v>1</v>
      </c>
      <c r="R1067" t="s">
        <v>656</v>
      </c>
      <c r="S1067">
        <v>2</v>
      </c>
      <c r="T1067" t="s">
        <v>661</v>
      </c>
      <c r="U1067">
        <v>8</v>
      </c>
      <c r="V1067">
        <v>2</v>
      </c>
      <c r="W1067">
        <v>120</v>
      </c>
      <c r="X1067">
        <v>2020</v>
      </c>
    </row>
    <row r="1068" spans="1:24" x14ac:dyDescent="0.25">
      <c r="A1068">
        <v>12564</v>
      </c>
      <c r="B1068" t="s">
        <v>69</v>
      </c>
      <c r="C1068">
        <v>36</v>
      </c>
      <c r="D1068" t="s">
        <v>496</v>
      </c>
      <c r="E1068">
        <v>281</v>
      </c>
      <c r="F1068" t="s">
        <v>651</v>
      </c>
      <c r="G1068">
        <v>160</v>
      </c>
      <c r="H1068" t="s">
        <v>732</v>
      </c>
      <c r="I1068">
        <v>1000</v>
      </c>
      <c r="J1068" t="s">
        <v>980</v>
      </c>
      <c r="K1068">
        <v>67</v>
      </c>
      <c r="L1068" t="s">
        <v>1551</v>
      </c>
      <c r="M1068">
        <v>3312</v>
      </c>
      <c r="N1068" t="s">
        <v>654</v>
      </c>
      <c r="O1068">
        <v>3</v>
      </c>
      <c r="P1068" t="s">
        <v>655</v>
      </c>
      <c r="Q1068">
        <v>1</v>
      </c>
      <c r="R1068" t="s">
        <v>656</v>
      </c>
      <c r="S1068">
        <v>2</v>
      </c>
      <c r="T1068" t="s">
        <v>661</v>
      </c>
      <c r="U1068">
        <v>8</v>
      </c>
      <c r="V1068">
        <v>2</v>
      </c>
      <c r="W1068">
        <v>120</v>
      </c>
      <c r="X1068">
        <v>2020</v>
      </c>
    </row>
    <row r="1069" spans="1:24" x14ac:dyDescent="0.25">
      <c r="A1069">
        <v>12558</v>
      </c>
      <c r="B1069" t="s">
        <v>69</v>
      </c>
      <c r="C1069">
        <v>36</v>
      </c>
      <c r="D1069" t="s">
        <v>495</v>
      </c>
      <c r="E1069">
        <v>282</v>
      </c>
      <c r="F1069" t="s">
        <v>651</v>
      </c>
      <c r="G1069">
        <v>160</v>
      </c>
      <c r="H1069" t="s">
        <v>732</v>
      </c>
      <c r="I1069">
        <v>1000</v>
      </c>
      <c r="J1069" t="s">
        <v>710</v>
      </c>
      <c r="K1069">
        <v>53</v>
      </c>
      <c r="L1069" t="s">
        <v>1552</v>
      </c>
      <c r="M1069">
        <v>2252</v>
      </c>
      <c r="N1069" t="s">
        <v>654</v>
      </c>
      <c r="O1069">
        <v>3</v>
      </c>
      <c r="P1069" t="s">
        <v>655</v>
      </c>
      <c r="Q1069">
        <v>1</v>
      </c>
      <c r="R1069" t="s">
        <v>656</v>
      </c>
      <c r="S1069">
        <v>2</v>
      </c>
      <c r="T1069" t="s">
        <v>661</v>
      </c>
      <c r="U1069">
        <v>8</v>
      </c>
      <c r="V1069">
        <v>2</v>
      </c>
      <c r="W1069">
        <v>120</v>
      </c>
      <c r="X1069">
        <v>2020</v>
      </c>
    </row>
    <row r="1070" spans="1:24" x14ac:dyDescent="0.25">
      <c r="A1070">
        <v>12555</v>
      </c>
      <c r="B1070" t="s">
        <v>69</v>
      </c>
      <c r="C1070">
        <v>36</v>
      </c>
      <c r="D1070" t="s">
        <v>495</v>
      </c>
      <c r="E1070">
        <v>282</v>
      </c>
      <c r="F1070" t="s">
        <v>651</v>
      </c>
      <c r="G1070">
        <v>160</v>
      </c>
      <c r="H1070" t="s">
        <v>732</v>
      </c>
      <c r="I1070">
        <v>1000</v>
      </c>
      <c r="J1070" t="s">
        <v>710</v>
      </c>
      <c r="K1070">
        <v>53</v>
      </c>
      <c r="L1070" t="s">
        <v>1553</v>
      </c>
      <c r="M1070">
        <v>2250</v>
      </c>
      <c r="N1070" t="s">
        <v>654</v>
      </c>
      <c r="O1070">
        <v>3</v>
      </c>
      <c r="P1070" t="s">
        <v>655</v>
      </c>
      <c r="Q1070">
        <v>1</v>
      </c>
      <c r="R1070" t="s">
        <v>656</v>
      </c>
      <c r="S1070">
        <v>2</v>
      </c>
      <c r="T1070" t="s">
        <v>661</v>
      </c>
      <c r="U1070">
        <v>8</v>
      </c>
      <c r="V1070">
        <v>2</v>
      </c>
      <c r="W1070">
        <v>120</v>
      </c>
      <c r="X1070">
        <v>2020</v>
      </c>
    </row>
    <row r="1071" spans="1:24" x14ac:dyDescent="0.25">
      <c r="A1071">
        <v>12552</v>
      </c>
      <c r="B1071" t="s">
        <v>69</v>
      </c>
      <c r="C1071">
        <v>36</v>
      </c>
      <c r="D1071" t="s">
        <v>495</v>
      </c>
      <c r="E1071">
        <v>282</v>
      </c>
      <c r="F1071" t="s">
        <v>651</v>
      </c>
      <c r="G1071">
        <v>160</v>
      </c>
      <c r="H1071" t="s">
        <v>732</v>
      </c>
      <c r="I1071">
        <v>1000</v>
      </c>
      <c r="J1071" t="s">
        <v>714</v>
      </c>
      <c r="K1071">
        <v>52</v>
      </c>
      <c r="L1071" t="s">
        <v>1554</v>
      </c>
      <c r="M1071">
        <v>2248</v>
      </c>
      <c r="N1071" t="s">
        <v>654</v>
      </c>
      <c r="O1071">
        <v>3</v>
      </c>
      <c r="P1071" t="s">
        <v>655</v>
      </c>
      <c r="Q1071">
        <v>1</v>
      </c>
      <c r="R1071" t="s">
        <v>656</v>
      </c>
      <c r="S1071">
        <v>2</v>
      </c>
      <c r="T1071" t="s">
        <v>661</v>
      </c>
      <c r="U1071">
        <v>8</v>
      </c>
      <c r="V1071">
        <v>2</v>
      </c>
      <c r="W1071">
        <v>120</v>
      </c>
      <c r="X1071">
        <v>2020</v>
      </c>
    </row>
    <row r="1072" spans="1:24" x14ac:dyDescent="0.25">
      <c r="A1072">
        <v>12546</v>
      </c>
      <c r="B1072" t="s">
        <v>140</v>
      </c>
      <c r="C1072">
        <v>34</v>
      </c>
      <c r="D1072" t="s">
        <v>316</v>
      </c>
      <c r="E1072">
        <v>270</v>
      </c>
      <c r="F1072" t="s">
        <v>651</v>
      </c>
      <c r="G1072">
        <v>160</v>
      </c>
      <c r="H1072" t="s">
        <v>652</v>
      </c>
      <c r="I1072">
        <v>2094</v>
      </c>
      <c r="J1072" t="s">
        <v>955</v>
      </c>
      <c r="K1072">
        <v>29</v>
      </c>
      <c r="L1072" t="s">
        <v>1555</v>
      </c>
      <c r="M1072">
        <v>3318</v>
      </c>
      <c r="N1072" t="s">
        <v>654</v>
      </c>
      <c r="O1072">
        <v>3</v>
      </c>
      <c r="P1072" t="s">
        <v>655</v>
      </c>
      <c r="Q1072">
        <v>1</v>
      </c>
      <c r="R1072" t="s">
        <v>656</v>
      </c>
      <c r="S1072">
        <v>2</v>
      </c>
      <c r="T1072" t="s">
        <v>718</v>
      </c>
      <c r="U1072">
        <v>2</v>
      </c>
      <c r="V1072">
        <v>2</v>
      </c>
      <c r="W1072">
        <v>120</v>
      </c>
      <c r="X1072">
        <v>2020</v>
      </c>
    </row>
    <row r="1073" spans="1:24" x14ac:dyDescent="0.25">
      <c r="A1073">
        <v>12543</v>
      </c>
      <c r="B1073" t="s">
        <v>140</v>
      </c>
      <c r="C1073">
        <v>34</v>
      </c>
      <c r="D1073" t="s">
        <v>316</v>
      </c>
      <c r="E1073">
        <v>270</v>
      </c>
      <c r="F1073" t="s">
        <v>651</v>
      </c>
      <c r="G1073">
        <v>160</v>
      </c>
      <c r="H1073" t="s">
        <v>652</v>
      </c>
      <c r="I1073">
        <v>2094</v>
      </c>
      <c r="J1073" t="s">
        <v>295</v>
      </c>
      <c r="K1073">
        <v>30</v>
      </c>
      <c r="L1073" t="s">
        <v>1556</v>
      </c>
      <c r="M1073">
        <v>3321</v>
      </c>
      <c r="N1073" t="s">
        <v>654</v>
      </c>
      <c r="O1073">
        <v>3</v>
      </c>
      <c r="P1073" t="s">
        <v>655</v>
      </c>
      <c r="Q1073">
        <v>1</v>
      </c>
      <c r="R1073" t="s">
        <v>656</v>
      </c>
      <c r="S1073">
        <v>2</v>
      </c>
      <c r="T1073" t="s">
        <v>718</v>
      </c>
      <c r="U1073">
        <v>2</v>
      </c>
      <c r="V1073">
        <v>2</v>
      </c>
      <c r="W1073">
        <v>120</v>
      </c>
      <c r="X1073">
        <v>2020</v>
      </c>
    </row>
    <row r="1074" spans="1:24" x14ac:dyDescent="0.25">
      <c r="A1074">
        <v>12540</v>
      </c>
      <c r="B1074" t="s">
        <v>140</v>
      </c>
      <c r="C1074">
        <v>34</v>
      </c>
      <c r="D1074" t="s">
        <v>316</v>
      </c>
      <c r="E1074">
        <v>270</v>
      </c>
      <c r="F1074" t="s">
        <v>651</v>
      </c>
      <c r="G1074">
        <v>160</v>
      </c>
      <c r="H1074" t="s">
        <v>652</v>
      </c>
      <c r="I1074">
        <v>2094</v>
      </c>
      <c r="J1074" t="s">
        <v>301</v>
      </c>
      <c r="K1074">
        <v>26</v>
      </c>
      <c r="L1074" t="s">
        <v>905</v>
      </c>
      <c r="M1074">
        <v>3324</v>
      </c>
      <c r="N1074" t="s">
        <v>654</v>
      </c>
      <c r="O1074">
        <v>3</v>
      </c>
      <c r="P1074" t="s">
        <v>655</v>
      </c>
      <c r="Q1074">
        <v>1</v>
      </c>
      <c r="R1074" t="s">
        <v>656</v>
      </c>
      <c r="S1074">
        <v>2</v>
      </c>
      <c r="T1074" t="s">
        <v>718</v>
      </c>
      <c r="U1074">
        <v>2</v>
      </c>
      <c r="V1074">
        <v>2</v>
      </c>
      <c r="W1074">
        <v>120</v>
      </c>
      <c r="X1074">
        <v>2020</v>
      </c>
    </row>
    <row r="1075" spans="1:24" x14ac:dyDescent="0.25">
      <c r="A1075">
        <v>12537</v>
      </c>
      <c r="B1075" t="s">
        <v>18</v>
      </c>
      <c r="C1075">
        <v>31</v>
      </c>
      <c r="D1075" t="s">
        <v>402</v>
      </c>
      <c r="E1075">
        <v>240</v>
      </c>
      <c r="F1075" t="s">
        <v>734</v>
      </c>
      <c r="G1075">
        <v>122</v>
      </c>
      <c r="H1075" t="s">
        <v>986</v>
      </c>
      <c r="I1075">
        <v>17522</v>
      </c>
      <c r="J1075" t="s">
        <v>819</v>
      </c>
      <c r="K1075">
        <v>101</v>
      </c>
      <c r="L1075" t="s">
        <v>1557</v>
      </c>
      <c r="M1075">
        <v>2039</v>
      </c>
      <c r="N1075" t="s">
        <v>654</v>
      </c>
      <c r="O1075">
        <v>3</v>
      </c>
      <c r="P1075" t="s">
        <v>655</v>
      </c>
      <c r="Q1075">
        <v>1</v>
      </c>
      <c r="R1075" t="s">
        <v>656</v>
      </c>
      <c r="S1075">
        <v>2</v>
      </c>
      <c r="T1075" t="s">
        <v>661</v>
      </c>
      <c r="U1075">
        <v>8</v>
      </c>
      <c r="V1075">
        <v>2</v>
      </c>
      <c r="W1075">
        <v>120</v>
      </c>
      <c r="X1075">
        <v>2020</v>
      </c>
    </row>
    <row r="1076" spans="1:24" x14ac:dyDescent="0.25">
      <c r="A1076">
        <v>12534</v>
      </c>
      <c r="B1076" t="s">
        <v>18</v>
      </c>
      <c r="C1076">
        <v>31</v>
      </c>
      <c r="D1076" t="s">
        <v>508</v>
      </c>
      <c r="E1076">
        <v>250</v>
      </c>
      <c r="F1076" t="s">
        <v>651</v>
      </c>
      <c r="G1076">
        <v>160</v>
      </c>
      <c r="H1076" t="s">
        <v>719</v>
      </c>
      <c r="I1076">
        <v>7630</v>
      </c>
      <c r="J1076" t="s">
        <v>864</v>
      </c>
      <c r="K1076">
        <v>14</v>
      </c>
      <c r="L1076" t="s">
        <v>1558</v>
      </c>
      <c r="M1076">
        <v>3327</v>
      </c>
      <c r="N1076" t="s">
        <v>654</v>
      </c>
      <c r="O1076">
        <v>3</v>
      </c>
      <c r="P1076" t="s">
        <v>655</v>
      </c>
      <c r="Q1076">
        <v>1</v>
      </c>
      <c r="R1076" t="s">
        <v>656</v>
      </c>
      <c r="S1076">
        <v>2</v>
      </c>
      <c r="T1076" t="s">
        <v>661</v>
      </c>
      <c r="U1076">
        <v>8</v>
      </c>
      <c r="V1076">
        <v>2</v>
      </c>
      <c r="W1076">
        <v>120</v>
      </c>
      <c r="X1076">
        <v>2020</v>
      </c>
    </row>
    <row r="1077" spans="1:24" x14ac:dyDescent="0.25">
      <c r="A1077">
        <v>12531</v>
      </c>
      <c r="B1077" t="s">
        <v>18</v>
      </c>
      <c r="C1077">
        <v>31</v>
      </c>
      <c r="D1077" t="s">
        <v>513</v>
      </c>
      <c r="E1077">
        <v>239</v>
      </c>
      <c r="F1077" t="s">
        <v>651</v>
      </c>
      <c r="G1077">
        <v>160</v>
      </c>
      <c r="H1077" t="s">
        <v>719</v>
      </c>
      <c r="I1077">
        <v>7630</v>
      </c>
      <c r="J1077" t="s">
        <v>1559</v>
      </c>
      <c r="K1077">
        <v>96</v>
      </c>
      <c r="L1077" t="s">
        <v>1560</v>
      </c>
      <c r="M1077">
        <v>3330</v>
      </c>
      <c r="N1077" t="s">
        <v>654</v>
      </c>
      <c r="O1077">
        <v>3</v>
      </c>
      <c r="P1077" t="s">
        <v>655</v>
      </c>
      <c r="Q1077">
        <v>1</v>
      </c>
      <c r="R1077" t="s">
        <v>656</v>
      </c>
      <c r="S1077">
        <v>2</v>
      </c>
      <c r="T1077" t="s">
        <v>661</v>
      </c>
      <c r="U1077">
        <v>8</v>
      </c>
      <c r="V1077">
        <v>2</v>
      </c>
      <c r="W1077">
        <v>120</v>
      </c>
      <c r="X1077">
        <v>2020</v>
      </c>
    </row>
    <row r="1078" spans="1:24" x14ac:dyDescent="0.25">
      <c r="A1078">
        <v>12528</v>
      </c>
      <c r="B1078" t="s">
        <v>189</v>
      </c>
      <c r="C1078">
        <v>30</v>
      </c>
      <c r="D1078" t="s">
        <v>463</v>
      </c>
      <c r="E1078">
        <v>232</v>
      </c>
      <c r="F1078" t="s">
        <v>651</v>
      </c>
      <c r="G1078">
        <v>160</v>
      </c>
      <c r="H1078" t="s">
        <v>719</v>
      </c>
      <c r="I1078">
        <v>7630</v>
      </c>
      <c r="J1078" t="s">
        <v>880</v>
      </c>
      <c r="K1078">
        <v>58</v>
      </c>
      <c r="L1078" t="s">
        <v>1561</v>
      </c>
      <c r="M1078">
        <v>3333</v>
      </c>
      <c r="N1078" t="s">
        <v>654</v>
      </c>
      <c r="O1078">
        <v>3</v>
      </c>
      <c r="P1078" t="s">
        <v>655</v>
      </c>
      <c r="Q1078">
        <v>1</v>
      </c>
      <c r="R1078" t="s">
        <v>656</v>
      </c>
      <c r="S1078">
        <v>2</v>
      </c>
      <c r="T1078" t="s">
        <v>661</v>
      </c>
      <c r="U1078">
        <v>8</v>
      </c>
      <c r="V1078">
        <v>2</v>
      </c>
      <c r="W1078">
        <v>120</v>
      </c>
      <c r="X1078">
        <v>2020</v>
      </c>
    </row>
    <row r="1079" spans="1:24" x14ac:dyDescent="0.25">
      <c r="A1079">
        <v>12525</v>
      </c>
      <c r="B1079" t="s">
        <v>189</v>
      </c>
      <c r="C1079">
        <v>30</v>
      </c>
      <c r="D1079" t="s">
        <v>463</v>
      </c>
      <c r="E1079">
        <v>232</v>
      </c>
      <c r="F1079" t="s">
        <v>651</v>
      </c>
      <c r="G1079">
        <v>160</v>
      </c>
      <c r="H1079" t="s">
        <v>719</v>
      </c>
      <c r="I1079">
        <v>7630</v>
      </c>
      <c r="J1079" t="s">
        <v>880</v>
      </c>
      <c r="K1079">
        <v>58</v>
      </c>
      <c r="L1079" t="s">
        <v>1562</v>
      </c>
      <c r="M1079">
        <v>1425</v>
      </c>
      <c r="N1079" t="s">
        <v>654</v>
      </c>
      <c r="O1079">
        <v>3</v>
      </c>
      <c r="P1079" t="s">
        <v>655</v>
      </c>
      <c r="Q1079">
        <v>1</v>
      </c>
      <c r="R1079" t="s">
        <v>656</v>
      </c>
      <c r="S1079">
        <v>2</v>
      </c>
      <c r="T1079" t="s">
        <v>661</v>
      </c>
      <c r="U1079">
        <v>8</v>
      </c>
      <c r="V1079">
        <v>2</v>
      </c>
      <c r="W1079">
        <v>120</v>
      </c>
      <c r="X1079">
        <v>2020</v>
      </c>
    </row>
    <row r="1080" spans="1:24" x14ac:dyDescent="0.25">
      <c r="A1080">
        <v>12522</v>
      </c>
      <c r="B1080" t="s">
        <v>22</v>
      </c>
      <c r="C1080">
        <v>28</v>
      </c>
      <c r="D1080" t="s">
        <v>526</v>
      </c>
      <c r="E1080">
        <v>220</v>
      </c>
      <c r="F1080" t="s">
        <v>734</v>
      </c>
      <c r="G1080">
        <v>122</v>
      </c>
      <c r="H1080" t="s">
        <v>986</v>
      </c>
      <c r="I1080">
        <v>17522</v>
      </c>
      <c r="J1080" t="s">
        <v>663</v>
      </c>
      <c r="K1080">
        <v>99</v>
      </c>
      <c r="L1080" t="s">
        <v>1563</v>
      </c>
      <c r="M1080">
        <v>3336</v>
      </c>
      <c r="N1080" t="s">
        <v>654</v>
      </c>
      <c r="O1080">
        <v>3</v>
      </c>
      <c r="P1080" t="s">
        <v>655</v>
      </c>
      <c r="Q1080">
        <v>1</v>
      </c>
      <c r="R1080" t="s">
        <v>656</v>
      </c>
      <c r="S1080">
        <v>2</v>
      </c>
      <c r="T1080" t="s">
        <v>661</v>
      </c>
      <c r="U1080">
        <v>8</v>
      </c>
      <c r="V1080">
        <v>2</v>
      </c>
      <c r="W1080">
        <v>120</v>
      </c>
      <c r="X1080">
        <v>2020</v>
      </c>
    </row>
    <row r="1081" spans="1:24" x14ac:dyDescent="0.25">
      <c r="A1081">
        <v>12519</v>
      </c>
      <c r="B1081" t="s">
        <v>18</v>
      </c>
      <c r="C1081">
        <v>31</v>
      </c>
      <c r="D1081" t="s">
        <v>387</v>
      </c>
      <c r="E1081">
        <v>248</v>
      </c>
      <c r="F1081" t="s">
        <v>651</v>
      </c>
      <c r="G1081">
        <v>160</v>
      </c>
      <c r="H1081" t="s">
        <v>719</v>
      </c>
      <c r="I1081">
        <v>7630</v>
      </c>
      <c r="J1081" t="s">
        <v>684</v>
      </c>
      <c r="K1081">
        <v>22</v>
      </c>
      <c r="L1081" t="s">
        <v>1564</v>
      </c>
      <c r="M1081">
        <v>3471</v>
      </c>
      <c r="N1081" t="s">
        <v>668</v>
      </c>
      <c r="O1081">
        <v>4</v>
      </c>
      <c r="P1081" t="s">
        <v>655</v>
      </c>
      <c r="Q1081">
        <v>1</v>
      </c>
      <c r="R1081" t="s">
        <v>669</v>
      </c>
      <c r="S1081">
        <v>1</v>
      </c>
      <c r="T1081" t="s">
        <v>661</v>
      </c>
      <c r="U1081">
        <v>8</v>
      </c>
      <c r="V1081">
        <v>3</v>
      </c>
      <c r="W1081">
        <v>180</v>
      </c>
      <c r="X1081">
        <v>2020</v>
      </c>
    </row>
    <row r="1082" spans="1:24" x14ac:dyDescent="0.25">
      <c r="A1082">
        <v>12516</v>
      </c>
      <c r="B1082" t="s">
        <v>22</v>
      </c>
      <c r="C1082">
        <v>28</v>
      </c>
      <c r="D1082" t="s">
        <v>527</v>
      </c>
      <c r="E1082">
        <v>218</v>
      </c>
      <c r="F1082" t="s">
        <v>651</v>
      </c>
      <c r="G1082">
        <v>160</v>
      </c>
      <c r="H1082" t="s">
        <v>675</v>
      </c>
      <c r="I1082">
        <v>5952</v>
      </c>
      <c r="J1082" t="s">
        <v>682</v>
      </c>
      <c r="K1082">
        <v>20</v>
      </c>
      <c r="L1082" t="s">
        <v>1565</v>
      </c>
      <c r="M1082">
        <v>3339</v>
      </c>
      <c r="N1082" t="s">
        <v>654</v>
      </c>
      <c r="O1082">
        <v>3</v>
      </c>
      <c r="P1082" t="s">
        <v>655</v>
      </c>
      <c r="Q1082">
        <v>1</v>
      </c>
      <c r="R1082" t="s">
        <v>656</v>
      </c>
      <c r="S1082">
        <v>2</v>
      </c>
      <c r="T1082" t="s">
        <v>661</v>
      </c>
      <c r="U1082">
        <v>8</v>
      </c>
      <c r="V1082">
        <v>2</v>
      </c>
      <c r="W1082">
        <v>120</v>
      </c>
      <c r="X1082">
        <v>2020</v>
      </c>
    </row>
    <row r="1083" spans="1:24" x14ac:dyDescent="0.25">
      <c r="A1083">
        <v>12513</v>
      </c>
      <c r="B1083" t="s">
        <v>140</v>
      </c>
      <c r="C1083">
        <v>34</v>
      </c>
      <c r="D1083" t="s">
        <v>359</v>
      </c>
      <c r="E1083">
        <v>593</v>
      </c>
      <c r="F1083" t="s">
        <v>651</v>
      </c>
      <c r="G1083">
        <v>160</v>
      </c>
      <c r="H1083" t="s">
        <v>652</v>
      </c>
      <c r="I1083">
        <v>2094</v>
      </c>
      <c r="J1083" t="s">
        <v>736</v>
      </c>
      <c r="K1083">
        <v>8</v>
      </c>
      <c r="L1083" t="s">
        <v>736</v>
      </c>
      <c r="M1083">
        <v>27</v>
      </c>
      <c r="N1083" t="s">
        <v>668</v>
      </c>
      <c r="O1083">
        <v>4</v>
      </c>
      <c r="P1083" t="s">
        <v>655</v>
      </c>
      <c r="Q1083">
        <v>1</v>
      </c>
      <c r="R1083" t="s">
        <v>669</v>
      </c>
      <c r="S1083">
        <v>1</v>
      </c>
      <c r="T1083" t="s">
        <v>661</v>
      </c>
      <c r="U1083">
        <v>8</v>
      </c>
      <c r="V1083">
        <v>3</v>
      </c>
      <c r="W1083">
        <v>180</v>
      </c>
      <c r="X1083">
        <v>2020</v>
      </c>
    </row>
    <row r="1084" spans="1:24" x14ac:dyDescent="0.25">
      <c r="A1084">
        <v>12510</v>
      </c>
      <c r="B1084" t="s">
        <v>22</v>
      </c>
      <c r="C1084">
        <v>28</v>
      </c>
      <c r="D1084" t="s">
        <v>527</v>
      </c>
      <c r="E1084">
        <v>218</v>
      </c>
      <c r="F1084" t="s">
        <v>651</v>
      </c>
      <c r="G1084">
        <v>160</v>
      </c>
      <c r="H1084" t="s">
        <v>675</v>
      </c>
      <c r="I1084">
        <v>5952</v>
      </c>
      <c r="J1084" t="s">
        <v>65</v>
      </c>
      <c r="K1084">
        <v>15</v>
      </c>
      <c r="L1084" t="s">
        <v>1566</v>
      </c>
      <c r="M1084">
        <v>3342</v>
      </c>
      <c r="N1084" t="s">
        <v>654</v>
      </c>
      <c r="O1084">
        <v>3</v>
      </c>
      <c r="P1084" t="s">
        <v>655</v>
      </c>
      <c r="Q1084">
        <v>1</v>
      </c>
      <c r="R1084" t="s">
        <v>656</v>
      </c>
      <c r="S1084">
        <v>2</v>
      </c>
      <c r="T1084" t="s">
        <v>661</v>
      </c>
      <c r="U1084">
        <v>8</v>
      </c>
      <c r="V1084">
        <v>2</v>
      </c>
      <c r="W1084">
        <v>120</v>
      </c>
      <c r="X1084">
        <v>2020</v>
      </c>
    </row>
    <row r="1085" spans="1:24" x14ac:dyDescent="0.25">
      <c r="A1085">
        <v>12507</v>
      </c>
      <c r="B1085" t="s">
        <v>22</v>
      </c>
      <c r="C1085">
        <v>28</v>
      </c>
      <c r="D1085" t="s">
        <v>477</v>
      </c>
      <c r="E1085">
        <v>206</v>
      </c>
      <c r="F1085" t="s">
        <v>651</v>
      </c>
      <c r="G1085">
        <v>160</v>
      </c>
      <c r="H1085" t="s">
        <v>675</v>
      </c>
      <c r="I1085">
        <v>5952</v>
      </c>
      <c r="J1085" t="s">
        <v>693</v>
      </c>
      <c r="K1085">
        <v>56</v>
      </c>
      <c r="L1085" t="s">
        <v>1567</v>
      </c>
      <c r="M1085">
        <v>3345</v>
      </c>
      <c r="N1085" t="s">
        <v>654</v>
      </c>
      <c r="O1085">
        <v>3</v>
      </c>
      <c r="P1085" t="s">
        <v>655</v>
      </c>
      <c r="Q1085">
        <v>1</v>
      </c>
      <c r="R1085" t="s">
        <v>656</v>
      </c>
      <c r="S1085">
        <v>2</v>
      </c>
      <c r="T1085" t="s">
        <v>661</v>
      </c>
      <c r="U1085">
        <v>8</v>
      </c>
      <c r="V1085">
        <v>2</v>
      </c>
      <c r="W1085">
        <v>120</v>
      </c>
      <c r="X1085">
        <v>2020</v>
      </c>
    </row>
    <row r="1086" spans="1:24" x14ac:dyDescent="0.25">
      <c r="A1086">
        <v>12504</v>
      </c>
      <c r="B1086" t="s">
        <v>140</v>
      </c>
      <c r="C1086">
        <v>34</v>
      </c>
      <c r="D1086" t="s">
        <v>500</v>
      </c>
      <c r="E1086">
        <v>269</v>
      </c>
      <c r="F1086" t="s">
        <v>651</v>
      </c>
      <c r="G1086">
        <v>160</v>
      </c>
      <c r="H1086" t="s">
        <v>652</v>
      </c>
      <c r="I1086">
        <v>2094</v>
      </c>
      <c r="J1086" t="s">
        <v>726</v>
      </c>
      <c r="K1086">
        <v>2</v>
      </c>
      <c r="L1086" t="s">
        <v>1087</v>
      </c>
      <c r="M1086">
        <v>5</v>
      </c>
      <c r="N1086" t="s">
        <v>668</v>
      </c>
      <c r="O1086">
        <v>4</v>
      </c>
      <c r="P1086" t="s">
        <v>655</v>
      </c>
      <c r="Q1086">
        <v>1</v>
      </c>
      <c r="R1086" t="s">
        <v>669</v>
      </c>
      <c r="S1086">
        <v>1</v>
      </c>
      <c r="T1086" t="s">
        <v>718</v>
      </c>
      <c r="U1086">
        <v>2</v>
      </c>
      <c r="V1086">
        <v>3</v>
      </c>
      <c r="W1086">
        <v>180</v>
      </c>
      <c r="X1086">
        <v>2020</v>
      </c>
    </row>
    <row r="1087" spans="1:24" x14ac:dyDescent="0.25">
      <c r="A1087">
        <v>12501</v>
      </c>
      <c r="B1087" t="s">
        <v>22</v>
      </c>
      <c r="C1087">
        <v>28</v>
      </c>
      <c r="D1087" t="s">
        <v>526</v>
      </c>
      <c r="E1087">
        <v>220</v>
      </c>
      <c r="F1087" t="s">
        <v>734</v>
      </c>
      <c r="G1087">
        <v>122</v>
      </c>
      <c r="H1087" t="s">
        <v>735</v>
      </c>
      <c r="I1087">
        <v>13756</v>
      </c>
      <c r="J1087" t="s">
        <v>663</v>
      </c>
      <c r="K1087">
        <v>99</v>
      </c>
      <c r="L1087" t="s">
        <v>1568</v>
      </c>
      <c r="M1087">
        <v>1870</v>
      </c>
      <c r="N1087" t="s">
        <v>654</v>
      </c>
      <c r="O1087">
        <v>3</v>
      </c>
      <c r="P1087" t="s">
        <v>655</v>
      </c>
      <c r="Q1087">
        <v>1</v>
      </c>
      <c r="R1087" t="s">
        <v>656</v>
      </c>
      <c r="S1087">
        <v>2</v>
      </c>
      <c r="T1087" t="s">
        <v>769</v>
      </c>
      <c r="U1087">
        <v>3</v>
      </c>
      <c r="V1087">
        <v>2</v>
      </c>
      <c r="W1087">
        <v>120</v>
      </c>
      <c r="X1087">
        <v>2020</v>
      </c>
    </row>
    <row r="1088" spans="1:24" x14ac:dyDescent="0.25">
      <c r="A1088">
        <v>12498</v>
      </c>
      <c r="B1088" t="s">
        <v>140</v>
      </c>
      <c r="C1088">
        <v>34</v>
      </c>
      <c r="D1088" t="s">
        <v>316</v>
      </c>
      <c r="E1088">
        <v>270</v>
      </c>
      <c r="F1088" t="s">
        <v>651</v>
      </c>
      <c r="G1088">
        <v>160</v>
      </c>
      <c r="H1088" t="s">
        <v>652</v>
      </c>
      <c r="I1088">
        <v>2094</v>
      </c>
      <c r="J1088" t="s">
        <v>301</v>
      </c>
      <c r="K1088">
        <v>26</v>
      </c>
      <c r="L1088" t="s">
        <v>301</v>
      </c>
      <c r="M1088">
        <v>82</v>
      </c>
      <c r="N1088" t="s">
        <v>668</v>
      </c>
      <c r="O1088">
        <v>4</v>
      </c>
      <c r="P1088" t="s">
        <v>655</v>
      </c>
      <c r="Q1088">
        <v>1</v>
      </c>
      <c r="R1088" t="s">
        <v>669</v>
      </c>
      <c r="S1088">
        <v>1</v>
      </c>
      <c r="T1088" t="s">
        <v>718</v>
      </c>
      <c r="U1088">
        <v>2</v>
      </c>
      <c r="V1088">
        <v>3</v>
      </c>
      <c r="W1088">
        <v>180</v>
      </c>
      <c r="X1088">
        <v>2020</v>
      </c>
    </row>
    <row r="1089" spans="1:24" x14ac:dyDescent="0.25">
      <c r="A1089">
        <v>12495</v>
      </c>
      <c r="B1089" t="s">
        <v>69</v>
      </c>
      <c r="C1089">
        <v>36</v>
      </c>
      <c r="D1089" t="s">
        <v>495</v>
      </c>
      <c r="E1089">
        <v>282</v>
      </c>
      <c r="F1089" t="s">
        <v>651</v>
      </c>
      <c r="G1089">
        <v>160</v>
      </c>
      <c r="H1089" t="s">
        <v>1569</v>
      </c>
      <c r="I1089">
        <v>12777</v>
      </c>
      <c r="J1089" t="s">
        <v>714</v>
      </c>
      <c r="K1089">
        <v>52</v>
      </c>
      <c r="L1089" t="s">
        <v>926</v>
      </c>
      <c r="M1089">
        <v>203</v>
      </c>
      <c r="N1089" t="s">
        <v>668</v>
      </c>
      <c r="O1089">
        <v>4</v>
      </c>
      <c r="P1089" t="s">
        <v>655</v>
      </c>
      <c r="Q1089">
        <v>1</v>
      </c>
      <c r="R1089" t="s">
        <v>669</v>
      </c>
      <c r="S1089">
        <v>1</v>
      </c>
      <c r="T1089" t="s">
        <v>661</v>
      </c>
      <c r="U1089">
        <v>8</v>
      </c>
      <c r="V1089">
        <v>4</v>
      </c>
      <c r="W1089">
        <v>240</v>
      </c>
      <c r="X1089">
        <v>2020</v>
      </c>
    </row>
    <row r="1090" spans="1:24" x14ac:dyDescent="0.25">
      <c r="A1090">
        <v>12492</v>
      </c>
      <c r="B1090" t="s">
        <v>69</v>
      </c>
      <c r="C1090">
        <v>36</v>
      </c>
      <c r="D1090" t="s">
        <v>68</v>
      </c>
      <c r="E1090">
        <v>1260</v>
      </c>
      <c r="F1090" t="s">
        <v>651</v>
      </c>
      <c r="G1090">
        <v>160</v>
      </c>
      <c r="H1090" t="s">
        <v>732</v>
      </c>
      <c r="I1090">
        <v>1000</v>
      </c>
      <c r="J1090" t="s">
        <v>831</v>
      </c>
      <c r="K1090">
        <v>5</v>
      </c>
      <c r="L1090" t="s">
        <v>831</v>
      </c>
      <c r="M1090">
        <v>14</v>
      </c>
      <c r="N1090" t="s">
        <v>654</v>
      </c>
      <c r="O1090">
        <v>3</v>
      </c>
      <c r="P1090" t="s">
        <v>655</v>
      </c>
      <c r="Q1090">
        <v>1</v>
      </c>
      <c r="R1090" t="s">
        <v>669</v>
      </c>
      <c r="S1090">
        <v>1</v>
      </c>
      <c r="T1090" t="s">
        <v>661</v>
      </c>
      <c r="U1090">
        <v>8</v>
      </c>
      <c r="V1090">
        <v>3</v>
      </c>
      <c r="W1090">
        <v>180</v>
      </c>
      <c r="X1090">
        <v>2020</v>
      </c>
    </row>
    <row r="1091" spans="1:24" x14ac:dyDescent="0.25">
      <c r="A1091">
        <v>12489</v>
      </c>
      <c r="B1091" t="s">
        <v>95</v>
      </c>
      <c r="C1091">
        <v>26</v>
      </c>
      <c r="D1091" t="s">
        <v>426</v>
      </c>
      <c r="E1091">
        <v>190</v>
      </c>
      <c r="F1091" t="s">
        <v>651</v>
      </c>
      <c r="G1091">
        <v>160</v>
      </c>
      <c r="H1091" t="s">
        <v>833</v>
      </c>
      <c r="I1091">
        <v>5562</v>
      </c>
      <c r="J1091" t="s">
        <v>673</v>
      </c>
      <c r="K1091">
        <v>34</v>
      </c>
      <c r="L1091" t="s">
        <v>1570</v>
      </c>
      <c r="M1091">
        <v>3348</v>
      </c>
      <c r="N1091" t="s">
        <v>654</v>
      </c>
      <c r="O1091">
        <v>3</v>
      </c>
      <c r="P1091" t="s">
        <v>655</v>
      </c>
      <c r="Q1091">
        <v>1</v>
      </c>
      <c r="R1091" t="s">
        <v>656</v>
      </c>
      <c r="S1091">
        <v>2</v>
      </c>
      <c r="T1091" t="s">
        <v>661</v>
      </c>
      <c r="U1091">
        <v>8</v>
      </c>
      <c r="V1091">
        <v>2</v>
      </c>
      <c r="W1091">
        <v>120</v>
      </c>
      <c r="X1091">
        <v>2020</v>
      </c>
    </row>
    <row r="1092" spans="1:24" x14ac:dyDescent="0.25">
      <c r="A1092">
        <v>12483</v>
      </c>
      <c r="B1092" t="s">
        <v>95</v>
      </c>
      <c r="C1092">
        <v>26</v>
      </c>
      <c r="D1092" t="s">
        <v>513</v>
      </c>
      <c r="E1092">
        <v>194</v>
      </c>
      <c r="F1092" t="s">
        <v>651</v>
      </c>
      <c r="G1092">
        <v>160</v>
      </c>
      <c r="H1092" t="s">
        <v>833</v>
      </c>
      <c r="I1092">
        <v>5562</v>
      </c>
      <c r="J1092" t="s">
        <v>299</v>
      </c>
      <c r="K1092">
        <v>27</v>
      </c>
      <c r="L1092" t="s">
        <v>1571</v>
      </c>
      <c r="M1092">
        <v>3351</v>
      </c>
      <c r="N1092" t="s">
        <v>654</v>
      </c>
      <c r="O1092">
        <v>3</v>
      </c>
      <c r="P1092" t="s">
        <v>655</v>
      </c>
      <c r="Q1092">
        <v>1</v>
      </c>
      <c r="R1092" t="s">
        <v>656</v>
      </c>
      <c r="S1092">
        <v>2</v>
      </c>
      <c r="T1092" t="s">
        <v>661</v>
      </c>
      <c r="U1092">
        <v>8</v>
      </c>
      <c r="V1092">
        <v>2</v>
      </c>
      <c r="W1092">
        <v>120</v>
      </c>
      <c r="X1092">
        <v>2020</v>
      </c>
    </row>
    <row r="1093" spans="1:24" x14ac:dyDescent="0.25">
      <c r="A1093">
        <v>12480</v>
      </c>
      <c r="B1093" t="s">
        <v>95</v>
      </c>
      <c r="C1093">
        <v>26</v>
      </c>
      <c r="D1093" t="s">
        <v>11</v>
      </c>
      <c r="E1093">
        <v>649</v>
      </c>
      <c r="F1093" t="s">
        <v>651</v>
      </c>
      <c r="G1093">
        <v>160</v>
      </c>
      <c r="H1093" t="s">
        <v>833</v>
      </c>
      <c r="I1093">
        <v>5562</v>
      </c>
      <c r="J1093" t="s">
        <v>65</v>
      </c>
      <c r="K1093">
        <v>15</v>
      </c>
      <c r="L1093" t="s">
        <v>1572</v>
      </c>
      <c r="M1093">
        <v>3354</v>
      </c>
      <c r="N1093" t="s">
        <v>654</v>
      </c>
      <c r="O1093">
        <v>3</v>
      </c>
      <c r="P1093" t="s">
        <v>655</v>
      </c>
      <c r="Q1093">
        <v>1</v>
      </c>
      <c r="R1093" t="s">
        <v>656</v>
      </c>
      <c r="S1093">
        <v>2</v>
      </c>
      <c r="T1093" t="s">
        <v>769</v>
      </c>
      <c r="U1093">
        <v>3</v>
      </c>
      <c r="V1093">
        <v>1</v>
      </c>
      <c r="W1093">
        <v>60</v>
      </c>
      <c r="X1093">
        <v>2020</v>
      </c>
    </row>
    <row r="1094" spans="1:24" x14ac:dyDescent="0.25">
      <c r="A1094">
        <v>12477</v>
      </c>
      <c r="B1094" t="s">
        <v>32</v>
      </c>
      <c r="C1094">
        <v>24</v>
      </c>
      <c r="D1094" t="s">
        <v>541</v>
      </c>
      <c r="E1094">
        <v>171</v>
      </c>
      <c r="F1094" t="s">
        <v>651</v>
      </c>
      <c r="G1094">
        <v>160</v>
      </c>
      <c r="H1094" t="s">
        <v>747</v>
      </c>
      <c r="I1094">
        <v>4847</v>
      </c>
      <c r="J1094" t="s">
        <v>65</v>
      </c>
      <c r="K1094">
        <v>15</v>
      </c>
      <c r="L1094" t="s">
        <v>1573</v>
      </c>
      <c r="M1094">
        <v>3360</v>
      </c>
      <c r="N1094" t="s">
        <v>654</v>
      </c>
      <c r="O1094">
        <v>3</v>
      </c>
      <c r="P1094" t="s">
        <v>655</v>
      </c>
      <c r="Q1094">
        <v>1</v>
      </c>
      <c r="R1094" t="s">
        <v>656</v>
      </c>
      <c r="S1094">
        <v>2</v>
      </c>
      <c r="T1094" t="s">
        <v>661</v>
      </c>
      <c r="U1094">
        <v>8</v>
      </c>
      <c r="V1094">
        <v>1</v>
      </c>
      <c r="W1094">
        <v>60</v>
      </c>
      <c r="X1094">
        <v>2020</v>
      </c>
    </row>
    <row r="1095" spans="1:24" x14ac:dyDescent="0.25">
      <c r="A1095">
        <v>12474</v>
      </c>
      <c r="B1095" t="s">
        <v>69</v>
      </c>
      <c r="C1095">
        <v>36</v>
      </c>
      <c r="D1095" t="s">
        <v>68</v>
      </c>
      <c r="E1095">
        <v>1260</v>
      </c>
      <c r="F1095" t="s">
        <v>651</v>
      </c>
      <c r="G1095">
        <v>160</v>
      </c>
      <c r="H1095" t="s">
        <v>732</v>
      </c>
      <c r="I1095">
        <v>1000</v>
      </c>
      <c r="J1095" t="s">
        <v>794</v>
      </c>
      <c r="K1095">
        <v>40</v>
      </c>
      <c r="L1095" t="s">
        <v>794</v>
      </c>
      <c r="M1095">
        <v>143</v>
      </c>
      <c r="N1095" t="s">
        <v>654</v>
      </c>
      <c r="O1095">
        <v>3</v>
      </c>
      <c r="P1095" t="s">
        <v>655</v>
      </c>
      <c r="Q1095">
        <v>1</v>
      </c>
      <c r="R1095" t="s">
        <v>669</v>
      </c>
      <c r="S1095">
        <v>1</v>
      </c>
      <c r="T1095" t="s">
        <v>661</v>
      </c>
      <c r="U1095">
        <v>8</v>
      </c>
      <c r="V1095">
        <v>4</v>
      </c>
      <c r="W1095">
        <v>240</v>
      </c>
      <c r="X1095">
        <v>2020</v>
      </c>
    </row>
    <row r="1096" spans="1:24" x14ac:dyDescent="0.25">
      <c r="A1096">
        <v>12471</v>
      </c>
      <c r="B1096" t="s">
        <v>69</v>
      </c>
      <c r="C1096">
        <v>36</v>
      </c>
      <c r="D1096" t="s">
        <v>68</v>
      </c>
      <c r="E1096">
        <v>1260</v>
      </c>
      <c r="F1096" t="s">
        <v>651</v>
      </c>
      <c r="G1096">
        <v>160</v>
      </c>
      <c r="H1096" t="s">
        <v>732</v>
      </c>
      <c r="I1096">
        <v>1000</v>
      </c>
      <c r="J1096" t="s">
        <v>848</v>
      </c>
      <c r="K1096">
        <v>62</v>
      </c>
      <c r="L1096" t="s">
        <v>848</v>
      </c>
      <c r="M1096">
        <v>268</v>
      </c>
      <c r="N1096" t="s">
        <v>654</v>
      </c>
      <c r="O1096">
        <v>3</v>
      </c>
      <c r="P1096" t="s">
        <v>655</v>
      </c>
      <c r="Q1096">
        <v>1</v>
      </c>
      <c r="R1096" t="s">
        <v>669</v>
      </c>
      <c r="S1096">
        <v>1</v>
      </c>
      <c r="T1096" t="s">
        <v>661</v>
      </c>
      <c r="U1096">
        <v>8</v>
      </c>
      <c r="V1096">
        <v>4</v>
      </c>
      <c r="W1096">
        <v>240</v>
      </c>
      <c r="X1096">
        <v>2020</v>
      </c>
    </row>
    <row r="1097" spans="1:24" x14ac:dyDescent="0.25">
      <c r="A1097">
        <v>12468</v>
      </c>
      <c r="B1097" t="s">
        <v>69</v>
      </c>
      <c r="C1097">
        <v>36</v>
      </c>
      <c r="D1097" t="s">
        <v>68</v>
      </c>
      <c r="E1097">
        <v>1260</v>
      </c>
      <c r="F1097" t="s">
        <v>651</v>
      </c>
      <c r="G1097">
        <v>160</v>
      </c>
      <c r="H1097" t="s">
        <v>732</v>
      </c>
      <c r="I1097">
        <v>1000</v>
      </c>
      <c r="J1097" t="s">
        <v>765</v>
      </c>
      <c r="K1097">
        <v>76</v>
      </c>
      <c r="L1097" t="s">
        <v>766</v>
      </c>
      <c r="M1097">
        <v>137</v>
      </c>
      <c r="N1097" t="s">
        <v>654</v>
      </c>
      <c r="O1097">
        <v>3</v>
      </c>
      <c r="P1097" t="s">
        <v>655</v>
      </c>
      <c r="Q1097">
        <v>1</v>
      </c>
      <c r="R1097" t="s">
        <v>669</v>
      </c>
      <c r="S1097">
        <v>1</v>
      </c>
      <c r="T1097" t="s">
        <v>661</v>
      </c>
      <c r="U1097">
        <v>8</v>
      </c>
      <c r="V1097">
        <v>3</v>
      </c>
      <c r="W1097">
        <v>180</v>
      </c>
      <c r="X1097">
        <v>2020</v>
      </c>
    </row>
    <row r="1098" spans="1:24" x14ac:dyDescent="0.25">
      <c r="A1098">
        <v>12465</v>
      </c>
      <c r="B1098" t="s">
        <v>14</v>
      </c>
      <c r="C1098">
        <v>20</v>
      </c>
      <c r="D1098" t="s">
        <v>556</v>
      </c>
      <c r="E1098">
        <v>146</v>
      </c>
      <c r="F1098" t="s">
        <v>651</v>
      </c>
      <c r="G1098">
        <v>160</v>
      </c>
      <c r="H1098" t="s">
        <v>739</v>
      </c>
      <c r="I1098">
        <v>4413</v>
      </c>
      <c r="J1098" t="s">
        <v>894</v>
      </c>
      <c r="K1098">
        <v>18</v>
      </c>
      <c r="L1098" t="s">
        <v>1574</v>
      </c>
      <c r="M1098">
        <v>3363</v>
      </c>
      <c r="N1098" t="s">
        <v>654</v>
      </c>
      <c r="O1098">
        <v>3</v>
      </c>
      <c r="P1098" t="s">
        <v>655</v>
      </c>
      <c r="Q1098">
        <v>1</v>
      </c>
      <c r="R1098" t="s">
        <v>656</v>
      </c>
      <c r="S1098">
        <v>2</v>
      </c>
      <c r="T1098" t="s">
        <v>661</v>
      </c>
      <c r="U1098">
        <v>8</v>
      </c>
      <c r="V1098">
        <v>2</v>
      </c>
      <c r="W1098">
        <v>120</v>
      </c>
      <c r="X1098">
        <v>2020</v>
      </c>
    </row>
    <row r="1099" spans="1:24" x14ac:dyDescent="0.25">
      <c r="A1099">
        <v>12462</v>
      </c>
      <c r="B1099" t="s">
        <v>14</v>
      </c>
      <c r="C1099">
        <v>20</v>
      </c>
      <c r="D1099" t="s">
        <v>551</v>
      </c>
      <c r="E1099">
        <v>152</v>
      </c>
      <c r="F1099" t="s">
        <v>651</v>
      </c>
      <c r="G1099">
        <v>160</v>
      </c>
      <c r="H1099" t="s">
        <v>739</v>
      </c>
      <c r="I1099">
        <v>4413</v>
      </c>
      <c r="J1099" t="s">
        <v>682</v>
      </c>
      <c r="K1099">
        <v>20</v>
      </c>
      <c r="L1099" t="s">
        <v>1575</v>
      </c>
      <c r="M1099">
        <v>3366</v>
      </c>
      <c r="N1099" t="s">
        <v>654</v>
      </c>
      <c r="O1099">
        <v>3</v>
      </c>
      <c r="P1099" t="s">
        <v>655</v>
      </c>
      <c r="Q1099">
        <v>1</v>
      </c>
      <c r="R1099" t="s">
        <v>656</v>
      </c>
      <c r="S1099">
        <v>2</v>
      </c>
      <c r="T1099" t="s">
        <v>718</v>
      </c>
      <c r="U1099">
        <v>2</v>
      </c>
      <c r="V1099">
        <v>2</v>
      </c>
      <c r="W1099">
        <v>120</v>
      </c>
      <c r="X1099">
        <v>2020</v>
      </c>
    </row>
    <row r="1100" spans="1:24" x14ac:dyDescent="0.25">
      <c r="A1100">
        <v>12456</v>
      </c>
      <c r="B1100" t="s">
        <v>95</v>
      </c>
      <c r="C1100">
        <v>26</v>
      </c>
      <c r="D1100" t="s">
        <v>509</v>
      </c>
      <c r="E1100">
        <v>192</v>
      </c>
      <c r="F1100" t="s">
        <v>651</v>
      </c>
      <c r="G1100">
        <v>160</v>
      </c>
      <c r="H1100" t="s">
        <v>833</v>
      </c>
      <c r="I1100">
        <v>5562</v>
      </c>
      <c r="J1100" t="s">
        <v>659</v>
      </c>
      <c r="K1100">
        <v>35</v>
      </c>
      <c r="L1100" t="s">
        <v>1576</v>
      </c>
      <c r="M1100">
        <v>3261</v>
      </c>
      <c r="N1100" t="s">
        <v>668</v>
      </c>
      <c r="O1100">
        <v>4</v>
      </c>
      <c r="P1100" t="s">
        <v>655</v>
      </c>
      <c r="Q1100">
        <v>1</v>
      </c>
      <c r="R1100" t="s">
        <v>669</v>
      </c>
      <c r="S1100">
        <v>1</v>
      </c>
      <c r="T1100" t="s">
        <v>661</v>
      </c>
      <c r="U1100">
        <v>8</v>
      </c>
      <c r="V1100">
        <v>3</v>
      </c>
      <c r="W1100">
        <v>180</v>
      </c>
      <c r="X1100">
        <v>2020</v>
      </c>
    </row>
    <row r="1101" spans="1:24" x14ac:dyDescent="0.25">
      <c r="A1101">
        <v>12453</v>
      </c>
      <c r="B1101" t="s">
        <v>198</v>
      </c>
      <c r="C1101">
        <v>21</v>
      </c>
      <c r="D1101" t="s">
        <v>322</v>
      </c>
      <c r="E1101">
        <v>159</v>
      </c>
      <c r="F1101" t="s">
        <v>651</v>
      </c>
      <c r="G1101">
        <v>160</v>
      </c>
      <c r="H1101" t="s">
        <v>739</v>
      </c>
      <c r="I1101">
        <v>4413</v>
      </c>
      <c r="J1101" t="s">
        <v>839</v>
      </c>
      <c r="K1101">
        <v>89</v>
      </c>
      <c r="L1101" t="s">
        <v>1577</v>
      </c>
      <c r="M1101">
        <v>3375</v>
      </c>
      <c r="N1101" t="s">
        <v>654</v>
      </c>
      <c r="O1101">
        <v>3</v>
      </c>
      <c r="P1101" t="s">
        <v>655</v>
      </c>
      <c r="Q1101">
        <v>1</v>
      </c>
      <c r="R1101" t="s">
        <v>656</v>
      </c>
      <c r="S1101">
        <v>2</v>
      </c>
      <c r="T1101" t="s">
        <v>661</v>
      </c>
      <c r="U1101">
        <v>8</v>
      </c>
      <c r="V1101">
        <v>1</v>
      </c>
      <c r="W1101">
        <v>60</v>
      </c>
      <c r="X1101">
        <v>2020</v>
      </c>
    </row>
    <row r="1102" spans="1:24" x14ac:dyDescent="0.25">
      <c r="A1102">
        <v>12447</v>
      </c>
      <c r="B1102" t="s">
        <v>30</v>
      </c>
      <c r="C1102">
        <v>18</v>
      </c>
      <c r="D1102" t="s">
        <v>561</v>
      </c>
      <c r="E1102">
        <v>133</v>
      </c>
      <c r="F1102" t="s">
        <v>651</v>
      </c>
      <c r="G1102">
        <v>160</v>
      </c>
      <c r="H1102" t="s">
        <v>1269</v>
      </c>
      <c r="I1102">
        <v>10721</v>
      </c>
      <c r="J1102" t="s">
        <v>1236</v>
      </c>
      <c r="K1102">
        <v>60</v>
      </c>
      <c r="L1102" t="s">
        <v>1578</v>
      </c>
      <c r="M1102">
        <v>3384</v>
      </c>
      <c r="N1102" t="s">
        <v>654</v>
      </c>
      <c r="O1102">
        <v>3</v>
      </c>
      <c r="P1102" t="s">
        <v>655</v>
      </c>
      <c r="Q1102">
        <v>1</v>
      </c>
      <c r="R1102" t="s">
        <v>656</v>
      </c>
      <c r="S1102">
        <v>2</v>
      </c>
      <c r="T1102" t="s">
        <v>661</v>
      </c>
      <c r="U1102">
        <v>8</v>
      </c>
      <c r="V1102">
        <v>2</v>
      </c>
      <c r="W1102">
        <v>120</v>
      </c>
      <c r="X1102">
        <v>2020</v>
      </c>
    </row>
    <row r="1103" spans="1:24" x14ac:dyDescent="0.25">
      <c r="A1103">
        <v>12444</v>
      </c>
      <c r="B1103" t="s">
        <v>69</v>
      </c>
      <c r="C1103">
        <v>36</v>
      </c>
      <c r="D1103" t="s">
        <v>68</v>
      </c>
      <c r="E1103">
        <v>1260</v>
      </c>
      <c r="F1103" t="s">
        <v>651</v>
      </c>
      <c r="G1103">
        <v>160</v>
      </c>
      <c r="H1103" t="s">
        <v>732</v>
      </c>
      <c r="I1103">
        <v>1000</v>
      </c>
      <c r="J1103" t="s">
        <v>868</v>
      </c>
      <c r="K1103">
        <v>23</v>
      </c>
      <c r="L1103" t="s">
        <v>1579</v>
      </c>
      <c r="M1103">
        <v>74</v>
      </c>
      <c r="N1103" t="s">
        <v>654</v>
      </c>
      <c r="O1103">
        <v>3</v>
      </c>
      <c r="P1103" t="s">
        <v>655</v>
      </c>
      <c r="Q1103">
        <v>1</v>
      </c>
      <c r="R1103" t="s">
        <v>669</v>
      </c>
      <c r="S1103">
        <v>1</v>
      </c>
      <c r="T1103" t="s">
        <v>661</v>
      </c>
      <c r="U1103">
        <v>8</v>
      </c>
      <c r="V1103">
        <v>3</v>
      </c>
      <c r="W1103">
        <v>180</v>
      </c>
      <c r="X1103">
        <v>2020</v>
      </c>
    </row>
    <row r="1104" spans="1:24" x14ac:dyDescent="0.25">
      <c r="A1104">
        <v>12441</v>
      </c>
      <c r="B1104" t="s">
        <v>30</v>
      </c>
      <c r="C1104">
        <v>18</v>
      </c>
      <c r="D1104" t="s">
        <v>561</v>
      </c>
      <c r="E1104">
        <v>133</v>
      </c>
      <c r="F1104" t="s">
        <v>651</v>
      </c>
      <c r="G1104">
        <v>160</v>
      </c>
      <c r="H1104" t="s">
        <v>739</v>
      </c>
      <c r="I1104">
        <v>4413</v>
      </c>
      <c r="J1104" t="s">
        <v>1236</v>
      </c>
      <c r="K1104">
        <v>60</v>
      </c>
      <c r="L1104" t="s">
        <v>1580</v>
      </c>
      <c r="M1104">
        <v>2589</v>
      </c>
      <c r="N1104" t="s">
        <v>654</v>
      </c>
      <c r="O1104">
        <v>3</v>
      </c>
      <c r="P1104" t="s">
        <v>655</v>
      </c>
      <c r="Q1104">
        <v>1</v>
      </c>
      <c r="R1104" t="s">
        <v>656</v>
      </c>
      <c r="S1104">
        <v>2</v>
      </c>
      <c r="T1104" t="s">
        <v>661</v>
      </c>
      <c r="U1104">
        <v>8</v>
      </c>
      <c r="V1104">
        <v>2</v>
      </c>
      <c r="W1104">
        <v>120</v>
      </c>
      <c r="X1104">
        <v>2020</v>
      </c>
    </row>
    <row r="1105" spans="1:24" x14ac:dyDescent="0.25">
      <c r="A1105">
        <v>12438</v>
      </c>
      <c r="B1105" t="s">
        <v>218</v>
      </c>
      <c r="C1105">
        <v>17</v>
      </c>
      <c r="D1105" t="s">
        <v>570</v>
      </c>
      <c r="E1105">
        <v>114</v>
      </c>
      <c r="F1105" t="s">
        <v>651</v>
      </c>
      <c r="G1105">
        <v>160</v>
      </c>
      <c r="H1105" t="s">
        <v>744</v>
      </c>
      <c r="I1105">
        <v>3143</v>
      </c>
      <c r="J1105" t="s">
        <v>917</v>
      </c>
      <c r="K1105">
        <v>83</v>
      </c>
      <c r="L1105" t="s">
        <v>1581</v>
      </c>
      <c r="M1105">
        <v>3396</v>
      </c>
      <c r="N1105" t="s">
        <v>654</v>
      </c>
      <c r="O1105">
        <v>3</v>
      </c>
      <c r="P1105" t="s">
        <v>655</v>
      </c>
      <c r="Q1105">
        <v>1</v>
      </c>
      <c r="R1105" t="s">
        <v>656</v>
      </c>
      <c r="S1105">
        <v>2</v>
      </c>
      <c r="T1105" t="s">
        <v>661</v>
      </c>
      <c r="U1105">
        <v>8</v>
      </c>
      <c r="V1105">
        <v>2</v>
      </c>
      <c r="W1105">
        <v>120</v>
      </c>
      <c r="X1105">
        <v>2020</v>
      </c>
    </row>
    <row r="1106" spans="1:24" x14ac:dyDescent="0.25">
      <c r="A1106">
        <v>12435</v>
      </c>
      <c r="B1106" t="s">
        <v>69</v>
      </c>
      <c r="C1106">
        <v>36</v>
      </c>
      <c r="D1106" t="s">
        <v>68</v>
      </c>
      <c r="E1106">
        <v>1260</v>
      </c>
      <c r="F1106" t="s">
        <v>651</v>
      </c>
      <c r="G1106">
        <v>160</v>
      </c>
      <c r="H1106" t="s">
        <v>732</v>
      </c>
      <c r="I1106">
        <v>1000</v>
      </c>
      <c r="J1106" t="s">
        <v>932</v>
      </c>
      <c r="K1106">
        <v>77</v>
      </c>
      <c r="L1106" t="s">
        <v>933</v>
      </c>
      <c r="M1106">
        <v>330</v>
      </c>
      <c r="N1106" t="s">
        <v>654</v>
      </c>
      <c r="O1106">
        <v>3</v>
      </c>
      <c r="P1106" t="s">
        <v>655</v>
      </c>
      <c r="Q1106">
        <v>1</v>
      </c>
      <c r="R1106" t="s">
        <v>669</v>
      </c>
      <c r="S1106">
        <v>1</v>
      </c>
      <c r="T1106" t="s">
        <v>661</v>
      </c>
      <c r="U1106">
        <v>8</v>
      </c>
      <c r="V1106">
        <v>4</v>
      </c>
      <c r="W1106">
        <v>240</v>
      </c>
      <c r="X1106">
        <v>2020</v>
      </c>
    </row>
    <row r="1107" spans="1:24" x14ac:dyDescent="0.25">
      <c r="A1107">
        <v>12432</v>
      </c>
      <c r="B1107" t="s">
        <v>213</v>
      </c>
      <c r="C1107">
        <v>15</v>
      </c>
      <c r="D1107" t="s">
        <v>477</v>
      </c>
      <c r="E1107">
        <v>97</v>
      </c>
      <c r="F1107" t="s">
        <v>651</v>
      </c>
      <c r="G1107">
        <v>160</v>
      </c>
      <c r="H1107" t="s">
        <v>741</v>
      </c>
      <c r="I1107">
        <v>1585</v>
      </c>
      <c r="J1107" t="s">
        <v>767</v>
      </c>
      <c r="K1107">
        <v>44</v>
      </c>
      <c r="L1107" t="s">
        <v>1582</v>
      </c>
      <c r="M1107">
        <v>3399</v>
      </c>
      <c r="N1107" t="s">
        <v>654</v>
      </c>
      <c r="O1107">
        <v>3</v>
      </c>
      <c r="P1107" t="s">
        <v>655</v>
      </c>
      <c r="Q1107">
        <v>1</v>
      </c>
      <c r="R1107" t="s">
        <v>656</v>
      </c>
      <c r="S1107">
        <v>2</v>
      </c>
      <c r="T1107" t="s">
        <v>661</v>
      </c>
      <c r="U1107">
        <v>8</v>
      </c>
      <c r="V1107">
        <v>2</v>
      </c>
      <c r="W1107">
        <v>120</v>
      </c>
      <c r="X1107">
        <v>2020</v>
      </c>
    </row>
    <row r="1108" spans="1:24" x14ac:dyDescent="0.25">
      <c r="A1108">
        <v>12429</v>
      </c>
      <c r="B1108" t="s">
        <v>20</v>
      </c>
      <c r="C1108">
        <v>14</v>
      </c>
      <c r="D1108" t="s">
        <v>316</v>
      </c>
      <c r="E1108">
        <v>91</v>
      </c>
      <c r="F1108" t="s">
        <v>651</v>
      </c>
      <c r="G1108">
        <v>160</v>
      </c>
      <c r="H1108" t="s">
        <v>681</v>
      </c>
      <c r="I1108">
        <v>717</v>
      </c>
      <c r="J1108" t="s">
        <v>299</v>
      </c>
      <c r="K1108">
        <v>27</v>
      </c>
      <c r="L1108" t="s">
        <v>1583</v>
      </c>
      <c r="M1108">
        <v>1585</v>
      </c>
      <c r="N1108" t="s">
        <v>654</v>
      </c>
      <c r="O1108">
        <v>3</v>
      </c>
      <c r="P1108" t="s">
        <v>655</v>
      </c>
      <c r="Q1108">
        <v>1</v>
      </c>
      <c r="R1108" t="s">
        <v>656</v>
      </c>
      <c r="S1108">
        <v>2</v>
      </c>
      <c r="T1108" t="s">
        <v>661</v>
      </c>
      <c r="U1108">
        <v>8</v>
      </c>
      <c r="V1108">
        <v>2</v>
      </c>
      <c r="W1108">
        <v>120</v>
      </c>
      <c r="X1108">
        <v>2020</v>
      </c>
    </row>
    <row r="1109" spans="1:24" x14ac:dyDescent="0.25">
      <c r="A1109">
        <v>12426</v>
      </c>
      <c r="B1109" t="s">
        <v>108</v>
      </c>
      <c r="C1109">
        <v>13</v>
      </c>
      <c r="D1109" t="s">
        <v>336</v>
      </c>
      <c r="E1109">
        <v>644</v>
      </c>
      <c r="F1109" t="s">
        <v>651</v>
      </c>
      <c r="G1109">
        <v>160</v>
      </c>
      <c r="H1109" t="s">
        <v>854</v>
      </c>
      <c r="I1109">
        <v>1</v>
      </c>
      <c r="J1109" t="s">
        <v>848</v>
      </c>
      <c r="K1109">
        <v>62</v>
      </c>
      <c r="L1109" t="s">
        <v>1584</v>
      </c>
      <c r="M1109">
        <v>3402</v>
      </c>
      <c r="N1109" t="s">
        <v>654</v>
      </c>
      <c r="O1109">
        <v>3</v>
      </c>
      <c r="P1109" t="s">
        <v>655</v>
      </c>
      <c r="Q1109">
        <v>1</v>
      </c>
      <c r="R1109" t="s">
        <v>656</v>
      </c>
      <c r="S1109">
        <v>2</v>
      </c>
      <c r="T1109" t="s">
        <v>661</v>
      </c>
      <c r="U1109">
        <v>8</v>
      </c>
      <c r="V1109">
        <v>2</v>
      </c>
      <c r="W1109">
        <v>120</v>
      </c>
      <c r="X1109">
        <v>2020</v>
      </c>
    </row>
    <row r="1110" spans="1:24" x14ac:dyDescent="0.25">
      <c r="A1110">
        <v>12423</v>
      </c>
      <c r="B1110" t="s">
        <v>108</v>
      </c>
      <c r="C1110">
        <v>13</v>
      </c>
      <c r="D1110" t="s">
        <v>336</v>
      </c>
      <c r="E1110">
        <v>644</v>
      </c>
      <c r="F1110" t="s">
        <v>651</v>
      </c>
      <c r="G1110">
        <v>160</v>
      </c>
      <c r="H1110" t="s">
        <v>854</v>
      </c>
      <c r="I1110">
        <v>1</v>
      </c>
      <c r="J1110" t="s">
        <v>710</v>
      </c>
      <c r="K1110">
        <v>53</v>
      </c>
      <c r="L1110" t="s">
        <v>1585</v>
      </c>
      <c r="M1110">
        <v>3408</v>
      </c>
      <c r="N1110" t="s">
        <v>654</v>
      </c>
      <c r="O1110">
        <v>3</v>
      </c>
      <c r="P1110" t="s">
        <v>655</v>
      </c>
      <c r="Q1110">
        <v>1</v>
      </c>
      <c r="R1110" t="s">
        <v>656</v>
      </c>
      <c r="S1110">
        <v>2</v>
      </c>
      <c r="T1110" t="s">
        <v>661</v>
      </c>
      <c r="U1110">
        <v>8</v>
      </c>
      <c r="V1110">
        <v>2</v>
      </c>
      <c r="W1110">
        <v>120</v>
      </c>
      <c r="X1110">
        <v>2020</v>
      </c>
    </row>
    <row r="1111" spans="1:24" x14ac:dyDescent="0.25">
      <c r="A1111">
        <v>12420</v>
      </c>
      <c r="B1111" t="s">
        <v>108</v>
      </c>
      <c r="C1111">
        <v>13</v>
      </c>
      <c r="D1111" t="s">
        <v>582</v>
      </c>
      <c r="E1111">
        <v>86</v>
      </c>
      <c r="F1111" t="s">
        <v>651</v>
      </c>
      <c r="G1111">
        <v>160</v>
      </c>
      <c r="H1111" t="s">
        <v>854</v>
      </c>
      <c r="I1111">
        <v>1</v>
      </c>
      <c r="J1111" t="s">
        <v>1011</v>
      </c>
      <c r="K1111">
        <v>17</v>
      </c>
      <c r="L1111" t="s">
        <v>1586</v>
      </c>
      <c r="M1111">
        <v>3411</v>
      </c>
      <c r="N1111" t="s">
        <v>654</v>
      </c>
      <c r="O1111">
        <v>3</v>
      </c>
      <c r="P1111" t="s">
        <v>655</v>
      </c>
      <c r="Q1111">
        <v>1</v>
      </c>
      <c r="R1111" t="s">
        <v>656</v>
      </c>
      <c r="S1111">
        <v>2</v>
      </c>
      <c r="T1111" t="s">
        <v>661</v>
      </c>
      <c r="U1111">
        <v>8</v>
      </c>
      <c r="V1111">
        <v>2</v>
      </c>
      <c r="W1111">
        <v>120</v>
      </c>
      <c r="X1111">
        <v>2020</v>
      </c>
    </row>
    <row r="1112" spans="1:24" x14ac:dyDescent="0.25">
      <c r="A1112">
        <v>12417</v>
      </c>
      <c r="B1112" t="s">
        <v>69</v>
      </c>
      <c r="C1112">
        <v>36</v>
      </c>
      <c r="D1112" t="s">
        <v>68</v>
      </c>
      <c r="E1112">
        <v>1260</v>
      </c>
      <c r="F1112" t="s">
        <v>651</v>
      </c>
      <c r="G1112">
        <v>160</v>
      </c>
      <c r="H1112" t="s">
        <v>732</v>
      </c>
      <c r="I1112">
        <v>1000</v>
      </c>
      <c r="J1112" t="s">
        <v>736</v>
      </c>
      <c r="K1112">
        <v>8</v>
      </c>
      <c r="L1112" t="s">
        <v>737</v>
      </c>
      <c r="M1112">
        <v>24</v>
      </c>
      <c r="N1112" t="s">
        <v>654</v>
      </c>
      <c r="O1112">
        <v>3</v>
      </c>
      <c r="P1112" t="s">
        <v>655</v>
      </c>
      <c r="Q1112">
        <v>1</v>
      </c>
      <c r="R1112" t="s">
        <v>669</v>
      </c>
      <c r="S1112">
        <v>1</v>
      </c>
      <c r="T1112" t="s">
        <v>661</v>
      </c>
      <c r="U1112">
        <v>8</v>
      </c>
      <c r="V1112">
        <v>3</v>
      </c>
      <c r="W1112">
        <v>180</v>
      </c>
      <c r="X1112">
        <v>2020</v>
      </c>
    </row>
    <row r="1113" spans="1:24" x14ac:dyDescent="0.25">
      <c r="A1113">
        <v>12414</v>
      </c>
      <c r="B1113" t="s">
        <v>289</v>
      </c>
      <c r="C1113">
        <v>12</v>
      </c>
      <c r="D1113" t="s">
        <v>396</v>
      </c>
      <c r="E1113">
        <v>83</v>
      </c>
      <c r="F1113" t="s">
        <v>651</v>
      </c>
      <c r="G1113">
        <v>160</v>
      </c>
      <c r="H1113" t="s">
        <v>658</v>
      </c>
      <c r="I1113">
        <v>13755</v>
      </c>
      <c r="J1113" t="s">
        <v>295</v>
      </c>
      <c r="K1113">
        <v>30</v>
      </c>
      <c r="L1113" t="s">
        <v>1587</v>
      </c>
      <c r="M1113">
        <v>3417</v>
      </c>
      <c r="N1113" t="s">
        <v>654</v>
      </c>
      <c r="O1113">
        <v>3</v>
      </c>
      <c r="P1113" t="s">
        <v>655</v>
      </c>
      <c r="Q1113">
        <v>1</v>
      </c>
      <c r="R1113" t="s">
        <v>656</v>
      </c>
      <c r="S1113">
        <v>2</v>
      </c>
      <c r="T1113" t="s">
        <v>718</v>
      </c>
      <c r="U1113">
        <v>2</v>
      </c>
      <c r="V1113">
        <v>2</v>
      </c>
      <c r="W1113">
        <v>120</v>
      </c>
      <c r="X1113">
        <v>2020</v>
      </c>
    </row>
    <row r="1114" spans="1:24" x14ac:dyDescent="0.25">
      <c r="A1114">
        <v>12408</v>
      </c>
      <c r="B1114" t="s">
        <v>289</v>
      </c>
      <c r="C1114">
        <v>12</v>
      </c>
      <c r="D1114" t="s">
        <v>585</v>
      </c>
      <c r="E1114">
        <v>81</v>
      </c>
      <c r="F1114" t="s">
        <v>651</v>
      </c>
      <c r="G1114">
        <v>160</v>
      </c>
      <c r="H1114" t="s">
        <v>658</v>
      </c>
      <c r="I1114">
        <v>13755</v>
      </c>
      <c r="J1114" t="s">
        <v>703</v>
      </c>
      <c r="K1114">
        <v>16</v>
      </c>
      <c r="L1114" t="s">
        <v>1588</v>
      </c>
      <c r="M1114">
        <v>3420</v>
      </c>
      <c r="N1114" t="s">
        <v>654</v>
      </c>
      <c r="O1114">
        <v>3</v>
      </c>
      <c r="P1114" t="s">
        <v>655</v>
      </c>
      <c r="Q1114">
        <v>1</v>
      </c>
      <c r="R1114" t="s">
        <v>656</v>
      </c>
      <c r="S1114">
        <v>2</v>
      </c>
      <c r="T1114" t="s">
        <v>661</v>
      </c>
      <c r="U1114">
        <v>8</v>
      </c>
      <c r="V1114">
        <v>2</v>
      </c>
      <c r="W1114">
        <v>120</v>
      </c>
      <c r="X1114">
        <v>2020</v>
      </c>
    </row>
    <row r="1115" spans="1:24" x14ac:dyDescent="0.25">
      <c r="A1115">
        <v>12405</v>
      </c>
      <c r="B1115" t="s">
        <v>289</v>
      </c>
      <c r="C1115">
        <v>12</v>
      </c>
      <c r="D1115" t="s">
        <v>584</v>
      </c>
      <c r="E1115">
        <v>82</v>
      </c>
      <c r="F1115" t="s">
        <v>651</v>
      </c>
      <c r="G1115">
        <v>160</v>
      </c>
      <c r="H1115" t="s">
        <v>658</v>
      </c>
      <c r="I1115">
        <v>13755</v>
      </c>
      <c r="J1115" t="s">
        <v>691</v>
      </c>
      <c r="K1115">
        <v>21</v>
      </c>
      <c r="L1115" t="s">
        <v>1589</v>
      </c>
      <c r="M1115">
        <v>3423</v>
      </c>
      <c r="N1115" t="s">
        <v>654</v>
      </c>
      <c r="O1115">
        <v>3</v>
      </c>
      <c r="P1115" t="s">
        <v>655</v>
      </c>
      <c r="Q1115">
        <v>1</v>
      </c>
      <c r="R1115" t="s">
        <v>656</v>
      </c>
      <c r="S1115">
        <v>2</v>
      </c>
      <c r="T1115" t="s">
        <v>718</v>
      </c>
      <c r="U1115">
        <v>2</v>
      </c>
      <c r="V1115">
        <v>2</v>
      </c>
      <c r="W1115">
        <v>120</v>
      </c>
      <c r="X1115">
        <v>2020</v>
      </c>
    </row>
    <row r="1116" spans="1:24" x14ac:dyDescent="0.25">
      <c r="A1116">
        <v>12402</v>
      </c>
      <c r="B1116" t="s">
        <v>69</v>
      </c>
      <c r="C1116">
        <v>36</v>
      </c>
      <c r="D1116" t="s">
        <v>68</v>
      </c>
      <c r="E1116">
        <v>1260</v>
      </c>
      <c r="F1116" t="s">
        <v>651</v>
      </c>
      <c r="G1116">
        <v>160</v>
      </c>
      <c r="H1116" t="s">
        <v>732</v>
      </c>
      <c r="I1116">
        <v>1000</v>
      </c>
      <c r="J1116" t="s">
        <v>1088</v>
      </c>
      <c r="K1116">
        <v>38</v>
      </c>
      <c r="L1116" t="s">
        <v>1089</v>
      </c>
      <c r="M1116">
        <v>135</v>
      </c>
      <c r="N1116" t="s">
        <v>654</v>
      </c>
      <c r="O1116">
        <v>3</v>
      </c>
      <c r="P1116" t="s">
        <v>655</v>
      </c>
      <c r="Q1116">
        <v>1</v>
      </c>
      <c r="R1116" t="s">
        <v>669</v>
      </c>
      <c r="S1116">
        <v>1</v>
      </c>
      <c r="T1116" t="s">
        <v>661</v>
      </c>
      <c r="U1116">
        <v>8</v>
      </c>
      <c r="V1116">
        <v>3</v>
      </c>
      <c r="W1116">
        <v>180</v>
      </c>
      <c r="X1116">
        <v>2020</v>
      </c>
    </row>
    <row r="1117" spans="1:24" x14ac:dyDescent="0.25">
      <c r="A1117">
        <v>12399</v>
      </c>
      <c r="B1117" t="s">
        <v>69</v>
      </c>
      <c r="C1117">
        <v>36</v>
      </c>
      <c r="D1117" t="s">
        <v>68</v>
      </c>
      <c r="E1117">
        <v>1260</v>
      </c>
      <c r="F1117" t="s">
        <v>651</v>
      </c>
      <c r="G1117">
        <v>160</v>
      </c>
      <c r="H1117" t="s">
        <v>732</v>
      </c>
      <c r="I1117">
        <v>1000</v>
      </c>
      <c r="J1117" t="s">
        <v>1088</v>
      </c>
      <c r="K1117">
        <v>38</v>
      </c>
      <c r="L1117" t="s">
        <v>1265</v>
      </c>
      <c r="M1117">
        <v>136</v>
      </c>
      <c r="N1117" t="s">
        <v>654</v>
      </c>
      <c r="O1117">
        <v>3</v>
      </c>
      <c r="P1117" t="s">
        <v>655</v>
      </c>
      <c r="Q1117">
        <v>1</v>
      </c>
      <c r="R1117" t="s">
        <v>669</v>
      </c>
      <c r="S1117">
        <v>1</v>
      </c>
      <c r="T1117" t="s">
        <v>661</v>
      </c>
      <c r="U1117">
        <v>8</v>
      </c>
      <c r="V1117">
        <v>3</v>
      </c>
      <c r="W1117">
        <v>180</v>
      </c>
      <c r="X1117">
        <v>2020</v>
      </c>
    </row>
    <row r="1118" spans="1:24" x14ac:dyDescent="0.25">
      <c r="A1118">
        <v>12396</v>
      </c>
      <c r="B1118" t="s">
        <v>69</v>
      </c>
      <c r="C1118">
        <v>36</v>
      </c>
      <c r="D1118" t="s">
        <v>68</v>
      </c>
      <c r="E1118">
        <v>1260</v>
      </c>
      <c r="F1118" t="s">
        <v>651</v>
      </c>
      <c r="G1118">
        <v>160</v>
      </c>
      <c r="H1118" t="s">
        <v>732</v>
      </c>
      <c r="I1118">
        <v>1000</v>
      </c>
      <c r="J1118" t="s">
        <v>676</v>
      </c>
      <c r="K1118">
        <v>4</v>
      </c>
      <c r="L1118" t="s">
        <v>676</v>
      </c>
      <c r="M1118">
        <v>12</v>
      </c>
      <c r="N1118" t="s">
        <v>654</v>
      </c>
      <c r="O1118">
        <v>3</v>
      </c>
      <c r="P1118" t="s">
        <v>655</v>
      </c>
      <c r="Q1118">
        <v>1</v>
      </c>
      <c r="R1118" t="s">
        <v>669</v>
      </c>
      <c r="S1118">
        <v>1</v>
      </c>
      <c r="T1118" t="s">
        <v>661</v>
      </c>
      <c r="U1118">
        <v>8</v>
      </c>
      <c r="V1118">
        <v>3</v>
      </c>
      <c r="W1118">
        <v>180</v>
      </c>
      <c r="X1118">
        <v>2020</v>
      </c>
    </row>
    <row r="1119" spans="1:24" x14ac:dyDescent="0.25">
      <c r="A1119">
        <v>12390</v>
      </c>
      <c r="B1119" t="s">
        <v>69</v>
      </c>
      <c r="C1119">
        <v>36</v>
      </c>
      <c r="D1119" t="s">
        <v>68</v>
      </c>
      <c r="E1119">
        <v>1260</v>
      </c>
      <c r="F1119" t="s">
        <v>651</v>
      </c>
      <c r="G1119">
        <v>160</v>
      </c>
      <c r="H1119" t="s">
        <v>732</v>
      </c>
      <c r="I1119">
        <v>1000</v>
      </c>
      <c r="J1119" t="s">
        <v>885</v>
      </c>
      <c r="K1119">
        <v>1</v>
      </c>
      <c r="L1119" t="s">
        <v>885</v>
      </c>
      <c r="M1119">
        <v>1</v>
      </c>
      <c r="N1119" t="s">
        <v>654</v>
      </c>
      <c r="O1119">
        <v>3</v>
      </c>
      <c r="P1119" t="s">
        <v>655</v>
      </c>
      <c r="Q1119">
        <v>1</v>
      </c>
      <c r="R1119" t="s">
        <v>669</v>
      </c>
      <c r="S1119">
        <v>1</v>
      </c>
      <c r="T1119" t="s">
        <v>661</v>
      </c>
      <c r="U1119">
        <v>8</v>
      </c>
      <c r="V1119">
        <v>3</v>
      </c>
      <c r="W1119">
        <v>180</v>
      </c>
      <c r="X1119">
        <v>2020</v>
      </c>
    </row>
    <row r="1120" spans="1:24" x14ac:dyDescent="0.25">
      <c r="A1120">
        <v>12387</v>
      </c>
      <c r="B1120" t="s">
        <v>69</v>
      </c>
      <c r="C1120">
        <v>36</v>
      </c>
      <c r="D1120" t="s">
        <v>70</v>
      </c>
      <c r="E1120">
        <v>1257</v>
      </c>
      <c r="F1120" t="s">
        <v>651</v>
      </c>
      <c r="G1120">
        <v>160</v>
      </c>
      <c r="H1120" t="s">
        <v>732</v>
      </c>
      <c r="I1120">
        <v>1000</v>
      </c>
      <c r="J1120" t="s">
        <v>301</v>
      </c>
      <c r="K1120">
        <v>26</v>
      </c>
      <c r="L1120" t="s">
        <v>301</v>
      </c>
      <c r="M1120">
        <v>82</v>
      </c>
      <c r="N1120" t="s">
        <v>654</v>
      </c>
      <c r="O1120">
        <v>3</v>
      </c>
      <c r="P1120" t="s">
        <v>655</v>
      </c>
      <c r="Q1120">
        <v>1</v>
      </c>
      <c r="R1120" t="s">
        <v>669</v>
      </c>
      <c r="S1120">
        <v>1</v>
      </c>
      <c r="T1120" t="s">
        <v>661</v>
      </c>
      <c r="U1120">
        <v>8</v>
      </c>
      <c r="V1120">
        <v>3</v>
      </c>
      <c r="W1120">
        <v>180</v>
      </c>
      <c r="X1120">
        <v>2020</v>
      </c>
    </row>
    <row r="1121" spans="1:24" x14ac:dyDescent="0.25">
      <c r="A1121">
        <v>12381</v>
      </c>
      <c r="B1121" t="s">
        <v>69</v>
      </c>
      <c r="C1121">
        <v>36</v>
      </c>
      <c r="D1121" t="s">
        <v>70</v>
      </c>
      <c r="E1121">
        <v>1257</v>
      </c>
      <c r="F1121" t="s">
        <v>651</v>
      </c>
      <c r="G1121">
        <v>160</v>
      </c>
      <c r="H1121" t="s">
        <v>732</v>
      </c>
      <c r="I1121">
        <v>1000</v>
      </c>
      <c r="J1121" t="s">
        <v>301</v>
      </c>
      <c r="K1121">
        <v>26</v>
      </c>
      <c r="L1121" t="s">
        <v>930</v>
      </c>
      <c r="M1121">
        <v>84</v>
      </c>
      <c r="N1121" t="s">
        <v>654</v>
      </c>
      <c r="O1121">
        <v>3</v>
      </c>
      <c r="P1121" t="s">
        <v>746</v>
      </c>
      <c r="Q1121">
        <v>2</v>
      </c>
      <c r="R1121" t="s">
        <v>669</v>
      </c>
      <c r="S1121">
        <v>1</v>
      </c>
      <c r="T1121" t="s">
        <v>661</v>
      </c>
      <c r="U1121">
        <v>8</v>
      </c>
      <c r="V1121">
        <v>3</v>
      </c>
      <c r="W1121">
        <v>180</v>
      </c>
      <c r="X1121">
        <v>2020</v>
      </c>
    </row>
    <row r="1122" spans="1:24" x14ac:dyDescent="0.25">
      <c r="A1122">
        <v>12375</v>
      </c>
      <c r="B1122" t="s">
        <v>69</v>
      </c>
      <c r="C1122">
        <v>36</v>
      </c>
      <c r="D1122" t="s">
        <v>70</v>
      </c>
      <c r="E1122">
        <v>1257</v>
      </c>
      <c r="F1122" t="s">
        <v>651</v>
      </c>
      <c r="G1122">
        <v>160</v>
      </c>
      <c r="H1122" t="s">
        <v>732</v>
      </c>
      <c r="I1122">
        <v>1000</v>
      </c>
      <c r="J1122" t="s">
        <v>299</v>
      </c>
      <c r="K1122">
        <v>27</v>
      </c>
      <c r="L1122" t="s">
        <v>690</v>
      </c>
      <c r="M1122">
        <v>89</v>
      </c>
      <c r="N1122" t="s">
        <v>654</v>
      </c>
      <c r="O1122">
        <v>3</v>
      </c>
      <c r="P1122" t="s">
        <v>655</v>
      </c>
      <c r="Q1122">
        <v>1</v>
      </c>
      <c r="R1122" t="s">
        <v>669</v>
      </c>
      <c r="S1122">
        <v>1</v>
      </c>
      <c r="T1122" t="s">
        <v>661</v>
      </c>
      <c r="U1122">
        <v>8</v>
      </c>
      <c r="V1122">
        <v>3</v>
      </c>
      <c r="W1122">
        <v>180</v>
      </c>
      <c r="X1122">
        <v>2020</v>
      </c>
    </row>
    <row r="1123" spans="1:24" x14ac:dyDescent="0.25">
      <c r="A1123">
        <v>12372</v>
      </c>
      <c r="B1123" t="s">
        <v>289</v>
      </c>
      <c r="C1123">
        <v>12</v>
      </c>
      <c r="D1123" t="s">
        <v>585</v>
      </c>
      <c r="E1123">
        <v>81</v>
      </c>
      <c r="F1123" t="s">
        <v>651</v>
      </c>
      <c r="G1123">
        <v>160</v>
      </c>
      <c r="H1123" t="s">
        <v>658</v>
      </c>
      <c r="I1123">
        <v>13755</v>
      </c>
      <c r="J1123" t="s">
        <v>703</v>
      </c>
      <c r="K1123">
        <v>16</v>
      </c>
      <c r="L1123" t="s">
        <v>1590</v>
      </c>
      <c r="M1123">
        <v>3426</v>
      </c>
      <c r="N1123" t="s">
        <v>654</v>
      </c>
      <c r="O1123">
        <v>3</v>
      </c>
      <c r="P1123" t="s">
        <v>655</v>
      </c>
      <c r="Q1123">
        <v>1</v>
      </c>
      <c r="R1123" t="s">
        <v>656</v>
      </c>
      <c r="S1123">
        <v>2</v>
      </c>
      <c r="T1123" t="s">
        <v>661</v>
      </c>
      <c r="U1123">
        <v>8</v>
      </c>
      <c r="V1123">
        <v>2</v>
      </c>
      <c r="W1123">
        <v>120</v>
      </c>
      <c r="X1123">
        <v>2020</v>
      </c>
    </row>
    <row r="1124" spans="1:24" x14ac:dyDescent="0.25">
      <c r="A1124">
        <v>12369</v>
      </c>
      <c r="B1124" t="s">
        <v>12</v>
      </c>
      <c r="C1124">
        <v>7</v>
      </c>
      <c r="D1124" t="s">
        <v>591</v>
      </c>
      <c r="E1124">
        <v>69</v>
      </c>
      <c r="F1124" t="s">
        <v>651</v>
      </c>
      <c r="G1124">
        <v>160</v>
      </c>
      <c r="H1124" t="s">
        <v>658</v>
      </c>
      <c r="I1124">
        <v>13755</v>
      </c>
      <c r="J1124" t="s">
        <v>955</v>
      </c>
      <c r="K1124">
        <v>29</v>
      </c>
      <c r="L1124" t="s">
        <v>1591</v>
      </c>
      <c r="M1124">
        <v>3429</v>
      </c>
      <c r="N1124" t="s">
        <v>654</v>
      </c>
      <c r="O1124">
        <v>3</v>
      </c>
      <c r="P1124" t="s">
        <v>655</v>
      </c>
      <c r="Q1124">
        <v>1</v>
      </c>
      <c r="R1124" t="s">
        <v>656</v>
      </c>
      <c r="S1124">
        <v>2</v>
      </c>
      <c r="T1124" t="s">
        <v>661</v>
      </c>
      <c r="U1124">
        <v>8</v>
      </c>
      <c r="V1124">
        <v>2</v>
      </c>
      <c r="W1124">
        <v>120</v>
      </c>
      <c r="X1124">
        <v>2020</v>
      </c>
    </row>
    <row r="1125" spans="1:24" x14ac:dyDescent="0.25">
      <c r="A1125">
        <v>12363</v>
      </c>
      <c r="B1125" t="s">
        <v>12</v>
      </c>
      <c r="C1125">
        <v>7</v>
      </c>
      <c r="D1125" t="s">
        <v>306</v>
      </c>
      <c r="E1125">
        <v>688</v>
      </c>
      <c r="F1125" t="s">
        <v>651</v>
      </c>
      <c r="G1125">
        <v>160</v>
      </c>
      <c r="H1125" t="s">
        <v>658</v>
      </c>
      <c r="I1125">
        <v>13755</v>
      </c>
      <c r="J1125" t="s">
        <v>301</v>
      </c>
      <c r="K1125">
        <v>26</v>
      </c>
      <c r="L1125" t="s">
        <v>1592</v>
      </c>
      <c r="M1125">
        <v>3171</v>
      </c>
      <c r="N1125" t="s">
        <v>654</v>
      </c>
      <c r="O1125">
        <v>3</v>
      </c>
      <c r="P1125" t="s">
        <v>746</v>
      </c>
      <c r="Q1125">
        <v>2</v>
      </c>
      <c r="R1125" t="s">
        <v>656</v>
      </c>
      <c r="S1125">
        <v>2</v>
      </c>
      <c r="T1125" t="s">
        <v>718</v>
      </c>
      <c r="U1125">
        <v>2</v>
      </c>
      <c r="V1125">
        <v>2</v>
      </c>
      <c r="W1125">
        <v>120</v>
      </c>
      <c r="X1125">
        <v>2020</v>
      </c>
    </row>
    <row r="1126" spans="1:24" x14ac:dyDescent="0.25">
      <c r="A1126">
        <v>12360</v>
      </c>
      <c r="B1126" t="s">
        <v>16</v>
      </c>
      <c r="C1126">
        <v>5</v>
      </c>
      <c r="D1126" t="s">
        <v>605</v>
      </c>
      <c r="E1126">
        <v>36</v>
      </c>
      <c r="F1126" t="s">
        <v>651</v>
      </c>
      <c r="G1126">
        <v>160</v>
      </c>
      <c r="H1126" t="s">
        <v>658</v>
      </c>
      <c r="I1126">
        <v>13755</v>
      </c>
      <c r="J1126" t="s">
        <v>294</v>
      </c>
      <c r="K1126">
        <v>31</v>
      </c>
      <c r="L1126" t="s">
        <v>1593</v>
      </c>
      <c r="M1126">
        <v>3435</v>
      </c>
      <c r="N1126" t="s">
        <v>654</v>
      </c>
      <c r="O1126">
        <v>3</v>
      </c>
      <c r="P1126" t="s">
        <v>655</v>
      </c>
      <c r="Q1126">
        <v>1</v>
      </c>
      <c r="R1126" t="s">
        <v>656</v>
      </c>
      <c r="S1126">
        <v>2</v>
      </c>
      <c r="T1126" t="s">
        <v>661</v>
      </c>
      <c r="U1126">
        <v>8</v>
      </c>
      <c r="V1126">
        <v>2</v>
      </c>
      <c r="W1126">
        <v>120</v>
      </c>
      <c r="X1126">
        <v>2020</v>
      </c>
    </row>
    <row r="1127" spans="1:24" x14ac:dyDescent="0.25">
      <c r="A1127">
        <v>12357</v>
      </c>
      <c r="B1127" t="s">
        <v>16</v>
      </c>
      <c r="C1127">
        <v>5</v>
      </c>
      <c r="D1127" t="s">
        <v>604</v>
      </c>
      <c r="E1127">
        <v>40</v>
      </c>
      <c r="F1127" t="s">
        <v>651</v>
      </c>
      <c r="G1127">
        <v>160</v>
      </c>
      <c r="H1127" t="s">
        <v>658</v>
      </c>
      <c r="I1127">
        <v>13755</v>
      </c>
      <c r="J1127" t="s">
        <v>866</v>
      </c>
      <c r="K1127">
        <v>9</v>
      </c>
      <c r="L1127" t="s">
        <v>1594</v>
      </c>
      <c r="M1127">
        <v>3438</v>
      </c>
      <c r="N1127" t="s">
        <v>654</v>
      </c>
      <c r="O1127">
        <v>3</v>
      </c>
      <c r="P1127" t="s">
        <v>655</v>
      </c>
      <c r="Q1127">
        <v>1</v>
      </c>
      <c r="R1127" t="s">
        <v>656</v>
      </c>
      <c r="S1127">
        <v>2</v>
      </c>
      <c r="T1127" t="s">
        <v>718</v>
      </c>
      <c r="U1127">
        <v>2</v>
      </c>
      <c r="V1127">
        <v>2</v>
      </c>
      <c r="W1127">
        <v>120</v>
      </c>
      <c r="X1127">
        <v>2020</v>
      </c>
    </row>
    <row r="1128" spans="1:24" x14ac:dyDescent="0.25">
      <c r="A1128">
        <v>12354</v>
      </c>
      <c r="B1128" t="s">
        <v>16</v>
      </c>
      <c r="C1128">
        <v>5</v>
      </c>
      <c r="D1128" t="s">
        <v>602</v>
      </c>
      <c r="E1128">
        <v>45</v>
      </c>
      <c r="F1128" t="s">
        <v>651</v>
      </c>
      <c r="G1128">
        <v>160</v>
      </c>
      <c r="H1128" t="s">
        <v>658</v>
      </c>
      <c r="I1128">
        <v>13755</v>
      </c>
      <c r="J1128" t="s">
        <v>691</v>
      </c>
      <c r="K1128">
        <v>21</v>
      </c>
      <c r="L1128" t="s">
        <v>1595</v>
      </c>
      <c r="M1128">
        <v>3441</v>
      </c>
      <c r="N1128" t="s">
        <v>654</v>
      </c>
      <c r="O1128">
        <v>3</v>
      </c>
      <c r="P1128" t="s">
        <v>655</v>
      </c>
      <c r="Q1128">
        <v>1</v>
      </c>
      <c r="R1128" t="s">
        <v>656</v>
      </c>
      <c r="S1128">
        <v>2</v>
      </c>
      <c r="T1128" t="s">
        <v>661</v>
      </c>
      <c r="U1128">
        <v>8</v>
      </c>
      <c r="V1128">
        <v>2</v>
      </c>
      <c r="W1128">
        <v>120</v>
      </c>
      <c r="X1128">
        <v>2020</v>
      </c>
    </row>
    <row r="1129" spans="1:24" x14ac:dyDescent="0.25">
      <c r="A1129">
        <v>12351</v>
      </c>
      <c r="B1129" t="s">
        <v>16</v>
      </c>
      <c r="C1129">
        <v>5</v>
      </c>
      <c r="D1129" t="s">
        <v>386</v>
      </c>
      <c r="E1129">
        <v>42</v>
      </c>
      <c r="F1129" t="s">
        <v>651</v>
      </c>
      <c r="G1129">
        <v>160</v>
      </c>
      <c r="H1129" t="s">
        <v>658</v>
      </c>
      <c r="I1129">
        <v>13755</v>
      </c>
      <c r="J1129" t="s">
        <v>736</v>
      </c>
      <c r="K1129">
        <v>8</v>
      </c>
      <c r="L1129" t="s">
        <v>1596</v>
      </c>
      <c r="M1129">
        <v>3444</v>
      </c>
      <c r="N1129" t="s">
        <v>654</v>
      </c>
      <c r="O1129">
        <v>3</v>
      </c>
      <c r="P1129" t="s">
        <v>655</v>
      </c>
      <c r="Q1129">
        <v>1</v>
      </c>
      <c r="R1129" t="s">
        <v>656</v>
      </c>
      <c r="S1129">
        <v>2</v>
      </c>
      <c r="T1129" t="s">
        <v>661</v>
      </c>
      <c r="U1129">
        <v>8</v>
      </c>
      <c r="V1129">
        <v>2</v>
      </c>
      <c r="W1129">
        <v>120</v>
      </c>
      <c r="X1129">
        <v>2020</v>
      </c>
    </row>
    <row r="1130" spans="1:24" x14ac:dyDescent="0.25">
      <c r="A1130">
        <v>12348</v>
      </c>
      <c r="B1130" t="s">
        <v>16</v>
      </c>
      <c r="C1130">
        <v>5</v>
      </c>
      <c r="D1130" t="s">
        <v>441</v>
      </c>
      <c r="E1130">
        <v>44</v>
      </c>
      <c r="F1130" t="s">
        <v>651</v>
      </c>
      <c r="G1130">
        <v>160</v>
      </c>
      <c r="H1130" t="s">
        <v>658</v>
      </c>
      <c r="I1130">
        <v>13755</v>
      </c>
      <c r="J1130" t="s">
        <v>802</v>
      </c>
      <c r="K1130">
        <v>12</v>
      </c>
      <c r="L1130" t="s">
        <v>1597</v>
      </c>
      <c r="M1130">
        <v>3447</v>
      </c>
      <c r="N1130" t="s">
        <v>654</v>
      </c>
      <c r="O1130">
        <v>3</v>
      </c>
      <c r="P1130" t="s">
        <v>655</v>
      </c>
      <c r="Q1130">
        <v>1</v>
      </c>
      <c r="R1130" t="s">
        <v>656</v>
      </c>
      <c r="S1130">
        <v>2</v>
      </c>
      <c r="T1130" t="s">
        <v>661</v>
      </c>
      <c r="U1130">
        <v>8</v>
      </c>
      <c r="V1130">
        <v>2</v>
      </c>
      <c r="W1130">
        <v>120</v>
      </c>
      <c r="X1130">
        <v>2020</v>
      </c>
    </row>
    <row r="1131" spans="1:24" x14ac:dyDescent="0.25">
      <c r="A1131">
        <v>12345</v>
      </c>
      <c r="B1131" t="s">
        <v>16</v>
      </c>
      <c r="C1131">
        <v>5</v>
      </c>
      <c r="D1131" t="s">
        <v>425</v>
      </c>
      <c r="E1131">
        <v>50</v>
      </c>
      <c r="F1131" t="s">
        <v>651</v>
      </c>
      <c r="G1131">
        <v>160</v>
      </c>
      <c r="H1131" t="s">
        <v>658</v>
      </c>
      <c r="I1131">
        <v>13755</v>
      </c>
      <c r="J1131" t="s">
        <v>684</v>
      </c>
      <c r="K1131">
        <v>22</v>
      </c>
      <c r="L1131" t="s">
        <v>1598</v>
      </c>
      <c r="M1131">
        <v>3450</v>
      </c>
      <c r="N1131" t="s">
        <v>654</v>
      </c>
      <c r="O1131">
        <v>3</v>
      </c>
      <c r="P1131" t="s">
        <v>655</v>
      </c>
      <c r="Q1131">
        <v>1</v>
      </c>
      <c r="R1131" t="s">
        <v>656</v>
      </c>
      <c r="S1131">
        <v>2</v>
      </c>
      <c r="T1131" t="s">
        <v>661</v>
      </c>
      <c r="U1131">
        <v>8</v>
      </c>
      <c r="V1131">
        <v>2</v>
      </c>
      <c r="W1131">
        <v>120</v>
      </c>
      <c r="X1131">
        <v>2020</v>
      </c>
    </row>
    <row r="1132" spans="1:24" x14ac:dyDescent="0.25">
      <c r="A1132">
        <v>12339</v>
      </c>
      <c r="B1132" t="s">
        <v>16</v>
      </c>
      <c r="C1132">
        <v>5</v>
      </c>
      <c r="D1132" t="s">
        <v>386</v>
      </c>
      <c r="E1132">
        <v>42</v>
      </c>
      <c r="F1132" t="s">
        <v>651</v>
      </c>
      <c r="G1132">
        <v>160</v>
      </c>
      <c r="H1132" t="s">
        <v>658</v>
      </c>
      <c r="I1132">
        <v>13755</v>
      </c>
      <c r="J1132" t="s">
        <v>792</v>
      </c>
      <c r="K1132">
        <v>6</v>
      </c>
      <c r="L1132" t="s">
        <v>849</v>
      </c>
      <c r="M1132">
        <v>3456</v>
      </c>
      <c r="N1132" t="s">
        <v>654</v>
      </c>
      <c r="O1132">
        <v>3</v>
      </c>
      <c r="P1132" t="s">
        <v>655</v>
      </c>
      <c r="Q1132">
        <v>1</v>
      </c>
      <c r="R1132" t="s">
        <v>656</v>
      </c>
      <c r="S1132">
        <v>2</v>
      </c>
      <c r="T1132" t="s">
        <v>661</v>
      </c>
      <c r="U1132">
        <v>8</v>
      </c>
      <c r="V1132">
        <v>2</v>
      </c>
      <c r="W1132">
        <v>120</v>
      </c>
      <c r="X1132">
        <v>2020</v>
      </c>
    </row>
    <row r="1133" spans="1:24" x14ac:dyDescent="0.25">
      <c r="A1133">
        <v>12336</v>
      </c>
      <c r="B1133" t="s">
        <v>16</v>
      </c>
      <c r="C1133">
        <v>5</v>
      </c>
      <c r="D1133" t="s">
        <v>386</v>
      </c>
      <c r="E1133">
        <v>42</v>
      </c>
      <c r="F1133" t="s">
        <v>651</v>
      </c>
      <c r="G1133">
        <v>160</v>
      </c>
      <c r="H1133" t="s">
        <v>658</v>
      </c>
      <c r="I1133">
        <v>13755</v>
      </c>
      <c r="J1133" t="s">
        <v>792</v>
      </c>
      <c r="K1133">
        <v>6</v>
      </c>
      <c r="L1133" t="s">
        <v>1599</v>
      </c>
      <c r="M1133">
        <v>3459</v>
      </c>
      <c r="N1133" t="s">
        <v>654</v>
      </c>
      <c r="O1133">
        <v>3</v>
      </c>
      <c r="P1133" t="s">
        <v>655</v>
      </c>
      <c r="Q1133">
        <v>1</v>
      </c>
      <c r="R1133" t="s">
        <v>656</v>
      </c>
      <c r="S1133">
        <v>2</v>
      </c>
      <c r="T1133" t="s">
        <v>661</v>
      </c>
      <c r="U1133">
        <v>8</v>
      </c>
      <c r="V1133">
        <v>2</v>
      </c>
      <c r="W1133">
        <v>120</v>
      </c>
      <c r="X1133">
        <v>2020</v>
      </c>
    </row>
    <row r="1134" spans="1:24" x14ac:dyDescent="0.25">
      <c r="A1134">
        <v>12333</v>
      </c>
      <c r="B1134" t="s">
        <v>16</v>
      </c>
      <c r="C1134">
        <v>5</v>
      </c>
      <c r="D1134" t="s">
        <v>386</v>
      </c>
      <c r="E1134">
        <v>42</v>
      </c>
      <c r="F1134" t="s">
        <v>651</v>
      </c>
      <c r="G1134">
        <v>160</v>
      </c>
      <c r="H1134" t="s">
        <v>658</v>
      </c>
      <c r="I1134">
        <v>13755</v>
      </c>
      <c r="J1134" t="s">
        <v>792</v>
      </c>
      <c r="K1134">
        <v>6</v>
      </c>
      <c r="L1134" t="s">
        <v>1600</v>
      </c>
      <c r="M1134">
        <v>3462</v>
      </c>
      <c r="N1134" t="s">
        <v>654</v>
      </c>
      <c r="O1134">
        <v>3</v>
      </c>
      <c r="P1134" t="s">
        <v>655</v>
      </c>
      <c r="Q1134">
        <v>1</v>
      </c>
      <c r="R1134" t="s">
        <v>656</v>
      </c>
      <c r="S1134">
        <v>2</v>
      </c>
      <c r="T1134" t="s">
        <v>661</v>
      </c>
      <c r="U1134">
        <v>8</v>
      </c>
      <c r="V1134">
        <v>2</v>
      </c>
      <c r="W1134">
        <v>120</v>
      </c>
      <c r="X1134">
        <v>2020</v>
      </c>
    </row>
    <row r="1135" spans="1:24" x14ac:dyDescent="0.25">
      <c r="A1135">
        <v>12330</v>
      </c>
      <c r="B1135" t="s">
        <v>16</v>
      </c>
      <c r="C1135">
        <v>5</v>
      </c>
      <c r="D1135" t="s">
        <v>457</v>
      </c>
      <c r="E1135">
        <v>41</v>
      </c>
      <c r="F1135" t="s">
        <v>651</v>
      </c>
      <c r="G1135">
        <v>160</v>
      </c>
      <c r="H1135" t="s">
        <v>658</v>
      </c>
      <c r="I1135">
        <v>13755</v>
      </c>
      <c r="J1135" t="s">
        <v>726</v>
      </c>
      <c r="K1135">
        <v>2</v>
      </c>
      <c r="L1135" t="s">
        <v>1601</v>
      </c>
      <c r="M1135">
        <v>3465</v>
      </c>
      <c r="N1135" t="s">
        <v>654</v>
      </c>
      <c r="O1135">
        <v>3</v>
      </c>
      <c r="P1135" t="s">
        <v>655</v>
      </c>
      <c r="Q1135">
        <v>1</v>
      </c>
      <c r="R1135" t="s">
        <v>656</v>
      </c>
      <c r="S1135">
        <v>2</v>
      </c>
      <c r="T1135" t="s">
        <v>718</v>
      </c>
      <c r="U1135">
        <v>2</v>
      </c>
      <c r="V1135">
        <v>2</v>
      </c>
      <c r="W1135">
        <v>120</v>
      </c>
      <c r="X1135">
        <v>2020</v>
      </c>
    </row>
    <row r="1136" spans="1:24" x14ac:dyDescent="0.25">
      <c r="A1136">
        <v>12327</v>
      </c>
      <c r="B1136" t="s">
        <v>110</v>
      </c>
      <c r="C1136">
        <v>2</v>
      </c>
      <c r="D1136" t="s">
        <v>563</v>
      </c>
      <c r="E1136">
        <v>19</v>
      </c>
      <c r="F1136" t="s">
        <v>651</v>
      </c>
      <c r="G1136">
        <v>160</v>
      </c>
      <c r="H1136" t="s">
        <v>658</v>
      </c>
      <c r="I1136">
        <v>13755</v>
      </c>
      <c r="J1136" t="s">
        <v>1022</v>
      </c>
      <c r="K1136">
        <v>85</v>
      </c>
      <c r="L1136" t="s">
        <v>1602</v>
      </c>
      <c r="M1136">
        <v>3468</v>
      </c>
      <c r="N1136" t="s">
        <v>654</v>
      </c>
      <c r="O1136">
        <v>3</v>
      </c>
      <c r="P1136" t="s">
        <v>655</v>
      </c>
      <c r="Q1136">
        <v>1</v>
      </c>
      <c r="R1136" t="s">
        <v>656</v>
      </c>
      <c r="S1136">
        <v>2</v>
      </c>
      <c r="T1136" t="s">
        <v>769</v>
      </c>
      <c r="U1136">
        <v>3</v>
      </c>
      <c r="V1136">
        <v>2</v>
      </c>
      <c r="W1136">
        <v>120</v>
      </c>
      <c r="X1136">
        <v>2020</v>
      </c>
    </row>
    <row r="1137" spans="1:24" x14ac:dyDescent="0.25">
      <c r="A1137">
        <v>12321</v>
      </c>
      <c r="B1137" t="s">
        <v>69</v>
      </c>
      <c r="C1137">
        <v>36</v>
      </c>
      <c r="D1137" t="s">
        <v>70</v>
      </c>
      <c r="E1137">
        <v>1257</v>
      </c>
      <c r="F1137" t="s">
        <v>651</v>
      </c>
      <c r="G1137">
        <v>160</v>
      </c>
      <c r="H1137" t="s">
        <v>732</v>
      </c>
      <c r="I1137">
        <v>1000</v>
      </c>
      <c r="J1137" t="s">
        <v>299</v>
      </c>
      <c r="K1137">
        <v>27</v>
      </c>
      <c r="L1137" t="s">
        <v>690</v>
      </c>
      <c r="M1137">
        <v>89</v>
      </c>
      <c r="N1137" t="s">
        <v>654</v>
      </c>
      <c r="O1137">
        <v>3</v>
      </c>
      <c r="P1137" t="s">
        <v>746</v>
      </c>
      <c r="Q1137">
        <v>2</v>
      </c>
      <c r="R1137" t="s">
        <v>669</v>
      </c>
      <c r="S1137">
        <v>1</v>
      </c>
      <c r="T1137" t="s">
        <v>661</v>
      </c>
      <c r="U1137">
        <v>8</v>
      </c>
      <c r="V1137">
        <v>3</v>
      </c>
      <c r="W1137">
        <v>180</v>
      </c>
      <c r="X1137">
        <v>2020</v>
      </c>
    </row>
    <row r="1138" spans="1:24" x14ac:dyDescent="0.25">
      <c r="A1138">
        <v>12315</v>
      </c>
      <c r="B1138" t="s">
        <v>69</v>
      </c>
      <c r="C1138">
        <v>36</v>
      </c>
      <c r="D1138" t="s">
        <v>70</v>
      </c>
      <c r="E1138">
        <v>1257</v>
      </c>
      <c r="F1138" t="s">
        <v>651</v>
      </c>
      <c r="G1138">
        <v>160</v>
      </c>
      <c r="H1138" t="s">
        <v>732</v>
      </c>
      <c r="I1138">
        <v>1000</v>
      </c>
      <c r="J1138" t="s">
        <v>807</v>
      </c>
      <c r="K1138">
        <v>25</v>
      </c>
      <c r="L1138" t="s">
        <v>1603</v>
      </c>
      <c r="M1138">
        <v>81</v>
      </c>
      <c r="N1138" t="s">
        <v>654</v>
      </c>
      <c r="O1138">
        <v>3</v>
      </c>
      <c r="P1138" t="s">
        <v>655</v>
      </c>
      <c r="Q1138">
        <v>1</v>
      </c>
      <c r="R1138" t="s">
        <v>669</v>
      </c>
      <c r="S1138">
        <v>1</v>
      </c>
      <c r="T1138" t="s">
        <v>661</v>
      </c>
      <c r="U1138">
        <v>8</v>
      </c>
      <c r="V1138">
        <v>3</v>
      </c>
      <c r="W1138">
        <v>180</v>
      </c>
      <c r="X1138">
        <v>2020</v>
      </c>
    </row>
    <row r="1139" spans="1:24" x14ac:dyDescent="0.25">
      <c r="A1139">
        <v>12309</v>
      </c>
      <c r="B1139" t="s">
        <v>69</v>
      </c>
      <c r="C1139">
        <v>36</v>
      </c>
      <c r="D1139" t="s">
        <v>70</v>
      </c>
      <c r="E1139">
        <v>1257</v>
      </c>
      <c r="F1139" t="s">
        <v>651</v>
      </c>
      <c r="G1139">
        <v>160</v>
      </c>
      <c r="H1139" t="s">
        <v>732</v>
      </c>
      <c r="I1139">
        <v>1000</v>
      </c>
      <c r="J1139" t="s">
        <v>295</v>
      </c>
      <c r="K1139">
        <v>30</v>
      </c>
      <c r="L1139" t="s">
        <v>295</v>
      </c>
      <c r="M1139">
        <v>96</v>
      </c>
      <c r="N1139" t="s">
        <v>654</v>
      </c>
      <c r="O1139">
        <v>3</v>
      </c>
      <c r="P1139" t="s">
        <v>655</v>
      </c>
      <c r="Q1139">
        <v>1</v>
      </c>
      <c r="R1139" t="s">
        <v>669</v>
      </c>
      <c r="S1139">
        <v>1</v>
      </c>
      <c r="T1139" t="s">
        <v>661</v>
      </c>
      <c r="U1139">
        <v>8</v>
      </c>
      <c r="V1139">
        <v>3</v>
      </c>
      <c r="W1139">
        <v>180</v>
      </c>
      <c r="X1139">
        <v>2020</v>
      </c>
    </row>
    <row r="1140" spans="1:24" x14ac:dyDescent="0.25">
      <c r="A1140">
        <v>12306</v>
      </c>
      <c r="B1140" t="s">
        <v>364</v>
      </c>
      <c r="C1140">
        <v>112</v>
      </c>
      <c r="D1140" t="s">
        <v>363</v>
      </c>
      <c r="E1140">
        <v>568</v>
      </c>
      <c r="F1140" t="s">
        <v>651</v>
      </c>
      <c r="G1140">
        <v>160</v>
      </c>
      <c r="H1140" t="s">
        <v>658</v>
      </c>
      <c r="I1140">
        <v>13755</v>
      </c>
      <c r="J1140" t="s">
        <v>667</v>
      </c>
      <c r="K1140">
        <v>11</v>
      </c>
      <c r="L1140" t="s">
        <v>667</v>
      </c>
      <c r="M1140">
        <v>35</v>
      </c>
      <c r="N1140" t="s">
        <v>668</v>
      </c>
      <c r="O1140">
        <v>4</v>
      </c>
      <c r="P1140" t="s">
        <v>655</v>
      </c>
      <c r="Q1140">
        <v>1</v>
      </c>
      <c r="R1140" t="s">
        <v>669</v>
      </c>
      <c r="S1140">
        <v>1</v>
      </c>
      <c r="T1140" t="s">
        <v>718</v>
      </c>
      <c r="U1140">
        <v>2</v>
      </c>
      <c r="V1140">
        <v>3</v>
      </c>
      <c r="W1140">
        <v>180</v>
      </c>
      <c r="X1140">
        <v>2020</v>
      </c>
    </row>
    <row r="1141" spans="1:24" x14ac:dyDescent="0.25">
      <c r="A1141">
        <v>12303</v>
      </c>
      <c r="B1141" t="s">
        <v>69</v>
      </c>
      <c r="C1141">
        <v>36</v>
      </c>
      <c r="D1141" t="s">
        <v>70</v>
      </c>
      <c r="E1141">
        <v>1257</v>
      </c>
      <c r="F1141" t="s">
        <v>651</v>
      </c>
      <c r="G1141">
        <v>160</v>
      </c>
      <c r="H1141" t="s">
        <v>732</v>
      </c>
      <c r="I1141">
        <v>1000</v>
      </c>
      <c r="J1141" t="s">
        <v>295</v>
      </c>
      <c r="K1141">
        <v>30</v>
      </c>
      <c r="L1141" t="s">
        <v>295</v>
      </c>
      <c r="M1141">
        <v>96</v>
      </c>
      <c r="N1141" t="s">
        <v>654</v>
      </c>
      <c r="O1141">
        <v>3</v>
      </c>
      <c r="P1141" t="s">
        <v>746</v>
      </c>
      <c r="Q1141">
        <v>2</v>
      </c>
      <c r="R1141" t="s">
        <v>669</v>
      </c>
      <c r="S1141">
        <v>1</v>
      </c>
      <c r="T1141" t="s">
        <v>661</v>
      </c>
      <c r="U1141">
        <v>8</v>
      </c>
      <c r="V1141">
        <v>3</v>
      </c>
      <c r="W1141">
        <v>180</v>
      </c>
      <c r="X1141">
        <v>2020</v>
      </c>
    </row>
    <row r="1142" spans="1:24" x14ac:dyDescent="0.25">
      <c r="A1142">
        <v>12300</v>
      </c>
      <c r="B1142" t="s">
        <v>364</v>
      </c>
      <c r="C1142">
        <v>112</v>
      </c>
      <c r="D1142" t="s">
        <v>363</v>
      </c>
      <c r="E1142">
        <v>568</v>
      </c>
      <c r="F1142" t="s">
        <v>651</v>
      </c>
      <c r="G1142">
        <v>160</v>
      </c>
      <c r="H1142" t="s">
        <v>658</v>
      </c>
      <c r="I1142">
        <v>13755</v>
      </c>
      <c r="J1142" t="s">
        <v>807</v>
      </c>
      <c r="K1142">
        <v>25</v>
      </c>
      <c r="L1142" t="s">
        <v>1603</v>
      </c>
      <c r="M1142">
        <v>81</v>
      </c>
      <c r="N1142" t="s">
        <v>668</v>
      </c>
      <c r="O1142">
        <v>4</v>
      </c>
      <c r="P1142" t="s">
        <v>655</v>
      </c>
      <c r="Q1142">
        <v>1</v>
      </c>
      <c r="R1142" t="s">
        <v>669</v>
      </c>
      <c r="S1142">
        <v>1</v>
      </c>
      <c r="T1142" t="s">
        <v>718</v>
      </c>
      <c r="U1142">
        <v>2</v>
      </c>
      <c r="V1142">
        <v>3</v>
      </c>
      <c r="W1142">
        <v>180</v>
      </c>
      <c r="X1142">
        <v>2020</v>
      </c>
    </row>
    <row r="1143" spans="1:24" x14ac:dyDescent="0.25">
      <c r="A1143">
        <v>12297</v>
      </c>
      <c r="B1143" t="s">
        <v>69</v>
      </c>
      <c r="C1143">
        <v>36</v>
      </c>
      <c r="D1143" t="s">
        <v>70</v>
      </c>
      <c r="E1143">
        <v>1257</v>
      </c>
      <c r="F1143" t="s">
        <v>651</v>
      </c>
      <c r="G1143">
        <v>160</v>
      </c>
      <c r="H1143" t="s">
        <v>732</v>
      </c>
      <c r="I1143">
        <v>1000</v>
      </c>
      <c r="J1143" t="s">
        <v>294</v>
      </c>
      <c r="K1143">
        <v>31</v>
      </c>
      <c r="L1143" t="s">
        <v>294</v>
      </c>
      <c r="M1143">
        <v>98</v>
      </c>
      <c r="N1143" t="s">
        <v>654</v>
      </c>
      <c r="O1143">
        <v>3</v>
      </c>
      <c r="P1143" t="s">
        <v>655</v>
      </c>
      <c r="Q1143">
        <v>1</v>
      </c>
      <c r="R1143" t="s">
        <v>669</v>
      </c>
      <c r="S1143">
        <v>1</v>
      </c>
      <c r="T1143" t="s">
        <v>661</v>
      </c>
      <c r="U1143">
        <v>8</v>
      </c>
      <c r="V1143">
        <v>3</v>
      </c>
      <c r="W1143">
        <v>180</v>
      </c>
      <c r="X1143">
        <v>2020</v>
      </c>
    </row>
    <row r="1144" spans="1:24" x14ac:dyDescent="0.25">
      <c r="A1144">
        <v>12294</v>
      </c>
      <c r="B1144" t="s">
        <v>364</v>
      </c>
      <c r="C1144">
        <v>112</v>
      </c>
      <c r="D1144" t="s">
        <v>363</v>
      </c>
      <c r="E1144">
        <v>568</v>
      </c>
      <c r="F1144" t="s">
        <v>651</v>
      </c>
      <c r="G1144">
        <v>160</v>
      </c>
      <c r="H1144" t="s">
        <v>658</v>
      </c>
      <c r="I1144">
        <v>13755</v>
      </c>
      <c r="J1144" t="s">
        <v>299</v>
      </c>
      <c r="K1144">
        <v>27</v>
      </c>
      <c r="L1144" t="s">
        <v>690</v>
      </c>
      <c r="M1144">
        <v>89</v>
      </c>
      <c r="N1144" t="s">
        <v>668</v>
      </c>
      <c r="O1144">
        <v>4</v>
      </c>
      <c r="P1144" t="s">
        <v>655</v>
      </c>
      <c r="Q1144">
        <v>1</v>
      </c>
      <c r="R1144" t="s">
        <v>669</v>
      </c>
      <c r="S1144">
        <v>1</v>
      </c>
      <c r="T1144" t="s">
        <v>661</v>
      </c>
      <c r="U1144">
        <v>8</v>
      </c>
      <c r="V1144">
        <v>3</v>
      </c>
      <c r="W1144">
        <v>180</v>
      </c>
      <c r="X1144">
        <v>2020</v>
      </c>
    </row>
    <row r="1145" spans="1:24" x14ac:dyDescent="0.25">
      <c r="A1145">
        <v>12291</v>
      </c>
      <c r="B1145" t="s">
        <v>69</v>
      </c>
      <c r="C1145">
        <v>36</v>
      </c>
      <c r="D1145" t="s">
        <v>70</v>
      </c>
      <c r="E1145">
        <v>1257</v>
      </c>
      <c r="F1145" t="s">
        <v>651</v>
      </c>
      <c r="G1145">
        <v>160</v>
      </c>
      <c r="H1145" t="s">
        <v>732</v>
      </c>
      <c r="I1145">
        <v>1000</v>
      </c>
      <c r="J1145" t="s">
        <v>65</v>
      </c>
      <c r="K1145">
        <v>15</v>
      </c>
      <c r="L1145" t="s">
        <v>65</v>
      </c>
      <c r="M1145">
        <v>51</v>
      </c>
      <c r="N1145" t="s">
        <v>654</v>
      </c>
      <c r="O1145">
        <v>3</v>
      </c>
      <c r="P1145" t="s">
        <v>655</v>
      </c>
      <c r="Q1145">
        <v>1</v>
      </c>
      <c r="R1145" t="s">
        <v>669</v>
      </c>
      <c r="S1145">
        <v>1</v>
      </c>
      <c r="T1145" t="s">
        <v>661</v>
      </c>
      <c r="U1145">
        <v>8</v>
      </c>
      <c r="V1145">
        <v>4</v>
      </c>
      <c r="W1145">
        <v>240</v>
      </c>
      <c r="X1145">
        <v>2020</v>
      </c>
    </row>
    <row r="1146" spans="1:24" x14ac:dyDescent="0.25">
      <c r="A1146">
        <v>12285</v>
      </c>
      <c r="B1146" t="s">
        <v>69</v>
      </c>
      <c r="C1146">
        <v>36</v>
      </c>
      <c r="D1146" t="s">
        <v>70</v>
      </c>
      <c r="E1146">
        <v>1257</v>
      </c>
      <c r="F1146" t="s">
        <v>651</v>
      </c>
      <c r="G1146">
        <v>160</v>
      </c>
      <c r="H1146" t="s">
        <v>732</v>
      </c>
      <c r="I1146">
        <v>1000</v>
      </c>
      <c r="J1146" t="s">
        <v>65</v>
      </c>
      <c r="K1146">
        <v>15</v>
      </c>
      <c r="L1146" t="s">
        <v>65</v>
      </c>
      <c r="M1146">
        <v>51</v>
      </c>
      <c r="N1146" t="s">
        <v>654</v>
      </c>
      <c r="O1146">
        <v>3</v>
      </c>
      <c r="P1146" t="s">
        <v>746</v>
      </c>
      <c r="Q1146">
        <v>2</v>
      </c>
      <c r="R1146" t="s">
        <v>669</v>
      </c>
      <c r="S1146">
        <v>1</v>
      </c>
      <c r="T1146" t="s">
        <v>661</v>
      </c>
      <c r="U1146">
        <v>8</v>
      </c>
      <c r="V1146">
        <v>4</v>
      </c>
      <c r="W1146">
        <v>240</v>
      </c>
      <c r="X1146">
        <v>2020</v>
      </c>
    </row>
    <row r="1147" spans="1:24" x14ac:dyDescent="0.25">
      <c r="A1147">
        <v>12282</v>
      </c>
      <c r="B1147" t="s">
        <v>79</v>
      </c>
      <c r="C1147">
        <v>86</v>
      </c>
      <c r="D1147" t="s">
        <v>80</v>
      </c>
      <c r="E1147">
        <v>1236</v>
      </c>
      <c r="F1147" t="s">
        <v>651</v>
      </c>
      <c r="G1147">
        <v>160</v>
      </c>
      <c r="H1147" t="s">
        <v>652</v>
      </c>
      <c r="I1147">
        <v>2094</v>
      </c>
      <c r="J1147" t="s">
        <v>295</v>
      </c>
      <c r="K1147">
        <v>30</v>
      </c>
      <c r="L1147" t="s">
        <v>295</v>
      </c>
      <c r="M1147">
        <v>96</v>
      </c>
      <c r="N1147" t="s">
        <v>654</v>
      </c>
      <c r="O1147">
        <v>3</v>
      </c>
      <c r="P1147" t="s">
        <v>655</v>
      </c>
      <c r="Q1147">
        <v>1</v>
      </c>
      <c r="R1147" t="s">
        <v>669</v>
      </c>
      <c r="S1147">
        <v>1</v>
      </c>
      <c r="T1147" t="s">
        <v>657</v>
      </c>
      <c r="U1147">
        <v>7</v>
      </c>
      <c r="V1147">
        <v>3</v>
      </c>
      <c r="W1147">
        <v>180</v>
      </c>
      <c r="X1147">
        <v>2020</v>
      </c>
    </row>
    <row r="1148" spans="1:24" x14ac:dyDescent="0.25">
      <c r="A1148">
        <v>12279</v>
      </c>
      <c r="B1148" t="s">
        <v>79</v>
      </c>
      <c r="C1148">
        <v>86</v>
      </c>
      <c r="D1148" t="s">
        <v>80</v>
      </c>
      <c r="E1148">
        <v>1236</v>
      </c>
      <c r="F1148" t="s">
        <v>651</v>
      </c>
      <c r="G1148">
        <v>160</v>
      </c>
      <c r="H1148" t="s">
        <v>652</v>
      </c>
      <c r="I1148">
        <v>2094</v>
      </c>
      <c r="J1148" t="s">
        <v>807</v>
      </c>
      <c r="K1148">
        <v>25</v>
      </c>
      <c r="L1148" t="s">
        <v>1603</v>
      </c>
      <c r="M1148">
        <v>81</v>
      </c>
      <c r="N1148" t="s">
        <v>654</v>
      </c>
      <c r="O1148">
        <v>3</v>
      </c>
      <c r="P1148" t="s">
        <v>655</v>
      </c>
      <c r="Q1148">
        <v>1</v>
      </c>
      <c r="R1148" t="s">
        <v>669</v>
      </c>
      <c r="S1148">
        <v>1</v>
      </c>
      <c r="T1148" t="s">
        <v>657</v>
      </c>
      <c r="U1148">
        <v>7</v>
      </c>
      <c r="V1148">
        <v>3</v>
      </c>
      <c r="W1148">
        <v>180</v>
      </c>
      <c r="X1148">
        <v>2020</v>
      </c>
    </row>
    <row r="1149" spans="1:24" x14ac:dyDescent="0.25">
      <c r="A1149">
        <v>12276</v>
      </c>
      <c r="B1149" t="s">
        <v>79</v>
      </c>
      <c r="C1149">
        <v>86</v>
      </c>
      <c r="D1149" t="s">
        <v>80</v>
      </c>
      <c r="E1149">
        <v>1236</v>
      </c>
      <c r="F1149" t="s">
        <v>651</v>
      </c>
      <c r="G1149">
        <v>160</v>
      </c>
      <c r="H1149" t="s">
        <v>652</v>
      </c>
      <c r="I1149">
        <v>2094</v>
      </c>
      <c r="J1149" t="s">
        <v>301</v>
      </c>
      <c r="K1149">
        <v>26</v>
      </c>
      <c r="L1149" t="s">
        <v>930</v>
      </c>
      <c r="M1149">
        <v>84</v>
      </c>
      <c r="N1149" t="s">
        <v>654</v>
      </c>
      <c r="O1149">
        <v>3</v>
      </c>
      <c r="P1149" t="s">
        <v>655</v>
      </c>
      <c r="Q1149">
        <v>1</v>
      </c>
      <c r="R1149" t="s">
        <v>669</v>
      </c>
      <c r="S1149">
        <v>1</v>
      </c>
      <c r="T1149" t="s">
        <v>657</v>
      </c>
      <c r="U1149">
        <v>7</v>
      </c>
      <c r="V1149">
        <v>3</v>
      </c>
      <c r="W1149">
        <v>180</v>
      </c>
      <c r="X1149">
        <v>2020</v>
      </c>
    </row>
    <row r="1150" spans="1:24" x14ac:dyDescent="0.25">
      <c r="A1150">
        <v>12273</v>
      </c>
      <c r="B1150" t="s">
        <v>69</v>
      </c>
      <c r="C1150">
        <v>36</v>
      </c>
      <c r="D1150" t="s">
        <v>70</v>
      </c>
      <c r="E1150">
        <v>1257</v>
      </c>
      <c r="F1150" t="s">
        <v>651</v>
      </c>
      <c r="G1150">
        <v>160</v>
      </c>
      <c r="H1150" t="s">
        <v>732</v>
      </c>
      <c r="I1150">
        <v>1000</v>
      </c>
      <c r="J1150" t="s">
        <v>682</v>
      </c>
      <c r="K1150">
        <v>20</v>
      </c>
      <c r="L1150" t="s">
        <v>904</v>
      </c>
      <c r="M1150">
        <v>61</v>
      </c>
      <c r="N1150" t="s">
        <v>654</v>
      </c>
      <c r="O1150">
        <v>3</v>
      </c>
      <c r="P1150" t="s">
        <v>655</v>
      </c>
      <c r="Q1150">
        <v>1</v>
      </c>
      <c r="R1150" t="s">
        <v>669</v>
      </c>
      <c r="S1150">
        <v>1</v>
      </c>
      <c r="T1150" t="s">
        <v>661</v>
      </c>
      <c r="U1150">
        <v>8</v>
      </c>
      <c r="V1150">
        <v>3</v>
      </c>
      <c r="W1150">
        <v>180</v>
      </c>
      <c r="X1150">
        <v>2020</v>
      </c>
    </row>
    <row r="1151" spans="1:24" x14ac:dyDescent="0.25">
      <c r="A1151">
        <v>12264</v>
      </c>
      <c r="B1151" t="s">
        <v>69</v>
      </c>
      <c r="C1151">
        <v>36</v>
      </c>
      <c r="D1151" t="s">
        <v>71</v>
      </c>
      <c r="E1151">
        <v>1254</v>
      </c>
      <c r="F1151" t="s">
        <v>651</v>
      </c>
      <c r="G1151">
        <v>160</v>
      </c>
      <c r="H1151" t="s">
        <v>1569</v>
      </c>
      <c r="I1151">
        <v>12777</v>
      </c>
      <c r="J1151" t="s">
        <v>684</v>
      </c>
      <c r="K1151">
        <v>22</v>
      </c>
      <c r="L1151" t="s">
        <v>685</v>
      </c>
      <c r="M1151">
        <v>72</v>
      </c>
      <c r="N1151" t="s">
        <v>654</v>
      </c>
      <c r="O1151">
        <v>3</v>
      </c>
      <c r="P1151" t="s">
        <v>655</v>
      </c>
      <c r="Q1151">
        <v>1</v>
      </c>
      <c r="R1151" t="s">
        <v>669</v>
      </c>
      <c r="S1151">
        <v>1</v>
      </c>
      <c r="T1151" t="s">
        <v>661</v>
      </c>
      <c r="U1151">
        <v>8</v>
      </c>
      <c r="V1151">
        <v>3</v>
      </c>
      <c r="W1151">
        <v>180</v>
      </c>
      <c r="X1151">
        <v>2020</v>
      </c>
    </row>
    <row r="1152" spans="1:24" x14ac:dyDescent="0.25">
      <c r="A1152">
        <v>12261</v>
      </c>
      <c r="B1152" t="s">
        <v>79</v>
      </c>
      <c r="C1152">
        <v>86</v>
      </c>
      <c r="D1152" t="s">
        <v>80</v>
      </c>
      <c r="E1152">
        <v>1236</v>
      </c>
      <c r="F1152" t="s">
        <v>651</v>
      </c>
      <c r="G1152">
        <v>160</v>
      </c>
      <c r="H1152" t="s">
        <v>652</v>
      </c>
      <c r="I1152">
        <v>2094</v>
      </c>
      <c r="J1152" t="s">
        <v>684</v>
      </c>
      <c r="K1152">
        <v>22</v>
      </c>
      <c r="L1152" t="s">
        <v>685</v>
      </c>
      <c r="M1152">
        <v>72</v>
      </c>
      <c r="N1152" t="s">
        <v>654</v>
      </c>
      <c r="O1152">
        <v>3</v>
      </c>
      <c r="P1152" t="s">
        <v>655</v>
      </c>
      <c r="Q1152">
        <v>1</v>
      </c>
      <c r="R1152" t="s">
        <v>669</v>
      </c>
      <c r="S1152">
        <v>1</v>
      </c>
      <c r="T1152" t="s">
        <v>657</v>
      </c>
      <c r="U1152">
        <v>7</v>
      </c>
      <c r="V1152">
        <v>3</v>
      </c>
      <c r="W1152">
        <v>180</v>
      </c>
      <c r="X1152">
        <v>2020</v>
      </c>
    </row>
    <row r="1153" spans="1:24" x14ac:dyDescent="0.25">
      <c r="A1153">
        <v>12258</v>
      </c>
      <c r="B1153" t="s">
        <v>79</v>
      </c>
      <c r="C1153">
        <v>86</v>
      </c>
      <c r="D1153" t="s">
        <v>80</v>
      </c>
      <c r="E1153">
        <v>1236</v>
      </c>
      <c r="F1153" t="s">
        <v>651</v>
      </c>
      <c r="G1153">
        <v>160</v>
      </c>
      <c r="H1153" t="s">
        <v>652</v>
      </c>
      <c r="I1153">
        <v>2094</v>
      </c>
      <c r="J1153" t="s">
        <v>703</v>
      </c>
      <c r="K1153">
        <v>16</v>
      </c>
      <c r="L1153" t="s">
        <v>703</v>
      </c>
      <c r="M1153">
        <v>54</v>
      </c>
      <c r="N1153" t="s">
        <v>654</v>
      </c>
      <c r="O1153">
        <v>3</v>
      </c>
      <c r="P1153" t="s">
        <v>655</v>
      </c>
      <c r="Q1153">
        <v>1</v>
      </c>
      <c r="R1153" t="s">
        <v>669</v>
      </c>
      <c r="S1153">
        <v>1</v>
      </c>
      <c r="T1153" t="s">
        <v>657</v>
      </c>
      <c r="U1153">
        <v>7</v>
      </c>
      <c r="V1153">
        <v>3</v>
      </c>
      <c r="W1153">
        <v>180</v>
      </c>
      <c r="X1153">
        <v>2020</v>
      </c>
    </row>
    <row r="1154" spans="1:24" x14ac:dyDescent="0.25">
      <c r="A1154">
        <v>12255</v>
      </c>
      <c r="B1154" t="s">
        <v>69</v>
      </c>
      <c r="C1154">
        <v>36</v>
      </c>
      <c r="D1154" t="s">
        <v>71</v>
      </c>
      <c r="E1154">
        <v>1254</v>
      </c>
      <c r="F1154" t="s">
        <v>651</v>
      </c>
      <c r="G1154">
        <v>160</v>
      </c>
      <c r="H1154" t="s">
        <v>732</v>
      </c>
      <c r="I1154">
        <v>1000</v>
      </c>
      <c r="J1154" t="s">
        <v>684</v>
      </c>
      <c r="K1154">
        <v>22</v>
      </c>
      <c r="L1154" t="s">
        <v>685</v>
      </c>
      <c r="M1154">
        <v>72</v>
      </c>
      <c r="N1154" t="s">
        <v>654</v>
      </c>
      <c r="O1154">
        <v>3</v>
      </c>
      <c r="P1154" t="s">
        <v>655</v>
      </c>
      <c r="Q1154">
        <v>1</v>
      </c>
      <c r="R1154" t="s">
        <v>669</v>
      </c>
      <c r="S1154">
        <v>1</v>
      </c>
      <c r="T1154" t="s">
        <v>661</v>
      </c>
      <c r="U1154">
        <v>8</v>
      </c>
      <c r="V1154">
        <v>3</v>
      </c>
      <c r="W1154">
        <v>180</v>
      </c>
      <c r="X1154">
        <v>2020</v>
      </c>
    </row>
    <row r="1155" spans="1:24" x14ac:dyDescent="0.25">
      <c r="A1155">
        <v>12249</v>
      </c>
      <c r="B1155" t="s">
        <v>69</v>
      </c>
      <c r="C1155">
        <v>36</v>
      </c>
      <c r="D1155" t="s">
        <v>71</v>
      </c>
      <c r="E1155">
        <v>1254</v>
      </c>
      <c r="F1155" t="s">
        <v>651</v>
      </c>
      <c r="G1155">
        <v>160</v>
      </c>
      <c r="H1155" t="s">
        <v>1525</v>
      </c>
      <c r="I1155">
        <v>11610</v>
      </c>
      <c r="J1155" t="s">
        <v>684</v>
      </c>
      <c r="K1155">
        <v>22</v>
      </c>
      <c r="L1155" t="s">
        <v>685</v>
      </c>
      <c r="M1155">
        <v>72</v>
      </c>
      <c r="N1155" t="s">
        <v>654</v>
      </c>
      <c r="O1155">
        <v>3</v>
      </c>
      <c r="P1155" t="s">
        <v>655</v>
      </c>
      <c r="Q1155">
        <v>1</v>
      </c>
      <c r="R1155" t="s">
        <v>669</v>
      </c>
      <c r="S1155">
        <v>1</v>
      </c>
      <c r="T1155" t="s">
        <v>661</v>
      </c>
      <c r="U1155">
        <v>8</v>
      </c>
      <c r="V1155">
        <v>3</v>
      </c>
      <c r="W1155">
        <v>180</v>
      </c>
      <c r="X1155">
        <v>2020</v>
      </c>
    </row>
    <row r="1156" spans="1:24" x14ac:dyDescent="0.25">
      <c r="A1156">
        <v>12246</v>
      </c>
      <c r="B1156" t="s">
        <v>79</v>
      </c>
      <c r="C1156">
        <v>86</v>
      </c>
      <c r="D1156" t="s">
        <v>80</v>
      </c>
      <c r="E1156">
        <v>1236</v>
      </c>
      <c r="F1156" t="s">
        <v>651</v>
      </c>
      <c r="G1156">
        <v>160</v>
      </c>
      <c r="H1156" t="s">
        <v>652</v>
      </c>
      <c r="I1156">
        <v>2094</v>
      </c>
      <c r="J1156" t="s">
        <v>1011</v>
      </c>
      <c r="K1156">
        <v>17</v>
      </c>
      <c r="L1156" t="s">
        <v>1011</v>
      </c>
      <c r="M1156">
        <v>57</v>
      </c>
      <c r="N1156" t="s">
        <v>654</v>
      </c>
      <c r="O1156">
        <v>3</v>
      </c>
      <c r="P1156" t="s">
        <v>655</v>
      </c>
      <c r="Q1156">
        <v>1</v>
      </c>
      <c r="R1156" t="s">
        <v>669</v>
      </c>
      <c r="S1156">
        <v>1</v>
      </c>
      <c r="T1156" t="s">
        <v>657</v>
      </c>
      <c r="U1156">
        <v>7</v>
      </c>
      <c r="V1156">
        <v>3</v>
      </c>
      <c r="W1156">
        <v>180</v>
      </c>
      <c r="X1156">
        <v>2020</v>
      </c>
    </row>
    <row r="1157" spans="1:24" x14ac:dyDescent="0.25">
      <c r="A1157">
        <v>12243</v>
      </c>
      <c r="B1157" t="s">
        <v>79</v>
      </c>
      <c r="C1157">
        <v>86</v>
      </c>
      <c r="D1157" t="s">
        <v>78</v>
      </c>
      <c r="E1157">
        <v>1239</v>
      </c>
      <c r="F1157" t="s">
        <v>651</v>
      </c>
      <c r="G1157">
        <v>160</v>
      </c>
      <c r="H1157" t="s">
        <v>652</v>
      </c>
      <c r="I1157">
        <v>2094</v>
      </c>
      <c r="J1157" t="s">
        <v>673</v>
      </c>
      <c r="K1157">
        <v>34</v>
      </c>
      <c r="L1157" t="s">
        <v>673</v>
      </c>
      <c r="M1157">
        <v>104</v>
      </c>
      <c r="N1157" t="s">
        <v>654</v>
      </c>
      <c r="O1157">
        <v>3</v>
      </c>
      <c r="P1157" t="s">
        <v>655</v>
      </c>
      <c r="Q1157">
        <v>1</v>
      </c>
      <c r="R1157" t="s">
        <v>669</v>
      </c>
      <c r="S1157">
        <v>1</v>
      </c>
      <c r="T1157" t="s">
        <v>657</v>
      </c>
      <c r="U1157">
        <v>7</v>
      </c>
      <c r="V1157">
        <v>3</v>
      </c>
      <c r="W1157">
        <v>180</v>
      </c>
      <c r="X1157">
        <v>2020</v>
      </c>
    </row>
    <row r="1158" spans="1:24" x14ac:dyDescent="0.25">
      <c r="A1158">
        <v>12240</v>
      </c>
      <c r="B1158" t="s">
        <v>79</v>
      </c>
      <c r="C1158">
        <v>86</v>
      </c>
      <c r="D1158" t="s">
        <v>78</v>
      </c>
      <c r="E1158">
        <v>1239</v>
      </c>
      <c r="F1158" t="s">
        <v>651</v>
      </c>
      <c r="G1158">
        <v>160</v>
      </c>
      <c r="H1158" t="s">
        <v>652</v>
      </c>
      <c r="I1158">
        <v>2094</v>
      </c>
      <c r="J1158" t="s">
        <v>659</v>
      </c>
      <c r="K1158">
        <v>35</v>
      </c>
      <c r="L1158" t="s">
        <v>1604</v>
      </c>
      <c r="M1158">
        <v>379</v>
      </c>
      <c r="N1158" t="s">
        <v>654</v>
      </c>
      <c r="O1158">
        <v>3</v>
      </c>
      <c r="P1158" t="s">
        <v>655</v>
      </c>
      <c r="Q1158">
        <v>1</v>
      </c>
      <c r="R1158" t="s">
        <v>669</v>
      </c>
      <c r="S1158">
        <v>1</v>
      </c>
      <c r="T1158" t="s">
        <v>657</v>
      </c>
      <c r="U1158">
        <v>7</v>
      </c>
      <c r="V1158">
        <v>3</v>
      </c>
      <c r="W1158">
        <v>180</v>
      </c>
      <c r="X1158">
        <v>2020</v>
      </c>
    </row>
    <row r="1159" spans="1:24" x14ac:dyDescent="0.25">
      <c r="A1159">
        <v>12237</v>
      </c>
      <c r="B1159" t="s">
        <v>79</v>
      </c>
      <c r="C1159">
        <v>86</v>
      </c>
      <c r="D1159" t="s">
        <v>78</v>
      </c>
      <c r="E1159">
        <v>1239</v>
      </c>
      <c r="F1159" t="s">
        <v>651</v>
      </c>
      <c r="G1159">
        <v>160</v>
      </c>
      <c r="H1159" t="s">
        <v>652</v>
      </c>
      <c r="I1159">
        <v>2094</v>
      </c>
      <c r="J1159" t="s">
        <v>699</v>
      </c>
      <c r="K1159">
        <v>10</v>
      </c>
      <c r="L1159" t="s">
        <v>700</v>
      </c>
      <c r="M1159">
        <v>348</v>
      </c>
      <c r="N1159" t="s">
        <v>668</v>
      </c>
      <c r="O1159">
        <v>4</v>
      </c>
      <c r="P1159" t="s">
        <v>655</v>
      </c>
      <c r="Q1159">
        <v>1</v>
      </c>
      <c r="R1159" t="s">
        <v>669</v>
      </c>
      <c r="S1159">
        <v>1</v>
      </c>
      <c r="T1159" t="s">
        <v>1010</v>
      </c>
      <c r="U1159">
        <v>36</v>
      </c>
      <c r="V1159">
        <v>3</v>
      </c>
      <c r="W1159">
        <v>180</v>
      </c>
      <c r="X1159">
        <v>2020</v>
      </c>
    </row>
    <row r="1160" spans="1:24" x14ac:dyDescent="0.25">
      <c r="A1160">
        <v>12231</v>
      </c>
      <c r="B1160" t="s">
        <v>69</v>
      </c>
      <c r="C1160">
        <v>36</v>
      </c>
      <c r="D1160" t="s">
        <v>71</v>
      </c>
      <c r="E1160">
        <v>1254</v>
      </c>
      <c r="F1160" t="s">
        <v>651</v>
      </c>
      <c r="G1160">
        <v>160</v>
      </c>
      <c r="H1160" t="s">
        <v>1605</v>
      </c>
      <c r="I1160">
        <v>1001</v>
      </c>
      <c r="J1160" t="s">
        <v>684</v>
      </c>
      <c r="K1160">
        <v>22</v>
      </c>
      <c r="L1160" t="s">
        <v>685</v>
      </c>
      <c r="M1160">
        <v>72</v>
      </c>
      <c r="N1160" t="s">
        <v>654</v>
      </c>
      <c r="O1160">
        <v>3</v>
      </c>
      <c r="P1160" t="s">
        <v>655</v>
      </c>
      <c r="Q1160">
        <v>1</v>
      </c>
      <c r="R1160" t="s">
        <v>669</v>
      </c>
      <c r="S1160">
        <v>1</v>
      </c>
      <c r="T1160" t="s">
        <v>661</v>
      </c>
      <c r="U1160">
        <v>8</v>
      </c>
      <c r="V1160">
        <v>3</v>
      </c>
      <c r="W1160">
        <v>180</v>
      </c>
      <c r="X1160">
        <v>2020</v>
      </c>
    </row>
    <row r="1161" spans="1:24" x14ac:dyDescent="0.25">
      <c r="A1161">
        <v>12228</v>
      </c>
      <c r="B1161" t="s">
        <v>79</v>
      </c>
      <c r="C1161">
        <v>86</v>
      </c>
      <c r="D1161" t="s">
        <v>78</v>
      </c>
      <c r="E1161">
        <v>1239</v>
      </c>
      <c r="F1161" t="s">
        <v>651</v>
      </c>
      <c r="G1161">
        <v>160</v>
      </c>
      <c r="H1161" t="s">
        <v>652</v>
      </c>
      <c r="I1161">
        <v>2094</v>
      </c>
      <c r="J1161" t="s">
        <v>699</v>
      </c>
      <c r="K1161">
        <v>10</v>
      </c>
      <c r="L1161" t="s">
        <v>1606</v>
      </c>
      <c r="M1161">
        <v>345</v>
      </c>
      <c r="N1161" t="s">
        <v>668</v>
      </c>
      <c r="O1161">
        <v>4</v>
      </c>
      <c r="P1161" t="s">
        <v>655</v>
      </c>
      <c r="Q1161">
        <v>1</v>
      </c>
      <c r="R1161" t="s">
        <v>669</v>
      </c>
      <c r="S1161">
        <v>1</v>
      </c>
      <c r="T1161" t="s">
        <v>1467</v>
      </c>
      <c r="U1161">
        <v>22</v>
      </c>
      <c r="V1161">
        <v>3</v>
      </c>
      <c r="W1161">
        <v>180</v>
      </c>
      <c r="X1161">
        <v>2020</v>
      </c>
    </row>
    <row r="1162" spans="1:24" x14ac:dyDescent="0.25">
      <c r="A1162">
        <v>12222</v>
      </c>
      <c r="B1162" t="s">
        <v>79</v>
      </c>
      <c r="C1162">
        <v>86</v>
      </c>
      <c r="D1162" t="s">
        <v>78</v>
      </c>
      <c r="E1162">
        <v>1239</v>
      </c>
      <c r="F1162" t="s">
        <v>651</v>
      </c>
      <c r="G1162">
        <v>160</v>
      </c>
      <c r="H1162" t="s">
        <v>652</v>
      </c>
      <c r="I1162">
        <v>2094</v>
      </c>
      <c r="J1162" t="s">
        <v>699</v>
      </c>
      <c r="K1162">
        <v>10</v>
      </c>
      <c r="L1162" t="s">
        <v>1607</v>
      </c>
      <c r="M1162">
        <v>31</v>
      </c>
      <c r="N1162" t="s">
        <v>654</v>
      </c>
      <c r="O1162">
        <v>3</v>
      </c>
      <c r="P1162" t="s">
        <v>655</v>
      </c>
      <c r="Q1162">
        <v>1</v>
      </c>
      <c r="R1162" t="s">
        <v>669</v>
      </c>
      <c r="S1162">
        <v>1</v>
      </c>
      <c r="T1162" t="s">
        <v>657</v>
      </c>
      <c r="U1162">
        <v>7</v>
      </c>
      <c r="V1162">
        <v>3</v>
      </c>
      <c r="W1162">
        <v>180</v>
      </c>
      <c r="X1162">
        <v>2020</v>
      </c>
    </row>
    <row r="1163" spans="1:24" x14ac:dyDescent="0.25">
      <c r="A1163">
        <v>12219</v>
      </c>
      <c r="B1163" t="s">
        <v>69</v>
      </c>
      <c r="C1163">
        <v>36</v>
      </c>
      <c r="D1163" t="s">
        <v>71</v>
      </c>
      <c r="E1163">
        <v>1254</v>
      </c>
      <c r="F1163" t="s">
        <v>651</v>
      </c>
      <c r="G1163">
        <v>160</v>
      </c>
      <c r="H1163" t="s">
        <v>1608</v>
      </c>
      <c r="I1163">
        <v>9640</v>
      </c>
      <c r="J1163" t="s">
        <v>684</v>
      </c>
      <c r="K1163">
        <v>22</v>
      </c>
      <c r="L1163" t="s">
        <v>685</v>
      </c>
      <c r="M1163">
        <v>72</v>
      </c>
      <c r="N1163" t="s">
        <v>654</v>
      </c>
      <c r="O1163">
        <v>3</v>
      </c>
      <c r="P1163" t="s">
        <v>655</v>
      </c>
      <c r="Q1163">
        <v>1</v>
      </c>
      <c r="R1163" t="s">
        <v>669</v>
      </c>
      <c r="S1163">
        <v>1</v>
      </c>
      <c r="T1163" t="s">
        <v>661</v>
      </c>
      <c r="U1163">
        <v>8</v>
      </c>
      <c r="V1163">
        <v>3</v>
      </c>
      <c r="W1163">
        <v>180</v>
      </c>
      <c r="X1163">
        <v>2020</v>
      </c>
    </row>
    <row r="1164" spans="1:24" x14ac:dyDescent="0.25">
      <c r="A1164">
        <v>12216</v>
      </c>
      <c r="B1164" t="s">
        <v>79</v>
      </c>
      <c r="C1164">
        <v>86</v>
      </c>
      <c r="D1164" t="s">
        <v>78</v>
      </c>
      <c r="E1164">
        <v>1239</v>
      </c>
      <c r="F1164" t="s">
        <v>651</v>
      </c>
      <c r="G1164">
        <v>160</v>
      </c>
      <c r="H1164" t="s">
        <v>652</v>
      </c>
      <c r="I1164">
        <v>2094</v>
      </c>
      <c r="J1164" t="s">
        <v>699</v>
      </c>
      <c r="K1164">
        <v>10</v>
      </c>
      <c r="L1164" t="s">
        <v>1607</v>
      </c>
      <c r="M1164">
        <v>31</v>
      </c>
      <c r="N1164" t="s">
        <v>654</v>
      </c>
      <c r="O1164">
        <v>3</v>
      </c>
      <c r="P1164" t="s">
        <v>655</v>
      </c>
      <c r="Q1164">
        <v>1</v>
      </c>
      <c r="R1164" t="s">
        <v>669</v>
      </c>
      <c r="S1164">
        <v>1</v>
      </c>
      <c r="T1164" t="s">
        <v>729</v>
      </c>
      <c r="U1164">
        <v>4</v>
      </c>
      <c r="V1164">
        <v>3</v>
      </c>
      <c r="W1164">
        <v>180</v>
      </c>
      <c r="X1164">
        <v>2020</v>
      </c>
    </row>
    <row r="1165" spans="1:24" x14ac:dyDescent="0.25">
      <c r="A1165">
        <v>12207</v>
      </c>
      <c r="B1165" t="s">
        <v>69</v>
      </c>
      <c r="C1165">
        <v>36</v>
      </c>
      <c r="D1165" t="s">
        <v>71</v>
      </c>
      <c r="E1165">
        <v>1254</v>
      </c>
      <c r="F1165" t="s">
        <v>651</v>
      </c>
      <c r="G1165">
        <v>160</v>
      </c>
      <c r="H1165" t="s">
        <v>732</v>
      </c>
      <c r="I1165">
        <v>1000</v>
      </c>
      <c r="J1165" t="s">
        <v>868</v>
      </c>
      <c r="K1165">
        <v>23</v>
      </c>
      <c r="L1165" t="s">
        <v>868</v>
      </c>
      <c r="M1165">
        <v>73</v>
      </c>
      <c r="N1165" t="s">
        <v>654</v>
      </c>
      <c r="O1165">
        <v>3</v>
      </c>
      <c r="P1165" t="s">
        <v>655</v>
      </c>
      <c r="Q1165">
        <v>1</v>
      </c>
      <c r="R1165" t="s">
        <v>669</v>
      </c>
      <c r="S1165">
        <v>1</v>
      </c>
      <c r="T1165" t="s">
        <v>661</v>
      </c>
      <c r="U1165">
        <v>8</v>
      </c>
      <c r="V1165">
        <v>3</v>
      </c>
      <c r="W1165">
        <v>180</v>
      </c>
      <c r="X1165">
        <v>2020</v>
      </c>
    </row>
    <row r="1166" spans="1:24" x14ac:dyDescent="0.25">
      <c r="A1166">
        <v>12204</v>
      </c>
      <c r="B1166" t="s">
        <v>79</v>
      </c>
      <c r="C1166">
        <v>86</v>
      </c>
      <c r="D1166" t="s">
        <v>78</v>
      </c>
      <c r="E1166">
        <v>1239</v>
      </c>
      <c r="F1166" t="s">
        <v>651</v>
      </c>
      <c r="G1166">
        <v>160</v>
      </c>
      <c r="H1166" t="s">
        <v>652</v>
      </c>
      <c r="I1166">
        <v>2094</v>
      </c>
      <c r="J1166" t="s">
        <v>699</v>
      </c>
      <c r="K1166">
        <v>10</v>
      </c>
      <c r="L1166" t="s">
        <v>1607</v>
      </c>
      <c r="M1166">
        <v>31</v>
      </c>
      <c r="N1166" t="s">
        <v>654</v>
      </c>
      <c r="O1166">
        <v>3</v>
      </c>
      <c r="P1166" t="s">
        <v>655</v>
      </c>
      <c r="Q1166">
        <v>1</v>
      </c>
      <c r="R1166" t="s">
        <v>669</v>
      </c>
      <c r="S1166">
        <v>1</v>
      </c>
      <c r="T1166" t="s">
        <v>718</v>
      </c>
      <c r="U1166">
        <v>2</v>
      </c>
      <c r="V1166">
        <v>3</v>
      </c>
      <c r="W1166">
        <v>180</v>
      </c>
      <c r="X1166">
        <v>2020</v>
      </c>
    </row>
    <row r="1167" spans="1:24" x14ac:dyDescent="0.25">
      <c r="A1167">
        <v>12201</v>
      </c>
      <c r="B1167" t="s">
        <v>69</v>
      </c>
      <c r="C1167">
        <v>36</v>
      </c>
      <c r="D1167" t="s">
        <v>71</v>
      </c>
      <c r="E1167">
        <v>1254</v>
      </c>
      <c r="F1167" t="s">
        <v>651</v>
      </c>
      <c r="G1167">
        <v>160</v>
      </c>
      <c r="H1167" t="s">
        <v>732</v>
      </c>
      <c r="I1167">
        <v>1000</v>
      </c>
      <c r="J1167" t="s">
        <v>691</v>
      </c>
      <c r="K1167">
        <v>21</v>
      </c>
      <c r="L1167" t="s">
        <v>1609</v>
      </c>
      <c r="M1167">
        <v>66</v>
      </c>
      <c r="N1167" t="s">
        <v>654</v>
      </c>
      <c r="O1167">
        <v>3</v>
      </c>
      <c r="P1167" t="s">
        <v>655</v>
      </c>
      <c r="Q1167">
        <v>1</v>
      </c>
      <c r="R1167" t="s">
        <v>669</v>
      </c>
      <c r="S1167">
        <v>1</v>
      </c>
      <c r="T1167" t="s">
        <v>661</v>
      </c>
      <c r="U1167">
        <v>8</v>
      </c>
      <c r="V1167">
        <v>3</v>
      </c>
      <c r="W1167">
        <v>180</v>
      </c>
      <c r="X1167">
        <v>2020</v>
      </c>
    </row>
    <row r="1168" spans="1:24" x14ac:dyDescent="0.25">
      <c r="A1168">
        <v>12198</v>
      </c>
      <c r="B1168" t="s">
        <v>69</v>
      </c>
      <c r="C1168">
        <v>36</v>
      </c>
      <c r="D1168" t="s">
        <v>72</v>
      </c>
      <c r="E1168">
        <v>1251</v>
      </c>
      <c r="F1168" t="s">
        <v>651</v>
      </c>
      <c r="G1168">
        <v>160</v>
      </c>
      <c r="H1168" t="s">
        <v>732</v>
      </c>
      <c r="I1168">
        <v>1000</v>
      </c>
      <c r="J1168" t="s">
        <v>864</v>
      </c>
      <c r="K1168">
        <v>14</v>
      </c>
      <c r="L1168" t="s">
        <v>1610</v>
      </c>
      <c r="M1168">
        <v>370</v>
      </c>
      <c r="N1168" t="s">
        <v>654</v>
      </c>
      <c r="O1168">
        <v>3</v>
      </c>
      <c r="P1168" t="s">
        <v>655</v>
      </c>
      <c r="Q1168">
        <v>1</v>
      </c>
      <c r="R1168" t="s">
        <v>669</v>
      </c>
      <c r="S1168">
        <v>1</v>
      </c>
      <c r="T1168" t="s">
        <v>661</v>
      </c>
      <c r="U1168">
        <v>8</v>
      </c>
      <c r="V1168">
        <v>3</v>
      </c>
      <c r="W1168">
        <v>180</v>
      </c>
      <c r="X1168">
        <v>2020</v>
      </c>
    </row>
    <row r="1169" spans="1:24" x14ac:dyDescent="0.25">
      <c r="A1169">
        <v>12192</v>
      </c>
      <c r="B1169" t="s">
        <v>69</v>
      </c>
      <c r="C1169">
        <v>36</v>
      </c>
      <c r="D1169" t="s">
        <v>72</v>
      </c>
      <c r="E1169">
        <v>1251</v>
      </c>
      <c r="F1169" t="s">
        <v>651</v>
      </c>
      <c r="G1169">
        <v>160</v>
      </c>
      <c r="H1169" t="s">
        <v>1569</v>
      </c>
      <c r="I1169">
        <v>12777</v>
      </c>
      <c r="J1169" t="s">
        <v>699</v>
      </c>
      <c r="K1169">
        <v>10</v>
      </c>
      <c r="L1169" t="s">
        <v>1096</v>
      </c>
      <c r="M1169">
        <v>341</v>
      </c>
      <c r="N1169" t="s">
        <v>654</v>
      </c>
      <c r="O1169">
        <v>3</v>
      </c>
      <c r="P1169" t="s">
        <v>655</v>
      </c>
      <c r="Q1169">
        <v>1</v>
      </c>
      <c r="R1169" t="s">
        <v>669</v>
      </c>
      <c r="S1169">
        <v>1</v>
      </c>
      <c r="T1169" t="s">
        <v>1295</v>
      </c>
      <c r="U1169">
        <v>10</v>
      </c>
      <c r="V1169">
        <v>3</v>
      </c>
      <c r="W1169">
        <v>180</v>
      </c>
      <c r="X1169">
        <v>2020</v>
      </c>
    </row>
    <row r="1170" spans="1:24" x14ac:dyDescent="0.25">
      <c r="A1170">
        <v>12186</v>
      </c>
      <c r="B1170" t="s">
        <v>69</v>
      </c>
      <c r="C1170">
        <v>36</v>
      </c>
      <c r="D1170" t="s">
        <v>72</v>
      </c>
      <c r="E1170">
        <v>1251</v>
      </c>
      <c r="F1170" t="s">
        <v>651</v>
      </c>
      <c r="G1170">
        <v>160</v>
      </c>
      <c r="H1170" t="s">
        <v>732</v>
      </c>
      <c r="I1170">
        <v>1000</v>
      </c>
      <c r="J1170" t="s">
        <v>699</v>
      </c>
      <c r="K1170">
        <v>10</v>
      </c>
      <c r="L1170" t="s">
        <v>700</v>
      </c>
      <c r="M1170">
        <v>348</v>
      </c>
      <c r="N1170" t="s">
        <v>654</v>
      </c>
      <c r="O1170">
        <v>3</v>
      </c>
      <c r="P1170" t="s">
        <v>655</v>
      </c>
      <c r="Q1170">
        <v>1</v>
      </c>
      <c r="R1170" t="s">
        <v>669</v>
      </c>
      <c r="S1170">
        <v>1</v>
      </c>
      <c r="T1170" t="s">
        <v>942</v>
      </c>
      <c r="U1170">
        <v>58</v>
      </c>
      <c r="V1170">
        <v>3</v>
      </c>
      <c r="W1170">
        <v>180</v>
      </c>
      <c r="X1170">
        <v>2020</v>
      </c>
    </row>
    <row r="1171" spans="1:24" x14ac:dyDescent="0.25">
      <c r="A1171">
        <v>12183</v>
      </c>
      <c r="B1171" t="s">
        <v>69</v>
      </c>
      <c r="C1171">
        <v>36</v>
      </c>
      <c r="D1171" t="s">
        <v>72</v>
      </c>
      <c r="E1171">
        <v>1251</v>
      </c>
      <c r="F1171" t="s">
        <v>651</v>
      </c>
      <c r="G1171">
        <v>160</v>
      </c>
      <c r="H1171" t="s">
        <v>732</v>
      </c>
      <c r="I1171">
        <v>1000</v>
      </c>
      <c r="J1171" t="s">
        <v>699</v>
      </c>
      <c r="K1171">
        <v>10</v>
      </c>
      <c r="L1171" t="s">
        <v>1096</v>
      </c>
      <c r="M1171">
        <v>341</v>
      </c>
      <c r="N1171" t="s">
        <v>654</v>
      </c>
      <c r="O1171">
        <v>3</v>
      </c>
      <c r="P1171" t="s">
        <v>655</v>
      </c>
      <c r="Q1171">
        <v>1</v>
      </c>
      <c r="R1171" t="s">
        <v>669</v>
      </c>
      <c r="S1171">
        <v>1</v>
      </c>
      <c r="T1171" t="s">
        <v>1611</v>
      </c>
      <c r="U1171">
        <v>11</v>
      </c>
      <c r="V1171">
        <v>3</v>
      </c>
      <c r="W1171">
        <v>180</v>
      </c>
      <c r="X1171">
        <v>2020</v>
      </c>
    </row>
    <row r="1172" spans="1:24" x14ac:dyDescent="0.25">
      <c r="A1172">
        <v>12180</v>
      </c>
      <c r="B1172" t="s">
        <v>69</v>
      </c>
      <c r="C1172">
        <v>36</v>
      </c>
      <c r="D1172" t="s">
        <v>72</v>
      </c>
      <c r="E1172">
        <v>1251</v>
      </c>
      <c r="F1172" t="s">
        <v>651</v>
      </c>
      <c r="G1172">
        <v>160</v>
      </c>
      <c r="H1172" t="s">
        <v>732</v>
      </c>
      <c r="I1172">
        <v>1000</v>
      </c>
      <c r="J1172" t="s">
        <v>699</v>
      </c>
      <c r="K1172">
        <v>10</v>
      </c>
      <c r="L1172" t="s">
        <v>700</v>
      </c>
      <c r="M1172">
        <v>348</v>
      </c>
      <c r="N1172" t="s">
        <v>668</v>
      </c>
      <c r="O1172">
        <v>4</v>
      </c>
      <c r="P1172" t="s">
        <v>655</v>
      </c>
      <c r="Q1172">
        <v>1</v>
      </c>
      <c r="R1172" t="s">
        <v>669</v>
      </c>
      <c r="S1172">
        <v>1</v>
      </c>
      <c r="T1172" t="s">
        <v>1010</v>
      </c>
      <c r="U1172">
        <v>36</v>
      </c>
      <c r="V1172">
        <v>3</v>
      </c>
      <c r="W1172">
        <v>180</v>
      </c>
      <c r="X1172">
        <v>2020</v>
      </c>
    </row>
    <row r="1173" spans="1:24" x14ac:dyDescent="0.25">
      <c r="A1173">
        <v>12177</v>
      </c>
      <c r="B1173" t="s">
        <v>69</v>
      </c>
      <c r="C1173">
        <v>36</v>
      </c>
      <c r="D1173" t="s">
        <v>72</v>
      </c>
      <c r="E1173">
        <v>1251</v>
      </c>
      <c r="F1173" t="s">
        <v>651</v>
      </c>
      <c r="G1173">
        <v>160</v>
      </c>
      <c r="H1173" t="s">
        <v>732</v>
      </c>
      <c r="I1173">
        <v>1000</v>
      </c>
      <c r="J1173" t="s">
        <v>699</v>
      </c>
      <c r="K1173">
        <v>10</v>
      </c>
      <c r="L1173" t="s">
        <v>700</v>
      </c>
      <c r="M1173">
        <v>348</v>
      </c>
      <c r="N1173" t="s">
        <v>668</v>
      </c>
      <c r="O1173">
        <v>4</v>
      </c>
      <c r="P1173" t="s">
        <v>655</v>
      </c>
      <c r="Q1173">
        <v>1</v>
      </c>
      <c r="R1173" t="s">
        <v>669</v>
      </c>
      <c r="S1173">
        <v>1</v>
      </c>
      <c r="T1173" t="s">
        <v>702</v>
      </c>
      <c r="U1173">
        <v>39</v>
      </c>
      <c r="V1173">
        <v>3</v>
      </c>
      <c r="W1173">
        <v>180</v>
      </c>
      <c r="X1173">
        <v>2020</v>
      </c>
    </row>
    <row r="1174" spans="1:24" x14ac:dyDescent="0.25">
      <c r="A1174">
        <v>12174</v>
      </c>
      <c r="B1174" t="s">
        <v>69</v>
      </c>
      <c r="C1174">
        <v>36</v>
      </c>
      <c r="D1174" t="s">
        <v>72</v>
      </c>
      <c r="E1174">
        <v>1251</v>
      </c>
      <c r="F1174" t="s">
        <v>651</v>
      </c>
      <c r="G1174">
        <v>160</v>
      </c>
      <c r="H1174" t="s">
        <v>732</v>
      </c>
      <c r="I1174">
        <v>1000</v>
      </c>
      <c r="J1174" t="s">
        <v>699</v>
      </c>
      <c r="K1174">
        <v>10</v>
      </c>
      <c r="L1174" t="s">
        <v>700</v>
      </c>
      <c r="M1174">
        <v>348</v>
      </c>
      <c r="N1174" t="s">
        <v>668</v>
      </c>
      <c r="O1174">
        <v>4</v>
      </c>
      <c r="P1174" t="s">
        <v>655</v>
      </c>
      <c r="Q1174">
        <v>1</v>
      </c>
      <c r="R1174" t="s">
        <v>669</v>
      </c>
      <c r="S1174">
        <v>1</v>
      </c>
      <c r="T1174" t="s">
        <v>1009</v>
      </c>
      <c r="U1174">
        <v>35</v>
      </c>
      <c r="V1174">
        <v>3</v>
      </c>
      <c r="W1174">
        <v>180</v>
      </c>
      <c r="X1174">
        <v>2020</v>
      </c>
    </row>
    <row r="1175" spans="1:24" x14ac:dyDescent="0.25">
      <c r="A1175">
        <v>12171</v>
      </c>
      <c r="B1175" t="s">
        <v>69</v>
      </c>
      <c r="C1175">
        <v>36</v>
      </c>
      <c r="D1175" t="s">
        <v>72</v>
      </c>
      <c r="E1175">
        <v>1251</v>
      </c>
      <c r="F1175" t="s">
        <v>651</v>
      </c>
      <c r="G1175">
        <v>160</v>
      </c>
      <c r="H1175" t="s">
        <v>732</v>
      </c>
      <c r="I1175">
        <v>1000</v>
      </c>
      <c r="J1175" t="s">
        <v>667</v>
      </c>
      <c r="K1175">
        <v>11</v>
      </c>
      <c r="L1175" t="s">
        <v>667</v>
      </c>
      <c r="M1175">
        <v>35</v>
      </c>
      <c r="N1175" t="s">
        <v>654</v>
      </c>
      <c r="O1175">
        <v>3</v>
      </c>
      <c r="P1175" t="s">
        <v>655</v>
      </c>
      <c r="Q1175">
        <v>1</v>
      </c>
      <c r="R1175" t="s">
        <v>669</v>
      </c>
      <c r="S1175">
        <v>1</v>
      </c>
      <c r="T1175" t="s">
        <v>661</v>
      </c>
      <c r="U1175">
        <v>8</v>
      </c>
      <c r="V1175">
        <v>3</v>
      </c>
      <c r="W1175">
        <v>180</v>
      </c>
      <c r="X1175">
        <v>2020</v>
      </c>
    </row>
    <row r="1176" spans="1:24" x14ac:dyDescent="0.25">
      <c r="A1176">
        <v>12168</v>
      </c>
      <c r="B1176" t="s">
        <v>69</v>
      </c>
      <c r="C1176">
        <v>36</v>
      </c>
      <c r="D1176" t="s">
        <v>72</v>
      </c>
      <c r="E1176">
        <v>1251</v>
      </c>
      <c r="F1176" t="s">
        <v>651</v>
      </c>
      <c r="G1176">
        <v>160</v>
      </c>
      <c r="H1176" t="s">
        <v>732</v>
      </c>
      <c r="I1176">
        <v>1000</v>
      </c>
      <c r="J1176" t="s">
        <v>802</v>
      </c>
      <c r="K1176">
        <v>12</v>
      </c>
      <c r="L1176" t="s">
        <v>802</v>
      </c>
      <c r="M1176">
        <v>36</v>
      </c>
      <c r="N1176" t="s">
        <v>654</v>
      </c>
      <c r="O1176">
        <v>3</v>
      </c>
      <c r="P1176" t="s">
        <v>655</v>
      </c>
      <c r="Q1176">
        <v>1</v>
      </c>
      <c r="R1176" t="s">
        <v>669</v>
      </c>
      <c r="S1176">
        <v>1</v>
      </c>
      <c r="T1176" t="s">
        <v>661</v>
      </c>
      <c r="U1176">
        <v>8</v>
      </c>
      <c r="V1176">
        <v>3</v>
      </c>
      <c r="W1176">
        <v>180</v>
      </c>
      <c r="X1176">
        <v>2020</v>
      </c>
    </row>
    <row r="1177" spans="1:24" x14ac:dyDescent="0.25">
      <c r="A1177">
        <v>12165</v>
      </c>
      <c r="B1177" t="s">
        <v>69</v>
      </c>
      <c r="C1177">
        <v>36</v>
      </c>
      <c r="D1177" t="s">
        <v>72</v>
      </c>
      <c r="E1177">
        <v>1251</v>
      </c>
      <c r="F1177" t="s">
        <v>651</v>
      </c>
      <c r="G1177">
        <v>160</v>
      </c>
      <c r="H1177" t="s">
        <v>732</v>
      </c>
      <c r="I1177">
        <v>1000</v>
      </c>
      <c r="J1177" t="s">
        <v>673</v>
      </c>
      <c r="K1177">
        <v>34</v>
      </c>
      <c r="L1177" t="s">
        <v>673</v>
      </c>
      <c r="M1177">
        <v>104</v>
      </c>
      <c r="N1177" t="s">
        <v>654</v>
      </c>
      <c r="O1177">
        <v>3</v>
      </c>
      <c r="P1177" t="s">
        <v>655</v>
      </c>
      <c r="Q1177">
        <v>1</v>
      </c>
      <c r="R1177" t="s">
        <v>669</v>
      </c>
      <c r="S1177">
        <v>1</v>
      </c>
      <c r="T1177" t="s">
        <v>661</v>
      </c>
      <c r="U1177">
        <v>8</v>
      </c>
      <c r="V1177">
        <v>3</v>
      </c>
      <c r="W1177">
        <v>180</v>
      </c>
      <c r="X1177">
        <v>2020</v>
      </c>
    </row>
    <row r="1178" spans="1:24" x14ac:dyDescent="0.25">
      <c r="A1178">
        <v>12162</v>
      </c>
      <c r="B1178" t="s">
        <v>69</v>
      </c>
      <c r="C1178">
        <v>36</v>
      </c>
      <c r="D1178" t="s">
        <v>72</v>
      </c>
      <c r="E1178">
        <v>1251</v>
      </c>
      <c r="F1178" t="s">
        <v>651</v>
      </c>
      <c r="G1178">
        <v>160</v>
      </c>
      <c r="H1178" t="s">
        <v>732</v>
      </c>
      <c r="I1178">
        <v>1000</v>
      </c>
      <c r="J1178" t="s">
        <v>659</v>
      </c>
      <c r="K1178">
        <v>35</v>
      </c>
      <c r="L1178" t="s">
        <v>1082</v>
      </c>
      <c r="M1178">
        <v>48</v>
      </c>
      <c r="N1178" t="s">
        <v>654</v>
      </c>
      <c r="O1178">
        <v>3</v>
      </c>
      <c r="P1178" t="s">
        <v>655</v>
      </c>
      <c r="Q1178">
        <v>1</v>
      </c>
      <c r="R1178" t="s">
        <v>669</v>
      </c>
      <c r="S1178">
        <v>1</v>
      </c>
      <c r="T1178" t="s">
        <v>661</v>
      </c>
      <c r="U1178">
        <v>8</v>
      </c>
      <c r="V1178">
        <v>3</v>
      </c>
      <c r="W1178">
        <v>180</v>
      </c>
      <c r="X1178">
        <v>2020</v>
      </c>
    </row>
    <row r="1179" spans="1:24" x14ac:dyDescent="0.25">
      <c r="A1179">
        <v>12159</v>
      </c>
      <c r="B1179" t="s">
        <v>69</v>
      </c>
      <c r="C1179">
        <v>36</v>
      </c>
      <c r="D1179" t="s">
        <v>72</v>
      </c>
      <c r="E1179">
        <v>1251</v>
      </c>
      <c r="F1179" t="s">
        <v>651</v>
      </c>
      <c r="G1179">
        <v>160</v>
      </c>
      <c r="H1179" t="s">
        <v>732</v>
      </c>
      <c r="I1179">
        <v>1000</v>
      </c>
      <c r="J1179" t="s">
        <v>679</v>
      </c>
      <c r="K1179">
        <v>32</v>
      </c>
      <c r="L1179" t="s">
        <v>1612</v>
      </c>
      <c r="M1179">
        <v>463</v>
      </c>
      <c r="N1179" t="s">
        <v>668</v>
      </c>
      <c r="O1179">
        <v>4</v>
      </c>
      <c r="P1179" t="s">
        <v>655</v>
      </c>
      <c r="Q1179">
        <v>1</v>
      </c>
      <c r="R1179" t="s">
        <v>669</v>
      </c>
      <c r="S1179">
        <v>1</v>
      </c>
      <c r="T1179" t="s">
        <v>661</v>
      </c>
      <c r="U1179">
        <v>8</v>
      </c>
      <c r="V1179">
        <v>3</v>
      </c>
      <c r="W1179">
        <v>180</v>
      </c>
      <c r="X1179">
        <v>2020</v>
      </c>
    </row>
    <row r="1180" spans="1:24" x14ac:dyDescent="0.25">
      <c r="A1180">
        <v>12156</v>
      </c>
      <c r="B1180" t="s">
        <v>397</v>
      </c>
      <c r="C1180">
        <v>78</v>
      </c>
      <c r="D1180" t="s">
        <v>396</v>
      </c>
      <c r="E1180">
        <v>507</v>
      </c>
      <c r="F1180" t="s">
        <v>651</v>
      </c>
      <c r="G1180">
        <v>160</v>
      </c>
      <c r="H1180" t="s">
        <v>652</v>
      </c>
      <c r="I1180">
        <v>2094</v>
      </c>
      <c r="J1180" t="s">
        <v>1094</v>
      </c>
      <c r="K1180">
        <v>28</v>
      </c>
      <c r="L1180" t="s">
        <v>296</v>
      </c>
      <c r="M1180">
        <v>91</v>
      </c>
      <c r="N1180" t="s">
        <v>668</v>
      </c>
      <c r="O1180">
        <v>4</v>
      </c>
      <c r="P1180" t="s">
        <v>655</v>
      </c>
      <c r="Q1180">
        <v>1</v>
      </c>
      <c r="R1180" t="s">
        <v>669</v>
      </c>
      <c r="S1180">
        <v>1</v>
      </c>
      <c r="T1180" t="s">
        <v>661</v>
      </c>
      <c r="U1180">
        <v>8</v>
      </c>
      <c r="V1180">
        <v>3</v>
      </c>
      <c r="W1180">
        <v>180</v>
      </c>
      <c r="X1180">
        <v>2020</v>
      </c>
    </row>
    <row r="1181" spans="1:24" x14ac:dyDescent="0.25">
      <c r="A1181">
        <v>12153</v>
      </c>
      <c r="B1181" t="s">
        <v>8</v>
      </c>
      <c r="C1181">
        <v>75</v>
      </c>
      <c r="D1181" t="s">
        <v>351</v>
      </c>
      <c r="E1181">
        <v>613</v>
      </c>
      <c r="F1181" t="s">
        <v>651</v>
      </c>
      <c r="G1181">
        <v>160</v>
      </c>
      <c r="H1181" t="s">
        <v>675</v>
      </c>
      <c r="I1181">
        <v>5952</v>
      </c>
      <c r="J1181" t="s">
        <v>868</v>
      </c>
      <c r="K1181">
        <v>23</v>
      </c>
      <c r="L1181" t="s">
        <v>868</v>
      </c>
      <c r="M1181">
        <v>73</v>
      </c>
      <c r="N1181" t="s">
        <v>668</v>
      </c>
      <c r="O1181">
        <v>4</v>
      </c>
      <c r="P1181" t="s">
        <v>655</v>
      </c>
      <c r="Q1181">
        <v>1</v>
      </c>
      <c r="R1181" t="s">
        <v>669</v>
      </c>
      <c r="S1181">
        <v>1</v>
      </c>
      <c r="T1181" t="s">
        <v>661</v>
      </c>
      <c r="U1181">
        <v>8</v>
      </c>
      <c r="V1181">
        <v>3</v>
      </c>
      <c r="W1181">
        <v>180</v>
      </c>
      <c r="X1181">
        <v>2020</v>
      </c>
    </row>
    <row r="1182" spans="1:24" x14ac:dyDescent="0.25">
      <c r="A1182">
        <v>12150</v>
      </c>
      <c r="B1182" t="s">
        <v>180</v>
      </c>
      <c r="C1182">
        <v>70</v>
      </c>
      <c r="D1182" t="s">
        <v>319</v>
      </c>
      <c r="E1182">
        <v>664</v>
      </c>
      <c r="F1182" t="s">
        <v>651</v>
      </c>
      <c r="G1182">
        <v>160</v>
      </c>
      <c r="H1182" t="s">
        <v>681</v>
      </c>
      <c r="I1182">
        <v>717</v>
      </c>
      <c r="J1182" t="s">
        <v>703</v>
      </c>
      <c r="K1182">
        <v>16</v>
      </c>
      <c r="L1182" t="s">
        <v>704</v>
      </c>
      <c r="M1182">
        <v>56</v>
      </c>
      <c r="N1182" t="s">
        <v>668</v>
      </c>
      <c r="O1182">
        <v>4</v>
      </c>
      <c r="P1182" t="s">
        <v>655</v>
      </c>
      <c r="Q1182">
        <v>1</v>
      </c>
      <c r="R1182" t="s">
        <v>669</v>
      </c>
      <c r="S1182">
        <v>1</v>
      </c>
      <c r="T1182" t="s">
        <v>661</v>
      </c>
      <c r="U1182">
        <v>8</v>
      </c>
      <c r="V1182">
        <v>3</v>
      </c>
      <c r="W1182">
        <v>180</v>
      </c>
      <c r="X1182">
        <v>2020</v>
      </c>
    </row>
    <row r="1183" spans="1:24" x14ac:dyDescent="0.25">
      <c r="A1183">
        <v>12147</v>
      </c>
      <c r="B1183" t="s">
        <v>180</v>
      </c>
      <c r="C1183">
        <v>70</v>
      </c>
      <c r="D1183" t="s">
        <v>319</v>
      </c>
      <c r="E1183">
        <v>664</v>
      </c>
      <c r="F1183" t="s">
        <v>651</v>
      </c>
      <c r="G1183">
        <v>160</v>
      </c>
      <c r="H1183" t="s">
        <v>681</v>
      </c>
      <c r="I1183">
        <v>717</v>
      </c>
      <c r="J1183" t="s">
        <v>699</v>
      </c>
      <c r="K1183">
        <v>10</v>
      </c>
      <c r="L1183" t="s">
        <v>700</v>
      </c>
      <c r="M1183">
        <v>348</v>
      </c>
      <c r="N1183" t="s">
        <v>668</v>
      </c>
      <c r="O1183">
        <v>4</v>
      </c>
      <c r="P1183" t="s">
        <v>655</v>
      </c>
      <c r="Q1183">
        <v>1</v>
      </c>
      <c r="R1183" t="s">
        <v>669</v>
      </c>
      <c r="S1183">
        <v>1</v>
      </c>
      <c r="T1183" t="s">
        <v>1613</v>
      </c>
      <c r="U1183">
        <v>107</v>
      </c>
      <c r="V1183">
        <v>3</v>
      </c>
      <c r="W1183">
        <v>180</v>
      </c>
      <c r="X1183">
        <v>2020</v>
      </c>
    </row>
    <row r="1184" spans="1:24" x14ac:dyDescent="0.25">
      <c r="A1184">
        <v>12144</v>
      </c>
      <c r="B1184" t="s">
        <v>76</v>
      </c>
      <c r="C1184">
        <v>61</v>
      </c>
      <c r="D1184" t="s">
        <v>77</v>
      </c>
      <c r="E1184">
        <v>1242</v>
      </c>
      <c r="F1184" t="s">
        <v>651</v>
      </c>
      <c r="G1184">
        <v>160</v>
      </c>
      <c r="H1184" t="s">
        <v>658</v>
      </c>
      <c r="I1184">
        <v>13755</v>
      </c>
      <c r="J1184" t="s">
        <v>868</v>
      </c>
      <c r="K1184">
        <v>23</v>
      </c>
      <c r="L1184" t="s">
        <v>868</v>
      </c>
      <c r="M1184">
        <v>73</v>
      </c>
      <c r="N1184" t="s">
        <v>654</v>
      </c>
      <c r="O1184">
        <v>3</v>
      </c>
      <c r="P1184" t="s">
        <v>655</v>
      </c>
      <c r="Q1184">
        <v>1</v>
      </c>
      <c r="R1184" t="s">
        <v>669</v>
      </c>
      <c r="S1184">
        <v>1</v>
      </c>
      <c r="T1184" t="s">
        <v>661</v>
      </c>
      <c r="U1184">
        <v>8</v>
      </c>
      <c r="V1184">
        <v>3</v>
      </c>
      <c r="W1184">
        <v>180</v>
      </c>
      <c r="X1184">
        <v>2020</v>
      </c>
    </row>
    <row r="1185" spans="1:24" x14ac:dyDescent="0.25">
      <c r="A1185">
        <v>12141</v>
      </c>
      <c r="B1185" t="s">
        <v>76</v>
      </c>
      <c r="C1185">
        <v>61</v>
      </c>
      <c r="D1185" t="s">
        <v>75</v>
      </c>
      <c r="E1185">
        <v>1245</v>
      </c>
      <c r="F1185" t="s">
        <v>651</v>
      </c>
      <c r="G1185">
        <v>160</v>
      </c>
      <c r="H1185" t="s">
        <v>658</v>
      </c>
      <c r="I1185">
        <v>13755</v>
      </c>
      <c r="J1185" t="s">
        <v>691</v>
      </c>
      <c r="K1185">
        <v>21</v>
      </c>
      <c r="L1185" t="s">
        <v>1609</v>
      </c>
      <c r="M1185">
        <v>66</v>
      </c>
      <c r="N1185" t="s">
        <v>654</v>
      </c>
      <c r="O1185">
        <v>3</v>
      </c>
      <c r="P1185" t="s">
        <v>655</v>
      </c>
      <c r="Q1185">
        <v>1</v>
      </c>
      <c r="R1185" t="s">
        <v>669</v>
      </c>
      <c r="S1185">
        <v>1</v>
      </c>
      <c r="T1185" t="s">
        <v>661</v>
      </c>
      <c r="U1185">
        <v>8</v>
      </c>
      <c r="V1185">
        <v>3</v>
      </c>
      <c r="W1185">
        <v>180</v>
      </c>
      <c r="X1185">
        <v>2020</v>
      </c>
    </row>
    <row r="1186" spans="1:24" x14ac:dyDescent="0.25">
      <c r="A1186">
        <v>12138</v>
      </c>
      <c r="B1186" t="s">
        <v>50</v>
      </c>
      <c r="C1186">
        <v>56</v>
      </c>
      <c r="D1186" t="s">
        <v>326</v>
      </c>
      <c r="E1186">
        <v>656</v>
      </c>
      <c r="F1186" t="s">
        <v>651</v>
      </c>
      <c r="G1186">
        <v>160</v>
      </c>
      <c r="H1186" t="s">
        <v>817</v>
      </c>
      <c r="I1186">
        <v>11010</v>
      </c>
      <c r="J1186" t="s">
        <v>1614</v>
      </c>
      <c r="K1186">
        <v>71</v>
      </c>
      <c r="L1186" t="s">
        <v>1615</v>
      </c>
      <c r="M1186">
        <v>3474</v>
      </c>
      <c r="N1186" t="s">
        <v>668</v>
      </c>
      <c r="O1186">
        <v>4</v>
      </c>
      <c r="P1186" t="s">
        <v>655</v>
      </c>
      <c r="Q1186">
        <v>1</v>
      </c>
      <c r="R1186" t="s">
        <v>669</v>
      </c>
      <c r="S1186">
        <v>1</v>
      </c>
      <c r="T1186" t="s">
        <v>661</v>
      </c>
      <c r="U1186">
        <v>8</v>
      </c>
      <c r="V1186">
        <v>3</v>
      </c>
      <c r="W1186">
        <v>180</v>
      </c>
      <c r="X1186">
        <v>2020</v>
      </c>
    </row>
    <row r="1187" spans="1:24" x14ac:dyDescent="0.25">
      <c r="A1187">
        <v>12135</v>
      </c>
      <c r="B1187" t="s">
        <v>48</v>
      </c>
      <c r="C1187">
        <v>54</v>
      </c>
      <c r="D1187" t="s">
        <v>47</v>
      </c>
      <c r="E1187">
        <v>1307</v>
      </c>
      <c r="F1187" t="s">
        <v>651</v>
      </c>
      <c r="G1187">
        <v>160</v>
      </c>
      <c r="H1187" t="s">
        <v>744</v>
      </c>
      <c r="I1187">
        <v>3143</v>
      </c>
      <c r="J1187" t="s">
        <v>1614</v>
      </c>
      <c r="K1187">
        <v>71</v>
      </c>
      <c r="L1187" t="s">
        <v>1616</v>
      </c>
      <c r="M1187">
        <v>3477</v>
      </c>
      <c r="N1187" t="s">
        <v>668</v>
      </c>
      <c r="O1187">
        <v>4</v>
      </c>
      <c r="P1187" t="s">
        <v>655</v>
      </c>
      <c r="Q1187">
        <v>1</v>
      </c>
      <c r="R1187" t="s">
        <v>669</v>
      </c>
      <c r="S1187">
        <v>1</v>
      </c>
      <c r="T1187" t="s">
        <v>661</v>
      </c>
      <c r="U1187">
        <v>8</v>
      </c>
      <c r="V1187">
        <v>3</v>
      </c>
      <c r="W1187">
        <v>180</v>
      </c>
      <c r="X1187">
        <v>2020</v>
      </c>
    </row>
    <row r="1188" spans="1:24" x14ac:dyDescent="0.25">
      <c r="A1188">
        <v>12132</v>
      </c>
      <c r="B1188" t="s">
        <v>37</v>
      </c>
      <c r="C1188">
        <v>50</v>
      </c>
      <c r="D1188" t="s">
        <v>38</v>
      </c>
      <c r="E1188">
        <v>1331</v>
      </c>
      <c r="F1188" t="s">
        <v>651</v>
      </c>
      <c r="G1188">
        <v>160</v>
      </c>
      <c r="H1188" t="s">
        <v>658</v>
      </c>
      <c r="I1188">
        <v>13755</v>
      </c>
      <c r="J1188" t="s">
        <v>710</v>
      </c>
      <c r="K1188">
        <v>53</v>
      </c>
      <c r="L1188" t="s">
        <v>1617</v>
      </c>
      <c r="M1188">
        <v>3483</v>
      </c>
      <c r="N1188" t="s">
        <v>668</v>
      </c>
      <c r="O1188">
        <v>4</v>
      </c>
      <c r="P1188" t="s">
        <v>655</v>
      </c>
      <c r="Q1188">
        <v>1</v>
      </c>
      <c r="R1188" t="s">
        <v>669</v>
      </c>
      <c r="S1188">
        <v>1</v>
      </c>
      <c r="T1188" t="s">
        <v>661</v>
      </c>
      <c r="U1188">
        <v>8</v>
      </c>
      <c r="V1188">
        <v>4</v>
      </c>
      <c r="W1188">
        <v>240</v>
      </c>
      <c r="X1188">
        <v>2020</v>
      </c>
    </row>
    <row r="1189" spans="1:24" x14ac:dyDescent="0.25">
      <c r="A1189">
        <v>12129</v>
      </c>
      <c r="B1189" t="s">
        <v>204</v>
      </c>
      <c r="C1189">
        <v>45</v>
      </c>
      <c r="D1189" t="s">
        <v>355</v>
      </c>
      <c r="E1189">
        <v>604</v>
      </c>
      <c r="F1189" t="s">
        <v>651</v>
      </c>
      <c r="G1189">
        <v>160</v>
      </c>
      <c r="H1189" t="s">
        <v>666</v>
      </c>
      <c r="I1189">
        <v>8767</v>
      </c>
      <c r="J1189" t="s">
        <v>1028</v>
      </c>
      <c r="K1189">
        <v>33</v>
      </c>
      <c r="L1189" t="s">
        <v>1085</v>
      </c>
      <c r="M1189">
        <v>529</v>
      </c>
      <c r="N1189" t="s">
        <v>668</v>
      </c>
      <c r="O1189">
        <v>4</v>
      </c>
      <c r="P1189" t="s">
        <v>655</v>
      </c>
      <c r="Q1189">
        <v>1</v>
      </c>
      <c r="R1189" t="s">
        <v>669</v>
      </c>
      <c r="S1189">
        <v>1</v>
      </c>
      <c r="T1189" t="s">
        <v>661</v>
      </c>
      <c r="U1189">
        <v>8</v>
      </c>
      <c r="V1189">
        <v>3</v>
      </c>
      <c r="W1189">
        <v>180</v>
      </c>
      <c r="X1189">
        <v>2020</v>
      </c>
    </row>
    <row r="1190" spans="1:24" x14ac:dyDescent="0.25">
      <c r="A1190">
        <v>12126</v>
      </c>
      <c r="B1190" t="s">
        <v>59</v>
      </c>
      <c r="C1190">
        <v>42</v>
      </c>
      <c r="D1190" t="s">
        <v>477</v>
      </c>
      <c r="E1190">
        <v>326</v>
      </c>
      <c r="F1190" t="s">
        <v>651</v>
      </c>
      <c r="G1190">
        <v>160</v>
      </c>
      <c r="H1190" t="s">
        <v>1060</v>
      </c>
      <c r="I1190">
        <v>6305</v>
      </c>
      <c r="J1190" t="s">
        <v>705</v>
      </c>
      <c r="K1190">
        <v>70</v>
      </c>
      <c r="L1190" t="s">
        <v>890</v>
      </c>
      <c r="M1190">
        <v>301</v>
      </c>
      <c r="N1190" t="s">
        <v>668</v>
      </c>
      <c r="O1190">
        <v>4</v>
      </c>
      <c r="P1190" t="s">
        <v>655</v>
      </c>
      <c r="Q1190">
        <v>1</v>
      </c>
      <c r="R1190" t="s">
        <v>669</v>
      </c>
      <c r="S1190">
        <v>1</v>
      </c>
      <c r="T1190" t="s">
        <v>661</v>
      </c>
      <c r="U1190">
        <v>8</v>
      </c>
      <c r="V1190">
        <v>4</v>
      </c>
      <c r="W1190">
        <v>240</v>
      </c>
      <c r="X1190">
        <v>2020</v>
      </c>
    </row>
    <row r="1191" spans="1:24" x14ac:dyDescent="0.25">
      <c r="A1191">
        <v>12123</v>
      </c>
      <c r="B1191" t="s">
        <v>74</v>
      </c>
      <c r="C1191">
        <v>40</v>
      </c>
      <c r="D1191" t="s">
        <v>73</v>
      </c>
      <c r="E1191">
        <v>1248</v>
      </c>
      <c r="F1191" t="s">
        <v>651</v>
      </c>
      <c r="G1191">
        <v>160</v>
      </c>
      <c r="H1191" t="s">
        <v>697</v>
      </c>
      <c r="I1191">
        <v>11198</v>
      </c>
      <c r="J1191" t="s">
        <v>682</v>
      </c>
      <c r="K1191">
        <v>20</v>
      </c>
      <c r="L1191" t="s">
        <v>904</v>
      </c>
      <c r="M1191">
        <v>61</v>
      </c>
      <c r="N1191" t="s">
        <v>654</v>
      </c>
      <c r="O1191">
        <v>3</v>
      </c>
      <c r="P1191" t="s">
        <v>689</v>
      </c>
      <c r="Q1191">
        <v>4</v>
      </c>
      <c r="R1191" t="s">
        <v>669</v>
      </c>
      <c r="S1191">
        <v>1</v>
      </c>
      <c r="T1191" t="s">
        <v>661</v>
      </c>
      <c r="U1191">
        <v>8</v>
      </c>
      <c r="V1191">
        <v>3</v>
      </c>
      <c r="W1191">
        <v>180</v>
      </c>
      <c r="X1191">
        <v>2020</v>
      </c>
    </row>
    <row r="1192" spans="1:24" x14ac:dyDescent="0.25">
      <c r="A1192">
        <v>12120</v>
      </c>
      <c r="B1192" t="s">
        <v>74</v>
      </c>
      <c r="C1192">
        <v>40</v>
      </c>
      <c r="D1192" t="s">
        <v>73</v>
      </c>
      <c r="E1192">
        <v>1248</v>
      </c>
      <c r="F1192" t="s">
        <v>651</v>
      </c>
      <c r="G1192">
        <v>160</v>
      </c>
      <c r="H1192" t="s">
        <v>697</v>
      </c>
      <c r="I1192">
        <v>11198</v>
      </c>
      <c r="J1192" t="s">
        <v>682</v>
      </c>
      <c r="K1192">
        <v>20</v>
      </c>
      <c r="L1192" t="s">
        <v>904</v>
      </c>
      <c r="M1192">
        <v>61</v>
      </c>
      <c r="N1192" t="s">
        <v>654</v>
      </c>
      <c r="O1192">
        <v>3</v>
      </c>
      <c r="P1192" t="s">
        <v>655</v>
      </c>
      <c r="Q1192">
        <v>1</v>
      </c>
      <c r="R1192" t="s">
        <v>669</v>
      </c>
      <c r="S1192">
        <v>1</v>
      </c>
      <c r="T1192" t="s">
        <v>661</v>
      </c>
      <c r="U1192">
        <v>8</v>
      </c>
      <c r="V1192">
        <v>3</v>
      </c>
      <c r="W1192">
        <v>180</v>
      </c>
      <c r="X1192">
        <v>2020</v>
      </c>
    </row>
    <row r="1193" spans="1:24" x14ac:dyDescent="0.25">
      <c r="A1193">
        <v>12117</v>
      </c>
      <c r="B1193" t="s">
        <v>74</v>
      </c>
      <c r="C1193">
        <v>40</v>
      </c>
      <c r="D1193" t="s">
        <v>73</v>
      </c>
      <c r="E1193">
        <v>1248</v>
      </c>
      <c r="F1193" t="s">
        <v>651</v>
      </c>
      <c r="G1193">
        <v>160</v>
      </c>
      <c r="H1193" t="s">
        <v>697</v>
      </c>
      <c r="I1193">
        <v>11198</v>
      </c>
      <c r="J1193" t="s">
        <v>65</v>
      </c>
      <c r="K1193">
        <v>15</v>
      </c>
      <c r="L1193" t="s">
        <v>65</v>
      </c>
      <c r="M1193">
        <v>51</v>
      </c>
      <c r="N1193" t="s">
        <v>654</v>
      </c>
      <c r="O1193">
        <v>3</v>
      </c>
      <c r="P1193" t="s">
        <v>655</v>
      </c>
      <c r="Q1193">
        <v>1</v>
      </c>
      <c r="R1193" t="s">
        <v>669</v>
      </c>
      <c r="S1193">
        <v>1</v>
      </c>
      <c r="T1193" t="s">
        <v>661</v>
      </c>
      <c r="U1193">
        <v>8</v>
      </c>
      <c r="V1193">
        <v>4</v>
      </c>
      <c r="W1193">
        <v>240</v>
      </c>
      <c r="X1193">
        <v>2020</v>
      </c>
    </row>
    <row r="1194" spans="1:24" x14ac:dyDescent="0.25">
      <c r="A1194">
        <v>12114</v>
      </c>
      <c r="B1194" t="s">
        <v>247</v>
      </c>
      <c r="C1194">
        <v>39</v>
      </c>
      <c r="D1194" t="s">
        <v>374</v>
      </c>
      <c r="E1194">
        <v>297</v>
      </c>
      <c r="F1194" t="s">
        <v>651</v>
      </c>
      <c r="G1194">
        <v>160</v>
      </c>
      <c r="H1194" t="s">
        <v>817</v>
      </c>
      <c r="I1194">
        <v>11010</v>
      </c>
      <c r="J1194" t="s">
        <v>673</v>
      </c>
      <c r="K1194">
        <v>34</v>
      </c>
      <c r="L1194" t="s">
        <v>1618</v>
      </c>
      <c r="M1194">
        <v>105</v>
      </c>
      <c r="N1194" t="s">
        <v>668</v>
      </c>
      <c r="O1194">
        <v>4</v>
      </c>
      <c r="P1194" t="s">
        <v>655</v>
      </c>
      <c r="Q1194">
        <v>1</v>
      </c>
      <c r="R1194" t="s">
        <v>669</v>
      </c>
      <c r="S1194">
        <v>1</v>
      </c>
      <c r="T1194" t="s">
        <v>661</v>
      </c>
      <c r="U1194">
        <v>8</v>
      </c>
      <c r="V1194">
        <v>3</v>
      </c>
      <c r="W1194">
        <v>180</v>
      </c>
      <c r="X1194">
        <v>2020</v>
      </c>
    </row>
    <row r="1195" spans="1:24" x14ac:dyDescent="0.25">
      <c r="A1195">
        <v>12111</v>
      </c>
      <c r="B1195" t="s">
        <v>204</v>
      </c>
      <c r="C1195">
        <v>45</v>
      </c>
      <c r="D1195" t="s">
        <v>354</v>
      </c>
      <c r="E1195">
        <v>605</v>
      </c>
      <c r="F1195" t="s">
        <v>651</v>
      </c>
      <c r="G1195">
        <v>160</v>
      </c>
      <c r="H1195" t="s">
        <v>666</v>
      </c>
      <c r="I1195">
        <v>8767</v>
      </c>
      <c r="J1195" t="s">
        <v>1028</v>
      </c>
      <c r="K1195">
        <v>33</v>
      </c>
      <c r="L1195" t="s">
        <v>1085</v>
      </c>
      <c r="M1195">
        <v>529</v>
      </c>
      <c r="N1195" t="s">
        <v>654</v>
      </c>
      <c r="O1195">
        <v>3</v>
      </c>
      <c r="P1195" t="s">
        <v>655</v>
      </c>
      <c r="Q1195">
        <v>1</v>
      </c>
      <c r="R1195" t="s">
        <v>669</v>
      </c>
      <c r="S1195">
        <v>1</v>
      </c>
      <c r="T1195" t="s">
        <v>657</v>
      </c>
      <c r="U1195">
        <v>7</v>
      </c>
      <c r="V1195">
        <v>3</v>
      </c>
      <c r="W1195">
        <v>180</v>
      </c>
      <c r="X1195">
        <v>2020</v>
      </c>
    </row>
    <row r="1196" spans="1:24" x14ac:dyDescent="0.25">
      <c r="A1196">
        <v>12108</v>
      </c>
      <c r="B1196" t="s">
        <v>76</v>
      </c>
      <c r="C1196">
        <v>61</v>
      </c>
      <c r="D1196" t="s">
        <v>75</v>
      </c>
      <c r="E1196">
        <v>1245</v>
      </c>
      <c r="F1196" t="s">
        <v>651</v>
      </c>
      <c r="G1196">
        <v>160</v>
      </c>
      <c r="H1196" t="s">
        <v>658</v>
      </c>
      <c r="I1196">
        <v>13755</v>
      </c>
      <c r="J1196" t="s">
        <v>691</v>
      </c>
      <c r="K1196">
        <v>21</v>
      </c>
      <c r="L1196" t="s">
        <v>1619</v>
      </c>
      <c r="M1196">
        <v>2907</v>
      </c>
      <c r="N1196" t="s">
        <v>654</v>
      </c>
      <c r="O1196">
        <v>3</v>
      </c>
      <c r="P1196" t="s">
        <v>655</v>
      </c>
      <c r="Q1196">
        <v>1</v>
      </c>
      <c r="R1196" t="s">
        <v>656</v>
      </c>
      <c r="S1196">
        <v>2</v>
      </c>
      <c r="T1196" t="s">
        <v>661</v>
      </c>
      <c r="U1196">
        <v>8</v>
      </c>
      <c r="V1196">
        <v>2</v>
      </c>
      <c r="W1196">
        <v>120</v>
      </c>
      <c r="X1196">
        <v>2020</v>
      </c>
    </row>
    <row r="1197" spans="1:24" x14ac:dyDescent="0.25">
      <c r="A1197">
        <v>12105</v>
      </c>
      <c r="B1197" t="s">
        <v>76</v>
      </c>
      <c r="C1197">
        <v>61</v>
      </c>
      <c r="D1197" t="s">
        <v>77</v>
      </c>
      <c r="E1197">
        <v>1242</v>
      </c>
      <c r="F1197" t="s">
        <v>651</v>
      </c>
      <c r="G1197">
        <v>160</v>
      </c>
      <c r="H1197" t="s">
        <v>658</v>
      </c>
      <c r="I1197">
        <v>13755</v>
      </c>
      <c r="J1197" t="s">
        <v>868</v>
      </c>
      <c r="K1197">
        <v>23</v>
      </c>
      <c r="L1197" t="s">
        <v>1620</v>
      </c>
      <c r="M1197">
        <v>2738</v>
      </c>
      <c r="N1197" t="s">
        <v>654</v>
      </c>
      <c r="O1197">
        <v>3</v>
      </c>
      <c r="P1197" t="s">
        <v>655</v>
      </c>
      <c r="Q1197">
        <v>1</v>
      </c>
      <c r="R1197" t="s">
        <v>656</v>
      </c>
      <c r="S1197">
        <v>2</v>
      </c>
      <c r="T1197" t="s">
        <v>661</v>
      </c>
      <c r="U1197">
        <v>8</v>
      </c>
      <c r="V1197">
        <v>2</v>
      </c>
      <c r="W1197">
        <v>120</v>
      </c>
      <c r="X1197">
        <v>2020</v>
      </c>
    </row>
    <row r="1198" spans="1:24" x14ac:dyDescent="0.25">
      <c r="A1198">
        <v>12099</v>
      </c>
      <c r="B1198" t="s">
        <v>67</v>
      </c>
      <c r="C1198">
        <v>62</v>
      </c>
      <c r="D1198" t="s">
        <v>66</v>
      </c>
      <c r="E1198">
        <v>1263</v>
      </c>
      <c r="F1198" t="s">
        <v>651</v>
      </c>
      <c r="G1198">
        <v>160</v>
      </c>
      <c r="H1198" t="s">
        <v>658</v>
      </c>
      <c r="I1198">
        <v>13755</v>
      </c>
      <c r="J1198" t="s">
        <v>676</v>
      </c>
      <c r="K1198">
        <v>4</v>
      </c>
      <c r="L1198" t="s">
        <v>1621</v>
      </c>
      <c r="M1198">
        <v>2925</v>
      </c>
      <c r="N1198" t="s">
        <v>654</v>
      </c>
      <c r="O1198">
        <v>3</v>
      </c>
      <c r="P1198" t="s">
        <v>655</v>
      </c>
      <c r="Q1198">
        <v>1</v>
      </c>
      <c r="R1198" t="s">
        <v>656</v>
      </c>
      <c r="S1198">
        <v>2</v>
      </c>
      <c r="T1198" t="s">
        <v>661</v>
      </c>
      <c r="U1198">
        <v>8</v>
      </c>
      <c r="V1198">
        <v>2</v>
      </c>
      <c r="W1198">
        <v>120</v>
      </c>
      <c r="X1198">
        <v>2020</v>
      </c>
    </row>
    <row r="1199" spans="1:24" x14ac:dyDescent="0.25">
      <c r="A1199">
        <v>12087</v>
      </c>
      <c r="B1199" t="s">
        <v>79</v>
      </c>
      <c r="C1199">
        <v>86</v>
      </c>
      <c r="D1199" t="s">
        <v>78</v>
      </c>
      <c r="E1199">
        <v>1239</v>
      </c>
      <c r="F1199" t="s">
        <v>651</v>
      </c>
      <c r="G1199">
        <v>160</v>
      </c>
      <c r="H1199" t="s">
        <v>652</v>
      </c>
      <c r="I1199">
        <v>2094</v>
      </c>
      <c r="J1199" t="s">
        <v>663</v>
      </c>
      <c r="K1199">
        <v>99</v>
      </c>
      <c r="L1199" t="s">
        <v>1622</v>
      </c>
      <c r="M1199">
        <v>3045</v>
      </c>
      <c r="N1199" t="s">
        <v>654</v>
      </c>
      <c r="O1199">
        <v>3</v>
      </c>
      <c r="P1199" t="s">
        <v>655</v>
      </c>
      <c r="Q1199">
        <v>1</v>
      </c>
      <c r="R1199" t="s">
        <v>656</v>
      </c>
      <c r="S1199">
        <v>2</v>
      </c>
      <c r="T1199" t="s">
        <v>657</v>
      </c>
      <c r="U1199">
        <v>7</v>
      </c>
      <c r="V1199">
        <v>2</v>
      </c>
      <c r="W1199">
        <v>120</v>
      </c>
      <c r="X1199">
        <v>2020</v>
      </c>
    </row>
    <row r="1200" spans="1:24" x14ac:dyDescent="0.25">
      <c r="A1200">
        <v>12084</v>
      </c>
      <c r="B1200" t="s">
        <v>69</v>
      </c>
      <c r="C1200">
        <v>36</v>
      </c>
      <c r="D1200" t="s">
        <v>72</v>
      </c>
      <c r="E1200">
        <v>1251</v>
      </c>
      <c r="F1200" t="s">
        <v>651</v>
      </c>
      <c r="G1200">
        <v>160</v>
      </c>
      <c r="H1200" t="s">
        <v>732</v>
      </c>
      <c r="I1200">
        <v>1000</v>
      </c>
      <c r="J1200" t="s">
        <v>663</v>
      </c>
      <c r="K1200">
        <v>99</v>
      </c>
      <c r="L1200" t="s">
        <v>1623</v>
      </c>
      <c r="M1200">
        <v>2238</v>
      </c>
      <c r="N1200" t="s">
        <v>654</v>
      </c>
      <c r="O1200">
        <v>3</v>
      </c>
      <c r="P1200" t="s">
        <v>655</v>
      </c>
      <c r="Q1200">
        <v>1</v>
      </c>
      <c r="R1200" t="s">
        <v>656</v>
      </c>
      <c r="S1200">
        <v>2</v>
      </c>
      <c r="T1200" t="s">
        <v>661</v>
      </c>
      <c r="U1200">
        <v>8</v>
      </c>
      <c r="V1200">
        <v>2</v>
      </c>
      <c r="W1200">
        <v>120</v>
      </c>
      <c r="X1200">
        <v>2020</v>
      </c>
    </row>
    <row r="1201" spans="1:24" x14ac:dyDescent="0.25">
      <c r="A1201">
        <v>12078</v>
      </c>
      <c r="B1201" t="s">
        <v>69</v>
      </c>
      <c r="C1201">
        <v>36</v>
      </c>
      <c r="D1201" t="s">
        <v>72</v>
      </c>
      <c r="E1201">
        <v>1251</v>
      </c>
      <c r="F1201" t="s">
        <v>651</v>
      </c>
      <c r="G1201">
        <v>160</v>
      </c>
      <c r="H1201" t="s">
        <v>732</v>
      </c>
      <c r="I1201">
        <v>1000</v>
      </c>
      <c r="J1201" t="s">
        <v>864</v>
      </c>
      <c r="K1201">
        <v>14</v>
      </c>
      <c r="L1201" t="s">
        <v>1624</v>
      </c>
      <c r="M1201">
        <v>2260</v>
      </c>
      <c r="N1201" t="s">
        <v>654</v>
      </c>
      <c r="O1201">
        <v>3</v>
      </c>
      <c r="P1201" t="s">
        <v>655</v>
      </c>
      <c r="Q1201">
        <v>1</v>
      </c>
      <c r="R1201" t="s">
        <v>656</v>
      </c>
      <c r="S1201">
        <v>2</v>
      </c>
      <c r="T1201" t="s">
        <v>661</v>
      </c>
      <c r="U1201">
        <v>8</v>
      </c>
      <c r="V1201">
        <v>2</v>
      </c>
      <c r="W1201">
        <v>120</v>
      </c>
      <c r="X1201">
        <v>2020</v>
      </c>
    </row>
    <row r="1202" spans="1:24" x14ac:dyDescent="0.25">
      <c r="A1202">
        <v>12072</v>
      </c>
      <c r="B1202" t="s">
        <v>69</v>
      </c>
      <c r="C1202">
        <v>36</v>
      </c>
      <c r="D1202" t="s">
        <v>72</v>
      </c>
      <c r="E1202">
        <v>1251</v>
      </c>
      <c r="F1202" t="s">
        <v>651</v>
      </c>
      <c r="G1202">
        <v>160</v>
      </c>
      <c r="H1202" t="s">
        <v>732</v>
      </c>
      <c r="I1202">
        <v>1000</v>
      </c>
      <c r="J1202" t="s">
        <v>864</v>
      </c>
      <c r="K1202">
        <v>14</v>
      </c>
      <c r="L1202" t="s">
        <v>1625</v>
      </c>
      <c r="M1202">
        <v>2261</v>
      </c>
      <c r="N1202" t="s">
        <v>654</v>
      </c>
      <c r="O1202">
        <v>3</v>
      </c>
      <c r="P1202" t="s">
        <v>655</v>
      </c>
      <c r="Q1202">
        <v>1</v>
      </c>
      <c r="R1202" t="s">
        <v>656</v>
      </c>
      <c r="S1202">
        <v>2</v>
      </c>
      <c r="T1202" t="s">
        <v>661</v>
      </c>
      <c r="U1202">
        <v>8</v>
      </c>
      <c r="V1202">
        <v>2</v>
      </c>
      <c r="W1202">
        <v>120</v>
      </c>
      <c r="X1202">
        <v>2020</v>
      </c>
    </row>
    <row r="1203" spans="1:24" x14ac:dyDescent="0.25">
      <c r="A1203">
        <v>12069</v>
      </c>
      <c r="B1203" t="s">
        <v>69</v>
      </c>
      <c r="C1203">
        <v>36</v>
      </c>
      <c r="D1203" t="s">
        <v>72</v>
      </c>
      <c r="E1203">
        <v>1251</v>
      </c>
      <c r="F1203" t="s">
        <v>651</v>
      </c>
      <c r="G1203">
        <v>160</v>
      </c>
      <c r="H1203" t="s">
        <v>732</v>
      </c>
      <c r="I1203">
        <v>1000</v>
      </c>
      <c r="J1203" t="s">
        <v>864</v>
      </c>
      <c r="K1203">
        <v>14</v>
      </c>
      <c r="L1203" t="s">
        <v>1626</v>
      </c>
      <c r="M1203">
        <v>2259</v>
      </c>
      <c r="N1203" t="s">
        <v>654</v>
      </c>
      <c r="O1203">
        <v>3</v>
      </c>
      <c r="P1203" t="s">
        <v>655</v>
      </c>
      <c r="Q1203">
        <v>1</v>
      </c>
      <c r="R1203" t="s">
        <v>656</v>
      </c>
      <c r="S1203">
        <v>2</v>
      </c>
      <c r="T1203" t="s">
        <v>661</v>
      </c>
      <c r="U1203">
        <v>8</v>
      </c>
      <c r="V1203">
        <v>2</v>
      </c>
      <c r="W1203">
        <v>120</v>
      </c>
      <c r="X1203">
        <v>2020</v>
      </c>
    </row>
    <row r="1204" spans="1:24" x14ac:dyDescent="0.25">
      <c r="A1204">
        <v>12063</v>
      </c>
      <c r="B1204" t="s">
        <v>69</v>
      </c>
      <c r="C1204">
        <v>36</v>
      </c>
      <c r="D1204" t="s">
        <v>72</v>
      </c>
      <c r="E1204">
        <v>1251</v>
      </c>
      <c r="F1204" t="s">
        <v>651</v>
      </c>
      <c r="G1204">
        <v>160</v>
      </c>
      <c r="H1204" t="s">
        <v>732</v>
      </c>
      <c r="I1204">
        <v>1000</v>
      </c>
      <c r="J1204" t="s">
        <v>673</v>
      </c>
      <c r="K1204">
        <v>34</v>
      </c>
      <c r="L1204" t="s">
        <v>1627</v>
      </c>
      <c r="M1204">
        <v>2255</v>
      </c>
      <c r="N1204" t="s">
        <v>654</v>
      </c>
      <c r="O1204">
        <v>3</v>
      </c>
      <c r="P1204" t="s">
        <v>655</v>
      </c>
      <c r="Q1204">
        <v>1</v>
      </c>
      <c r="R1204" t="s">
        <v>656</v>
      </c>
      <c r="S1204">
        <v>2</v>
      </c>
      <c r="T1204" t="s">
        <v>661</v>
      </c>
      <c r="U1204">
        <v>8</v>
      </c>
      <c r="V1204">
        <v>2</v>
      </c>
      <c r="W1204">
        <v>120</v>
      </c>
      <c r="X1204">
        <v>2020</v>
      </c>
    </row>
    <row r="1205" spans="1:24" x14ac:dyDescent="0.25">
      <c r="A1205">
        <v>12060</v>
      </c>
      <c r="B1205" t="s">
        <v>69</v>
      </c>
      <c r="C1205">
        <v>36</v>
      </c>
      <c r="D1205" t="s">
        <v>72</v>
      </c>
      <c r="E1205">
        <v>1251</v>
      </c>
      <c r="F1205" t="s">
        <v>651</v>
      </c>
      <c r="G1205">
        <v>160</v>
      </c>
      <c r="H1205" t="s">
        <v>732</v>
      </c>
      <c r="I1205">
        <v>1000</v>
      </c>
      <c r="J1205" t="s">
        <v>864</v>
      </c>
      <c r="K1205">
        <v>14</v>
      </c>
      <c r="L1205" t="s">
        <v>1628</v>
      </c>
      <c r="M1205">
        <v>2258</v>
      </c>
      <c r="N1205" t="s">
        <v>654</v>
      </c>
      <c r="O1205">
        <v>3</v>
      </c>
      <c r="P1205" t="s">
        <v>655</v>
      </c>
      <c r="Q1205">
        <v>1</v>
      </c>
      <c r="R1205" t="s">
        <v>656</v>
      </c>
      <c r="S1205">
        <v>2</v>
      </c>
      <c r="T1205" t="s">
        <v>661</v>
      </c>
      <c r="U1205">
        <v>8</v>
      </c>
      <c r="V1205">
        <v>2</v>
      </c>
      <c r="W1205">
        <v>120</v>
      </c>
      <c r="X1205">
        <v>2020</v>
      </c>
    </row>
    <row r="1206" spans="1:24" x14ac:dyDescent="0.25">
      <c r="A1206">
        <v>12051</v>
      </c>
      <c r="B1206" t="s">
        <v>69</v>
      </c>
      <c r="C1206">
        <v>36</v>
      </c>
      <c r="D1206" t="s">
        <v>72</v>
      </c>
      <c r="E1206">
        <v>1251</v>
      </c>
      <c r="F1206" t="s">
        <v>651</v>
      </c>
      <c r="G1206">
        <v>160</v>
      </c>
      <c r="H1206" t="s">
        <v>732</v>
      </c>
      <c r="I1206">
        <v>1000</v>
      </c>
      <c r="J1206" t="s">
        <v>864</v>
      </c>
      <c r="K1206">
        <v>14</v>
      </c>
      <c r="L1206" t="s">
        <v>1629</v>
      </c>
      <c r="M1206">
        <v>2257</v>
      </c>
      <c r="N1206" t="s">
        <v>654</v>
      </c>
      <c r="O1206">
        <v>3</v>
      </c>
      <c r="P1206" t="s">
        <v>655</v>
      </c>
      <c r="Q1206">
        <v>1</v>
      </c>
      <c r="R1206" t="s">
        <v>656</v>
      </c>
      <c r="S1206">
        <v>2</v>
      </c>
      <c r="T1206" t="s">
        <v>661</v>
      </c>
      <c r="U1206">
        <v>8</v>
      </c>
      <c r="V1206">
        <v>2</v>
      </c>
      <c r="W1206">
        <v>120</v>
      </c>
      <c r="X1206">
        <v>2020</v>
      </c>
    </row>
    <row r="1207" spans="1:24" x14ac:dyDescent="0.25">
      <c r="A1207">
        <v>12042</v>
      </c>
      <c r="B1207" t="s">
        <v>69</v>
      </c>
      <c r="C1207">
        <v>36</v>
      </c>
      <c r="D1207" t="s">
        <v>72</v>
      </c>
      <c r="E1207">
        <v>1251</v>
      </c>
      <c r="F1207" t="s">
        <v>651</v>
      </c>
      <c r="G1207">
        <v>160</v>
      </c>
      <c r="H1207" t="s">
        <v>732</v>
      </c>
      <c r="I1207">
        <v>1000</v>
      </c>
      <c r="J1207" t="s">
        <v>663</v>
      </c>
      <c r="K1207">
        <v>99</v>
      </c>
      <c r="L1207" t="s">
        <v>1630</v>
      </c>
      <c r="M1207">
        <v>2232</v>
      </c>
      <c r="N1207" t="s">
        <v>654</v>
      </c>
      <c r="O1207">
        <v>3</v>
      </c>
      <c r="P1207" t="s">
        <v>655</v>
      </c>
      <c r="Q1207">
        <v>1</v>
      </c>
      <c r="R1207" t="s">
        <v>656</v>
      </c>
      <c r="S1207">
        <v>2</v>
      </c>
      <c r="T1207" t="s">
        <v>661</v>
      </c>
      <c r="U1207">
        <v>8</v>
      </c>
      <c r="V1207">
        <v>2</v>
      </c>
      <c r="W1207">
        <v>120</v>
      </c>
      <c r="X1207">
        <v>2020</v>
      </c>
    </row>
    <row r="1208" spans="1:24" x14ac:dyDescent="0.25">
      <c r="A1208">
        <v>12030</v>
      </c>
      <c r="B1208" t="s">
        <v>79</v>
      </c>
      <c r="C1208">
        <v>86</v>
      </c>
      <c r="D1208" t="s">
        <v>78</v>
      </c>
      <c r="E1208">
        <v>1239</v>
      </c>
      <c r="F1208" t="s">
        <v>651</v>
      </c>
      <c r="G1208">
        <v>160</v>
      </c>
      <c r="H1208" t="s">
        <v>652</v>
      </c>
      <c r="I1208">
        <v>2094</v>
      </c>
      <c r="J1208" t="s">
        <v>659</v>
      </c>
      <c r="K1208">
        <v>35</v>
      </c>
      <c r="L1208" t="s">
        <v>1631</v>
      </c>
      <c r="M1208">
        <v>3048</v>
      </c>
      <c r="N1208" t="s">
        <v>654</v>
      </c>
      <c r="O1208">
        <v>3</v>
      </c>
      <c r="P1208" t="s">
        <v>655</v>
      </c>
      <c r="Q1208">
        <v>1</v>
      </c>
      <c r="R1208" t="s">
        <v>656</v>
      </c>
      <c r="S1208">
        <v>2</v>
      </c>
      <c r="T1208" t="s">
        <v>657</v>
      </c>
      <c r="U1208">
        <v>7</v>
      </c>
      <c r="V1208">
        <v>2</v>
      </c>
      <c r="W1208">
        <v>120</v>
      </c>
      <c r="X1208">
        <v>2020</v>
      </c>
    </row>
    <row r="1209" spans="1:24" x14ac:dyDescent="0.25">
      <c r="A1209">
        <v>12024</v>
      </c>
      <c r="B1209" t="s">
        <v>79</v>
      </c>
      <c r="C1209">
        <v>86</v>
      </c>
      <c r="D1209" t="s">
        <v>80</v>
      </c>
      <c r="E1209">
        <v>1236</v>
      </c>
      <c r="F1209" t="s">
        <v>651</v>
      </c>
      <c r="G1209">
        <v>160</v>
      </c>
      <c r="H1209" t="s">
        <v>652</v>
      </c>
      <c r="I1209">
        <v>2094</v>
      </c>
      <c r="J1209" t="s">
        <v>301</v>
      </c>
      <c r="K1209">
        <v>26</v>
      </c>
      <c r="L1209" t="s">
        <v>1632</v>
      </c>
      <c r="M1209">
        <v>980</v>
      </c>
      <c r="N1209" t="s">
        <v>654</v>
      </c>
      <c r="O1209">
        <v>3</v>
      </c>
      <c r="P1209" t="s">
        <v>655</v>
      </c>
      <c r="Q1209">
        <v>1</v>
      </c>
      <c r="R1209" t="s">
        <v>656</v>
      </c>
      <c r="S1209">
        <v>2</v>
      </c>
      <c r="T1209" t="s">
        <v>657</v>
      </c>
      <c r="U1209">
        <v>7</v>
      </c>
      <c r="V1209">
        <v>2</v>
      </c>
      <c r="W1209">
        <v>120</v>
      </c>
      <c r="X1209">
        <v>2020</v>
      </c>
    </row>
    <row r="1210" spans="1:24" x14ac:dyDescent="0.25">
      <c r="A1210">
        <v>12018</v>
      </c>
      <c r="B1210" t="s">
        <v>69</v>
      </c>
      <c r="C1210">
        <v>36</v>
      </c>
      <c r="D1210" t="s">
        <v>72</v>
      </c>
      <c r="E1210">
        <v>1251</v>
      </c>
      <c r="F1210" t="s">
        <v>651</v>
      </c>
      <c r="G1210">
        <v>160</v>
      </c>
      <c r="H1210" t="s">
        <v>732</v>
      </c>
      <c r="I1210">
        <v>1000</v>
      </c>
      <c r="J1210" t="s">
        <v>663</v>
      </c>
      <c r="K1210">
        <v>99</v>
      </c>
      <c r="L1210" t="s">
        <v>1633</v>
      </c>
      <c r="M1210">
        <v>3123</v>
      </c>
      <c r="N1210" t="s">
        <v>654</v>
      </c>
      <c r="O1210">
        <v>3</v>
      </c>
      <c r="P1210" t="s">
        <v>655</v>
      </c>
      <c r="Q1210">
        <v>1</v>
      </c>
      <c r="R1210" t="s">
        <v>656</v>
      </c>
      <c r="S1210">
        <v>2</v>
      </c>
      <c r="T1210" t="s">
        <v>661</v>
      </c>
      <c r="U1210">
        <v>8</v>
      </c>
      <c r="V1210">
        <v>2</v>
      </c>
      <c r="W1210">
        <v>120</v>
      </c>
      <c r="X1210">
        <v>2020</v>
      </c>
    </row>
    <row r="1211" spans="1:24" x14ac:dyDescent="0.25">
      <c r="A1211">
        <v>12003</v>
      </c>
      <c r="B1211" t="s">
        <v>69</v>
      </c>
      <c r="C1211">
        <v>36</v>
      </c>
      <c r="D1211" t="s">
        <v>68</v>
      </c>
      <c r="E1211">
        <v>1260</v>
      </c>
      <c r="F1211" t="s">
        <v>651</v>
      </c>
      <c r="G1211">
        <v>160</v>
      </c>
      <c r="H1211" t="s">
        <v>732</v>
      </c>
      <c r="I1211">
        <v>1000</v>
      </c>
      <c r="J1211" t="s">
        <v>736</v>
      </c>
      <c r="K1211">
        <v>8</v>
      </c>
      <c r="L1211" t="s">
        <v>1634</v>
      </c>
      <c r="M1211">
        <v>3127</v>
      </c>
      <c r="N1211" t="s">
        <v>654</v>
      </c>
      <c r="O1211">
        <v>3</v>
      </c>
      <c r="P1211" t="s">
        <v>655</v>
      </c>
      <c r="Q1211">
        <v>1</v>
      </c>
      <c r="R1211" t="s">
        <v>656</v>
      </c>
      <c r="S1211">
        <v>2</v>
      </c>
      <c r="T1211" t="s">
        <v>661</v>
      </c>
      <c r="U1211">
        <v>8</v>
      </c>
      <c r="V1211">
        <v>2</v>
      </c>
      <c r="W1211">
        <v>120</v>
      </c>
      <c r="X1211">
        <v>2020</v>
      </c>
    </row>
    <row r="1212" spans="1:24" x14ac:dyDescent="0.25">
      <c r="A1212">
        <v>12000</v>
      </c>
      <c r="B1212" t="s">
        <v>69</v>
      </c>
      <c r="C1212">
        <v>36</v>
      </c>
      <c r="D1212" t="s">
        <v>68</v>
      </c>
      <c r="E1212">
        <v>1260</v>
      </c>
      <c r="F1212" t="s">
        <v>651</v>
      </c>
      <c r="G1212">
        <v>160</v>
      </c>
      <c r="H1212" t="s">
        <v>732</v>
      </c>
      <c r="I1212">
        <v>1000</v>
      </c>
      <c r="J1212" t="s">
        <v>705</v>
      </c>
      <c r="K1212">
        <v>70</v>
      </c>
      <c r="L1212" t="s">
        <v>1635</v>
      </c>
      <c r="M1212">
        <v>2230</v>
      </c>
      <c r="N1212" t="s">
        <v>654</v>
      </c>
      <c r="O1212">
        <v>3</v>
      </c>
      <c r="P1212" t="s">
        <v>655</v>
      </c>
      <c r="Q1212">
        <v>1</v>
      </c>
      <c r="R1212" t="s">
        <v>656</v>
      </c>
      <c r="S1212">
        <v>2</v>
      </c>
      <c r="T1212" t="s">
        <v>661</v>
      </c>
      <c r="U1212">
        <v>8</v>
      </c>
      <c r="V1212">
        <v>2</v>
      </c>
      <c r="W1212">
        <v>120</v>
      </c>
      <c r="X1212">
        <v>2020</v>
      </c>
    </row>
    <row r="1213" spans="1:24" x14ac:dyDescent="0.25">
      <c r="A1213">
        <v>11997</v>
      </c>
      <c r="B1213" t="s">
        <v>69</v>
      </c>
      <c r="C1213">
        <v>36</v>
      </c>
      <c r="D1213" t="s">
        <v>68</v>
      </c>
      <c r="E1213">
        <v>1260</v>
      </c>
      <c r="F1213" t="s">
        <v>651</v>
      </c>
      <c r="G1213">
        <v>160</v>
      </c>
      <c r="H1213" t="s">
        <v>732</v>
      </c>
      <c r="I1213">
        <v>1000</v>
      </c>
      <c r="J1213" t="s">
        <v>819</v>
      </c>
      <c r="K1213">
        <v>101</v>
      </c>
      <c r="L1213" t="s">
        <v>1636</v>
      </c>
      <c r="M1213">
        <v>2273</v>
      </c>
      <c r="N1213" t="s">
        <v>654</v>
      </c>
      <c r="O1213">
        <v>3</v>
      </c>
      <c r="P1213" t="s">
        <v>655</v>
      </c>
      <c r="Q1213">
        <v>1</v>
      </c>
      <c r="R1213" t="s">
        <v>656</v>
      </c>
      <c r="S1213">
        <v>2</v>
      </c>
      <c r="T1213" t="s">
        <v>661</v>
      </c>
      <c r="U1213">
        <v>8</v>
      </c>
      <c r="V1213">
        <v>2</v>
      </c>
      <c r="W1213">
        <v>120</v>
      </c>
      <c r="X1213">
        <v>2020</v>
      </c>
    </row>
    <row r="1214" spans="1:24" x14ac:dyDescent="0.25">
      <c r="A1214">
        <v>11991</v>
      </c>
      <c r="B1214" t="s">
        <v>69</v>
      </c>
      <c r="C1214">
        <v>36</v>
      </c>
      <c r="D1214" t="s">
        <v>68</v>
      </c>
      <c r="E1214">
        <v>1260</v>
      </c>
      <c r="F1214" t="s">
        <v>651</v>
      </c>
      <c r="G1214">
        <v>160</v>
      </c>
      <c r="H1214" t="s">
        <v>732</v>
      </c>
      <c r="I1214">
        <v>1000</v>
      </c>
      <c r="J1214" t="s">
        <v>831</v>
      </c>
      <c r="K1214">
        <v>5</v>
      </c>
      <c r="L1214" t="s">
        <v>1637</v>
      </c>
      <c r="M1214">
        <v>780</v>
      </c>
      <c r="N1214" t="s">
        <v>654</v>
      </c>
      <c r="O1214">
        <v>3</v>
      </c>
      <c r="P1214" t="s">
        <v>655</v>
      </c>
      <c r="Q1214">
        <v>1</v>
      </c>
      <c r="R1214" t="s">
        <v>656</v>
      </c>
      <c r="S1214">
        <v>2</v>
      </c>
      <c r="T1214" t="s">
        <v>661</v>
      </c>
      <c r="U1214">
        <v>8</v>
      </c>
      <c r="V1214">
        <v>2</v>
      </c>
      <c r="W1214">
        <v>120</v>
      </c>
      <c r="X1214">
        <v>2020</v>
      </c>
    </row>
    <row r="1215" spans="1:24" x14ac:dyDescent="0.25">
      <c r="A1215">
        <v>11982</v>
      </c>
      <c r="B1215" t="s">
        <v>69</v>
      </c>
      <c r="C1215">
        <v>36</v>
      </c>
      <c r="D1215" t="s">
        <v>68</v>
      </c>
      <c r="E1215">
        <v>1260</v>
      </c>
      <c r="F1215" t="s">
        <v>651</v>
      </c>
      <c r="G1215">
        <v>160</v>
      </c>
      <c r="H1215" t="s">
        <v>732</v>
      </c>
      <c r="I1215">
        <v>1000</v>
      </c>
      <c r="J1215" t="s">
        <v>676</v>
      </c>
      <c r="K1215">
        <v>4</v>
      </c>
      <c r="L1215" t="s">
        <v>1638</v>
      </c>
      <c r="M1215">
        <v>2280</v>
      </c>
      <c r="N1215" t="s">
        <v>654</v>
      </c>
      <c r="O1215">
        <v>3</v>
      </c>
      <c r="P1215" t="s">
        <v>655</v>
      </c>
      <c r="Q1215">
        <v>1</v>
      </c>
      <c r="R1215" t="s">
        <v>656</v>
      </c>
      <c r="S1215">
        <v>2</v>
      </c>
      <c r="T1215" t="s">
        <v>718</v>
      </c>
      <c r="U1215">
        <v>2</v>
      </c>
      <c r="V1215">
        <v>2</v>
      </c>
      <c r="W1215">
        <v>120</v>
      </c>
      <c r="X1215">
        <v>2020</v>
      </c>
    </row>
    <row r="1216" spans="1:24" x14ac:dyDescent="0.25">
      <c r="A1216">
        <v>11979</v>
      </c>
      <c r="B1216" t="s">
        <v>69</v>
      </c>
      <c r="C1216">
        <v>36</v>
      </c>
      <c r="D1216" t="s">
        <v>68</v>
      </c>
      <c r="E1216">
        <v>1260</v>
      </c>
      <c r="F1216" t="s">
        <v>651</v>
      </c>
      <c r="G1216">
        <v>160</v>
      </c>
      <c r="H1216" t="s">
        <v>732</v>
      </c>
      <c r="I1216">
        <v>1000</v>
      </c>
      <c r="J1216" t="s">
        <v>676</v>
      </c>
      <c r="K1216">
        <v>4</v>
      </c>
      <c r="L1216" t="s">
        <v>1639</v>
      </c>
      <c r="M1216">
        <v>2279</v>
      </c>
      <c r="N1216" t="s">
        <v>654</v>
      </c>
      <c r="O1216">
        <v>3</v>
      </c>
      <c r="P1216" t="s">
        <v>655</v>
      </c>
      <c r="Q1216">
        <v>1</v>
      </c>
      <c r="R1216" t="s">
        <v>656</v>
      </c>
      <c r="S1216">
        <v>2</v>
      </c>
      <c r="T1216" t="s">
        <v>661</v>
      </c>
      <c r="U1216">
        <v>8</v>
      </c>
      <c r="V1216">
        <v>2</v>
      </c>
      <c r="W1216">
        <v>120</v>
      </c>
      <c r="X1216">
        <v>2020</v>
      </c>
    </row>
    <row r="1217" spans="1:24" x14ac:dyDescent="0.25">
      <c r="A1217">
        <v>11976</v>
      </c>
      <c r="B1217" t="s">
        <v>69</v>
      </c>
      <c r="C1217">
        <v>36</v>
      </c>
      <c r="D1217" t="s">
        <v>68</v>
      </c>
      <c r="E1217">
        <v>1260</v>
      </c>
      <c r="F1217" t="s">
        <v>651</v>
      </c>
      <c r="G1217">
        <v>160</v>
      </c>
      <c r="H1217" t="s">
        <v>732</v>
      </c>
      <c r="I1217">
        <v>1000</v>
      </c>
      <c r="J1217" t="s">
        <v>885</v>
      </c>
      <c r="K1217">
        <v>1</v>
      </c>
      <c r="L1217" t="s">
        <v>901</v>
      </c>
      <c r="M1217">
        <v>1244</v>
      </c>
      <c r="N1217" t="s">
        <v>654</v>
      </c>
      <c r="O1217">
        <v>3</v>
      </c>
      <c r="P1217" t="s">
        <v>655</v>
      </c>
      <c r="Q1217">
        <v>1</v>
      </c>
      <c r="R1217" t="s">
        <v>656</v>
      </c>
      <c r="S1217">
        <v>2</v>
      </c>
      <c r="T1217" t="s">
        <v>661</v>
      </c>
      <c r="U1217">
        <v>8</v>
      </c>
      <c r="V1217">
        <v>2</v>
      </c>
      <c r="W1217">
        <v>120</v>
      </c>
      <c r="X1217">
        <v>2020</v>
      </c>
    </row>
    <row r="1218" spans="1:24" x14ac:dyDescent="0.25">
      <c r="A1218">
        <v>11973</v>
      </c>
      <c r="B1218" t="s">
        <v>69</v>
      </c>
      <c r="C1218">
        <v>36</v>
      </c>
      <c r="D1218" t="s">
        <v>68</v>
      </c>
      <c r="E1218">
        <v>1260</v>
      </c>
      <c r="F1218" t="s">
        <v>651</v>
      </c>
      <c r="G1218">
        <v>160</v>
      </c>
      <c r="H1218" t="s">
        <v>732</v>
      </c>
      <c r="I1218">
        <v>1000</v>
      </c>
      <c r="J1218" t="s">
        <v>885</v>
      </c>
      <c r="K1218">
        <v>1</v>
      </c>
      <c r="L1218" t="s">
        <v>1640</v>
      </c>
      <c r="M1218">
        <v>1438</v>
      </c>
      <c r="N1218" t="s">
        <v>654</v>
      </c>
      <c r="O1218">
        <v>3</v>
      </c>
      <c r="P1218" t="s">
        <v>655</v>
      </c>
      <c r="Q1218">
        <v>1</v>
      </c>
      <c r="R1218" t="s">
        <v>656</v>
      </c>
      <c r="S1218">
        <v>2</v>
      </c>
      <c r="T1218" t="s">
        <v>661</v>
      </c>
      <c r="U1218">
        <v>8</v>
      </c>
      <c r="V1218">
        <v>2</v>
      </c>
      <c r="W1218">
        <v>120</v>
      </c>
      <c r="X1218">
        <v>2020</v>
      </c>
    </row>
    <row r="1219" spans="1:24" x14ac:dyDescent="0.25">
      <c r="A1219">
        <v>11967</v>
      </c>
      <c r="B1219" t="s">
        <v>69</v>
      </c>
      <c r="C1219">
        <v>36</v>
      </c>
      <c r="D1219" t="s">
        <v>68</v>
      </c>
      <c r="E1219">
        <v>1260</v>
      </c>
      <c r="F1219" t="s">
        <v>651</v>
      </c>
      <c r="G1219">
        <v>160</v>
      </c>
      <c r="H1219" t="s">
        <v>732</v>
      </c>
      <c r="I1219">
        <v>1000</v>
      </c>
      <c r="J1219" t="s">
        <v>819</v>
      </c>
      <c r="K1219">
        <v>101</v>
      </c>
      <c r="L1219" t="s">
        <v>1641</v>
      </c>
      <c r="M1219">
        <v>1106</v>
      </c>
      <c r="N1219" t="s">
        <v>654</v>
      </c>
      <c r="O1219">
        <v>3</v>
      </c>
      <c r="P1219" t="s">
        <v>655</v>
      </c>
      <c r="Q1219">
        <v>1</v>
      </c>
      <c r="R1219" t="s">
        <v>656</v>
      </c>
      <c r="S1219">
        <v>2</v>
      </c>
      <c r="T1219" t="s">
        <v>661</v>
      </c>
      <c r="U1219">
        <v>8</v>
      </c>
      <c r="V1219">
        <v>2</v>
      </c>
      <c r="W1219">
        <v>120</v>
      </c>
      <c r="X1219">
        <v>2020</v>
      </c>
    </row>
    <row r="1220" spans="1:24" x14ac:dyDescent="0.25">
      <c r="A1220">
        <v>11964</v>
      </c>
      <c r="B1220" t="s">
        <v>69</v>
      </c>
      <c r="C1220">
        <v>36</v>
      </c>
      <c r="D1220" t="s">
        <v>68</v>
      </c>
      <c r="E1220">
        <v>1260</v>
      </c>
      <c r="F1220" t="s">
        <v>651</v>
      </c>
      <c r="G1220">
        <v>160</v>
      </c>
      <c r="H1220" t="s">
        <v>732</v>
      </c>
      <c r="I1220">
        <v>1000</v>
      </c>
      <c r="J1220" t="s">
        <v>819</v>
      </c>
      <c r="K1220">
        <v>101</v>
      </c>
      <c r="L1220" t="s">
        <v>1642</v>
      </c>
      <c r="M1220">
        <v>2276</v>
      </c>
      <c r="N1220" t="s">
        <v>654</v>
      </c>
      <c r="O1220">
        <v>3</v>
      </c>
      <c r="P1220" t="s">
        <v>655</v>
      </c>
      <c r="Q1220">
        <v>1</v>
      </c>
      <c r="R1220" t="s">
        <v>656</v>
      </c>
      <c r="S1220">
        <v>2</v>
      </c>
      <c r="T1220" t="s">
        <v>661</v>
      </c>
      <c r="U1220">
        <v>8</v>
      </c>
      <c r="V1220">
        <v>2</v>
      </c>
      <c r="W1220">
        <v>120</v>
      </c>
      <c r="X1220">
        <v>2020</v>
      </c>
    </row>
    <row r="1221" spans="1:24" x14ac:dyDescent="0.25">
      <c r="A1221">
        <v>11958</v>
      </c>
      <c r="B1221" t="s">
        <v>69</v>
      </c>
      <c r="C1221">
        <v>36</v>
      </c>
      <c r="D1221" t="s">
        <v>68</v>
      </c>
      <c r="E1221">
        <v>1260</v>
      </c>
      <c r="F1221" t="s">
        <v>651</v>
      </c>
      <c r="G1221">
        <v>160</v>
      </c>
      <c r="H1221" t="s">
        <v>732</v>
      </c>
      <c r="I1221">
        <v>1000</v>
      </c>
      <c r="J1221" t="s">
        <v>819</v>
      </c>
      <c r="K1221">
        <v>101</v>
      </c>
      <c r="L1221" t="s">
        <v>1643</v>
      </c>
      <c r="M1221">
        <v>1214</v>
      </c>
      <c r="N1221" t="s">
        <v>654</v>
      </c>
      <c r="O1221">
        <v>3</v>
      </c>
      <c r="P1221" t="s">
        <v>655</v>
      </c>
      <c r="Q1221">
        <v>1</v>
      </c>
      <c r="R1221" t="s">
        <v>656</v>
      </c>
      <c r="S1221">
        <v>2</v>
      </c>
      <c r="T1221" t="s">
        <v>661</v>
      </c>
      <c r="U1221">
        <v>8</v>
      </c>
      <c r="V1221">
        <v>2</v>
      </c>
      <c r="W1221">
        <v>120</v>
      </c>
      <c r="X1221">
        <v>2020</v>
      </c>
    </row>
    <row r="1222" spans="1:24" x14ac:dyDescent="0.25">
      <c r="A1222">
        <v>11952</v>
      </c>
      <c r="B1222" t="s">
        <v>69</v>
      </c>
      <c r="C1222">
        <v>36</v>
      </c>
      <c r="D1222" t="s">
        <v>71</v>
      </c>
      <c r="E1222">
        <v>1254</v>
      </c>
      <c r="F1222" t="s">
        <v>651</v>
      </c>
      <c r="G1222">
        <v>160</v>
      </c>
      <c r="H1222" t="s">
        <v>732</v>
      </c>
      <c r="I1222">
        <v>1000</v>
      </c>
      <c r="J1222" t="s">
        <v>684</v>
      </c>
      <c r="K1222">
        <v>22</v>
      </c>
      <c r="L1222" t="s">
        <v>1644</v>
      </c>
      <c r="M1222">
        <v>3124</v>
      </c>
      <c r="N1222" t="s">
        <v>654</v>
      </c>
      <c r="O1222">
        <v>3</v>
      </c>
      <c r="P1222" t="s">
        <v>655</v>
      </c>
      <c r="Q1222">
        <v>1</v>
      </c>
      <c r="R1222" t="s">
        <v>656</v>
      </c>
      <c r="S1222">
        <v>2</v>
      </c>
      <c r="T1222" t="s">
        <v>661</v>
      </c>
      <c r="U1222">
        <v>8</v>
      </c>
      <c r="V1222">
        <v>2</v>
      </c>
      <c r="W1222">
        <v>120</v>
      </c>
      <c r="X1222">
        <v>2020</v>
      </c>
    </row>
    <row r="1223" spans="1:24" x14ac:dyDescent="0.25">
      <c r="A1223">
        <v>11943</v>
      </c>
      <c r="B1223" t="s">
        <v>69</v>
      </c>
      <c r="C1223">
        <v>36</v>
      </c>
      <c r="D1223" t="s">
        <v>70</v>
      </c>
      <c r="E1223">
        <v>1257</v>
      </c>
      <c r="F1223" t="s">
        <v>651</v>
      </c>
      <c r="G1223">
        <v>160</v>
      </c>
      <c r="H1223" t="s">
        <v>732</v>
      </c>
      <c r="I1223">
        <v>1000</v>
      </c>
      <c r="J1223" t="s">
        <v>295</v>
      </c>
      <c r="K1223">
        <v>30</v>
      </c>
      <c r="L1223" t="s">
        <v>1645</v>
      </c>
      <c r="M1223">
        <v>3126</v>
      </c>
      <c r="N1223" t="s">
        <v>654</v>
      </c>
      <c r="O1223">
        <v>3</v>
      </c>
      <c r="P1223" t="s">
        <v>655</v>
      </c>
      <c r="Q1223">
        <v>1</v>
      </c>
      <c r="R1223" t="s">
        <v>656</v>
      </c>
      <c r="S1223">
        <v>2</v>
      </c>
      <c r="T1223" t="s">
        <v>718</v>
      </c>
      <c r="U1223">
        <v>2</v>
      </c>
      <c r="V1223">
        <v>2</v>
      </c>
      <c r="W1223">
        <v>120</v>
      </c>
      <c r="X1223">
        <v>2020</v>
      </c>
    </row>
    <row r="1224" spans="1:24" x14ac:dyDescent="0.25">
      <c r="A1224">
        <v>11937</v>
      </c>
      <c r="B1224" t="s">
        <v>69</v>
      </c>
      <c r="C1224">
        <v>36</v>
      </c>
      <c r="D1224" t="s">
        <v>71</v>
      </c>
      <c r="E1224">
        <v>1254</v>
      </c>
      <c r="F1224" t="s">
        <v>651</v>
      </c>
      <c r="G1224">
        <v>160</v>
      </c>
      <c r="H1224" t="s">
        <v>1525</v>
      </c>
      <c r="I1224">
        <v>11610</v>
      </c>
      <c r="J1224" t="s">
        <v>684</v>
      </c>
      <c r="K1224">
        <v>22</v>
      </c>
      <c r="L1224" t="s">
        <v>1646</v>
      </c>
      <c r="M1224">
        <v>1736</v>
      </c>
      <c r="N1224" t="s">
        <v>654</v>
      </c>
      <c r="O1224">
        <v>3</v>
      </c>
      <c r="P1224" t="s">
        <v>655</v>
      </c>
      <c r="Q1224">
        <v>1</v>
      </c>
      <c r="R1224" t="s">
        <v>656</v>
      </c>
      <c r="S1224">
        <v>2</v>
      </c>
      <c r="T1224" t="s">
        <v>661</v>
      </c>
      <c r="U1224">
        <v>8</v>
      </c>
      <c r="V1224">
        <v>2</v>
      </c>
      <c r="W1224">
        <v>120</v>
      </c>
      <c r="X1224">
        <v>2020</v>
      </c>
    </row>
    <row r="1225" spans="1:24" x14ac:dyDescent="0.25">
      <c r="A1225">
        <v>11934</v>
      </c>
      <c r="B1225" t="s">
        <v>69</v>
      </c>
      <c r="C1225">
        <v>36</v>
      </c>
      <c r="D1225" t="s">
        <v>70</v>
      </c>
      <c r="E1225">
        <v>1257</v>
      </c>
      <c r="F1225" t="s">
        <v>651</v>
      </c>
      <c r="G1225">
        <v>160</v>
      </c>
      <c r="H1225" t="s">
        <v>732</v>
      </c>
      <c r="I1225">
        <v>1000</v>
      </c>
      <c r="J1225" t="s">
        <v>807</v>
      </c>
      <c r="K1225">
        <v>25</v>
      </c>
      <c r="L1225" t="s">
        <v>1647</v>
      </c>
      <c r="M1225">
        <v>3125</v>
      </c>
      <c r="N1225" t="s">
        <v>654</v>
      </c>
      <c r="O1225">
        <v>3</v>
      </c>
      <c r="P1225" t="s">
        <v>655</v>
      </c>
      <c r="Q1225">
        <v>1</v>
      </c>
      <c r="R1225" t="s">
        <v>656</v>
      </c>
      <c r="S1225">
        <v>2</v>
      </c>
      <c r="T1225" t="s">
        <v>661</v>
      </c>
      <c r="U1225">
        <v>8</v>
      </c>
      <c r="V1225">
        <v>2</v>
      </c>
      <c r="W1225">
        <v>120</v>
      </c>
      <c r="X1225">
        <v>2020</v>
      </c>
    </row>
    <row r="1226" spans="1:24" x14ac:dyDescent="0.25">
      <c r="A1226">
        <v>11931</v>
      </c>
      <c r="B1226" t="s">
        <v>69</v>
      </c>
      <c r="C1226">
        <v>36</v>
      </c>
      <c r="D1226" t="s">
        <v>71</v>
      </c>
      <c r="E1226">
        <v>1254</v>
      </c>
      <c r="F1226" t="s">
        <v>651</v>
      </c>
      <c r="G1226">
        <v>160</v>
      </c>
      <c r="H1226" t="s">
        <v>1569</v>
      </c>
      <c r="I1226">
        <v>12777</v>
      </c>
      <c r="J1226" t="s">
        <v>684</v>
      </c>
      <c r="K1226">
        <v>22</v>
      </c>
      <c r="L1226" t="s">
        <v>1646</v>
      </c>
      <c r="M1226">
        <v>1736</v>
      </c>
      <c r="N1226" t="s">
        <v>654</v>
      </c>
      <c r="O1226">
        <v>3</v>
      </c>
      <c r="P1226" t="s">
        <v>655</v>
      </c>
      <c r="Q1226">
        <v>1</v>
      </c>
      <c r="R1226" t="s">
        <v>656</v>
      </c>
      <c r="S1226">
        <v>2</v>
      </c>
      <c r="T1226" t="s">
        <v>661</v>
      </c>
      <c r="U1226">
        <v>8</v>
      </c>
      <c r="V1226">
        <v>2</v>
      </c>
      <c r="W1226">
        <v>120</v>
      </c>
      <c r="X1226">
        <v>2020</v>
      </c>
    </row>
    <row r="1227" spans="1:24" x14ac:dyDescent="0.25">
      <c r="A1227">
        <v>11928</v>
      </c>
      <c r="B1227" t="s">
        <v>69</v>
      </c>
      <c r="C1227">
        <v>36</v>
      </c>
      <c r="D1227" t="s">
        <v>70</v>
      </c>
      <c r="E1227">
        <v>1257</v>
      </c>
      <c r="F1227" t="s">
        <v>651</v>
      </c>
      <c r="G1227">
        <v>160</v>
      </c>
      <c r="H1227" t="s">
        <v>732</v>
      </c>
      <c r="I1227">
        <v>1000</v>
      </c>
      <c r="J1227" t="s">
        <v>299</v>
      </c>
      <c r="K1227">
        <v>27</v>
      </c>
      <c r="L1227" t="s">
        <v>1648</v>
      </c>
      <c r="M1227">
        <v>2264</v>
      </c>
      <c r="N1227" t="s">
        <v>654</v>
      </c>
      <c r="O1227">
        <v>3</v>
      </c>
      <c r="P1227" t="s">
        <v>655</v>
      </c>
      <c r="Q1227">
        <v>1</v>
      </c>
      <c r="R1227" t="s">
        <v>656</v>
      </c>
      <c r="S1227">
        <v>2</v>
      </c>
      <c r="T1227" t="s">
        <v>661</v>
      </c>
      <c r="U1227">
        <v>8</v>
      </c>
      <c r="V1227">
        <v>2</v>
      </c>
      <c r="W1227">
        <v>120</v>
      </c>
      <c r="X1227">
        <v>2020</v>
      </c>
    </row>
    <row r="1228" spans="1:24" x14ac:dyDescent="0.25">
      <c r="A1228">
        <v>11925</v>
      </c>
      <c r="B1228" t="s">
        <v>69</v>
      </c>
      <c r="C1228">
        <v>36</v>
      </c>
      <c r="D1228" t="s">
        <v>71</v>
      </c>
      <c r="E1228">
        <v>1254</v>
      </c>
      <c r="F1228" t="s">
        <v>651</v>
      </c>
      <c r="G1228">
        <v>160</v>
      </c>
      <c r="H1228" t="s">
        <v>732</v>
      </c>
      <c r="I1228">
        <v>1000</v>
      </c>
      <c r="J1228" t="s">
        <v>684</v>
      </c>
      <c r="K1228">
        <v>22</v>
      </c>
      <c r="L1228" t="s">
        <v>906</v>
      </c>
      <c r="M1228">
        <v>725</v>
      </c>
      <c r="N1228" t="s">
        <v>654</v>
      </c>
      <c r="O1228">
        <v>3</v>
      </c>
      <c r="P1228" t="s">
        <v>655</v>
      </c>
      <c r="Q1228">
        <v>1</v>
      </c>
      <c r="R1228" t="s">
        <v>656</v>
      </c>
      <c r="S1228">
        <v>2</v>
      </c>
      <c r="T1228" t="s">
        <v>661</v>
      </c>
      <c r="U1228">
        <v>8</v>
      </c>
      <c r="V1228">
        <v>2</v>
      </c>
      <c r="W1228">
        <v>120</v>
      </c>
      <c r="X1228">
        <v>2020</v>
      </c>
    </row>
    <row r="1229" spans="1:24" x14ac:dyDescent="0.25">
      <c r="A1229">
        <v>11922</v>
      </c>
      <c r="B1229" t="s">
        <v>69</v>
      </c>
      <c r="C1229">
        <v>36</v>
      </c>
      <c r="D1229" t="s">
        <v>70</v>
      </c>
      <c r="E1229">
        <v>1257</v>
      </c>
      <c r="F1229" t="s">
        <v>651</v>
      </c>
      <c r="G1229">
        <v>160</v>
      </c>
      <c r="H1229" t="s">
        <v>732</v>
      </c>
      <c r="I1229">
        <v>1000</v>
      </c>
      <c r="J1229" t="s">
        <v>807</v>
      </c>
      <c r="K1229">
        <v>25</v>
      </c>
      <c r="L1229" t="s">
        <v>1649</v>
      </c>
      <c r="M1229">
        <v>2265</v>
      </c>
      <c r="N1229" t="s">
        <v>654</v>
      </c>
      <c r="O1229">
        <v>3</v>
      </c>
      <c r="P1229" t="s">
        <v>655</v>
      </c>
      <c r="Q1229">
        <v>1</v>
      </c>
      <c r="R1229" t="s">
        <v>656</v>
      </c>
      <c r="S1229">
        <v>2</v>
      </c>
      <c r="T1229" t="s">
        <v>661</v>
      </c>
      <c r="U1229">
        <v>8</v>
      </c>
      <c r="V1229">
        <v>2</v>
      </c>
      <c r="W1229">
        <v>120</v>
      </c>
      <c r="X1229">
        <v>2020</v>
      </c>
    </row>
    <row r="1230" spans="1:24" x14ac:dyDescent="0.25">
      <c r="A1230">
        <v>11919</v>
      </c>
      <c r="B1230" t="s">
        <v>69</v>
      </c>
      <c r="C1230">
        <v>36</v>
      </c>
      <c r="D1230" t="s">
        <v>71</v>
      </c>
      <c r="E1230">
        <v>1254</v>
      </c>
      <c r="F1230" t="s">
        <v>651</v>
      </c>
      <c r="G1230">
        <v>160</v>
      </c>
      <c r="H1230" t="s">
        <v>1608</v>
      </c>
      <c r="I1230">
        <v>9640</v>
      </c>
      <c r="J1230" t="s">
        <v>684</v>
      </c>
      <c r="K1230">
        <v>22</v>
      </c>
      <c r="L1230" t="s">
        <v>906</v>
      </c>
      <c r="M1230">
        <v>725</v>
      </c>
      <c r="N1230" t="s">
        <v>654</v>
      </c>
      <c r="O1230">
        <v>3</v>
      </c>
      <c r="P1230" t="s">
        <v>655</v>
      </c>
      <c r="Q1230">
        <v>1</v>
      </c>
      <c r="R1230" t="s">
        <v>656</v>
      </c>
      <c r="S1230">
        <v>2</v>
      </c>
      <c r="T1230" t="s">
        <v>661</v>
      </c>
      <c r="U1230">
        <v>8</v>
      </c>
      <c r="V1230">
        <v>2</v>
      </c>
      <c r="W1230">
        <v>120</v>
      </c>
      <c r="X1230">
        <v>2020</v>
      </c>
    </row>
    <row r="1231" spans="1:24" x14ac:dyDescent="0.25">
      <c r="A1231">
        <v>11916</v>
      </c>
      <c r="B1231" t="s">
        <v>69</v>
      </c>
      <c r="C1231">
        <v>36</v>
      </c>
      <c r="D1231" t="s">
        <v>70</v>
      </c>
      <c r="E1231">
        <v>1257</v>
      </c>
      <c r="F1231" t="s">
        <v>651</v>
      </c>
      <c r="G1231">
        <v>160</v>
      </c>
      <c r="H1231" t="s">
        <v>732</v>
      </c>
      <c r="I1231">
        <v>1000</v>
      </c>
      <c r="J1231" t="s">
        <v>299</v>
      </c>
      <c r="K1231">
        <v>27</v>
      </c>
      <c r="L1231" t="s">
        <v>1650</v>
      </c>
      <c r="M1231">
        <v>2263</v>
      </c>
      <c r="N1231" t="s">
        <v>654</v>
      </c>
      <c r="O1231">
        <v>3</v>
      </c>
      <c r="P1231" t="s">
        <v>655</v>
      </c>
      <c r="Q1231">
        <v>1</v>
      </c>
      <c r="R1231" t="s">
        <v>656</v>
      </c>
      <c r="S1231">
        <v>2</v>
      </c>
      <c r="T1231" t="s">
        <v>661</v>
      </c>
      <c r="U1231">
        <v>8</v>
      </c>
      <c r="V1231">
        <v>2</v>
      </c>
      <c r="W1231">
        <v>120</v>
      </c>
      <c r="X1231">
        <v>2020</v>
      </c>
    </row>
    <row r="1232" spans="1:24" x14ac:dyDescent="0.25">
      <c r="A1232">
        <v>11910</v>
      </c>
      <c r="B1232" t="s">
        <v>69</v>
      </c>
      <c r="C1232">
        <v>36</v>
      </c>
      <c r="D1232" t="s">
        <v>71</v>
      </c>
      <c r="E1232">
        <v>1254</v>
      </c>
      <c r="F1232" t="s">
        <v>651</v>
      </c>
      <c r="G1232">
        <v>160</v>
      </c>
      <c r="H1232" t="s">
        <v>732</v>
      </c>
      <c r="I1232">
        <v>1000</v>
      </c>
      <c r="J1232" t="s">
        <v>691</v>
      </c>
      <c r="K1232">
        <v>21</v>
      </c>
      <c r="L1232" t="s">
        <v>1651</v>
      </c>
      <c r="M1232">
        <v>2281</v>
      </c>
      <c r="N1232" t="s">
        <v>654</v>
      </c>
      <c r="O1232">
        <v>3</v>
      </c>
      <c r="P1232" t="s">
        <v>655</v>
      </c>
      <c r="Q1232">
        <v>1</v>
      </c>
      <c r="R1232" t="s">
        <v>656</v>
      </c>
      <c r="S1232">
        <v>2</v>
      </c>
      <c r="T1232" t="s">
        <v>661</v>
      </c>
      <c r="U1232">
        <v>8</v>
      </c>
      <c r="V1232">
        <v>2</v>
      </c>
      <c r="W1232">
        <v>120</v>
      </c>
      <c r="X1232">
        <v>2020</v>
      </c>
    </row>
    <row r="1233" spans="1:24" x14ac:dyDescent="0.25">
      <c r="A1233">
        <v>11907</v>
      </c>
      <c r="B1233" t="s">
        <v>69</v>
      </c>
      <c r="C1233">
        <v>36</v>
      </c>
      <c r="D1233" t="s">
        <v>70</v>
      </c>
      <c r="E1233">
        <v>1257</v>
      </c>
      <c r="F1233" t="s">
        <v>651</v>
      </c>
      <c r="G1233">
        <v>160</v>
      </c>
      <c r="H1233" t="s">
        <v>732</v>
      </c>
      <c r="I1233">
        <v>1000</v>
      </c>
      <c r="J1233" t="s">
        <v>295</v>
      </c>
      <c r="K1233">
        <v>30</v>
      </c>
      <c r="L1233" t="s">
        <v>1652</v>
      </c>
      <c r="M1233">
        <v>1557</v>
      </c>
      <c r="N1233" t="s">
        <v>654</v>
      </c>
      <c r="O1233">
        <v>3</v>
      </c>
      <c r="P1233" t="s">
        <v>655</v>
      </c>
      <c r="Q1233">
        <v>1</v>
      </c>
      <c r="R1233" t="s">
        <v>656</v>
      </c>
      <c r="S1233">
        <v>2</v>
      </c>
      <c r="T1233" t="s">
        <v>661</v>
      </c>
      <c r="U1233">
        <v>8</v>
      </c>
      <c r="V1233">
        <v>2</v>
      </c>
      <c r="W1233">
        <v>120</v>
      </c>
      <c r="X1233">
        <v>2020</v>
      </c>
    </row>
    <row r="1234" spans="1:24" x14ac:dyDescent="0.25">
      <c r="A1234">
        <v>11901</v>
      </c>
      <c r="B1234" t="s">
        <v>69</v>
      </c>
      <c r="C1234">
        <v>36</v>
      </c>
      <c r="D1234" t="s">
        <v>70</v>
      </c>
      <c r="E1234">
        <v>1257</v>
      </c>
      <c r="F1234" t="s">
        <v>651</v>
      </c>
      <c r="G1234">
        <v>160</v>
      </c>
      <c r="H1234" t="s">
        <v>732</v>
      </c>
      <c r="I1234">
        <v>1000</v>
      </c>
      <c r="J1234" t="s">
        <v>301</v>
      </c>
      <c r="K1234">
        <v>26</v>
      </c>
      <c r="L1234" t="s">
        <v>1653</v>
      </c>
      <c r="M1234">
        <v>2262</v>
      </c>
      <c r="N1234" t="s">
        <v>654</v>
      </c>
      <c r="O1234">
        <v>3</v>
      </c>
      <c r="P1234" t="s">
        <v>655</v>
      </c>
      <c r="Q1234">
        <v>1</v>
      </c>
      <c r="R1234" t="s">
        <v>656</v>
      </c>
      <c r="S1234">
        <v>2</v>
      </c>
      <c r="T1234" t="s">
        <v>661</v>
      </c>
      <c r="U1234">
        <v>8</v>
      </c>
      <c r="V1234">
        <v>2</v>
      </c>
      <c r="W1234">
        <v>120</v>
      </c>
      <c r="X1234">
        <v>2020</v>
      </c>
    </row>
    <row r="1235" spans="1:24" x14ac:dyDescent="0.25">
      <c r="A1235">
        <v>11898</v>
      </c>
      <c r="B1235" t="s">
        <v>69</v>
      </c>
      <c r="C1235">
        <v>36</v>
      </c>
      <c r="D1235" t="s">
        <v>72</v>
      </c>
      <c r="E1235">
        <v>1251</v>
      </c>
      <c r="F1235" t="s">
        <v>651</v>
      </c>
      <c r="G1235">
        <v>160</v>
      </c>
      <c r="H1235" t="s">
        <v>732</v>
      </c>
      <c r="I1235">
        <v>1000</v>
      </c>
      <c r="J1235" t="s">
        <v>802</v>
      </c>
      <c r="K1235">
        <v>12</v>
      </c>
      <c r="L1235" t="s">
        <v>1654</v>
      </c>
      <c r="M1235">
        <v>2283</v>
      </c>
      <c r="N1235" t="s">
        <v>654</v>
      </c>
      <c r="O1235">
        <v>3</v>
      </c>
      <c r="P1235" t="s">
        <v>655</v>
      </c>
      <c r="Q1235">
        <v>1</v>
      </c>
      <c r="R1235" t="s">
        <v>656</v>
      </c>
      <c r="S1235">
        <v>2</v>
      </c>
      <c r="T1235" t="s">
        <v>661</v>
      </c>
      <c r="U1235">
        <v>8</v>
      </c>
      <c r="V1235">
        <v>2</v>
      </c>
      <c r="W1235">
        <v>120</v>
      </c>
      <c r="X1235">
        <v>2020</v>
      </c>
    </row>
    <row r="1236" spans="1:24" x14ac:dyDescent="0.25">
      <c r="A1236">
        <v>11889</v>
      </c>
      <c r="B1236" t="s">
        <v>69</v>
      </c>
      <c r="C1236">
        <v>36</v>
      </c>
      <c r="D1236" t="s">
        <v>71</v>
      </c>
      <c r="E1236">
        <v>1254</v>
      </c>
      <c r="F1236" t="s">
        <v>651</v>
      </c>
      <c r="G1236">
        <v>160</v>
      </c>
      <c r="H1236" t="s">
        <v>732</v>
      </c>
      <c r="I1236">
        <v>1000</v>
      </c>
      <c r="J1236" t="s">
        <v>868</v>
      </c>
      <c r="K1236">
        <v>23</v>
      </c>
      <c r="L1236" t="s">
        <v>1655</v>
      </c>
      <c r="M1236">
        <v>2284</v>
      </c>
      <c r="N1236" t="s">
        <v>654</v>
      </c>
      <c r="O1236">
        <v>3</v>
      </c>
      <c r="P1236" t="s">
        <v>655</v>
      </c>
      <c r="Q1236">
        <v>1</v>
      </c>
      <c r="R1236" t="s">
        <v>656</v>
      </c>
      <c r="S1236">
        <v>2</v>
      </c>
      <c r="T1236" t="s">
        <v>661</v>
      </c>
      <c r="U1236">
        <v>8</v>
      </c>
      <c r="V1236">
        <v>2</v>
      </c>
      <c r="W1236">
        <v>120</v>
      </c>
      <c r="X1236">
        <v>2020</v>
      </c>
    </row>
    <row r="1237" spans="1:24" x14ac:dyDescent="0.25">
      <c r="A1237">
        <v>11886</v>
      </c>
      <c r="B1237" t="s">
        <v>69</v>
      </c>
      <c r="C1237">
        <v>36</v>
      </c>
      <c r="D1237" t="s">
        <v>70</v>
      </c>
      <c r="E1237">
        <v>1257</v>
      </c>
      <c r="F1237" t="s">
        <v>651</v>
      </c>
      <c r="G1237">
        <v>160</v>
      </c>
      <c r="H1237" t="s">
        <v>732</v>
      </c>
      <c r="I1237">
        <v>1000</v>
      </c>
      <c r="J1237" t="s">
        <v>65</v>
      </c>
      <c r="K1237">
        <v>15</v>
      </c>
      <c r="L1237" t="s">
        <v>1656</v>
      </c>
      <c r="M1237">
        <v>2268</v>
      </c>
      <c r="N1237" t="s">
        <v>654</v>
      </c>
      <c r="O1237">
        <v>3</v>
      </c>
      <c r="P1237" t="s">
        <v>655</v>
      </c>
      <c r="Q1237">
        <v>1</v>
      </c>
      <c r="R1237" t="s">
        <v>656</v>
      </c>
      <c r="S1237">
        <v>2</v>
      </c>
      <c r="T1237" t="s">
        <v>661</v>
      </c>
      <c r="U1237">
        <v>8</v>
      </c>
      <c r="V1237">
        <v>1</v>
      </c>
      <c r="W1237">
        <v>60</v>
      </c>
      <c r="X1237">
        <v>2020</v>
      </c>
    </row>
    <row r="1238" spans="1:24" x14ac:dyDescent="0.25">
      <c r="A1238">
        <v>11883</v>
      </c>
      <c r="B1238" t="s">
        <v>69</v>
      </c>
      <c r="C1238">
        <v>36</v>
      </c>
      <c r="D1238" t="s">
        <v>70</v>
      </c>
      <c r="E1238">
        <v>1257</v>
      </c>
      <c r="F1238" t="s">
        <v>651</v>
      </c>
      <c r="G1238">
        <v>160</v>
      </c>
      <c r="H1238" t="s">
        <v>732</v>
      </c>
      <c r="I1238">
        <v>1000</v>
      </c>
      <c r="J1238" t="s">
        <v>682</v>
      </c>
      <c r="K1238">
        <v>20</v>
      </c>
      <c r="L1238" t="s">
        <v>1657</v>
      </c>
      <c r="M1238">
        <v>2272</v>
      </c>
      <c r="N1238" t="s">
        <v>654</v>
      </c>
      <c r="O1238">
        <v>3</v>
      </c>
      <c r="P1238" t="s">
        <v>655</v>
      </c>
      <c r="Q1238">
        <v>1</v>
      </c>
      <c r="R1238" t="s">
        <v>656</v>
      </c>
      <c r="S1238">
        <v>2</v>
      </c>
      <c r="T1238" t="s">
        <v>661</v>
      </c>
      <c r="U1238">
        <v>8</v>
      </c>
      <c r="V1238">
        <v>2</v>
      </c>
      <c r="W1238">
        <v>120</v>
      </c>
      <c r="X1238">
        <v>2020</v>
      </c>
    </row>
    <row r="1239" spans="1:24" x14ac:dyDescent="0.25">
      <c r="A1239">
        <v>11842</v>
      </c>
      <c r="B1239" t="s">
        <v>93</v>
      </c>
      <c r="C1239">
        <v>48</v>
      </c>
      <c r="D1239" t="s">
        <v>92</v>
      </c>
      <c r="E1239">
        <v>1206</v>
      </c>
      <c r="F1239" t="s">
        <v>892</v>
      </c>
      <c r="G1239" t="s">
        <v>892</v>
      </c>
      <c r="H1239" t="s">
        <v>892</v>
      </c>
      <c r="I1239" t="s">
        <v>892</v>
      </c>
      <c r="J1239" t="s">
        <v>673</v>
      </c>
      <c r="K1239">
        <v>34</v>
      </c>
      <c r="L1239" t="s">
        <v>892</v>
      </c>
      <c r="M1239" t="s">
        <v>892</v>
      </c>
      <c r="N1239" t="s">
        <v>892</v>
      </c>
      <c r="O1239" t="s">
        <v>892</v>
      </c>
      <c r="P1239" t="s">
        <v>746</v>
      </c>
      <c r="Q1239">
        <v>2</v>
      </c>
      <c r="R1239" t="s">
        <v>893</v>
      </c>
      <c r="S1239">
        <v>3</v>
      </c>
      <c r="T1239" t="s">
        <v>892</v>
      </c>
      <c r="U1239" t="s">
        <v>892</v>
      </c>
      <c r="V1239">
        <v>3</v>
      </c>
      <c r="W1239">
        <v>180</v>
      </c>
      <c r="X1239">
        <v>2020</v>
      </c>
    </row>
    <row r="1240" spans="1:24" x14ac:dyDescent="0.25">
      <c r="A1240">
        <v>11841</v>
      </c>
      <c r="B1240" t="s">
        <v>93</v>
      </c>
      <c r="C1240">
        <v>48</v>
      </c>
      <c r="D1240" t="s">
        <v>172</v>
      </c>
      <c r="E1240">
        <v>1124</v>
      </c>
      <c r="F1240" t="s">
        <v>892</v>
      </c>
      <c r="G1240" t="s">
        <v>892</v>
      </c>
      <c r="H1240" t="s">
        <v>892</v>
      </c>
      <c r="I1240" t="s">
        <v>892</v>
      </c>
      <c r="J1240" t="s">
        <v>894</v>
      </c>
      <c r="K1240">
        <v>18</v>
      </c>
      <c r="L1240" t="s">
        <v>892</v>
      </c>
      <c r="M1240" t="s">
        <v>892</v>
      </c>
      <c r="N1240" t="s">
        <v>892</v>
      </c>
      <c r="O1240" t="s">
        <v>892</v>
      </c>
      <c r="P1240" t="s">
        <v>746</v>
      </c>
      <c r="Q1240">
        <v>2</v>
      </c>
      <c r="R1240" t="s">
        <v>893</v>
      </c>
      <c r="S1240">
        <v>3</v>
      </c>
      <c r="T1240" t="s">
        <v>892</v>
      </c>
      <c r="U1240" t="s">
        <v>892</v>
      </c>
      <c r="V1240">
        <v>3</v>
      </c>
      <c r="W1240">
        <v>180</v>
      </c>
      <c r="X1240">
        <v>2020</v>
      </c>
    </row>
    <row r="1241" spans="1:24" x14ac:dyDescent="0.25">
      <c r="A1241">
        <v>11840</v>
      </c>
      <c r="B1241" t="s">
        <v>93</v>
      </c>
      <c r="C1241">
        <v>48</v>
      </c>
      <c r="D1241" t="s">
        <v>170</v>
      </c>
      <c r="E1241">
        <v>1126</v>
      </c>
      <c r="F1241" t="s">
        <v>892</v>
      </c>
      <c r="G1241" t="s">
        <v>892</v>
      </c>
      <c r="H1241" t="s">
        <v>892</v>
      </c>
      <c r="I1241" t="s">
        <v>892</v>
      </c>
      <c r="J1241" t="s">
        <v>868</v>
      </c>
      <c r="K1241">
        <v>23</v>
      </c>
      <c r="L1241" t="s">
        <v>892</v>
      </c>
      <c r="M1241" t="s">
        <v>892</v>
      </c>
      <c r="N1241" t="s">
        <v>892</v>
      </c>
      <c r="O1241" t="s">
        <v>892</v>
      </c>
      <c r="P1241" t="s">
        <v>746</v>
      </c>
      <c r="Q1241">
        <v>2</v>
      </c>
      <c r="R1241" t="s">
        <v>893</v>
      </c>
      <c r="S1241">
        <v>3</v>
      </c>
      <c r="T1241" t="s">
        <v>892</v>
      </c>
      <c r="U1241" t="s">
        <v>892</v>
      </c>
      <c r="V1241">
        <v>3</v>
      </c>
      <c r="W1241">
        <v>180</v>
      </c>
      <c r="X1241">
        <v>2020</v>
      </c>
    </row>
    <row r="1242" spans="1:24" x14ac:dyDescent="0.25">
      <c r="A1242">
        <v>11839</v>
      </c>
      <c r="B1242" t="s">
        <v>224</v>
      </c>
      <c r="C1242">
        <v>46</v>
      </c>
      <c r="D1242" t="s">
        <v>223</v>
      </c>
      <c r="E1242">
        <v>1084</v>
      </c>
      <c r="F1242" t="s">
        <v>892</v>
      </c>
      <c r="G1242" t="s">
        <v>892</v>
      </c>
      <c r="H1242" t="s">
        <v>892</v>
      </c>
      <c r="I1242" t="s">
        <v>892</v>
      </c>
      <c r="J1242" t="s">
        <v>1538</v>
      </c>
      <c r="K1242">
        <v>36</v>
      </c>
      <c r="L1242" t="s">
        <v>892</v>
      </c>
      <c r="M1242" t="s">
        <v>892</v>
      </c>
      <c r="N1242" t="s">
        <v>892</v>
      </c>
      <c r="O1242" t="s">
        <v>892</v>
      </c>
      <c r="P1242" t="s">
        <v>746</v>
      </c>
      <c r="Q1242">
        <v>2</v>
      </c>
      <c r="R1242" t="s">
        <v>893</v>
      </c>
      <c r="S1242">
        <v>3</v>
      </c>
      <c r="T1242" t="s">
        <v>892</v>
      </c>
      <c r="U1242" t="s">
        <v>892</v>
      </c>
      <c r="V1242">
        <v>3</v>
      </c>
      <c r="W1242">
        <v>180</v>
      </c>
      <c r="X1242">
        <v>2020</v>
      </c>
    </row>
    <row r="1243" spans="1:24" x14ac:dyDescent="0.25">
      <c r="A1243">
        <v>11837</v>
      </c>
      <c r="B1243" t="s">
        <v>74</v>
      </c>
      <c r="C1243">
        <v>40</v>
      </c>
      <c r="D1243" t="s">
        <v>222</v>
      </c>
      <c r="E1243">
        <v>1085</v>
      </c>
      <c r="F1243" t="s">
        <v>892</v>
      </c>
      <c r="G1243" t="s">
        <v>892</v>
      </c>
      <c r="H1243" t="s">
        <v>892</v>
      </c>
      <c r="I1243" t="s">
        <v>892</v>
      </c>
      <c r="J1243" t="s">
        <v>880</v>
      </c>
      <c r="K1243">
        <v>58</v>
      </c>
      <c r="L1243" t="s">
        <v>892</v>
      </c>
      <c r="M1243" t="s">
        <v>892</v>
      </c>
      <c r="N1243" t="s">
        <v>892</v>
      </c>
      <c r="O1243" t="s">
        <v>892</v>
      </c>
      <c r="P1243" t="s">
        <v>746</v>
      </c>
      <c r="Q1243">
        <v>2</v>
      </c>
      <c r="R1243" t="s">
        <v>893</v>
      </c>
      <c r="S1243">
        <v>3</v>
      </c>
      <c r="T1243" t="s">
        <v>892</v>
      </c>
      <c r="U1243" t="s">
        <v>892</v>
      </c>
      <c r="V1243">
        <v>3</v>
      </c>
      <c r="W1243">
        <v>180</v>
      </c>
      <c r="X1243">
        <v>2020</v>
      </c>
    </row>
    <row r="1244" spans="1:24" x14ac:dyDescent="0.25">
      <c r="A1244">
        <v>11836</v>
      </c>
      <c r="B1244" t="s">
        <v>74</v>
      </c>
      <c r="C1244">
        <v>40</v>
      </c>
      <c r="D1244" t="s">
        <v>222</v>
      </c>
      <c r="E1244">
        <v>1085</v>
      </c>
      <c r="F1244" t="s">
        <v>892</v>
      </c>
      <c r="G1244" t="s">
        <v>892</v>
      </c>
      <c r="H1244" t="s">
        <v>892</v>
      </c>
      <c r="I1244" t="s">
        <v>892</v>
      </c>
      <c r="J1244" t="s">
        <v>710</v>
      </c>
      <c r="K1244">
        <v>53</v>
      </c>
      <c r="L1244" t="s">
        <v>892</v>
      </c>
      <c r="M1244" t="s">
        <v>892</v>
      </c>
      <c r="N1244" t="s">
        <v>892</v>
      </c>
      <c r="O1244" t="s">
        <v>892</v>
      </c>
      <c r="P1244" t="s">
        <v>746</v>
      </c>
      <c r="Q1244">
        <v>2</v>
      </c>
      <c r="R1244" t="s">
        <v>893</v>
      </c>
      <c r="S1244">
        <v>3</v>
      </c>
      <c r="T1244" t="s">
        <v>892</v>
      </c>
      <c r="U1244" t="s">
        <v>892</v>
      </c>
      <c r="V1244">
        <v>3</v>
      </c>
      <c r="W1244">
        <v>180</v>
      </c>
      <c r="X1244">
        <v>2020</v>
      </c>
    </row>
    <row r="1245" spans="1:24" x14ac:dyDescent="0.25">
      <c r="A1245">
        <v>11835</v>
      </c>
      <c r="B1245" t="s">
        <v>247</v>
      </c>
      <c r="C1245">
        <v>39</v>
      </c>
      <c r="D1245" t="s">
        <v>246</v>
      </c>
      <c r="E1245">
        <v>1063</v>
      </c>
      <c r="F1245" t="s">
        <v>892</v>
      </c>
      <c r="G1245" t="s">
        <v>892</v>
      </c>
      <c r="H1245" t="s">
        <v>892</v>
      </c>
      <c r="I1245" t="s">
        <v>892</v>
      </c>
      <c r="J1245" t="s">
        <v>679</v>
      </c>
      <c r="K1245">
        <v>32</v>
      </c>
      <c r="L1245" t="s">
        <v>892</v>
      </c>
      <c r="M1245" t="s">
        <v>892</v>
      </c>
      <c r="N1245" t="s">
        <v>892</v>
      </c>
      <c r="O1245" t="s">
        <v>892</v>
      </c>
      <c r="P1245" t="s">
        <v>746</v>
      </c>
      <c r="Q1245">
        <v>2</v>
      </c>
      <c r="R1245" t="s">
        <v>893</v>
      </c>
      <c r="S1245">
        <v>3</v>
      </c>
      <c r="T1245" t="s">
        <v>892</v>
      </c>
      <c r="U1245" t="s">
        <v>892</v>
      </c>
      <c r="V1245">
        <v>3</v>
      </c>
      <c r="W1245">
        <v>180</v>
      </c>
      <c r="X1245">
        <v>2020</v>
      </c>
    </row>
    <row r="1246" spans="1:24" x14ac:dyDescent="0.25">
      <c r="A1246">
        <v>11834</v>
      </c>
      <c r="B1246" t="s">
        <v>95</v>
      </c>
      <c r="C1246">
        <v>26</v>
      </c>
      <c r="D1246" t="s">
        <v>148</v>
      </c>
      <c r="E1246">
        <v>1149</v>
      </c>
      <c r="F1246" t="s">
        <v>892</v>
      </c>
      <c r="G1246" t="s">
        <v>892</v>
      </c>
      <c r="H1246" t="s">
        <v>892</v>
      </c>
      <c r="I1246" t="s">
        <v>892</v>
      </c>
      <c r="J1246" t="s">
        <v>792</v>
      </c>
      <c r="K1246">
        <v>6</v>
      </c>
      <c r="L1246" t="s">
        <v>892</v>
      </c>
      <c r="M1246" t="s">
        <v>892</v>
      </c>
      <c r="N1246" t="s">
        <v>892</v>
      </c>
      <c r="O1246" t="s">
        <v>892</v>
      </c>
      <c r="P1246" t="s">
        <v>746</v>
      </c>
      <c r="Q1246">
        <v>2</v>
      </c>
      <c r="R1246" t="s">
        <v>893</v>
      </c>
      <c r="S1246">
        <v>3</v>
      </c>
      <c r="T1246" t="s">
        <v>892</v>
      </c>
      <c r="U1246" t="s">
        <v>892</v>
      </c>
      <c r="V1246">
        <v>3</v>
      </c>
      <c r="W1246">
        <v>180</v>
      </c>
      <c r="X1246">
        <v>2020</v>
      </c>
    </row>
    <row r="1247" spans="1:24" x14ac:dyDescent="0.25">
      <c r="A1247">
        <v>11832</v>
      </c>
      <c r="B1247" t="s">
        <v>14</v>
      </c>
      <c r="C1247">
        <v>20</v>
      </c>
      <c r="D1247" t="s">
        <v>254</v>
      </c>
      <c r="E1247">
        <v>1056</v>
      </c>
      <c r="F1247" t="s">
        <v>892</v>
      </c>
      <c r="G1247" t="s">
        <v>892</v>
      </c>
      <c r="H1247" t="s">
        <v>892</v>
      </c>
      <c r="I1247" t="s">
        <v>892</v>
      </c>
      <c r="J1247" t="s">
        <v>682</v>
      </c>
      <c r="K1247">
        <v>20</v>
      </c>
      <c r="L1247" t="s">
        <v>892</v>
      </c>
      <c r="M1247" t="s">
        <v>892</v>
      </c>
      <c r="N1247" t="s">
        <v>892</v>
      </c>
      <c r="O1247" t="s">
        <v>892</v>
      </c>
      <c r="P1247" t="s">
        <v>746</v>
      </c>
      <c r="Q1247">
        <v>2</v>
      </c>
      <c r="R1247" t="s">
        <v>893</v>
      </c>
      <c r="S1247">
        <v>3</v>
      </c>
      <c r="T1247" t="s">
        <v>892</v>
      </c>
      <c r="U1247" t="s">
        <v>892</v>
      </c>
      <c r="V1247">
        <v>3</v>
      </c>
      <c r="W1247">
        <v>180</v>
      </c>
      <c r="X1247">
        <v>2020</v>
      </c>
    </row>
    <row r="1248" spans="1:24" x14ac:dyDescent="0.25">
      <c r="A1248">
        <v>11831</v>
      </c>
      <c r="B1248" t="s">
        <v>14</v>
      </c>
      <c r="C1248">
        <v>20</v>
      </c>
      <c r="D1248" t="s">
        <v>105</v>
      </c>
      <c r="E1248">
        <v>1195</v>
      </c>
      <c r="F1248" t="s">
        <v>892</v>
      </c>
      <c r="G1248" t="s">
        <v>892</v>
      </c>
      <c r="H1248" t="s">
        <v>892</v>
      </c>
      <c r="I1248" t="s">
        <v>892</v>
      </c>
      <c r="J1248" t="s">
        <v>868</v>
      </c>
      <c r="K1248">
        <v>23</v>
      </c>
      <c r="L1248" t="s">
        <v>892</v>
      </c>
      <c r="M1248" t="s">
        <v>892</v>
      </c>
      <c r="N1248" t="s">
        <v>892</v>
      </c>
      <c r="O1248" t="s">
        <v>892</v>
      </c>
      <c r="P1248" t="s">
        <v>746</v>
      </c>
      <c r="Q1248">
        <v>2</v>
      </c>
      <c r="R1248" t="s">
        <v>893</v>
      </c>
      <c r="S1248">
        <v>3</v>
      </c>
      <c r="T1248" t="s">
        <v>892</v>
      </c>
      <c r="U1248" t="s">
        <v>892</v>
      </c>
      <c r="V1248">
        <v>3</v>
      </c>
      <c r="W1248">
        <v>180</v>
      </c>
      <c r="X1248">
        <v>2020</v>
      </c>
    </row>
    <row r="1249" spans="1:24" x14ac:dyDescent="0.25">
      <c r="A1249">
        <v>11830</v>
      </c>
      <c r="B1249" t="s">
        <v>14</v>
      </c>
      <c r="C1249">
        <v>20</v>
      </c>
      <c r="D1249" t="s">
        <v>106</v>
      </c>
      <c r="E1249">
        <v>1194</v>
      </c>
      <c r="F1249" t="s">
        <v>892</v>
      </c>
      <c r="G1249" t="s">
        <v>892</v>
      </c>
      <c r="H1249" t="s">
        <v>892</v>
      </c>
      <c r="I1249" t="s">
        <v>892</v>
      </c>
      <c r="J1249" t="s">
        <v>868</v>
      </c>
      <c r="K1249">
        <v>23</v>
      </c>
      <c r="L1249" t="s">
        <v>892</v>
      </c>
      <c r="M1249" t="s">
        <v>892</v>
      </c>
      <c r="N1249" t="s">
        <v>892</v>
      </c>
      <c r="O1249" t="s">
        <v>892</v>
      </c>
      <c r="P1249" t="s">
        <v>746</v>
      </c>
      <c r="Q1249">
        <v>2</v>
      </c>
      <c r="R1249" t="s">
        <v>893</v>
      </c>
      <c r="S1249">
        <v>3</v>
      </c>
      <c r="T1249" t="s">
        <v>892</v>
      </c>
      <c r="U1249" t="s">
        <v>892</v>
      </c>
      <c r="V1249">
        <v>3</v>
      </c>
      <c r="W1249">
        <v>180</v>
      </c>
      <c r="X1249">
        <v>2020</v>
      </c>
    </row>
    <row r="1250" spans="1:24" x14ac:dyDescent="0.25">
      <c r="A1250">
        <v>11829</v>
      </c>
      <c r="B1250" t="s">
        <v>14</v>
      </c>
      <c r="C1250">
        <v>20</v>
      </c>
      <c r="D1250" t="s">
        <v>253</v>
      </c>
      <c r="E1250">
        <v>1057</v>
      </c>
      <c r="F1250" t="s">
        <v>892</v>
      </c>
      <c r="G1250" t="s">
        <v>892</v>
      </c>
      <c r="H1250" t="s">
        <v>892</v>
      </c>
      <c r="I1250" t="s">
        <v>892</v>
      </c>
      <c r="J1250" t="s">
        <v>1028</v>
      </c>
      <c r="K1250">
        <v>33</v>
      </c>
      <c r="L1250" t="s">
        <v>892</v>
      </c>
      <c r="M1250" t="s">
        <v>892</v>
      </c>
      <c r="N1250" t="s">
        <v>892</v>
      </c>
      <c r="O1250" t="s">
        <v>892</v>
      </c>
      <c r="P1250" t="s">
        <v>746</v>
      </c>
      <c r="Q1250">
        <v>2</v>
      </c>
      <c r="R1250" t="s">
        <v>893</v>
      </c>
      <c r="S1250">
        <v>3</v>
      </c>
      <c r="T1250" t="s">
        <v>892</v>
      </c>
      <c r="U1250" t="s">
        <v>892</v>
      </c>
      <c r="V1250">
        <v>3</v>
      </c>
      <c r="W1250">
        <v>180</v>
      </c>
      <c r="X1250">
        <v>2020</v>
      </c>
    </row>
    <row r="1251" spans="1:24" x14ac:dyDescent="0.25">
      <c r="A1251">
        <v>11828</v>
      </c>
      <c r="B1251" t="s">
        <v>218</v>
      </c>
      <c r="C1251">
        <v>17</v>
      </c>
      <c r="D1251" t="s">
        <v>217</v>
      </c>
      <c r="E1251">
        <v>1089</v>
      </c>
      <c r="F1251" t="s">
        <v>892</v>
      </c>
      <c r="G1251" t="s">
        <v>892</v>
      </c>
      <c r="H1251" t="s">
        <v>892</v>
      </c>
      <c r="I1251" t="s">
        <v>892</v>
      </c>
      <c r="J1251" t="s">
        <v>673</v>
      </c>
      <c r="K1251">
        <v>34</v>
      </c>
      <c r="L1251" t="s">
        <v>892</v>
      </c>
      <c r="M1251" t="s">
        <v>892</v>
      </c>
      <c r="N1251" t="s">
        <v>892</v>
      </c>
      <c r="O1251" t="s">
        <v>892</v>
      </c>
      <c r="P1251" t="s">
        <v>746</v>
      </c>
      <c r="Q1251">
        <v>2</v>
      </c>
      <c r="R1251" t="s">
        <v>893</v>
      </c>
      <c r="S1251">
        <v>3</v>
      </c>
      <c r="T1251" t="s">
        <v>892</v>
      </c>
      <c r="U1251" t="s">
        <v>892</v>
      </c>
      <c r="V1251">
        <v>3</v>
      </c>
      <c r="W1251">
        <v>180</v>
      </c>
      <c r="X1251">
        <v>2020</v>
      </c>
    </row>
    <row r="1252" spans="1:24" x14ac:dyDescent="0.25">
      <c r="A1252">
        <v>11827</v>
      </c>
      <c r="B1252" t="s">
        <v>226</v>
      </c>
      <c r="C1252">
        <v>1</v>
      </c>
      <c r="D1252" t="s">
        <v>225</v>
      </c>
      <c r="E1252">
        <v>1083</v>
      </c>
      <c r="F1252" t="s">
        <v>892</v>
      </c>
      <c r="G1252" t="s">
        <v>892</v>
      </c>
      <c r="H1252" t="s">
        <v>892</v>
      </c>
      <c r="I1252" t="s">
        <v>892</v>
      </c>
      <c r="J1252" t="s">
        <v>767</v>
      </c>
      <c r="K1252">
        <v>44</v>
      </c>
      <c r="L1252" t="s">
        <v>892</v>
      </c>
      <c r="M1252" t="s">
        <v>892</v>
      </c>
      <c r="N1252" t="s">
        <v>892</v>
      </c>
      <c r="O1252" t="s">
        <v>892</v>
      </c>
      <c r="P1252" t="s">
        <v>746</v>
      </c>
      <c r="Q1252">
        <v>2</v>
      </c>
      <c r="R1252" t="s">
        <v>893</v>
      </c>
      <c r="S1252">
        <v>3</v>
      </c>
      <c r="T1252" t="s">
        <v>892</v>
      </c>
      <c r="U1252" t="s">
        <v>892</v>
      </c>
      <c r="V1252">
        <v>3</v>
      </c>
      <c r="W1252">
        <v>180</v>
      </c>
      <c r="X1252">
        <v>2020</v>
      </c>
    </row>
    <row r="1253" spans="1:24" x14ac:dyDescent="0.25">
      <c r="A1253">
        <v>11826</v>
      </c>
      <c r="B1253" t="s">
        <v>226</v>
      </c>
      <c r="C1253">
        <v>1</v>
      </c>
      <c r="D1253" t="s">
        <v>232</v>
      </c>
      <c r="E1253">
        <v>1077</v>
      </c>
      <c r="F1253" t="s">
        <v>892</v>
      </c>
      <c r="G1253" t="s">
        <v>892</v>
      </c>
      <c r="H1253" t="s">
        <v>892</v>
      </c>
      <c r="I1253" t="s">
        <v>892</v>
      </c>
      <c r="J1253" t="s">
        <v>738</v>
      </c>
      <c r="K1253">
        <v>61</v>
      </c>
      <c r="L1253" t="s">
        <v>892</v>
      </c>
      <c r="M1253" t="s">
        <v>892</v>
      </c>
      <c r="N1253" t="s">
        <v>892</v>
      </c>
      <c r="O1253" t="s">
        <v>892</v>
      </c>
      <c r="P1253" t="s">
        <v>746</v>
      </c>
      <c r="Q1253">
        <v>2</v>
      </c>
      <c r="R1253" t="s">
        <v>893</v>
      </c>
      <c r="S1253">
        <v>3</v>
      </c>
      <c r="T1253" t="s">
        <v>892</v>
      </c>
      <c r="U1253" t="s">
        <v>892</v>
      </c>
      <c r="V1253">
        <v>3</v>
      </c>
      <c r="W1253">
        <v>180</v>
      </c>
      <c r="X1253">
        <v>2020</v>
      </c>
    </row>
    <row r="1254" spans="1:24" x14ac:dyDescent="0.25">
      <c r="A1254">
        <v>11825</v>
      </c>
      <c r="B1254" t="s">
        <v>30</v>
      </c>
      <c r="C1254">
        <v>18</v>
      </c>
      <c r="D1254" t="s">
        <v>29</v>
      </c>
      <c r="E1254">
        <v>1354</v>
      </c>
      <c r="F1254" t="s">
        <v>892</v>
      </c>
      <c r="G1254" t="s">
        <v>892</v>
      </c>
      <c r="H1254" t="s">
        <v>892</v>
      </c>
      <c r="I1254" t="s">
        <v>892</v>
      </c>
      <c r="J1254" t="s">
        <v>866</v>
      </c>
      <c r="K1254">
        <v>9</v>
      </c>
      <c r="L1254" t="s">
        <v>892</v>
      </c>
      <c r="M1254" t="s">
        <v>892</v>
      </c>
      <c r="N1254" t="s">
        <v>892</v>
      </c>
      <c r="O1254" t="s">
        <v>892</v>
      </c>
      <c r="P1254" t="s">
        <v>746</v>
      </c>
      <c r="Q1254">
        <v>2</v>
      </c>
      <c r="R1254" t="s">
        <v>893</v>
      </c>
      <c r="S1254">
        <v>3</v>
      </c>
      <c r="T1254" t="s">
        <v>892</v>
      </c>
      <c r="U1254" t="s">
        <v>892</v>
      </c>
      <c r="V1254">
        <v>3</v>
      </c>
      <c r="W1254">
        <v>180</v>
      </c>
      <c r="X1254">
        <v>2020</v>
      </c>
    </row>
    <row r="1255" spans="1:24" x14ac:dyDescent="0.25">
      <c r="A1255">
        <v>11824</v>
      </c>
      <c r="B1255" t="s">
        <v>30</v>
      </c>
      <c r="C1255">
        <v>18</v>
      </c>
      <c r="D1255" t="s">
        <v>29</v>
      </c>
      <c r="E1255">
        <v>1354</v>
      </c>
      <c r="F1255" t="s">
        <v>892</v>
      </c>
      <c r="G1255" t="s">
        <v>892</v>
      </c>
      <c r="H1255" t="s">
        <v>892</v>
      </c>
      <c r="I1255" t="s">
        <v>892</v>
      </c>
      <c r="J1255" t="s">
        <v>663</v>
      </c>
      <c r="K1255">
        <v>99</v>
      </c>
      <c r="L1255" t="s">
        <v>892</v>
      </c>
      <c r="M1255" t="s">
        <v>892</v>
      </c>
      <c r="N1255" t="s">
        <v>892</v>
      </c>
      <c r="O1255" t="s">
        <v>892</v>
      </c>
      <c r="P1255" t="s">
        <v>746</v>
      </c>
      <c r="Q1255">
        <v>2</v>
      </c>
      <c r="R1255" t="s">
        <v>893</v>
      </c>
      <c r="S1255">
        <v>3</v>
      </c>
      <c r="T1255" t="s">
        <v>892</v>
      </c>
      <c r="U1255" t="s">
        <v>892</v>
      </c>
      <c r="V1255">
        <v>3</v>
      </c>
      <c r="W1255">
        <v>180</v>
      </c>
      <c r="X1255">
        <v>2020</v>
      </c>
    </row>
    <row r="1256" spans="1:24" x14ac:dyDescent="0.25">
      <c r="A1256">
        <v>11823</v>
      </c>
      <c r="B1256" t="s">
        <v>30</v>
      </c>
      <c r="C1256">
        <v>18</v>
      </c>
      <c r="D1256" t="s">
        <v>29</v>
      </c>
      <c r="E1256">
        <v>1354</v>
      </c>
      <c r="F1256" t="s">
        <v>892</v>
      </c>
      <c r="G1256" t="s">
        <v>892</v>
      </c>
      <c r="H1256" t="s">
        <v>892</v>
      </c>
      <c r="I1256" t="s">
        <v>892</v>
      </c>
      <c r="J1256" t="s">
        <v>885</v>
      </c>
      <c r="K1256">
        <v>1</v>
      </c>
      <c r="L1256" t="s">
        <v>892</v>
      </c>
      <c r="M1256" t="s">
        <v>892</v>
      </c>
      <c r="N1256" t="s">
        <v>892</v>
      </c>
      <c r="O1256" t="s">
        <v>892</v>
      </c>
      <c r="P1256" t="s">
        <v>746</v>
      </c>
      <c r="Q1256">
        <v>2</v>
      </c>
      <c r="R1256" t="s">
        <v>893</v>
      </c>
      <c r="S1256">
        <v>3</v>
      </c>
      <c r="T1256" t="s">
        <v>892</v>
      </c>
      <c r="U1256" t="s">
        <v>892</v>
      </c>
      <c r="V1256">
        <v>3</v>
      </c>
      <c r="W1256">
        <v>180</v>
      </c>
      <c r="X1256">
        <v>2020</v>
      </c>
    </row>
    <row r="1257" spans="1:24" x14ac:dyDescent="0.25">
      <c r="A1257">
        <v>11822</v>
      </c>
      <c r="B1257" t="s">
        <v>30</v>
      </c>
      <c r="C1257">
        <v>18</v>
      </c>
      <c r="D1257" t="s">
        <v>29</v>
      </c>
      <c r="E1257">
        <v>1354</v>
      </c>
      <c r="F1257" t="s">
        <v>892</v>
      </c>
      <c r="G1257" t="s">
        <v>892</v>
      </c>
      <c r="H1257" t="s">
        <v>892</v>
      </c>
      <c r="I1257" t="s">
        <v>892</v>
      </c>
      <c r="J1257" t="s">
        <v>738</v>
      </c>
      <c r="K1257">
        <v>61</v>
      </c>
      <c r="L1257" t="s">
        <v>892</v>
      </c>
      <c r="M1257" t="s">
        <v>892</v>
      </c>
      <c r="N1257" t="s">
        <v>892</v>
      </c>
      <c r="O1257" t="s">
        <v>892</v>
      </c>
      <c r="P1257" t="s">
        <v>746</v>
      </c>
      <c r="Q1257">
        <v>2</v>
      </c>
      <c r="R1257" t="s">
        <v>893</v>
      </c>
      <c r="S1257">
        <v>3</v>
      </c>
      <c r="T1257" t="s">
        <v>892</v>
      </c>
      <c r="U1257" t="s">
        <v>892</v>
      </c>
      <c r="V1257">
        <v>3</v>
      </c>
      <c r="W1257">
        <v>180</v>
      </c>
      <c r="X1257">
        <v>2020</v>
      </c>
    </row>
    <row r="1258" spans="1:24" x14ac:dyDescent="0.25">
      <c r="A1258">
        <v>11821</v>
      </c>
      <c r="B1258" t="s">
        <v>30</v>
      </c>
      <c r="C1258">
        <v>18</v>
      </c>
      <c r="D1258" t="s">
        <v>29</v>
      </c>
      <c r="E1258">
        <v>1354</v>
      </c>
      <c r="F1258" t="s">
        <v>892</v>
      </c>
      <c r="G1258" t="s">
        <v>892</v>
      </c>
      <c r="H1258" t="s">
        <v>892</v>
      </c>
      <c r="I1258" t="s">
        <v>892</v>
      </c>
      <c r="J1258" t="s">
        <v>730</v>
      </c>
      <c r="K1258">
        <v>66</v>
      </c>
      <c r="L1258" t="s">
        <v>892</v>
      </c>
      <c r="M1258" t="s">
        <v>892</v>
      </c>
      <c r="N1258" t="s">
        <v>892</v>
      </c>
      <c r="O1258" t="s">
        <v>892</v>
      </c>
      <c r="P1258" t="s">
        <v>746</v>
      </c>
      <c r="Q1258">
        <v>2</v>
      </c>
      <c r="R1258" t="s">
        <v>893</v>
      </c>
      <c r="S1258">
        <v>3</v>
      </c>
      <c r="T1258" t="s">
        <v>892</v>
      </c>
      <c r="U1258" t="s">
        <v>892</v>
      </c>
      <c r="V1258">
        <v>3</v>
      </c>
      <c r="W1258">
        <v>180</v>
      </c>
      <c r="X1258">
        <v>2020</v>
      </c>
    </row>
    <row r="1259" spans="1:24" x14ac:dyDescent="0.25">
      <c r="A1259">
        <v>11820</v>
      </c>
      <c r="B1259" t="s">
        <v>30</v>
      </c>
      <c r="C1259">
        <v>18</v>
      </c>
      <c r="D1259" t="s">
        <v>29</v>
      </c>
      <c r="E1259">
        <v>1354</v>
      </c>
      <c r="F1259" t="s">
        <v>892</v>
      </c>
      <c r="G1259" t="s">
        <v>892</v>
      </c>
      <c r="H1259" t="s">
        <v>892</v>
      </c>
      <c r="I1259" t="s">
        <v>892</v>
      </c>
      <c r="J1259" t="s">
        <v>693</v>
      </c>
      <c r="K1259">
        <v>56</v>
      </c>
      <c r="L1259" t="s">
        <v>892</v>
      </c>
      <c r="M1259" t="s">
        <v>892</v>
      </c>
      <c r="N1259" t="s">
        <v>892</v>
      </c>
      <c r="O1259" t="s">
        <v>892</v>
      </c>
      <c r="P1259" t="s">
        <v>746</v>
      </c>
      <c r="Q1259">
        <v>2</v>
      </c>
      <c r="R1259" t="s">
        <v>893</v>
      </c>
      <c r="S1259">
        <v>3</v>
      </c>
      <c r="T1259" t="s">
        <v>892</v>
      </c>
      <c r="U1259" t="s">
        <v>892</v>
      </c>
      <c r="V1259">
        <v>3</v>
      </c>
      <c r="W1259">
        <v>180</v>
      </c>
      <c r="X1259">
        <v>2020</v>
      </c>
    </row>
    <row r="1260" spans="1:24" x14ac:dyDescent="0.25">
      <c r="A1260">
        <v>11819</v>
      </c>
      <c r="B1260" t="s">
        <v>30</v>
      </c>
      <c r="C1260">
        <v>18</v>
      </c>
      <c r="D1260" t="s">
        <v>29</v>
      </c>
      <c r="E1260">
        <v>1354</v>
      </c>
      <c r="F1260" t="s">
        <v>892</v>
      </c>
      <c r="G1260" t="s">
        <v>892</v>
      </c>
      <c r="H1260" t="s">
        <v>892</v>
      </c>
      <c r="I1260" t="s">
        <v>892</v>
      </c>
      <c r="J1260" t="s">
        <v>714</v>
      </c>
      <c r="K1260">
        <v>52</v>
      </c>
      <c r="L1260" t="s">
        <v>892</v>
      </c>
      <c r="M1260" t="s">
        <v>892</v>
      </c>
      <c r="N1260" t="s">
        <v>892</v>
      </c>
      <c r="O1260" t="s">
        <v>892</v>
      </c>
      <c r="P1260" t="s">
        <v>746</v>
      </c>
      <c r="Q1260">
        <v>2</v>
      </c>
      <c r="R1260" t="s">
        <v>893</v>
      </c>
      <c r="S1260">
        <v>3</v>
      </c>
      <c r="T1260" t="s">
        <v>892</v>
      </c>
      <c r="U1260" t="s">
        <v>892</v>
      </c>
      <c r="V1260">
        <v>3</v>
      </c>
      <c r="W1260">
        <v>180</v>
      </c>
      <c r="X1260">
        <v>2020</v>
      </c>
    </row>
    <row r="1261" spans="1:24" x14ac:dyDescent="0.25">
      <c r="A1261">
        <v>11818</v>
      </c>
      <c r="B1261" t="s">
        <v>30</v>
      </c>
      <c r="C1261">
        <v>18</v>
      </c>
      <c r="D1261" t="s">
        <v>29</v>
      </c>
      <c r="E1261">
        <v>1354</v>
      </c>
      <c r="F1261" t="s">
        <v>892</v>
      </c>
      <c r="G1261" t="s">
        <v>892</v>
      </c>
      <c r="H1261" t="s">
        <v>892</v>
      </c>
      <c r="I1261" t="s">
        <v>892</v>
      </c>
      <c r="J1261" t="s">
        <v>848</v>
      </c>
      <c r="K1261">
        <v>62</v>
      </c>
      <c r="L1261" t="s">
        <v>892</v>
      </c>
      <c r="M1261" t="s">
        <v>892</v>
      </c>
      <c r="N1261" t="s">
        <v>892</v>
      </c>
      <c r="O1261" t="s">
        <v>892</v>
      </c>
      <c r="P1261" t="s">
        <v>746</v>
      </c>
      <c r="Q1261">
        <v>2</v>
      </c>
      <c r="R1261" t="s">
        <v>893</v>
      </c>
      <c r="S1261">
        <v>3</v>
      </c>
      <c r="T1261" t="s">
        <v>892</v>
      </c>
      <c r="U1261" t="s">
        <v>892</v>
      </c>
      <c r="V1261">
        <v>3</v>
      </c>
      <c r="W1261">
        <v>180</v>
      </c>
      <c r="X1261">
        <v>2020</v>
      </c>
    </row>
    <row r="1262" spans="1:24" x14ac:dyDescent="0.25">
      <c r="A1262">
        <v>11817</v>
      </c>
      <c r="B1262" t="s">
        <v>30</v>
      </c>
      <c r="C1262">
        <v>18</v>
      </c>
      <c r="D1262" t="s">
        <v>29</v>
      </c>
      <c r="E1262">
        <v>1354</v>
      </c>
      <c r="F1262" t="s">
        <v>892</v>
      </c>
      <c r="G1262" t="s">
        <v>892</v>
      </c>
      <c r="H1262" t="s">
        <v>892</v>
      </c>
      <c r="I1262" t="s">
        <v>892</v>
      </c>
      <c r="J1262" t="s">
        <v>1236</v>
      </c>
      <c r="K1262">
        <v>60</v>
      </c>
      <c r="L1262" t="s">
        <v>892</v>
      </c>
      <c r="M1262" t="s">
        <v>892</v>
      </c>
      <c r="N1262" t="s">
        <v>892</v>
      </c>
      <c r="O1262" t="s">
        <v>892</v>
      </c>
      <c r="P1262" t="s">
        <v>746</v>
      </c>
      <c r="Q1262">
        <v>2</v>
      </c>
      <c r="R1262" t="s">
        <v>893</v>
      </c>
      <c r="S1262">
        <v>3</v>
      </c>
      <c r="T1262" t="s">
        <v>892</v>
      </c>
      <c r="U1262" t="s">
        <v>892</v>
      </c>
      <c r="V1262">
        <v>3</v>
      </c>
      <c r="W1262">
        <v>180</v>
      </c>
      <c r="X1262">
        <v>2020</v>
      </c>
    </row>
    <row r="1263" spans="1:24" x14ac:dyDescent="0.25">
      <c r="A1263">
        <v>11816</v>
      </c>
      <c r="B1263" t="s">
        <v>30</v>
      </c>
      <c r="C1263">
        <v>18</v>
      </c>
      <c r="D1263" t="s">
        <v>29</v>
      </c>
      <c r="E1263">
        <v>1354</v>
      </c>
      <c r="F1263" t="s">
        <v>892</v>
      </c>
      <c r="G1263" t="s">
        <v>892</v>
      </c>
      <c r="H1263" t="s">
        <v>892</v>
      </c>
      <c r="I1263" t="s">
        <v>892</v>
      </c>
      <c r="J1263" t="s">
        <v>710</v>
      </c>
      <c r="K1263">
        <v>53</v>
      </c>
      <c r="L1263" t="s">
        <v>892</v>
      </c>
      <c r="M1263" t="s">
        <v>892</v>
      </c>
      <c r="N1263" t="s">
        <v>892</v>
      </c>
      <c r="O1263" t="s">
        <v>892</v>
      </c>
      <c r="P1263" t="s">
        <v>746</v>
      </c>
      <c r="Q1263">
        <v>2</v>
      </c>
      <c r="R1263" t="s">
        <v>893</v>
      </c>
      <c r="S1263">
        <v>3</v>
      </c>
      <c r="T1263" t="s">
        <v>892</v>
      </c>
      <c r="U1263" t="s">
        <v>892</v>
      </c>
      <c r="V1263">
        <v>3</v>
      </c>
      <c r="W1263">
        <v>180</v>
      </c>
      <c r="X1263">
        <v>2020</v>
      </c>
    </row>
    <row r="1264" spans="1:24" x14ac:dyDescent="0.25">
      <c r="A1264">
        <v>11815</v>
      </c>
      <c r="B1264" t="s">
        <v>30</v>
      </c>
      <c r="C1264">
        <v>18</v>
      </c>
      <c r="D1264" t="s">
        <v>29</v>
      </c>
      <c r="E1264">
        <v>1354</v>
      </c>
      <c r="F1264" t="s">
        <v>892</v>
      </c>
      <c r="G1264" t="s">
        <v>892</v>
      </c>
      <c r="H1264" t="s">
        <v>892</v>
      </c>
      <c r="I1264" t="s">
        <v>892</v>
      </c>
      <c r="J1264" t="s">
        <v>1022</v>
      </c>
      <c r="K1264">
        <v>85</v>
      </c>
      <c r="L1264" t="s">
        <v>892</v>
      </c>
      <c r="M1264" t="s">
        <v>892</v>
      </c>
      <c r="N1264" t="s">
        <v>892</v>
      </c>
      <c r="O1264" t="s">
        <v>892</v>
      </c>
      <c r="P1264" t="s">
        <v>746</v>
      </c>
      <c r="Q1264">
        <v>2</v>
      </c>
      <c r="R1264" t="s">
        <v>893</v>
      </c>
      <c r="S1264">
        <v>3</v>
      </c>
      <c r="T1264" t="s">
        <v>892</v>
      </c>
      <c r="U1264" t="s">
        <v>892</v>
      </c>
      <c r="V1264">
        <v>3</v>
      </c>
      <c r="W1264">
        <v>180</v>
      </c>
      <c r="X1264">
        <v>2020</v>
      </c>
    </row>
    <row r="1265" spans="1:24" x14ac:dyDescent="0.25">
      <c r="A1265">
        <v>11814</v>
      </c>
      <c r="B1265" t="s">
        <v>30</v>
      </c>
      <c r="C1265">
        <v>18</v>
      </c>
      <c r="D1265" t="s">
        <v>29</v>
      </c>
      <c r="E1265">
        <v>1354</v>
      </c>
      <c r="F1265" t="s">
        <v>892</v>
      </c>
      <c r="G1265" t="s">
        <v>892</v>
      </c>
      <c r="H1265" t="s">
        <v>892</v>
      </c>
      <c r="I1265" t="s">
        <v>892</v>
      </c>
      <c r="J1265" t="s">
        <v>797</v>
      </c>
      <c r="K1265">
        <v>65</v>
      </c>
      <c r="L1265" t="s">
        <v>892</v>
      </c>
      <c r="M1265" t="s">
        <v>892</v>
      </c>
      <c r="N1265" t="s">
        <v>892</v>
      </c>
      <c r="O1265" t="s">
        <v>892</v>
      </c>
      <c r="P1265" t="s">
        <v>746</v>
      </c>
      <c r="Q1265">
        <v>2</v>
      </c>
      <c r="R1265" t="s">
        <v>893</v>
      </c>
      <c r="S1265">
        <v>3</v>
      </c>
      <c r="T1265" t="s">
        <v>892</v>
      </c>
      <c r="U1265" t="s">
        <v>892</v>
      </c>
      <c r="V1265">
        <v>3</v>
      </c>
      <c r="W1265">
        <v>180</v>
      </c>
      <c r="X1265">
        <v>2020</v>
      </c>
    </row>
    <row r="1266" spans="1:24" x14ac:dyDescent="0.25">
      <c r="A1266">
        <v>11813</v>
      </c>
      <c r="B1266" t="s">
        <v>30</v>
      </c>
      <c r="C1266">
        <v>18</v>
      </c>
      <c r="D1266" t="s">
        <v>29</v>
      </c>
      <c r="E1266">
        <v>1354</v>
      </c>
      <c r="F1266" t="s">
        <v>892</v>
      </c>
      <c r="G1266" t="s">
        <v>892</v>
      </c>
      <c r="H1266" t="s">
        <v>892</v>
      </c>
      <c r="I1266" t="s">
        <v>892</v>
      </c>
      <c r="J1266" t="s">
        <v>767</v>
      </c>
      <c r="K1266">
        <v>44</v>
      </c>
      <c r="L1266" t="s">
        <v>892</v>
      </c>
      <c r="M1266" t="s">
        <v>892</v>
      </c>
      <c r="N1266" t="s">
        <v>892</v>
      </c>
      <c r="O1266" t="s">
        <v>892</v>
      </c>
      <c r="P1266" t="s">
        <v>746</v>
      </c>
      <c r="Q1266">
        <v>2</v>
      </c>
      <c r="R1266" t="s">
        <v>893</v>
      </c>
      <c r="S1266">
        <v>3</v>
      </c>
      <c r="T1266" t="s">
        <v>892</v>
      </c>
      <c r="U1266" t="s">
        <v>892</v>
      </c>
      <c r="V1266">
        <v>3</v>
      </c>
      <c r="W1266">
        <v>180</v>
      </c>
      <c r="X1266">
        <v>2020</v>
      </c>
    </row>
    <row r="1267" spans="1:24" x14ac:dyDescent="0.25">
      <c r="A1267">
        <v>11812</v>
      </c>
      <c r="B1267" t="s">
        <v>30</v>
      </c>
      <c r="C1267">
        <v>18</v>
      </c>
      <c r="D1267" t="s">
        <v>29</v>
      </c>
      <c r="E1267">
        <v>1354</v>
      </c>
      <c r="F1267" t="s">
        <v>892</v>
      </c>
      <c r="G1267" t="s">
        <v>892</v>
      </c>
      <c r="H1267" t="s">
        <v>892</v>
      </c>
      <c r="I1267" t="s">
        <v>892</v>
      </c>
      <c r="J1267" t="s">
        <v>1538</v>
      </c>
      <c r="K1267">
        <v>36</v>
      </c>
      <c r="L1267" t="s">
        <v>892</v>
      </c>
      <c r="M1267" t="s">
        <v>892</v>
      </c>
      <c r="N1267" t="s">
        <v>892</v>
      </c>
      <c r="O1267" t="s">
        <v>892</v>
      </c>
      <c r="P1267" t="s">
        <v>746</v>
      </c>
      <c r="Q1267">
        <v>2</v>
      </c>
      <c r="R1267" t="s">
        <v>893</v>
      </c>
      <c r="S1267">
        <v>3</v>
      </c>
      <c r="T1267" t="s">
        <v>892</v>
      </c>
      <c r="U1267" t="s">
        <v>892</v>
      </c>
      <c r="V1267">
        <v>3</v>
      </c>
      <c r="W1267">
        <v>180</v>
      </c>
      <c r="X1267">
        <v>2020</v>
      </c>
    </row>
    <row r="1268" spans="1:24" x14ac:dyDescent="0.25">
      <c r="A1268">
        <v>11811</v>
      </c>
      <c r="B1268" t="s">
        <v>110</v>
      </c>
      <c r="C1268">
        <v>2</v>
      </c>
      <c r="D1268" t="s">
        <v>109</v>
      </c>
      <c r="E1268">
        <v>1182</v>
      </c>
      <c r="F1268" t="s">
        <v>892</v>
      </c>
      <c r="G1268" t="s">
        <v>892</v>
      </c>
      <c r="H1268" t="s">
        <v>892</v>
      </c>
      <c r="I1268" t="s">
        <v>892</v>
      </c>
      <c r="J1268" t="s">
        <v>738</v>
      </c>
      <c r="K1268">
        <v>61</v>
      </c>
      <c r="L1268" t="s">
        <v>892</v>
      </c>
      <c r="M1268" t="s">
        <v>892</v>
      </c>
      <c r="N1268" t="s">
        <v>892</v>
      </c>
      <c r="O1268" t="s">
        <v>892</v>
      </c>
      <c r="P1268" t="s">
        <v>746</v>
      </c>
      <c r="Q1268">
        <v>2</v>
      </c>
      <c r="R1268" t="s">
        <v>893</v>
      </c>
      <c r="S1268">
        <v>3</v>
      </c>
      <c r="T1268" t="s">
        <v>892</v>
      </c>
      <c r="U1268" t="s">
        <v>892</v>
      </c>
      <c r="V1268">
        <v>3</v>
      </c>
      <c r="W1268">
        <v>180</v>
      </c>
      <c r="X1268">
        <v>2020</v>
      </c>
    </row>
    <row r="1269" spans="1:24" x14ac:dyDescent="0.25">
      <c r="A1269">
        <v>11810</v>
      </c>
      <c r="B1269" t="s">
        <v>110</v>
      </c>
      <c r="C1269">
        <v>2</v>
      </c>
      <c r="D1269" t="s">
        <v>109</v>
      </c>
      <c r="E1269">
        <v>1182</v>
      </c>
      <c r="F1269" t="s">
        <v>892</v>
      </c>
      <c r="G1269" t="s">
        <v>892</v>
      </c>
      <c r="H1269" t="s">
        <v>892</v>
      </c>
      <c r="I1269" t="s">
        <v>892</v>
      </c>
      <c r="J1269" t="s">
        <v>693</v>
      </c>
      <c r="K1269">
        <v>56</v>
      </c>
      <c r="L1269" t="s">
        <v>892</v>
      </c>
      <c r="M1269" t="s">
        <v>892</v>
      </c>
      <c r="N1269" t="s">
        <v>892</v>
      </c>
      <c r="O1269" t="s">
        <v>892</v>
      </c>
      <c r="P1269" t="s">
        <v>746</v>
      </c>
      <c r="Q1269">
        <v>2</v>
      </c>
      <c r="R1269" t="s">
        <v>893</v>
      </c>
      <c r="S1269">
        <v>3</v>
      </c>
      <c r="T1269" t="s">
        <v>892</v>
      </c>
      <c r="U1269" t="s">
        <v>892</v>
      </c>
      <c r="V1269">
        <v>3</v>
      </c>
      <c r="W1269">
        <v>180</v>
      </c>
      <c r="X1269">
        <v>2020</v>
      </c>
    </row>
    <row r="1270" spans="1:24" x14ac:dyDescent="0.25">
      <c r="A1270">
        <v>11809</v>
      </c>
      <c r="B1270" t="s">
        <v>110</v>
      </c>
      <c r="C1270">
        <v>2</v>
      </c>
      <c r="D1270" t="s">
        <v>109</v>
      </c>
      <c r="E1270">
        <v>1182</v>
      </c>
      <c r="F1270" t="s">
        <v>892</v>
      </c>
      <c r="G1270" t="s">
        <v>892</v>
      </c>
      <c r="H1270" t="s">
        <v>892</v>
      </c>
      <c r="I1270" t="s">
        <v>892</v>
      </c>
      <c r="J1270" t="s">
        <v>714</v>
      </c>
      <c r="K1270">
        <v>52</v>
      </c>
      <c r="L1270" t="s">
        <v>892</v>
      </c>
      <c r="M1270" t="s">
        <v>892</v>
      </c>
      <c r="N1270" t="s">
        <v>892</v>
      </c>
      <c r="O1270" t="s">
        <v>892</v>
      </c>
      <c r="P1270" t="s">
        <v>746</v>
      </c>
      <c r="Q1270">
        <v>2</v>
      </c>
      <c r="R1270" t="s">
        <v>893</v>
      </c>
      <c r="S1270">
        <v>3</v>
      </c>
      <c r="T1270" t="s">
        <v>892</v>
      </c>
      <c r="U1270" t="s">
        <v>892</v>
      </c>
      <c r="V1270">
        <v>3</v>
      </c>
      <c r="W1270">
        <v>180</v>
      </c>
      <c r="X1270">
        <v>2020</v>
      </c>
    </row>
    <row r="1271" spans="1:24" x14ac:dyDescent="0.25">
      <c r="A1271">
        <v>11808</v>
      </c>
      <c r="B1271" t="s">
        <v>110</v>
      </c>
      <c r="C1271">
        <v>2</v>
      </c>
      <c r="D1271" t="s">
        <v>109</v>
      </c>
      <c r="E1271">
        <v>1182</v>
      </c>
      <c r="F1271" t="s">
        <v>892</v>
      </c>
      <c r="G1271" t="s">
        <v>892</v>
      </c>
      <c r="H1271" t="s">
        <v>892</v>
      </c>
      <c r="I1271" t="s">
        <v>892</v>
      </c>
      <c r="J1271" t="s">
        <v>1022</v>
      </c>
      <c r="K1271">
        <v>85</v>
      </c>
      <c r="L1271" t="s">
        <v>892</v>
      </c>
      <c r="M1271" t="s">
        <v>892</v>
      </c>
      <c r="N1271" t="s">
        <v>892</v>
      </c>
      <c r="O1271" t="s">
        <v>892</v>
      </c>
      <c r="P1271" t="s">
        <v>746</v>
      </c>
      <c r="Q1271">
        <v>2</v>
      </c>
      <c r="R1271" t="s">
        <v>893</v>
      </c>
      <c r="S1271">
        <v>3</v>
      </c>
      <c r="T1271" t="s">
        <v>892</v>
      </c>
      <c r="U1271" t="s">
        <v>892</v>
      </c>
      <c r="V1271">
        <v>3</v>
      </c>
      <c r="W1271">
        <v>180</v>
      </c>
      <c r="X1271">
        <v>2020</v>
      </c>
    </row>
    <row r="1272" spans="1:24" x14ac:dyDescent="0.25">
      <c r="A1272">
        <v>11807</v>
      </c>
      <c r="B1272" t="s">
        <v>112</v>
      </c>
      <c r="C1272">
        <v>29</v>
      </c>
      <c r="D1272" t="s">
        <v>114</v>
      </c>
      <c r="E1272">
        <v>1178</v>
      </c>
      <c r="F1272" t="s">
        <v>892</v>
      </c>
      <c r="G1272" t="s">
        <v>892</v>
      </c>
      <c r="H1272" t="s">
        <v>892</v>
      </c>
      <c r="I1272" t="s">
        <v>892</v>
      </c>
      <c r="J1272" t="s">
        <v>730</v>
      </c>
      <c r="K1272">
        <v>66</v>
      </c>
      <c r="L1272" t="s">
        <v>892</v>
      </c>
      <c r="M1272" t="s">
        <v>892</v>
      </c>
      <c r="N1272" t="s">
        <v>892</v>
      </c>
      <c r="O1272" t="s">
        <v>892</v>
      </c>
      <c r="P1272" t="s">
        <v>746</v>
      </c>
      <c r="Q1272">
        <v>2</v>
      </c>
      <c r="R1272" t="s">
        <v>893</v>
      </c>
      <c r="S1272">
        <v>3</v>
      </c>
      <c r="T1272" t="s">
        <v>892</v>
      </c>
      <c r="U1272" t="s">
        <v>892</v>
      </c>
      <c r="V1272">
        <v>3</v>
      </c>
      <c r="W1272">
        <v>180</v>
      </c>
      <c r="X1272">
        <v>2020</v>
      </c>
    </row>
    <row r="1273" spans="1:24" x14ac:dyDescent="0.25">
      <c r="A1273">
        <v>11806</v>
      </c>
      <c r="B1273" t="s">
        <v>112</v>
      </c>
      <c r="C1273">
        <v>29</v>
      </c>
      <c r="D1273" t="s">
        <v>111</v>
      </c>
      <c r="E1273">
        <v>1181</v>
      </c>
      <c r="F1273" t="s">
        <v>892</v>
      </c>
      <c r="G1273" t="s">
        <v>892</v>
      </c>
      <c r="H1273" t="s">
        <v>892</v>
      </c>
      <c r="I1273" t="s">
        <v>892</v>
      </c>
      <c r="J1273" t="s">
        <v>738</v>
      </c>
      <c r="K1273">
        <v>61</v>
      </c>
      <c r="L1273" t="s">
        <v>892</v>
      </c>
      <c r="M1273" t="s">
        <v>892</v>
      </c>
      <c r="N1273" t="s">
        <v>892</v>
      </c>
      <c r="O1273" t="s">
        <v>892</v>
      </c>
      <c r="P1273" t="s">
        <v>746</v>
      </c>
      <c r="Q1273">
        <v>2</v>
      </c>
      <c r="R1273" t="s">
        <v>893</v>
      </c>
      <c r="S1273">
        <v>3</v>
      </c>
      <c r="T1273" t="s">
        <v>892</v>
      </c>
      <c r="U1273" t="s">
        <v>892</v>
      </c>
      <c r="V1273">
        <v>3</v>
      </c>
      <c r="W1273">
        <v>180</v>
      </c>
      <c r="X1273">
        <v>2020</v>
      </c>
    </row>
    <row r="1274" spans="1:24" x14ac:dyDescent="0.25">
      <c r="A1274">
        <v>11805</v>
      </c>
      <c r="B1274" t="s">
        <v>112</v>
      </c>
      <c r="C1274">
        <v>29</v>
      </c>
      <c r="D1274" t="s">
        <v>115</v>
      </c>
      <c r="E1274">
        <v>1177</v>
      </c>
      <c r="F1274" t="s">
        <v>892</v>
      </c>
      <c r="G1274" t="s">
        <v>892</v>
      </c>
      <c r="H1274" t="s">
        <v>892</v>
      </c>
      <c r="I1274" t="s">
        <v>892</v>
      </c>
      <c r="J1274" t="s">
        <v>738</v>
      </c>
      <c r="K1274">
        <v>61</v>
      </c>
      <c r="L1274" t="s">
        <v>892</v>
      </c>
      <c r="M1274" t="s">
        <v>892</v>
      </c>
      <c r="N1274" t="s">
        <v>892</v>
      </c>
      <c r="O1274" t="s">
        <v>892</v>
      </c>
      <c r="P1274" t="s">
        <v>746</v>
      </c>
      <c r="Q1274">
        <v>2</v>
      </c>
      <c r="R1274" t="s">
        <v>893</v>
      </c>
      <c r="S1274">
        <v>3</v>
      </c>
      <c r="T1274" t="s">
        <v>892</v>
      </c>
      <c r="U1274" t="s">
        <v>892</v>
      </c>
      <c r="V1274">
        <v>3</v>
      </c>
      <c r="W1274">
        <v>180</v>
      </c>
      <c r="X1274">
        <v>2020</v>
      </c>
    </row>
    <row r="1275" spans="1:24" x14ac:dyDescent="0.25">
      <c r="A1275">
        <v>11804</v>
      </c>
      <c r="B1275" t="s">
        <v>112</v>
      </c>
      <c r="C1275">
        <v>29</v>
      </c>
      <c r="D1275" t="s">
        <v>111</v>
      </c>
      <c r="E1275">
        <v>1181</v>
      </c>
      <c r="F1275" t="s">
        <v>892</v>
      </c>
      <c r="G1275" t="s">
        <v>892</v>
      </c>
      <c r="H1275" t="s">
        <v>892</v>
      </c>
      <c r="I1275" t="s">
        <v>892</v>
      </c>
      <c r="J1275" t="s">
        <v>1236</v>
      </c>
      <c r="K1275">
        <v>60</v>
      </c>
      <c r="L1275" t="s">
        <v>892</v>
      </c>
      <c r="M1275" t="s">
        <v>892</v>
      </c>
      <c r="N1275" t="s">
        <v>892</v>
      </c>
      <c r="O1275" t="s">
        <v>892</v>
      </c>
      <c r="P1275" t="s">
        <v>746</v>
      </c>
      <c r="Q1275">
        <v>2</v>
      </c>
      <c r="R1275" t="s">
        <v>893</v>
      </c>
      <c r="S1275">
        <v>3</v>
      </c>
      <c r="T1275" t="s">
        <v>892</v>
      </c>
      <c r="U1275" t="s">
        <v>892</v>
      </c>
      <c r="V1275">
        <v>3</v>
      </c>
      <c r="W1275">
        <v>180</v>
      </c>
      <c r="X1275">
        <v>2020</v>
      </c>
    </row>
    <row r="1276" spans="1:24" x14ac:dyDescent="0.25">
      <c r="A1276">
        <v>11803</v>
      </c>
      <c r="B1276" t="s">
        <v>112</v>
      </c>
      <c r="C1276">
        <v>29</v>
      </c>
      <c r="D1276" t="s">
        <v>113</v>
      </c>
      <c r="E1276">
        <v>1180</v>
      </c>
      <c r="F1276" t="s">
        <v>892</v>
      </c>
      <c r="G1276" t="s">
        <v>892</v>
      </c>
      <c r="H1276" t="s">
        <v>892</v>
      </c>
      <c r="I1276" t="s">
        <v>892</v>
      </c>
      <c r="J1276" t="s">
        <v>1236</v>
      </c>
      <c r="K1276">
        <v>60</v>
      </c>
      <c r="L1276" t="s">
        <v>892</v>
      </c>
      <c r="M1276" t="s">
        <v>892</v>
      </c>
      <c r="N1276" t="s">
        <v>892</v>
      </c>
      <c r="O1276" t="s">
        <v>892</v>
      </c>
      <c r="P1276" t="s">
        <v>746</v>
      </c>
      <c r="Q1276">
        <v>2</v>
      </c>
      <c r="R1276" t="s">
        <v>893</v>
      </c>
      <c r="S1276">
        <v>3</v>
      </c>
      <c r="T1276" t="s">
        <v>892</v>
      </c>
      <c r="U1276" t="s">
        <v>892</v>
      </c>
      <c r="V1276">
        <v>3</v>
      </c>
      <c r="W1276">
        <v>180</v>
      </c>
      <c r="X1276">
        <v>2020</v>
      </c>
    </row>
    <row r="1277" spans="1:24" x14ac:dyDescent="0.25">
      <c r="A1277">
        <v>11802</v>
      </c>
      <c r="B1277" t="s">
        <v>112</v>
      </c>
      <c r="C1277">
        <v>29</v>
      </c>
      <c r="D1277" t="s">
        <v>121</v>
      </c>
      <c r="E1277">
        <v>1171</v>
      </c>
      <c r="F1277" t="s">
        <v>892</v>
      </c>
      <c r="G1277" t="s">
        <v>892</v>
      </c>
      <c r="H1277" t="s">
        <v>892</v>
      </c>
      <c r="I1277" t="s">
        <v>892</v>
      </c>
      <c r="J1277" t="s">
        <v>1236</v>
      </c>
      <c r="K1277">
        <v>60</v>
      </c>
      <c r="L1277" t="s">
        <v>892</v>
      </c>
      <c r="M1277" t="s">
        <v>892</v>
      </c>
      <c r="N1277" t="s">
        <v>892</v>
      </c>
      <c r="O1277" t="s">
        <v>892</v>
      </c>
      <c r="P1277" t="s">
        <v>746</v>
      </c>
      <c r="Q1277">
        <v>2</v>
      </c>
      <c r="R1277" t="s">
        <v>893</v>
      </c>
      <c r="S1277">
        <v>3</v>
      </c>
      <c r="T1277" t="s">
        <v>892</v>
      </c>
      <c r="U1277" t="s">
        <v>892</v>
      </c>
      <c r="V1277">
        <v>3</v>
      </c>
      <c r="W1277">
        <v>180</v>
      </c>
      <c r="X1277">
        <v>2020</v>
      </c>
    </row>
    <row r="1278" spans="1:24" x14ac:dyDescent="0.25">
      <c r="A1278">
        <v>11801</v>
      </c>
      <c r="B1278" t="s">
        <v>112</v>
      </c>
      <c r="C1278">
        <v>29</v>
      </c>
      <c r="D1278" t="s">
        <v>114</v>
      </c>
      <c r="E1278">
        <v>1178</v>
      </c>
      <c r="F1278" t="s">
        <v>892</v>
      </c>
      <c r="G1278" t="s">
        <v>892</v>
      </c>
      <c r="H1278" t="s">
        <v>892</v>
      </c>
      <c r="I1278" t="s">
        <v>892</v>
      </c>
      <c r="J1278" t="s">
        <v>693</v>
      </c>
      <c r="K1278">
        <v>56</v>
      </c>
      <c r="L1278" t="s">
        <v>892</v>
      </c>
      <c r="M1278" t="s">
        <v>892</v>
      </c>
      <c r="N1278" t="s">
        <v>892</v>
      </c>
      <c r="O1278" t="s">
        <v>892</v>
      </c>
      <c r="P1278" t="s">
        <v>746</v>
      </c>
      <c r="Q1278">
        <v>2</v>
      </c>
      <c r="R1278" t="s">
        <v>893</v>
      </c>
      <c r="S1278">
        <v>3</v>
      </c>
      <c r="T1278" t="s">
        <v>892</v>
      </c>
      <c r="U1278" t="s">
        <v>892</v>
      </c>
      <c r="V1278">
        <v>3</v>
      </c>
      <c r="W1278">
        <v>180</v>
      </c>
      <c r="X1278">
        <v>2020</v>
      </c>
    </row>
    <row r="1279" spans="1:24" x14ac:dyDescent="0.25">
      <c r="A1279">
        <v>11800</v>
      </c>
      <c r="B1279" t="s">
        <v>112</v>
      </c>
      <c r="C1279">
        <v>29</v>
      </c>
      <c r="D1279" t="s">
        <v>115</v>
      </c>
      <c r="E1279">
        <v>1177</v>
      </c>
      <c r="F1279" t="s">
        <v>892</v>
      </c>
      <c r="G1279" t="s">
        <v>892</v>
      </c>
      <c r="H1279" t="s">
        <v>892</v>
      </c>
      <c r="I1279" t="s">
        <v>892</v>
      </c>
      <c r="J1279" t="s">
        <v>693</v>
      </c>
      <c r="K1279">
        <v>56</v>
      </c>
      <c r="L1279" t="s">
        <v>892</v>
      </c>
      <c r="M1279" t="s">
        <v>892</v>
      </c>
      <c r="N1279" t="s">
        <v>892</v>
      </c>
      <c r="O1279" t="s">
        <v>892</v>
      </c>
      <c r="P1279" t="s">
        <v>746</v>
      </c>
      <c r="Q1279">
        <v>2</v>
      </c>
      <c r="R1279" t="s">
        <v>893</v>
      </c>
      <c r="S1279">
        <v>3</v>
      </c>
      <c r="T1279" t="s">
        <v>892</v>
      </c>
      <c r="U1279" t="s">
        <v>892</v>
      </c>
      <c r="V1279">
        <v>3</v>
      </c>
      <c r="W1279">
        <v>180</v>
      </c>
      <c r="X1279">
        <v>2020</v>
      </c>
    </row>
    <row r="1280" spans="1:24" x14ac:dyDescent="0.25">
      <c r="A1280">
        <v>11799</v>
      </c>
      <c r="B1280" t="s">
        <v>112</v>
      </c>
      <c r="C1280">
        <v>29</v>
      </c>
      <c r="D1280" t="s">
        <v>116</v>
      </c>
      <c r="E1280">
        <v>1176</v>
      </c>
      <c r="F1280" t="s">
        <v>892</v>
      </c>
      <c r="G1280" t="s">
        <v>892</v>
      </c>
      <c r="H1280" t="s">
        <v>892</v>
      </c>
      <c r="I1280" t="s">
        <v>892</v>
      </c>
      <c r="J1280" t="s">
        <v>710</v>
      </c>
      <c r="K1280">
        <v>53</v>
      </c>
      <c r="L1280" t="s">
        <v>892</v>
      </c>
      <c r="M1280" t="s">
        <v>892</v>
      </c>
      <c r="N1280" t="s">
        <v>892</v>
      </c>
      <c r="O1280" t="s">
        <v>892</v>
      </c>
      <c r="P1280" t="s">
        <v>746</v>
      </c>
      <c r="Q1280">
        <v>2</v>
      </c>
      <c r="R1280" t="s">
        <v>893</v>
      </c>
      <c r="S1280">
        <v>3</v>
      </c>
      <c r="T1280" t="s">
        <v>892</v>
      </c>
      <c r="U1280" t="s">
        <v>892</v>
      </c>
      <c r="V1280">
        <v>3</v>
      </c>
      <c r="W1280">
        <v>180</v>
      </c>
      <c r="X1280">
        <v>2020</v>
      </c>
    </row>
    <row r="1281" spans="1:24" x14ac:dyDescent="0.25">
      <c r="A1281">
        <v>11798</v>
      </c>
      <c r="B1281" t="s">
        <v>112</v>
      </c>
      <c r="C1281">
        <v>29</v>
      </c>
      <c r="D1281" t="s">
        <v>117</v>
      </c>
      <c r="E1281">
        <v>1175</v>
      </c>
      <c r="F1281" t="s">
        <v>892</v>
      </c>
      <c r="G1281" t="s">
        <v>892</v>
      </c>
      <c r="H1281" t="s">
        <v>892</v>
      </c>
      <c r="I1281" t="s">
        <v>892</v>
      </c>
      <c r="J1281" t="s">
        <v>695</v>
      </c>
      <c r="K1281">
        <v>54</v>
      </c>
      <c r="L1281" t="s">
        <v>892</v>
      </c>
      <c r="M1281" t="s">
        <v>892</v>
      </c>
      <c r="N1281" t="s">
        <v>892</v>
      </c>
      <c r="O1281" t="s">
        <v>892</v>
      </c>
      <c r="P1281" t="s">
        <v>746</v>
      </c>
      <c r="Q1281">
        <v>2</v>
      </c>
      <c r="R1281" t="s">
        <v>893</v>
      </c>
      <c r="S1281">
        <v>3</v>
      </c>
      <c r="T1281" t="s">
        <v>892</v>
      </c>
      <c r="U1281" t="s">
        <v>892</v>
      </c>
      <c r="V1281">
        <v>3</v>
      </c>
      <c r="W1281">
        <v>180</v>
      </c>
      <c r="X1281">
        <v>2020</v>
      </c>
    </row>
    <row r="1282" spans="1:24" x14ac:dyDescent="0.25">
      <c r="A1282">
        <v>11797</v>
      </c>
      <c r="B1282" t="s">
        <v>112</v>
      </c>
      <c r="C1282">
        <v>29</v>
      </c>
      <c r="D1282" t="s">
        <v>117</v>
      </c>
      <c r="E1282">
        <v>1175</v>
      </c>
      <c r="F1282" t="s">
        <v>892</v>
      </c>
      <c r="G1282" t="s">
        <v>892</v>
      </c>
      <c r="H1282" t="s">
        <v>892</v>
      </c>
      <c r="I1282" t="s">
        <v>892</v>
      </c>
      <c r="J1282" t="s">
        <v>714</v>
      </c>
      <c r="K1282">
        <v>52</v>
      </c>
      <c r="L1282" t="s">
        <v>892</v>
      </c>
      <c r="M1282" t="s">
        <v>892</v>
      </c>
      <c r="N1282" t="s">
        <v>892</v>
      </c>
      <c r="O1282" t="s">
        <v>892</v>
      </c>
      <c r="P1282" t="s">
        <v>746</v>
      </c>
      <c r="Q1282">
        <v>2</v>
      </c>
      <c r="R1282" t="s">
        <v>893</v>
      </c>
      <c r="S1282">
        <v>3</v>
      </c>
      <c r="T1282" t="s">
        <v>892</v>
      </c>
      <c r="U1282" t="s">
        <v>892</v>
      </c>
      <c r="V1282">
        <v>3</v>
      </c>
      <c r="W1282">
        <v>180</v>
      </c>
      <c r="X1282">
        <v>2020</v>
      </c>
    </row>
    <row r="1283" spans="1:24" x14ac:dyDescent="0.25">
      <c r="A1283">
        <v>11796</v>
      </c>
      <c r="B1283" t="s">
        <v>112</v>
      </c>
      <c r="C1283">
        <v>29</v>
      </c>
      <c r="D1283" t="s">
        <v>118</v>
      </c>
      <c r="E1283">
        <v>1174</v>
      </c>
      <c r="F1283" t="s">
        <v>892</v>
      </c>
      <c r="G1283" t="s">
        <v>892</v>
      </c>
      <c r="H1283" t="s">
        <v>892</v>
      </c>
      <c r="I1283" t="s">
        <v>892</v>
      </c>
      <c r="J1283" t="s">
        <v>1022</v>
      </c>
      <c r="K1283">
        <v>85</v>
      </c>
      <c r="L1283" t="s">
        <v>892</v>
      </c>
      <c r="M1283" t="s">
        <v>892</v>
      </c>
      <c r="N1283" t="s">
        <v>892</v>
      </c>
      <c r="O1283" t="s">
        <v>892</v>
      </c>
      <c r="P1283" t="s">
        <v>746</v>
      </c>
      <c r="Q1283">
        <v>2</v>
      </c>
      <c r="R1283" t="s">
        <v>893</v>
      </c>
      <c r="S1283">
        <v>3</v>
      </c>
      <c r="T1283" t="s">
        <v>892</v>
      </c>
      <c r="U1283" t="s">
        <v>892</v>
      </c>
      <c r="V1283">
        <v>3</v>
      </c>
      <c r="W1283">
        <v>180</v>
      </c>
      <c r="X1283">
        <v>2020</v>
      </c>
    </row>
    <row r="1284" spans="1:24" x14ac:dyDescent="0.25">
      <c r="A1284">
        <v>11795</v>
      </c>
      <c r="B1284" t="s">
        <v>112</v>
      </c>
      <c r="C1284">
        <v>29</v>
      </c>
      <c r="D1284" t="s">
        <v>119</v>
      </c>
      <c r="E1284">
        <v>1173</v>
      </c>
      <c r="F1284" t="s">
        <v>892</v>
      </c>
      <c r="G1284" t="s">
        <v>892</v>
      </c>
      <c r="H1284" t="s">
        <v>892</v>
      </c>
      <c r="I1284" t="s">
        <v>892</v>
      </c>
      <c r="J1284" t="s">
        <v>1022</v>
      </c>
      <c r="K1284">
        <v>85</v>
      </c>
      <c r="L1284" t="s">
        <v>892</v>
      </c>
      <c r="M1284" t="s">
        <v>892</v>
      </c>
      <c r="N1284" t="s">
        <v>892</v>
      </c>
      <c r="O1284" t="s">
        <v>892</v>
      </c>
      <c r="P1284" t="s">
        <v>746</v>
      </c>
      <c r="Q1284">
        <v>2</v>
      </c>
      <c r="R1284" t="s">
        <v>893</v>
      </c>
      <c r="S1284">
        <v>3</v>
      </c>
      <c r="T1284" t="s">
        <v>892</v>
      </c>
      <c r="U1284" t="s">
        <v>892</v>
      </c>
      <c r="V1284">
        <v>3</v>
      </c>
      <c r="W1284">
        <v>180</v>
      </c>
      <c r="X1284">
        <v>2020</v>
      </c>
    </row>
    <row r="1285" spans="1:24" x14ac:dyDescent="0.25">
      <c r="A1285">
        <v>11794</v>
      </c>
      <c r="B1285" t="s">
        <v>112</v>
      </c>
      <c r="C1285">
        <v>29</v>
      </c>
      <c r="D1285" t="s">
        <v>114</v>
      </c>
      <c r="E1285">
        <v>1178</v>
      </c>
      <c r="F1285" t="s">
        <v>892</v>
      </c>
      <c r="G1285" t="s">
        <v>892</v>
      </c>
      <c r="H1285" t="s">
        <v>892</v>
      </c>
      <c r="I1285" t="s">
        <v>892</v>
      </c>
      <c r="J1285" t="s">
        <v>742</v>
      </c>
      <c r="K1285">
        <v>48</v>
      </c>
      <c r="L1285" t="s">
        <v>892</v>
      </c>
      <c r="M1285" t="s">
        <v>892</v>
      </c>
      <c r="N1285" t="s">
        <v>892</v>
      </c>
      <c r="O1285" t="s">
        <v>892</v>
      </c>
      <c r="P1285" t="s">
        <v>746</v>
      </c>
      <c r="Q1285">
        <v>2</v>
      </c>
      <c r="R1285" t="s">
        <v>893</v>
      </c>
      <c r="S1285">
        <v>3</v>
      </c>
      <c r="T1285" t="s">
        <v>892</v>
      </c>
      <c r="U1285" t="s">
        <v>892</v>
      </c>
      <c r="V1285">
        <v>3</v>
      </c>
      <c r="W1285">
        <v>180</v>
      </c>
      <c r="X1285">
        <v>2020</v>
      </c>
    </row>
    <row r="1286" spans="1:24" x14ac:dyDescent="0.25">
      <c r="A1286">
        <v>11793</v>
      </c>
      <c r="B1286" t="s">
        <v>112</v>
      </c>
      <c r="C1286">
        <v>29</v>
      </c>
      <c r="D1286" t="s">
        <v>121</v>
      </c>
      <c r="E1286">
        <v>1171</v>
      </c>
      <c r="F1286" t="s">
        <v>892</v>
      </c>
      <c r="G1286" t="s">
        <v>892</v>
      </c>
      <c r="H1286" t="s">
        <v>892</v>
      </c>
      <c r="I1286" t="s">
        <v>892</v>
      </c>
      <c r="J1286" t="s">
        <v>742</v>
      </c>
      <c r="K1286">
        <v>48</v>
      </c>
      <c r="L1286" t="s">
        <v>892</v>
      </c>
      <c r="M1286" t="s">
        <v>892</v>
      </c>
      <c r="N1286" t="s">
        <v>892</v>
      </c>
      <c r="O1286" t="s">
        <v>892</v>
      </c>
      <c r="P1286" t="s">
        <v>746</v>
      </c>
      <c r="Q1286">
        <v>2</v>
      </c>
      <c r="R1286" t="s">
        <v>893</v>
      </c>
      <c r="S1286">
        <v>3</v>
      </c>
      <c r="T1286" t="s">
        <v>892</v>
      </c>
      <c r="U1286" t="s">
        <v>892</v>
      </c>
      <c r="V1286">
        <v>3</v>
      </c>
      <c r="W1286">
        <v>180</v>
      </c>
      <c r="X1286">
        <v>2020</v>
      </c>
    </row>
    <row r="1287" spans="1:24" x14ac:dyDescent="0.25">
      <c r="A1287">
        <v>11792</v>
      </c>
      <c r="B1287" t="s">
        <v>112</v>
      </c>
      <c r="C1287">
        <v>29</v>
      </c>
      <c r="D1287" t="s">
        <v>120</v>
      </c>
      <c r="E1287">
        <v>1172</v>
      </c>
      <c r="F1287" t="s">
        <v>892</v>
      </c>
      <c r="G1287" t="s">
        <v>892</v>
      </c>
      <c r="H1287" t="s">
        <v>892</v>
      </c>
      <c r="I1287" t="s">
        <v>892</v>
      </c>
      <c r="J1287" t="s">
        <v>797</v>
      </c>
      <c r="K1287">
        <v>65</v>
      </c>
      <c r="L1287" t="s">
        <v>892</v>
      </c>
      <c r="M1287" t="s">
        <v>892</v>
      </c>
      <c r="N1287" t="s">
        <v>892</v>
      </c>
      <c r="O1287" t="s">
        <v>892</v>
      </c>
      <c r="P1287" t="s">
        <v>746</v>
      </c>
      <c r="Q1287">
        <v>2</v>
      </c>
      <c r="R1287" t="s">
        <v>893</v>
      </c>
      <c r="S1287">
        <v>3</v>
      </c>
      <c r="T1287" t="s">
        <v>892</v>
      </c>
      <c r="U1287" t="s">
        <v>892</v>
      </c>
      <c r="V1287">
        <v>3</v>
      </c>
      <c r="W1287">
        <v>180</v>
      </c>
      <c r="X1287">
        <v>2020</v>
      </c>
    </row>
    <row r="1288" spans="1:24" x14ac:dyDescent="0.25">
      <c r="A1288">
        <v>11791</v>
      </c>
      <c r="B1288" t="s">
        <v>112</v>
      </c>
      <c r="C1288">
        <v>29</v>
      </c>
      <c r="D1288" t="s">
        <v>120</v>
      </c>
      <c r="E1288">
        <v>1172</v>
      </c>
      <c r="F1288" t="s">
        <v>892</v>
      </c>
      <c r="G1288" t="s">
        <v>892</v>
      </c>
      <c r="H1288" t="s">
        <v>892</v>
      </c>
      <c r="I1288" t="s">
        <v>892</v>
      </c>
      <c r="J1288" t="s">
        <v>767</v>
      </c>
      <c r="K1288">
        <v>44</v>
      </c>
      <c r="L1288" t="s">
        <v>892</v>
      </c>
      <c r="M1288" t="s">
        <v>892</v>
      </c>
      <c r="N1288" t="s">
        <v>892</v>
      </c>
      <c r="O1288" t="s">
        <v>892</v>
      </c>
      <c r="P1288" t="s">
        <v>746</v>
      </c>
      <c r="Q1288">
        <v>2</v>
      </c>
      <c r="R1288" t="s">
        <v>893</v>
      </c>
      <c r="S1288">
        <v>3</v>
      </c>
      <c r="T1288" t="s">
        <v>892</v>
      </c>
      <c r="U1288" t="s">
        <v>892</v>
      </c>
      <c r="V1288">
        <v>3</v>
      </c>
      <c r="W1288">
        <v>180</v>
      </c>
      <c r="X1288">
        <v>2020</v>
      </c>
    </row>
    <row r="1289" spans="1:24" x14ac:dyDescent="0.25">
      <c r="A1289">
        <v>11790</v>
      </c>
      <c r="B1289" t="s">
        <v>112</v>
      </c>
      <c r="C1289">
        <v>29</v>
      </c>
      <c r="D1289" t="s">
        <v>121</v>
      </c>
      <c r="E1289">
        <v>1171</v>
      </c>
      <c r="F1289" t="s">
        <v>892</v>
      </c>
      <c r="G1289" t="s">
        <v>892</v>
      </c>
      <c r="H1289" t="s">
        <v>892</v>
      </c>
      <c r="I1289" t="s">
        <v>892</v>
      </c>
      <c r="J1289" t="s">
        <v>848</v>
      </c>
      <c r="K1289">
        <v>62</v>
      </c>
      <c r="L1289" t="s">
        <v>892</v>
      </c>
      <c r="M1289" t="s">
        <v>892</v>
      </c>
      <c r="N1289" t="s">
        <v>892</v>
      </c>
      <c r="O1289" t="s">
        <v>892</v>
      </c>
      <c r="P1289" t="s">
        <v>746</v>
      </c>
      <c r="Q1289">
        <v>2</v>
      </c>
      <c r="R1289" t="s">
        <v>893</v>
      </c>
      <c r="S1289">
        <v>3</v>
      </c>
      <c r="T1289" t="s">
        <v>892</v>
      </c>
      <c r="U1289" t="s">
        <v>892</v>
      </c>
      <c r="V1289">
        <v>3</v>
      </c>
      <c r="W1289">
        <v>180</v>
      </c>
      <c r="X1289">
        <v>2020</v>
      </c>
    </row>
    <row r="1290" spans="1:24" x14ac:dyDescent="0.25">
      <c r="A1290">
        <v>11789</v>
      </c>
      <c r="B1290" t="s">
        <v>112</v>
      </c>
      <c r="C1290">
        <v>29</v>
      </c>
      <c r="D1290" t="s">
        <v>121</v>
      </c>
      <c r="E1290">
        <v>1171</v>
      </c>
      <c r="F1290" t="s">
        <v>892</v>
      </c>
      <c r="G1290" t="s">
        <v>892</v>
      </c>
      <c r="H1290" t="s">
        <v>892</v>
      </c>
      <c r="I1290" t="s">
        <v>892</v>
      </c>
      <c r="J1290" t="s">
        <v>897</v>
      </c>
      <c r="K1290">
        <v>3</v>
      </c>
      <c r="L1290" t="s">
        <v>892</v>
      </c>
      <c r="M1290" t="s">
        <v>892</v>
      </c>
      <c r="N1290" t="s">
        <v>892</v>
      </c>
      <c r="O1290" t="s">
        <v>892</v>
      </c>
      <c r="P1290" t="s">
        <v>746</v>
      </c>
      <c r="Q1290">
        <v>2</v>
      </c>
      <c r="R1290" t="s">
        <v>893</v>
      </c>
      <c r="S1290">
        <v>3</v>
      </c>
      <c r="T1290" t="s">
        <v>892</v>
      </c>
      <c r="U1290" t="s">
        <v>892</v>
      </c>
      <c r="V1290">
        <v>3</v>
      </c>
      <c r="W1290">
        <v>180</v>
      </c>
      <c r="X1290">
        <v>2020</v>
      </c>
    </row>
    <row r="1291" spans="1:24" x14ac:dyDescent="0.25">
      <c r="A1291">
        <v>11788</v>
      </c>
      <c r="B1291" t="s">
        <v>123</v>
      </c>
      <c r="C1291">
        <v>8</v>
      </c>
      <c r="D1291" t="s">
        <v>122</v>
      </c>
      <c r="E1291">
        <v>1170</v>
      </c>
      <c r="F1291" t="s">
        <v>892</v>
      </c>
      <c r="G1291" t="s">
        <v>892</v>
      </c>
      <c r="H1291" t="s">
        <v>892</v>
      </c>
      <c r="I1291" t="s">
        <v>892</v>
      </c>
      <c r="J1291" t="s">
        <v>673</v>
      </c>
      <c r="K1291">
        <v>34</v>
      </c>
      <c r="L1291" t="s">
        <v>892</v>
      </c>
      <c r="M1291" t="s">
        <v>892</v>
      </c>
      <c r="N1291" t="s">
        <v>892</v>
      </c>
      <c r="O1291" t="s">
        <v>892</v>
      </c>
      <c r="P1291" t="s">
        <v>746</v>
      </c>
      <c r="Q1291">
        <v>2</v>
      </c>
      <c r="R1291" t="s">
        <v>893</v>
      </c>
      <c r="S1291">
        <v>3</v>
      </c>
      <c r="T1291" t="s">
        <v>892</v>
      </c>
      <c r="U1291" t="s">
        <v>892</v>
      </c>
      <c r="V1291">
        <v>3</v>
      </c>
      <c r="W1291">
        <v>180</v>
      </c>
      <c r="X1291">
        <v>2020</v>
      </c>
    </row>
    <row r="1292" spans="1:24" x14ac:dyDescent="0.25">
      <c r="A1292">
        <v>11787</v>
      </c>
      <c r="B1292" t="s">
        <v>125</v>
      </c>
      <c r="C1292">
        <v>11</v>
      </c>
      <c r="D1292" t="s">
        <v>124</v>
      </c>
      <c r="E1292">
        <v>1169</v>
      </c>
      <c r="F1292" t="s">
        <v>892</v>
      </c>
      <c r="G1292" t="s">
        <v>892</v>
      </c>
      <c r="H1292" t="s">
        <v>892</v>
      </c>
      <c r="I1292" t="s">
        <v>892</v>
      </c>
      <c r="J1292" t="s">
        <v>819</v>
      </c>
      <c r="K1292">
        <v>101</v>
      </c>
      <c r="L1292" t="s">
        <v>892</v>
      </c>
      <c r="M1292" t="s">
        <v>892</v>
      </c>
      <c r="N1292" t="s">
        <v>892</v>
      </c>
      <c r="O1292" t="s">
        <v>892</v>
      </c>
      <c r="P1292" t="s">
        <v>746</v>
      </c>
      <c r="Q1292">
        <v>2</v>
      </c>
      <c r="R1292" t="s">
        <v>893</v>
      </c>
      <c r="S1292">
        <v>3</v>
      </c>
      <c r="T1292" t="s">
        <v>892</v>
      </c>
      <c r="U1292" t="s">
        <v>892</v>
      </c>
      <c r="V1292">
        <v>3</v>
      </c>
      <c r="W1292">
        <v>180</v>
      </c>
      <c r="X1292">
        <v>2020</v>
      </c>
    </row>
    <row r="1293" spans="1:24" x14ac:dyDescent="0.25">
      <c r="A1293">
        <v>11786</v>
      </c>
      <c r="B1293" t="s">
        <v>127</v>
      </c>
      <c r="C1293">
        <v>9</v>
      </c>
      <c r="D1293" t="s">
        <v>126</v>
      </c>
      <c r="E1293">
        <v>1168</v>
      </c>
      <c r="F1293" t="s">
        <v>892</v>
      </c>
      <c r="G1293" t="s">
        <v>892</v>
      </c>
      <c r="H1293" t="s">
        <v>892</v>
      </c>
      <c r="I1293" t="s">
        <v>892</v>
      </c>
      <c r="J1293" t="s">
        <v>659</v>
      </c>
      <c r="K1293">
        <v>35</v>
      </c>
      <c r="L1293" t="s">
        <v>892</v>
      </c>
      <c r="M1293" t="s">
        <v>892</v>
      </c>
      <c r="N1293" t="s">
        <v>892</v>
      </c>
      <c r="O1293" t="s">
        <v>892</v>
      </c>
      <c r="P1293" t="s">
        <v>746</v>
      </c>
      <c r="Q1293">
        <v>2</v>
      </c>
      <c r="R1293" t="s">
        <v>893</v>
      </c>
      <c r="S1293">
        <v>3</v>
      </c>
      <c r="T1293" t="s">
        <v>892</v>
      </c>
      <c r="U1293" t="s">
        <v>892</v>
      </c>
      <c r="V1293">
        <v>3</v>
      </c>
      <c r="W1293">
        <v>180</v>
      </c>
      <c r="X1293">
        <v>2020</v>
      </c>
    </row>
    <row r="1294" spans="1:24" x14ac:dyDescent="0.25">
      <c r="A1294">
        <v>11785</v>
      </c>
      <c r="B1294" t="s">
        <v>129</v>
      </c>
      <c r="C1294">
        <v>10</v>
      </c>
      <c r="D1294" t="s">
        <v>128</v>
      </c>
      <c r="E1294">
        <v>1167</v>
      </c>
      <c r="F1294" t="s">
        <v>892</v>
      </c>
      <c r="G1294" t="s">
        <v>892</v>
      </c>
      <c r="H1294" t="s">
        <v>892</v>
      </c>
      <c r="I1294" t="s">
        <v>892</v>
      </c>
      <c r="J1294" t="s">
        <v>679</v>
      </c>
      <c r="K1294">
        <v>32</v>
      </c>
      <c r="L1294" t="s">
        <v>892</v>
      </c>
      <c r="M1294" t="s">
        <v>892</v>
      </c>
      <c r="N1294" t="s">
        <v>892</v>
      </c>
      <c r="O1294" t="s">
        <v>892</v>
      </c>
      <c r="P1294" t="s">
        <v>746</v>
      </c>
      <c r="Q1294">
        <v>2</v>
      </c>
      <c r="R1294" t="s">
        <v>893</v>
      </c>
      <c r="S1294">
        <v>3</v>
      </c>
      <c r="T1294" t="s">
        <v>892</v>
      </c>
      <c r="U1294" t="s">
        <v>892</v>
      </c>
      <c r="V1294">
        <v>3</v>
      </c>
      <c r="W1294">
        <v>180</v>
      </c>
      <c r="X1294">
        <v>2020</v>
      </c>
    </row>
    <row r="1295" spans="1:24" x14ac:dyDescent="0.25">
      <c r="A1295">
        <v>11784</v>
      </c>
      <c r="B1295" t="s">
        <v>129</v>
      </c>
      <c r="C1295">
        <v>10</v>
      </c>
      <c r="D1295" t="s">
        <v>128</v>
      </c>
      <c r="E1295">
        <v>1167</v>
      </c>
      <c r="F1295" t="s">
        <v>892</v>
      </c>
      <c r="G1295" t="s">
        <v>892</v>
      </c>
      <c r="H1295" t="s">
        <v>892</v>
      </c>
      <c r="I1295" t="s">
        <v>892</v>
      </c>
      <c r="J1295" t="s">
        <v>1028</v>
      </c>
      <c r="K1295">
        <v>33</v>
      </c>
      <c r="L1295" t="s">
        <v>892</v>
      </c>
      <c r="M1295" t="s">
        <v>892</v>
      </c>
      <c r="N1295" t="s">
        <v>892</v>
      </c>
      <c r="O1295" t="s">
        <v>892</v>
      </c>
      <c r="P1295" t="s">
        <v>746</v>
      </c>
      <c r="Q1295">
        <v>2</v>
      </c>
      <c r="R1295" t="s">
        <v>893</v>
      </c>
      <c r="S1295">
        <v>3</v>
      </c>
      <c r="T1295" t="s">
        <v>892</v>
      </c>
      <c r="U1295" t="s">
        <v>892</v>
      </c>
      <c r="V1295">
        <v>3</v>
      </c>
      <c r="W1295">
        <v>180</v>
      </c>
      <c r="X1295">
        <v>2020</v>
      </c>
    </row>
    <row r="1296" spans="1:24" x14ac:dyDescent="0.25">
      <c r="A1296">
        <v>11783</v>
      </c>
      <c r="B1296" t="s">
        <v>131</v>
      </c>
      <c r="C1296">
        <v>51</v>
      </c>
      <c r="D1296" t="s">
        <v>130</v>
      </c>
      <c r="E1296">
        <v>1166</v>
      </c>
      <c r="F1296" t="s">
        <v>892</v>
      </c>
      <c r="G1296" t="s">
        <v>892</v>
      </c>
      <c r="H1296" t="s">
        <v>892</v>
      </c>
      <c r="I1296" t="s">
        <v>892</v>
      </c>
      <c r="J1296" t="s">
        <v>785</v>
      </c>
      <c r="K1296">
        <v>93</v>
      </c>
      <c r="L1296" t="s">
        <v>892</v>
      </c>
      <c r="M1296" t="s">
        <v>892</v>
      </c>
      <c r="N1296" t="s">
        <v>892</v>
      </c>
      <c r="O1296" t="s">
        <v>892</v>
      </c>
      <c r="P1296" t="s">
        <v>746</v>
      </c>
      <c r="Q1296">
        <v>2</v>
      </c>
      <c r="R1296" t="s">
        <v>893</v>
      </c>
      <c r="S1296">
        <v>3</v>
      </c>
      <c r="T1296" t="s">
        <v>892</v>
      </c>
      <c r="U1296" t="s">
        <v>892</v>
      </c>
      <c r="V1296">
        <v>3</v>
      </c>
      <c r="W1296">
        <v>180</v>
      </c>
      <c r="X1296">
        <v>2020</v>
      </c>
    </row>
    <row r="1297" spans="1:24" x14ac:dyDescent="0.25">
      <c r="A1297">
        <v>11782</v>
      </c>
      <c r="B1297" t="s">
        <v>131</v>
      </c>
      <c r="C1297">
        <v>51</v>
      </c>
      <c r="D1297" t="s">
        <v>130</v>
      </c>
      <c r="E1297">
        <v>1166</v>
      </c>
      <c r="F1297" t="s">
        <v>892</v>
      </c>
      <c r="G1297" t="s">
        <v>892</v>
      </c>
      <c r="H1297" t="s">
        <v>892</v>
      </c>
      <c r="I1297" t="s">
        <v>892</v>
      </c>
      <c r="J1297" t="s">
        <v>1071</v>
      </c>
      <c r="K1297">
        <v>94</v>
      </c>
      <c r="L1297" t="s">
        <v>892</v>
      </c>
      <c r="M1297" t="s">
        <v>892</v>
      </c>
      <c r="N1297" t="s">
        <v>892</v>
      </c>
      <c r="O1297" t="s">
        <v>892</v>
      </c>
      <c r="P1297" t="s">
        <v>746</v>
      </c>
      <c r="Q1297">
        <v>2</v>
      </c>
      <c r="R1297" t="s">
        <v>893</v>
      </c>
      <c r="S1297">
        <v>3</v>
      </c>
      <c r="T1297" t="s">
        <v>892</v>
      </c>
      <c r="U1297" t="s">
        <v>892</v>
      </c>
      <c r="V1297">
        <v>3</v>
      </c>
      <c r="W1297">
        <v>180</v>
      </c>
      <c r="X1297">
        <v>2020</v>
      </c>
    </row>
    <row r="1298" spans="1:24" x14ac:dyDescent="0.25">
      <c r="A1298">
        <v>11781</v>
      </c>
      <c r="B1298" t="s">
        <v>104</v>
      </c>
      <c r="C1298">
        <v>25</v>
      </c>
      <c r="D1298" t="s">
        <v>132</v>
      </c>
      <c r="E1298">
        <v>1165</v>
      </c>
      <c r="F1298" t="s">
        <v>892</v>
      </c>
      <c r="G1298" t="s">
        <v>892</v>
      </c>
      <c r="H1298" t="s">
        <v>892</v>
      </c>
      <c r="I1298" t="s">
        <v>892</v>
      </c>
      <c r="J1298" t="s">
        <v>738</v>
      </c>
      <c r="K1298">
        <v>61</v>
      </c>
      <c r="L1298" t="s">
        <v>892</v>
      </c>
      <c r="M1298" t="s">
        <v>892</v>
      </c>
      <c r="N1298" t="s">
        <v>892</v>
      </c>
      <c r="O1298" t="s">
        <v>892</v>
      </c>
      <c r="P1298" t="s">
        <v>746</v>
      </c>
      <c r="Q1298">
        <v>2</v>
      </c>
      <c r="R1298" t="s">
        <v>893</v>
      </c>
      <c r="S1298">
        <v>3</v>
      </c>
      <c r="T1298" t="s">
        <v>892</v>
      </c>
      <c r="U1298" t="s">
        <v>892</v>
      </c>
      <c r="V1298">
        <v>3</v>
      </c>
      <c r="W1298">
        <v>180</v>
      </c>
      <c r="X1298">
        <v>2020</v>
      </c>
    </row>
    <row r="1299" spans="1:24" x14ac:dyDescent="0.25">
      <c r="A1299">
        <v>11780</v>
      </c>
      <c r="B1299" t="s">
        <v>69</v>
      </c>
      <c r="C1299">
        <v>36</v>
      </c>
      <c r="D1299" t="s">
        <v>133</v>
      </c>
      <c r="E1299">
        <v>1164</v>
      </c>
      <c r="F1299" t="s">
        <v>892</v>
      </c>
      <c r="G1299" t="s">
        <v>892</v>
      </c>
      <c r="H1299" t="s">
        <v>892</v>
      </c>
      <c r="I1299" t="s">
        <v>892</v>
      </c>
      <c r="J1299" t="s">
        <v>819</v>
      </c>
      <c r="K1299">
        <v>101</v>
      </c>
      <c r="L1299" t="s">
        <v>892</v>
      </c>
      <c r="M1299" t="s">
        <v>892</v>
      </c>
      <c r="N1299" t="s">
        <v>892</v>
      </c>
      <c r="O1299" t="s">
        <v>892</v>
      </c>
      <c r="P1299" t="s">
        <v>746</v>
      </c>
      <c r="Q1299">
        <v>2</v>
      </c>
      <c r="R1299" t="s">
        <v>893</v>
      </c>
      <c r="S1299">
        <v>3</v>
      </c>
      <c r="T1299" t="s">
        <v>892</v>
      </c>
      <c r="U1299" t="s">
        <v>892</v>
      </c>
      <c r="V1299">
        <v>3</v>
      </c>
      <c r="W1299">
        <v>180</v>
      </c>
      <c r="X1299">
        <v>2020</v>
      </c>
    </row>
    <row r="1300" spans="1:24" x14ac:dyDescent="0.25">
      <c r="A1300">
        <v>11777</v>
      </c>
      <c r="B1300" t="s">
        <v>69</v>
      </c>
      <c r="C1300">
        <v>36</v>
      </c>
      <c r="D1300" t="s">
        <v>15</v>
      </c>
      <c r="E1300">
        <v>1163</v>
      </c>
      <c r="F1300" t="s">
        <v>892</v>
      </c>
      <c r="G1300" t="s">
        <v>892</v>
      </c>
      <c r="H1300" t="s">
        <v>892</v>
      </c>
      <c r="I1300" t="s">
        <v>892</v>
      </c>
      <c r="J1300" t="s">
        <v>693</v>
      </c>
      <c r="K1300">
        <v>56</v>
      </c>
      <c r="L1300" t="s">
        <v>892</v>
      </c>
      <c r="M1300" t="s">
        <v>892</v>
      </c>
      <c r="N1300" t="s">
        <v>892</v>
      </c>
      <c r="O1300" t="s">
        <v>892</v>
      </c>
      <c r="P1300" t="s">
        <v>746</v>
      </c>
      <c r="Q1300">
        <v>2</v>
      </c>
      <c r="R1300" t="s">
        <v>893</v>
      </c>
      <c r="S1300">
        <v>3</v>
      </c>
      <c r="T1300" t="s">
        <v>892</v>
      </c>
      <c r="U1300" t="s">
        <v>892</v>
      </c>
      <c r="V1300">
        <v>3</v>
      </c>
      <c r="W1300">
        <v>180</v>
      </c>
      <c r="X1300">
        <v>2020</v>
      </c>
    </row>
    <row r="1301" spans="1:24" x14ac:dyDescent="0.25">
      <c r="A1301">
        <v>11776</v>
      </c>
      <c r="B1301" t="s">
        <v>69</v>
      </c>
      <c r="C1301">
        <v>36</v>
      </c>
      <c r="D1301" t="s">
        <v>15</v>
      </c>
      <c r="E1301">
        <v>1163</v>
      </c>
      <c r="F1301" t="s">
        <v>892</v>
      </c>
      <c r="G1301" t="s">
        <v>892</v>
      </c>
      <c r="H1301" t="s">
        <v>892</v>
      </c>
      <c r="I1301" t="s">
        <v>892</v>
      </c>
      <c r="J1301" t="s">
        <v>710</v>
      </c>
      <c r="K1301">
        <v>53</v>
      </c>
      <c r="L1301" t="s">
        <v>892</v>
      </c>
      <c r="M1301" t="s">
        <v>892</v>
      </c>
      <c r="N1301" t="s">
        <v>892</v>
      </c>
      <c r="O1301" t="s">
        <v>892</v>
      </c>
      <c r="P1301" t="s">
        <v>746</v>
      </c>
      <c r="Q1301">
        <v>2</v>
      </c>
      <c r="R1301" t="s">
        <v>893</v>
      </c>
      <c r="S1301">
        <v>3</v>
      </c>
      <c r="T1301" t="s">
        <v>892</v>
      </c>
      <c r="U1301" t="s">
        <v>892</v>
      </c>
      <c r="V1301">
        <v>3</v>
      </c>
      <c r="W1301">
        <v>180</v>
      </c>
      <c r="X1301">
        <v>2020</v>
      </c>
    </row>
    <row r="1302" spans="1:24" x14ac:dyDescent="0.25">
      <c r="A1302">
        <v>11775</v>
      </c>
      <c r="B1302" t="s">
        <v>69</v>
      </c>
      <c r="C1302">
        <v>36</v>
      </c>
      <c r="D1302" t="s">
        <v>15</v>
      </c>
      <c r="E1302">
        <v>1163</v>
      </c>
      <c r="F1302" t="s">
        <v>892</v>
      </c>
      <c r="G1302" t="s">
        <v>892</v>
      </c>
      <c r="H1302" t="s">
        <v>892</v>
      </c>
      <c r="I1302" t="s">
        <v>892</v>
      </c>
      <c r="J1302" t="s">
        <v>1236</v>
      </c>
      <c r="K1302">
        <v>60</v>
      </c>
      <c r="L1302" t="s">
        <v>892</v>
      </c>
      <c r="M1302" t="s">
        <v>892</v>
      </c>
      <c r="N1302" t="s">
        <v>892</v>
      </c>
      <c r="O1302" t="s">
        <v>892</v>
      </c>
      <c r="P1302" t="s">
        <v>746</v>
      </c>
      <c r="Q1302">
        <v>2</v>
      </c>
      <c r="R1302" t="s">
        <v>893</v>
      </c>
      <c r="S1302">
        <v>3</v>
      </c>
      <c r="T1302" t="s">
        <v>892</v>
      </c>
      <c r="U1302" t="s">
        <v>892</v>
      </c>
      <c r="V1302">
        <v>3</v>
      </c>
      <c r="W1302">
        <v>180</v>
      </c>
      <c r="X1302">
        <v>2020</v>
      </c>
    </row>
    <row r="1303" spans="1:24" x14ac:dyDescent="0.25">
      <c r="A1303">
        <v>11773</v>
      </c>
      <c r="B1303" t="s">
        <v>69</v>
      </c>
      <c r="C1303">
        <v>36</v>
      </c>
      <c r="D1303" t="s">
        <v>134</v>
      </c>
      <c r="E1303">
        <v>1162</v>
      </c>
      <c r="F1303" t="s">
        <v>892</v>
      </c>
      <c r="G1303" t="s">
        <v>892</v>
      </c>
      <c r="H1303" t="s">
        <v>892</v>
      </c>
      <c r="I1303" t="s">
        <v>892</v>
      </c>
      <c r="J1303" t="s">
        <v>707</v>
      </c>
      <c r="K1303">
        <v>59</v>
      </c>
      <c r="L1303" t="s">
        <v>892</v>
      </c>
      <c r="M1303" t="s">
        <v>892</v>
      </c>
      <c r="N1303" t="s">
        <v>892</v>
      </c>
      <c r="O1303" t="s">
        <v>892</v>
      </c>
      <c r="P1303" t="s">
        <v>746</v>
      </c>
      <c r="Q1303">
        <v>2</v>
      </c>
      <c r="R1303" t="s">
        <v>893</v>
      </c>
      <c r="S1303">
        <v>3</v>
      </c>
      <c r="T1303" t="s">
        <v>892</v>
      </c>
      <c r="U1303" t="s">
        <v>892</v>
      </c>
      <c r="V1303">
        <v>3</v>
      </c>
      <c r="W1303">
        <v>180</v>
      </c>
      <c r="X1303">
        <v>2020</v>
      </c>
    </row>
    <row r="1304" spans="1:24" x14ac:dyDescent="0.25">
      <c r="A1304">
        <v>11772</v>
      </c>
      <c r="B1304" t="s">
        <v>69</v>
      </c>
      <c r="C1304">
        <v>36</v>
      </c>
      <c r="D1304" t="s">
        <v>135</v>
      </c>
      <c r="E1304">
        <v>1161</v>
      </c>
      <c r="F1304" t="s">
        <v>892</v>
      </c>
      <c r="G1304" t="s">
        <v>892</v>
      </c>
      <c r="H1304" t="s">
        <v>892</v>
      </c>
      <c r="I1304" t="s">
        <v>892</v>
      </c>
      <c r="J1304" t="s">
        <v>676</v>
      </c>
      <c r="K1304">
        <v>4</v>
      </c>
      <c r="L1304" t="s">
        <v>892</v>
      </c>
      <c r="M1304" t="s">
        <v>892</v>
      </c>
      <c r="N1304" t="s">
        <v>892</v>
      </c>
      <c r="O1304" t="s">
        <v>892</v>
      </c>
      <c r="P1304" t="s">
        <v>746</v>
      </c>
      <c r="Q1304">
        <v>2</v>
      </c>
      <c r="R1304" t="s">
        <v>893</v>
      </c>
      <c r="S1304">
        <v>3</v>
      </c>
      <c r="T1304" t="s">
        <v>892</v>
      </c>
      <c r="U1304" t="s">
        <v>892</v>
      </c>
      <c r="V1304">
        <v>3</v>
      </c>
      <c r="W1304">
        <v>180</v>
      </c>
      <c r="X1304">
        <v>2020</v>
      </c>
    </row>
    <row r="1305" spans="1:24" x14ac:dyDescent="0.25">
      <c r="A1305">
        <v>11771</v>
      </c>
      <c r="B1305" t="s">
        <v>69</v>
      </c>
      <c r="C1305">
        <v>36</v>
      </c>
      <c r="D1305" t="s">
        <v>136</v>
      </c>
      <c r="E1305">
        <v>1160</v>
      </c>
      <c r="F1305" t="s">
        <v>892</v>
      </c>
      <c r="G1305" t="s">
        <v>892</v>
      </c>
      <c r="H1305" t="s">
        <v>892</v>
      </c>
      <c r="I1305" t="s">
        <v>892</v>
      </c>
      <c r="J1305" t="s">
        <v>663</v>
      </c>
      <c r="K1305">
        <v>99</v>
      </c>
      <c r="L1305" t="s">
        <v>892</v>
      </c>
      <c r="M1305" t="s">
        <v>892</v>
      </c>
      <c r="N1305" t="s">
        <v>892</v>
      </c>
      <c r="O1305" t="s">
        <v>892</v>
      </c>
      <c r="P1305" t="s">
        <v>746</v>
      </c>
      <c r="Q1305">
        <v>2</v>
      </c>
      <c r="R1305" t="s">
        <v>893</v>
      </c>
      <c r="S1305">
        <v>3</v>
      </c>
      <c r="T1305" t="s">
        <v>892</v>
      </c>
      <c r="U1305" t="s">
        <v>892</v>
      </c>
      <c r="V1305">
        <v>3</v>
      </c>
      <c r="W1305">
        <v>180</v>
      </c>
      <c r="X1305">
        <v>2020</v>
      </c>
    </row>
    <row r="1306" spans="1:24" x14ac:dyDescent="0.25">
      <c r="A1306">
        <v>11770</v>
      </c>
      <c r="B1306" t="s">
        <v>138</v>
      </c>
      <c r="C1306">
        <v>35</v>
      </c>
      <c r="D1306" t="s">
        <v>137</v>
      </c>
      <c r="E1306">
        <v>1159</v>
      </c>
      <c r="F1306" t="s">
        <v>892</v>
      </c>
      <c r="G1306" t="s">
        <v>892</v>
      </c>
      <c r="H1306" t="s">
        <v>892</v>
      </c>
      <c r="I1306" t="s">
        <v>892</v>
      </c>
      <c r="J1306" t="s">
        <v>1055</v>
      </c>
      <c r="K1306">
        <v>69</v>
      </c>
      <c r="L1306" t="s">
        <v>892</v>
      </c>
      <c r="M1306" t="s">
        <v>892</v>
      </c>
      <c r="N1306" t="s">
        <v>892</v>
      </c>
      <c r="O1306" t="s">
        <v>892</v>
      </c>
      <c r="P1306" t="s">
        <v>746</v>
      </c>
      <c r="Q1306">
        <v>2</v>
      </c>
      <c r="R1306" t="s">
        <v>893</v>
      </c>
      <c r="S1306">
        <v>3</v>
      </c>
      <c r="T1306" t="s">
        <v>892</v>
      </c>
      <c r="U1306" t="s">
        <v>892</v>
      </c>
      <c r="V1306">
        <v>3</v>
      </c>
      <c r="W1306">
        <v>180</v>
      </c>
      <c r="X1306">
        <v>2020</v>
      </c>
    </row>
    <row r="1307" spans="1:24" x14ac:dyDescent="0.25">
      <c r="A1307">
        <v>11769</v>
      </c>
      <c r="B1307" t="s">
        <v>138</v>
      </c>
      <c r="C1307">
        <v>35</v>
      </c>
      <c r="D1307" t="s">
        <v>137</v>
      </c>
      <c r="E1307">
        <v>1159</v>
      </c>
      <c r="F1307" t="s">
        <v>892</v>
      </c>
      <c r="G1307" t="s">
        <v>892</v>
      </c>
      <c r="H1307" t="s">
        <v>892</v>
      </c>
      <c r="I1307" t="s">
        <v>892</v>
      </c>
      <c r="J1307" t="s">
        <v>693</v>
      </c>
      <c r="K1307">
        <v>56</v>
      </c>
      <c r="L1307" t="s">
        <v>892</v>
      </c>
      <c r="M1307" t="s">
        <v>892</v>
      </c>
      <c r="N1307" t="s">
        <v>892</v>
      </c>
      <c r="O1307" t="s">
        <v>892</v>
      </c>
      <c r="P1307" t="s">
        <v>746</v>
      </c>
      <c r="Q1307">
        <v>2</v>
      </c>
      <c r="R1307" t="s">
        <v>893</v>
      </c>
      <c r="S1307">
        <v>3</v>
      </c>
      <c r="T1307" t="s">
        <v>892</v>
      </c>
      <c r="U1307" t="s">
        <v>892</v>
      </c>
      <c r="V1307">
        <v>3</v>
      </c>
      <c r="W1307">
        <v>180</v>
      </c>
      <c r="X1307">
        <v>2020</v>
      </c>
    </row>
    <row r="1308" spans="1:24" x14ac:dyDescent="0.25">
      <c r="A1308">
        <v>11768</v>
      </c>
      <c r="B1308" t="s">
        <v>138</v>
      </c>
      <c r="C1308">
        <v>35</v>
      </c>
      <c r="D1308" t="s">
        <v>137</v>
      </c>
      <c r="E1308">
        <v>1159</v>
      </c>
      <c r="F1308" t="s">
        <v>892</v>
      </c>
      <c r="G1308" t="s">
        <v>892</v>
      </c>
      <c r="H1308" t="s">
        <v>892</v>
      </c>
      <c r="I1308" t="s">
        <v>892</v>
      </c>
      <c r="J1308" t="s">
        <v>714</v>
      </c>
      <c r="K1308">
        <v>52</v>
      </c>
      <c r="L1308" t="s">
        <v>892</v>
      </c>
      <c r="M1308" t="s">
        <v>892</v>
      </c>
      <c r="N1308" t="s">
        <v>892</v>
      </c>
      <c r="O1308" t="s">
        <v>892</v>
      </c>
      <c r="P1308" t="s">
        <v>746</v>
      </c>
      <c r="Q1308">
        <v>2</v>
      </c>
      <c r="R1308" t="s">
        <v>893</v>
      </c>
      <c r="S1308">
        <v>3</v>
      </c>
      <c r="T1308" t="s">
        <v>892</v>
      </c>
      <c r="U1308" t="s">
        <v>892</v>
      </c>
      <c r="V1308">
        <v>3</v>
      </c>
      <c r="W1308">
        <v>180</v>
      </c>
      <c r="X1308">
        <v>2020</v>
      </c>
    </row>
    <row r="1309" spans="1:24" x14ac:dyDescent="0.25">
      <c r="A1309">
        <v>11767</v>
      </c>
      <c r="B1309" t="s">
        <v>138</v>
      </c>
      <c r="C1309">
        <v>35</v>
      </c>
      <c r="D1309" t="s">
        <v>137</v>
      </c>
      <c r="E1309">
        <v>1159</v>
      </c>
      <c r="F1309" t="s">
        <v>892</v>
      </c>
      <c r="G1309" t="s">
        <v>892</v>
      </c>
      <c r="H1309" t="s">
        <v>892</v>
      </c>
      <c r="I1309" t="s">
        <v>892</v>
      </c>
      <c r="J1309" t="s">
        <v>797</v>
      </c>
      <c r="K1309">
        <v>65</v>
      </c>
      <c r="L1309" t="s">
        <v>892</v>
      </c>
      <c r="M1309" t="s">
        <v>892</v>
      </c>
      <c r="N1309" t="s">
        <v>892</v>
      </c>
      <c r="O1309" t="s">
        <v>892</v>
      </c>
      <c r="P1309" t="s">
        <v>746</v>
      </c>
      <c r="Q1309">
        <v>2</v>
      </c>
      <c r="R1309" t="s">
        <v>893</v>
      </c>
      <c r="S1309">
        <v>3</v>
      </c>
      <c r="T1309" t="s">
        <v>892</v>
      </c>
      <c r="U1309" t="s">
        <v>892</v>
      </c>
      <c r="V1309">
        <v>3</v>
      </c>
      <c r="W1309">
        <v>180</v>
      </c>
      <c r="X1309">
        <v>2020</v>
      </c>
    </row>
    <row r="1310" spans="1:24" x14ac:dyDescent="0.25">
      <c r="A1310">
        <v>11766</v>
      </c>
      <c r="B1310" t="s">
        <v>140</v>
      </c>
      <c r="C1310">
        <v>34</v>
      </c>
      <c r="D1310" t="s">
        <v>139</v>
      </c>
      <c r="E1310">
        <v>1158</v>
      </c>
      <c r="F1310" t="s">
        <v>892</v>
      </c>
      <c r="G1310" t="s">
        <v>892</v>
      </c>
      <c r="H1310" t="s">
        <v>892</v>
      </c>
      <c r="I1310" t="s">
        <v>892</v>
      </c>
      <c r="J1310" t="s">
        <v>693</v>
      </c>
      <c r="K1310">
        <v>56</v>
      </c>
      <c r="L1310" t="s">
        <v>892</v>
      </c>
      <c r="M1310" t="s">
        <v>892</v>
      </c>
      <c r="N1310" t="s">
        <v>892</v>
      </c>
      <c r="O1310" t="s">
        <v>892</v>
      </c>
      <c r="P1310" t="s">
        <v>746</v>
      </c>
      <c r="Q1310">
        <v>2</v>
      </c>
      <c r="R1310" t="s">
        <v>893</v>
      </c>
      <c r="S1310">
        <v>3</v>
      </c>
      <c r="T1310" t="s">
        <v>892</v>
      </c>
      <c r="U1310" t="s">
        <v>892</v>
      </c>
      <c r="V1310">
        <v>3</v>
      </c>
      <c r="W1310">
        <v>180</v>
      </c>
      <c r="X1310">
        <v>2020</v>
      </c>
    </row>
    <row r="1311" spans="1:24" x14ac:dyDescent="0.25">
      <c r="A1311">
        <v>11765</v>
      </c>
      <c r="B1311" t="s">
        <v>140</v>
      </c>
      <c r="C1311">
        <v>34</v>
      </c>
      <c r="D1311" t="s">
        <v>139</v>
      </c>
      <c r="E1311">
        <v>1158</v>
      </c>
      <c r="F1311" t="s">
        <v>892</v>
      </c>
      <c r="G1311" t="s">
        <v>892</v>
      </c>
      <c r="H1311" t="s">
        <v>892</v>
      </c>
      <c r="I1311" t="s">
        <v>892</v>
      </c>
      <c r="J1311" t="s">
        <v>695</v>
      </c>
      <c r="K1311">
        <v>54</v>
      </c>
      <c r="L1311" t="s">
        <v>892</v>
      </c>
      <c r="M1311" t="s">
        <v>892</v>
      </c>
      <c r="N1311" t="s">
        <v>892</v>
      </c>
      <c r="O1311" t="s">
        <v>892</v>
      </c>
      <c r="P1311" t="s">
        <v>746</v>
      </c>
      <c r="Q1311">
        <v>2</v>
      </c>
      <c r="R1311" t="s">
        <v>893</v>
      </c>
      <c r="S1311">
        <v>3</v>
      </c>
      <c r="T1311" t="s">
        <v>892</v>
      </c>
      <c r="U1311" t="s">
        <v>892</v>
      </c>
      <c r="V1311">
        <v>3</v>
      </c>
      <c r="W1311">
        <v>180</v>
      </c>
      <c r="X1311">
        <v>2020</v>
      </c>
    </row>
    <row r="1312" spans="1:24" x14ac:dyDescent="0.25">
      <c r="A1312">
        <v>11764</v>
      </c>
      <c r="B1312" t="s">
        <v>140</v>
      </c>
      <c r="C1312">
        <v>34</v>
      </c>
      <c r="D1312" t="s">
        <v>139</v>
      </c>
      <c r="E1312">
        <v>1158</v>
      </c>
      <c r="F1312" t="s">
        <v>892</v>
      </c>
      <c r="G1312" t="s">
        <v>892</v>
      </c>
      <c r="H1312" t="s">
        <v>892</v>
      </c>
      <c r="I1312" t="s">
        <v>892</v>
      </c>
      <c r="J1312" t="s">
        <v>714</v>
      </c>
      <c r="K1312">
        <v>52</v>
      </c>
      <c r="L1312" t="s">
        <v>892</v>
      </c>
      <c r="M1312" t="s">
        <v>892</v>
      </c>
      <c r="N1312" t="s">
        <v>892</v>
      </c>
      <c r="O1312" t="s">
        <v>892</v>
      </c>
      <c r="P1312" t="s">
        <v>746</v>
      </c>
      <c r="Q1312">
        <v>2</v>
      </c>
      <c r="R1312" t="s">
        <v>893</v>
      </c>
      <c r="S1312">
        <v>3</v>
      </c>
      <c r="T1312" t="s">
        <v>892</v>
      </c>
      <c r="U1312" t="s">
        <v>892</v>
      </c>
      <c r="V1312">
        <v>3</v>
      </c>
      <c r="W1312">
        <v>180</v>
      </c>
      <c r="X1312">
        <v>2020</v>
      </c>
    </row>
    <row r="1313" spans="1:24" x14ac:dyDescent="0.25">
      <c r="A1313">
        <v>11763</v>
      </c>
      <c r="B1313" t="s">
        <v>140</v>
      </c>
      <c r="C1313">
        <v>34</v>
      </c>
      <c r="D1313" t="s">
        <v>139</v>
      </c>
      <c r="E1313">
        <v>1158</v>
      </c>
      <c r="F1313" t="s">
        <v>892</v>
      </c>
      <c r="G1313" t="s">
        <v>892</v>
      </c>
      <c r="H1313" t="s">
        <v>892</v>
      </c>
      <c r="I1313" t="s">
        <v>892</v>
      </c>
      <c r="J1313" t="s">
        <v>909</v>
      </c>
      <c r="K1313">
        <v>39</v>
      </c>
      <c r="L1313" t="s">
        <v>892</v>
      </c>
      <c r="M1313" t="s">
        <v>892</v>
      </c>
      <c r="N1313" t="s">
        <v>892</v>
      </c>
      <c r="O1313" t="s">
        <v>892</v>
      </c>
      <c r="P1313" t="s">
        <v>746</v>
      </c>
      <c r="Q1313">
        <v>2</v>
      </c>
      <c r="R1313" t="s">
        <v>893</v>
      </c>
      <c r="S1313">
        <v>3</v>
      </c>
      <c r="T1313" t="s">
        <v>892</v>
      </c>
      <c r="U1313" t="s">
        <v>892</v>
      </c>
      <c r="V1313">
        <v>3</v>
      </c>
      <c r="W1313">
        <v>180</v>
      </c>
      <c r="X1313">
        <v>2020</v>
      </c>
    </row>
    <row r="1314" spans="1:24" x14ac:dyDescent="0.25">
      <c r="A1314">
        <v>11762</v>
      </c>
      <c r="B1314" t="s">
        <v>140</v>
      </c>
      <c r="C1314">
        <v>34</v>
      </c>
      <c r="D1314" t="s">
        <v>141</v>
      </c>
      <c r="E1314">
        <v>1157</v>
      </c>
      <c r="F1314" t="s">
        <v>892</v>
      </c>
      <c r="G1314" t="s">
        <v>892</v>
      </c>
      <c r="H1314" t="s">
        <v>892</v>
      </c>
      <c r="I1314" t="s">
        <v>892</v>
      </c>
      <c r="J1314" t="s">
        <v>839</v>
      </c>
      <c r="K1314">
        <v>89</v>
      </c>
      <c r="L1314" t="s">
        <v>892</v>
      </c>
      <c r="M1314" t="s">
        <v>892</v>
      </c>
      <c r="N1314" t="s">
        <v>892</v>
      </c>
      <c r="O1314" t="s">
        <v>892</v>
      </c>
      <c r="P1314" t="s">
        <v>746</v>
      </c>
      <c r="Q1314">
        <v>2</v>
      </c>
      <c r="R1314" t="s">
        <v>893</v>
      </c>
      <c r="S1314">
        <v>3</v>
      </c>
      <c r="T1314" t="s">
        <v>892</v>
      </c>
      <c r="U1314" t="s">
        <v>892</v>
      </c>
      <c r="V1314">
        <v>4</v>
      </c>
      <c r="W1314">
        <v>240</v>
      </c>
      <c r="X1314">
        <v>2020</v>
      </c>
    </row>
    <row r="1315" spans="1:24" x14ac:dyDescent="0.25">
      <c r="A1315">
        <v>11761</v>
      </c>
      <c r="B1315" t="s">
        <v>140</v>
      </c>
      <c r="C1315">
        <v>34</v>
      </c>
      <c r="D1315" t="s">
        <v>141</v>
      </c>
      <c r="E1315">
        <v>1157</v>
      </c>
      <c r="F1315" t="s">
        <v>892</v>
      </c>
      <c r="G1315" t="s">
        <v>892</v>
      </c>
      <c r="H1315" t="s">
        <v>892</v>
      </c>
      <c r="I1315" t="s">
        <v>892</v>
      </c>
      <c r="J1315" t="s">
        <v>831</v>
      </c>
      <c r="K1315">
        <v>5</v>
      </c>
      <c r="L1315" t="s">
        <v>892</v>
      </c>
      <c r="M1315" t="s">
        <v>892</v>
      </c>
      <c r="N1315" t="s">
        <v>892</v>
      </c>
      <c r="O1315" t="s">
        <v>892</v>
      </c>
      <c r="P1315" t="s">
        <v>746</v>
      </c>
      <c r="Q1315">
        <v>2</v>
      </c>
      <c r="R1315" t="s">
        <v>893</v>
      </c>
      <c r="S1315">
        <v>3</v>
      </c>
      <c r="T1315" t="s">
        <v>892</v>
      </c>
      <c r="U1315" t="s">
        <v>892</v>
      </c>
      <c r="V1315">
        <v>3</v>
      </c>
      <c r="W1315">
        <v>180</v>
      </c>
      <c r="X1315">
        <v>2020</v>
      </c>
    </row>
    <row r="1316" spans="1:24" x14ac:dyDescent="0.25">
      <c r="A1316">
        <v>11760</v>
      </c>
      <c r="B1316" t="s">
        <v>140</v>
      </c>
      <c r="C1316">
        <v>34</v>
      </c>
      <c r="D1316" t="s">
        <v>142</v>
      </c>
      <c r="E1316">
        <v>1156</v>
      </c>
      <c r="F1316" t="s">
        <v>892</v>
      </c>
      <c r="G1316" t="s">
        <v>892</v>
      </c>
      <c r="H1316" t="s">
        <v>892</v>
      </c>
      <c r="I1316" t="s">
        <v>892</v>
      </c>
      <c r="J1316" t="s">
        <v>813</v>
      </c>
      <c r="K1316">
        <v>24</v>
      </c>
      <c r="L1316" t="s">
        <v>892</v>
      </c>
      <c r="M1316" t="s">
        <v>892</v>
      </c>
      <c r="N1316" t="s">
        <v>892</v>
      </c>
      <c r="O1316" t="s">
        <v>892</v>
      </c>
      <c r="P1316" t="s">
        <v>746</v>
      </c>
      <c r="Q1316">
        <v>2</v>
      </c>
      <c r="R1316" t="s">
        <v>893</v>
      </c>
      <c r="S1316">
        <v>3</v>
      </c>
      <c r="T1316" t="s">
        <v>892</v>
      </c>
      <c r="U1316" t="s">
        <v>892</v>
      </c>
      <c r="V1316">
        <v>3</v>
      </c>
      <c r="W1316">
        <v>180</v>
      </c>
      <c r="X1316">
        <v>2020</v>
      </c>
    </row>
    <row r="1317" spans="1:24" x14ac:dyDescent="0.25">
      <c r="A1317">
        <v>11759</v>
      </c>
      <c r="B1317" t="s">
        <v>140</v>
      </c>
      <c r="C1317">
        <v>34</v>
      </c>
      <c r="D1317" t="s">
        <v>143</v>
      </c>
      <c r="E1317">
        <v>1155</v>
      </c>
      <c r="F1317" t="s">
        <v>892</v>
      </c>
      <c r="G1317" t="s">
        <v>892</v>
      </c>
      <c r="H1317" t="s">
        <v>892</v>
      </c>
      <c r="I1317" t="s">
        <v>892</v>
      </c>
      <c r="J1317" t="s">
        <v>703</v>
      </c>
      <c r="K1317">
        <v>16</v>
      </c>
      <c r="L1317" t="s">
        <v>892</v>
      </c>
      <c r="M1317" t="s">
        <v>892</v>
      </c>
      <c r="N1317" t="s">
        <v>892</v>
      </c>
      <c r="O1317" t="s">
        <v>892</v>
      </c>
      <c r="P1317" t="s">
        <v>746</v>
      </c>
      <c r="Q1317">
        <v>2</v>
      </c>
      <c r="R1317" t="s">
        <v>893</v>
      </c>
      <c r="S1317">
        <v>3</v>
      </c>
      <c r="T1317" t="s">
        <v>892</v>
      </c>
      <c r="U1317" t="s">
        <v>892</v>
      </c>
      <c r="V1317">
        <v>3</v>
      </c>
      <c r="W1317">
        <v>180</v>
      </c>
      <c r="X1317">
        <v>2020</v>
      </c>
    </row>
    <row r="1318" spans="1:24" x14ac:dyDescent="0.25">
      <c r="A1318">
        <v>11758</v>
      </c>
      <c r="B1318" t="s">
        <v>140</v>
      </c>
      <c r="C1318">
        <v>34</v>
      </c>
      <c r="D1318" t="s">
        <v>144</v>
      </c>
      <c r="E1318">
        <v>1154</v>
      </c>
      <c r="F1318" t="s">
        <v>892</v>
      </c>
      <c r="G1318" t="s">
        <v>892</v>
      </c>
      <c r="H1318" t="s">
        <v>892</v>
      </c>
      <c r="I1318" t="s">
        <v>892</v>
      </c>
      <c r="J1318" t="s">
        <v>802</v>
      </c>
      <c r="K1318">
        <v>12</v>
      </c>
      <c r="L1318" t="s">
        <v>892</v>
      </c>
      <c r="M1318" t="s">
        <v>892</v>
      </c>
      <c r="N1318" t="s">
        <v>892</v>
      </c>
      <c r="O1318" t="s">
        <v>892</v>
      </c>
      <c r="P1318" t="s">
        <v>746</v>
      </c>
      <c r="Q1318">
        <v>2</v>
      </c>
      <c r="R1318" t="s">
        <v>893</v>
      </c>
      <c r="S1318">
        <v>3</v>
      </c>
      <c r="T1318" t="s">
        <v>892</v>
      </c>
      <c r="U1318" t="s">
        <v>892</v>
      </c>
      <c r="V1318">
        <v>3</v>
      </c>
      <c r="W1318">
        <v>180</v>
      </c>
      <c r="X1318">
        <v>2020</v>
      </c>
    </row>
    <row r="1319" spans="1:24" x14ac:dyDescent="0.25">
      <c r="A1319">
        <v>11757</v>
      </c>
      <c r="B1319" t="s">
        <v>140</v>
      </c>
      <c r="C1319">
        <v>34</v>
      </c>
      <c r="D1319" t="s">
        <v>145</v>
      </c>
      <c r="E1319">
        <v>1153</v>
      </c>
      <c r="F1319" t="s">
        <v>892</v>
      </c>
      <c r="G1319" t="s">
        <v>892</v>
      </c>
      <c r="H1319" t="s">
        <v>892</v>
      </c>
      <c r="I1319" t="s">
        <v>892</v>
      </c>
      <c r="J1319" t="s">
        <v>792</v>
      </c>
      <c r="K1319">
        <v>6</v>
      </c>
      <c r="L1319" t="s">
        <v>892</v>
      </c>
      <c r="M1319" t="s">
        <v>892</v>
      </c>
      <c r="N1319" t="s">
        <v>892</v>
      </c>
      <c r="O1319" t="s">
        <v>892</v>
      </c>
      <c r="P1319" t="s">
        <v>746</v>
      </c>
      <c r="Q1319">
        <v>2</v>
      </c>
      <c r="R1319" t="s">
        <v>893</v>
      </c>
      <c r="S1319">
        <v>3</v>
      </c>
      <c r="T1319" t="s">
        <v>892</v>
      </c>
      <c r="U1319" t="s">
        <v>892</v>
      </c>
      <c r="V1319">
        <v>3</v>
      </c>
      <c r="W1319">
        <v>180</v>
      </c>
      <c r="X1319">
        <v>2020</v>
      </c>
    </row>
    <row r="1320" spans="1:24" x14ac:dyDescent="0.25">
      <c r="A1320">
        <v>11756</v>
      </c>
      <c r="B1320" t="s">
        <v>140</v>
      </c>
      <c r="C1320">
        <v>34</v>
      </c>
      <c r="D1320" t="s">
        <v>146</v>
      </c>
      <c r="E1320">
        <v>1152</v>
      </c>
      <c r="F1320" t="s">
        <v>892</v>
      </c>
      <c r="G1320" t="s">
        <v>892</v>
      </c>
      <c r="H1320" t="s">
        <v>892</v>
      </c>
      <c r="I1320" t="s">
        <v>892</v>
      </c>
      <c r="J1320" t="s">
        <v>663</v>
      </c>
      <c r="K1320">
        <v>99</v>
      </c>
      <c r="L1320" t="s">
        <v>892</v>
      </c>
      <c r="M1320" t="s">
        <v>892</v>
      </c>
      <c r="N1320" t="s">
        <v>892</v>
      </c>
      <c r="O1320" t="s">
        <v>892</v>
      </c>
      <c r="P1320" t="s">
        <v>746</v>
      </c>
      <c r="Q1320">
        <v>2</v>
      </c>
      <c r="R1320" t="s">
        <v>893</v>
      </c>
      <c r="S1320">
        <v>3</v>
      </c>
      <c r="T1320" t="s">
        <v>892</v>
      </c>
      <c r="U1320" t="s">
        <v>892</v>
      </c>
      <c r="V1320">
        <v>3</v>
      </c>
      <c r="W1320">
        <v>180</v>
      </c>
      <c r="X1320">
        <v>2020</v>
      </c>
    </row>
    <row r="1321" spans="1:24" x14ac:dyDescent="0.25">
      <c r="A1321">
        <v>11755</v>
      </c>
      <c r="B1321" t="s">
        <v>95</v>
      </c>
      <c r="C1321">
        <v>26</v>
      </c>
      <c r="D1321" t="s">
        <v>97</v>
      </c>
      <c r="E1321">
        <v>1202</v>
      </c>
      <c r="F1321" t="s">
        <v>892</v>
      </c>
      <c r="G1321" t="s">
        <v>892</v>
      </c>
      <c r="H1321" t="s">
        <v>892</v>
      </c>
      <c r="I1321" t="s">
        <v>892</v>
      </c>
      <c r="J1321" t="s">
        <v>864</v>
      </c>
      <c r="K1321">
        <v>14</v>
      </c>
      <c r="L1321" t="s">
        <v>892</v>
      </c>
      <c r="M1321" t="s">
        <v>892</v>
      </c>
      <c r="N1321" t="s">
        <v>892</v>
      </c>
      <c r="O1321" t="s">
        <v>892</v>
      </c>
      <c r="P1321" t="s">
        <v>746</v>
      </c>
      <c r="Q1321">
        <v>2</v>
      </c>
      <c r="R1321" t="s">
        <v>893</v>
      </c>
      <c r="S1321">
        <v>3</v>
      </c>
      <c r="T1321" t="s">
        <v>892</v>
      </c>
      <c r="U1321" t="s">
        <v>892</v>
      </c>
      <c r="V1321">
        <v>3</v>
      </c>
      <c r="W1321">
        <v>180</v>
      </c>
      <c r="X1321">
        <v>2020</v>
      </c>
    </row>
    <row r="1322" spans="1:24" x14ac:dyDescent="0.25">
      <c r="A1322">
        <v>11754</v>
      </c>
      <c r="B1322" t="s">
        <v>95</v>
      </c>
      <c r="C1322">
        <v>26</v>
      </c>
      <c r="D1322" t="s">
        <v>147</v>
      </c>
      <c r="E1322">
        <v>1151</v>
      </c>
      <c r="F1322" t="s">
        <v>892</v>
      </c>
      <c r="G1322" t="s">
        <v>892</v>
      </c>
      <c r="H1322" t="s">
        <v>892</v>
      </c>
      <c r="I1322" t="s">
        <v>892</v>
      </c>
      <c r="J1322" t="s">
        <v>703</v>
      </c>
      <c r="K1322">
        <v>16</v>
      </c>
      <c r="L1322" t="s">
        <v>892</v>
      </c>
      <c r="M1322" t="s">
        <v>892</v>
      </c>
      <c r="N1322" t="s">
        <v>892</v>
      </c>
      <c r="O1322" t="s">
        <v>892</v>
      </c>
      <c r="P1322" t="s">
        <v>746</v>
      </c>
      <c r="Q1322">
        <v>2</v>
      </c>
      <c r="R1322" t="s">
        <v>893</v>
      </c>
      <c r="S1322">
        <v>3</v>
      </c>
      <c r="T1322" t="s">
        <v>892</v>
      </c>
      <c r="U1322" t="s">
        <v>892</v>
      </c>
      <c r="V1322">
        <v>3</v>
      </c>
      <c r="W1322">
        <v>180</v>
      </c>
      <c r="X1322">
        <v>2020</v>
      </c>
    </row>
    <row r="1323" spans="1:24" x14ac:dyDescent="0.25">
      <c r="A1323">
        <v>11753</v>
      </c>
      <c r="B1323" t="s">
        <v>95</v>
      </c>
      <c r="C1323">
        <v>26</v>
      </c>
      <c r="D1323" t="s">
        <v>94</v>
      </c>
      <c r="E1323">
        <v>1204</v>
      </c>
      <c r="F1323" t="s">
        <v>892</v>
      </c>
      <c r="G1323" t="s">
        <v>892</v>
      </c>
      <c r="H1323" t="s">
        <v>892</v>
      </c>
      <c r="I1323" t="s">
        <v>892</v>
      </c>
      <c r="J1323" t="s">
        <v>295</v>
      </c>
      <c r="K1323">
        <v>30</v>
      </c>
      <c r="L1323" t="s">
        <v>892</v>
      </c>
      <c r="M1323" t="s">
        <v>892</v>
      </c>
      <c r="N1323" t="s">
        <v>892</v>
      </c>
      <c r="O1323" t="s">
        <v>892</v>
      </c>
      <c r="P1323" t="s">
        <v>746</v>
      </c>
      <c r="Q1323">
        <v>2</v>
      </c>
      <c r="R1323" t="s">
        <v>893</v>
      </c>
      <c r="S1323">
        <v>3</v>
      </c>
      <c r="T1323" t="s">
        <v>892</v>
      </c>
      <c r="U1323" t="s">
        <v>892</v>
      </c>
      <c r="V1323">
        <v>3</v>
      </c>
      <c r="W1323">
        <v>180</v>
      </c>
      <c r="X1323">
        <v>2020</v>
      </c>
    </row>
    <row r="1324" spans="1:24" x14ac:dyDescent="0.25">
      <c r="A1324">
        <v>11752</v>
      </c>
      <c r="B1324" t="s">
        <v>95</v>
      </c>
      <c r="C1324">
        <v>26</v>
      </c>
      <c r="D1324" t="s">
        <v>147</v>
      </c>
      <c r="E1324">
        <v>1151</v>
      </c>
      <c r="F1324" t="s">
        <v>892</v>
      </c>
      <c r="G1324" t="s">
        <v>892</v>
      </c>
      <c r="H1324" t="s">
        <v>892</v>
      </c>
      <c r="I1324" t="s">
        <v>892</v>
      </c>
      <c r="J1324" t="s">
        <v>802</v>
      </c>
      <c r="K1324">
        <v>12</v>
      </c>
      <c r="L1324" t="s">
        <v>892</v>
      </c>
      <c r="M1324" t="s">
        <v>892</v>
      </c>
      <c r="N1324" t="s">
        <v>892</v>
      </c>
      <c r="O1324" t="s">
        <v>892</v>
      </c>
      <c r="P1324" t="s">
        <v>746</v>
      </c>
      <c r="Q1324">
        <v>2</v>
      </c>
      <c r="R1324" t="s">
        <v>893</v>
      </c>
      <c r="S1324">
        <v>3</v>
      </c>
      <c r="T1324" t="s">
        <v>892</v>
      </c>
      <c r="U1324" t="s">
        <v>892</v>
      </c>
      <c r="V1324">
        <v>3</v>
      </c>
      <c r="W1324">
        <v>180</v>
      </c>
      <c r="X1324">
        <v>2020</v>
      </c>
    </row>
    <row r="1325" spans="1:24" x14ac:dyDescent="0.25">
      <c r="A1325">
        <v>11751</v>
      </c>
      <c r="B1325" t="s">
        <v>95</v>
      </c>
      <c r="C1325">
        <v>26</v>
      </c>
      <c r="D1325" t="s">
        <v>94</v>
      </c>
      <c r="E1325">
        <v>1204</v>
      </c>
      <c r="F1325" t="s">
        <v>892</v>
      </c>
      <c r="G1325" t="s">
        <v>892</v>
      </c>
      <c r="H1325" t="s">
        <v>892</v>
      </c>
      <c r="I1325" t="s">
        <v>892</v>
      </c>
      <c r="J1325" t="s">
        <v>807</v>
      </c>
      <c r="K1325">
        <v>25</v>
      </c>
      <c r="L1325" t="s">
        <v>892</v>
      </c>
      <c r="M1325" t="s">
        <v>892</v>
      </c>
      <c r="N1325" t="s">
        <v>892</v>
      </c>
      <c r="O1325" t="s">
        <v>892</v>
      </c>
      <c r="P1325" t="s">
        <v>746</v>
      </c>
      <c r="Q1325">
        <v>2</v>
      </c>
      <c r="R1325" t="s">
        <v>893</v>
      </c>
      <c r="S1325">
        <v>3</v>
      </c>
      <c r="T1325" t="s">
        <v>892</v>
      </c>
      <c r="U1325" t="s">
        <v>892</v>
      </c>
      <c r="V1325">
        <v>3</v>
      </c>
      <c r="W1325">
        <v>180</v>
      </c>
      <c r="X1325">
        <v>2020</v>
      </c>
    </row>
    <row r="1326" spans="1:24" x14ac:dyDescent="0.25">
      <c r="A1326">
        <v>11750</v>
      </c>
      <c r="B1326" t="s">
        <v>95</v>
      </c>
      <c r="C1326">
        <v>26</v>
      </c>
      <c r="D1326" t="s">
        <v>98</v>
      </c>
      <c r="E1326">
        <v>1201</v>
      </c>
      <c r="F1326" t="s">
        <v>892</v>
      </c>
      <c r="G1326" t="s">
        <v>892</v>
      </c>
      <c r="H1326" t="s">
        <v>892</v>
      </c>
      <c r="I1326" t="s">
        <v>892</v>
      </c>
      <c r="J1326" t="s">
        <v>663</v>
      </c>
      <c r="K1326">
        <v>99</v>
      </c>
      <c r="L1326" t="s">
        <v>892</v>
      </c>
      <c r="M1326" t="s">
        <v>892</v>
      </c>
      <c r="N1326" t="s">
        <v>892</v>
      </c>
      <c r="O1326" t="s">
        <v>892</v>
      </c>
      <c r="P1326" t="s">
        <v>746</v>
      </c>
      <c r="Q1326">
        <v>2</v>
      </c>
      <c r="R1326" t="s">
        <v>893</v>
      </c>
      <c r="S1326">
        <v>3</v>
      </c>
      <c r="T1326" t="s">
        <v>892</v>
      </c>
      <c r="U1326" t="s">
        <v>892</v>
      </c>
      <c r="V1326">
        <v>3</v>
      </c>
      <c r="W1326">
        <v>180</v>
      </c>
      <c r="X1326">
        <v>2020</v>
      </c>
    </row>
    <row r="1327" spans="1:24" x14ac:dyDescent="0.25">
      <c r="A1327">
        <v>11749</v>
      </c>
      <c r="B1327" t="s">
        <v>95</v>
      </c>
      <c r="C1327">
        <v>26</v>
      </c>
      <c r="D1327" t="s">
        <v>94</v>
      </c>
      <c r="E1327">
        <v>1204</v>
      </c>
      <c r="F1327" t="s">
        <v>892</v>
      </c>
      <c r="G1327" t="s">
        <v>892</v>
      </c>
      <c r="H1327" t="s">
        <v>892</v>
      </c>
      <c r="I1327" t="s">
        <v>892</v>
      </c>
      <c r="J1327" t="s">
        <v>955</v>
      </c>
      <c r="K1327">
        <v>29</v>
      </c>
      <c r="L1327" t="s">
        <v>892</v>
      </c>
      <c r="M1327" t="s">
        <v>892</v>
      </c>
      <c r="N1327" t="s">
        <v>892</v>
      </c>
      <c r="O1327" t="s">
        <v>892</v>
      </c>
      <c r="P1327" t="s">
        <v>746</v>
      </c>
      <c r="Q1327">
        <v>2</v>
      </c>
      <c r="R1327" t="s">
        <v>893</v>
      </c>
      <c r="S1327">
        <v>3</v>
      </c>
      <c r="T1327" t="s">
        <v>892</v>
      </c>
      <c r="U1327" t="s">
        <v>892</v>
      </c>
      <c r="V1327">
        <v>3</v>
      </c>
      <c r="W1327">
        <v>180</v>
      </c>
      <c r="X1327">
        <v>2020</v>
      </c>
    </row>
    <row r="1328" spans="1:24" x14ac:dyDescent="0.25">
      <c r="A1328">
        <v>11748</v>
      </c>
      <c r="B1328" t="s">
        <v>95</v>
      </c>
      <c r="C1328">
        <v>26</v>
      </c>
      <c r="D1328" t="s">
        <v>94</v>
      </c>
      <c r="E1328">
        <v>1204</v>
      </c>
      <c r="F1328" t="s">
        <v>892</v>
      </c>
      <c r="G1328" t="s">
        <v>892</v>
      </c>
      <c r="H1328" t="s">
        <v>892</v>
      </c>
      <c r="I1328" t="s">
        <v>892</v>
      </c>
      <c r="J1328" t="s">
        <v>813</v>
      </c>
      <c r="K1328">
        <v>24</v>
      </c>
      <c r="L1328" t="s">
        <v>892</v>
      </c>
      <c r="M1328" t="s">
        <v>892</v>
      </c>
      <c r="N1328" t="s">
        <v>892</v>
      </c>
      <c r="O1328" t="s">
        <v>892</v>
      </c>
      <c r="P1328" t="s">
        <v>746</v>
      </c>
      <c r="Q1328">
        <v>2</v>
      </c>
      <c r="R1328" t="s">
        <v>893</v>
      </c>
      <c r="S1328">
        <v>3</v>
      </c>
      <c r="T1328" t="s">
        <v>892</v>
      </c>
      <c r="U1328" t="s">
        <v>892</v>
      </c>
      <c r="V1328">
        <v>3</v>
      </c>
      <c r="W1328">
        <v>180</v>
      </c>
      <c r="X1328">
        <v>2020</v>
      </c>
    </row>
    <row r="1329" spans="1:24" x14ac:dyDescent="0.25">
      <c r="A1329">
        <v>11747</v>
      </c>
      <c r="B1329" t="s">
        <v>95</v>
      </c>
      <c r="C1329">
        <v>26</v>
      </c>
      <c r="D1329" t="s">
        <v>96</v>
      </c>
      <c r="E1329">
        <v>1203</v>
      </c>
      <c r="F1329" t="s">
        <v>892</v>
      </c>
      <c r="G1329" t="s">
        <v>892</v>
      </c>
      <c r="H1329" t="s">
        <v>892</v>
      </c>
      <c r="I1329" t="s">
        <v>892</v>
      </c>
      <c r="J1329" t="s">
        <v>65</v>
      </c>
      <c r="K1329">
        <v>15</v>
      </c>
      <c r="L1329" t="s">
        <v>892</v>
      </c>
      <c r="M1329" t="s">
        <v>892</v>
      </c>
      <c r="N1329" t="s">
        <v>892</v>
      </c>
      <c r="O1329" t="s">
        <v>892</v>
      </c>
      <c r="P1329" t="s">
        <v>746</v>
      </c>
      <c r="Q1329">
        <v>2</v>
      </c>
      <c r="R1329" t="s">
        <v>893</v>
      </c>
      <c r="S1329">
        <v>3</v>
      </c>
      <c r="T1329" t="s">
        <v>892</v>
      </c>
      <c r="U1329" t="s">
        <v>892</v>
      </c>
      <c r="V1329">
        <v>3</v>
      </c>
      <c r="W1329">
        <v>180</v>
      </c>
      <c r="X1329">
        <v>2020</v>
      </c>
    </row>
    <row r="1330" spans="1:24" x14ac:dyDescent="0.25">
      <c r="A1330">
        <v>11746</v>
      </c>
      <c r="B1330" t="s">
        <v>95</v>
      </c>
      <c r="C1330">
        <v>26</v>
      </c>
      <c r="D1330" t="s">
        <v>94</v>
      </c>
      <c r="E1330">
        <v>1204</v>
      </c>
      <c r="F1330" t="s">
        <v>892</v>
      </c>
      <c r="G1330" t="s">
        <v>892</v>
      </c>
      <c r="H1330" t="s">
        <v>892</v>
      </c>
      <c r="I1330" t="s">
        <v>892</v>
      </c>
      <c r="J1330" t="s">
        <v>299</v>
      </c>
      <c r="K1330">
        <v>27</v>
      </c>
      <c r="L1330" t="s">
        <v>892</v>
      </c>
      <c r="M1330" t="s">
        <v>892</v>
      </c>
      <c r="N1330" t="s">
        <v>892</v>
      </c>
      <c r="O1330" t="s">
        <v>892</v>
      </c>
      <c r="P1330" t="s">
        <v>746</v>
      </c>
      <c r="Q1330">
        <v>2</v>
      </c>
      <c r="R1330" t="s">
        <v>893</v>
      </c>
      <c r="S1330">
        <v>3</v>
      </c>
      <c r="T1330" t="s">
        <v>892</v>
      </c>
      <c r="U1330" t="s">
        <v>892</v>
      </c>
      <c r="V1330">
        <v>3</v>
      </c>
      <c r="W1330">
        <v>180</v>
      </c>
      <c r="X1330">
        <v>2020</v>
      </c>
    </row>
    <row r="1331" spans="1:24" x14ac:dyDescent="0.25">
      <c r="A1331">
        <v>11745</v>
      </c>
      <c r="B1331" t="s">
        <v>95</v>
      </c>
      <c r="C1331">
        <v>26</v>
      </c>
      <c r="D1331" t="s">
        <v>94</v>
      </c>
      <c r="E1331">
        <v>1204</v>
      </c>
      <c r="F1331" t="s">
        <v>892</v>
      </c>
      <c r="G1331" t="s">
        <v>892</v>
      </c>
      <c r="H1331" t="s">
        <v>892</v>
      </c>
      <c r="I1331" t="s">
        <v>892</v>
      </c>
      <c r="J1331" t="s">
        <v>1559</v>
      </c>
      <c r="K1331">
        <v>96</v>
      </c>
      <c r="L1331" t="s">
        <v>892</v>
      </c>
      <c r="M1331" t="s">
        <v>892</v>
      </c>
      <c r="N1331" t="s">
        <v>892</v>
      </c>
      <c r="O1331" t="s">
        <v>892</v>
      </c>
      <c r="P1331" t="s">
        <v>746</v>
      </c>
      <c r="Q1331">
        <v>2</v>
      </c>
      <c r="R1331" t="s">
        <v>893</v>
      </c>
      <c r="S1331">
        <v>3</v>
      </c>
      <c r="T1331" t="s">
        <v>892</v>
      </c>
      <c r="U1331" t="s">
        <v>892</v>
      </c>
      <c r="V1331">
        <v>3</v>
      </c>
      <c r="W1331">
        <v>180</v>
      </c>
      <c r="X1331">
        <v>2020</v>
      </c>
    </row>
    <row r="1332" spans="1:24" x14ac:dyDescent="0.25">
      <c r="A1332">
        <v>11744</v>
      </c>
      <c r="B1332" t="s">
        <v>95</v>
      </c>
      <c r="C1332">
        <v>26</v>
      </c>
      <c r="D1332" t="s">
        <v>102</v>
      </c>
      <c r="E1332">
        <v>1197</v>
      </c>
      <c r="F1332" t="s">
        <v>892</v>
      </c>
      <c r="G1332" t="s">
        <v>892</v>
      </c>
      <c r="H1332" t="s">
        <v>892</v>
      </c>
      <c r="I1332" t="s">
        <v>892</v>
      </c>
      <c r="J1332" t="s">
        <v>716</v>
      </c>
      <c r="K1332">
        <v>68</v>
      </c>
      <c r="L1332" t="s">
        <v>892</v>
      </c>
      <c r="M1332" t="s">
        <v>892</v>
      </c>
      <c r="N1332" t="s">
        <v>892</v>
      </c>
      <c r="O1332" t="s">
        <v>892</v>
      </c>
      <c r="P1332" t="s">
        <v>746</v>
      </c>
      <c r="Q1332">
        <v>2</v>
      </c>
      <c r="R1332" t="s">
        <v>893</v>
      </c>
      <c r="S1332">
        <v>3</v>
      </c>
      <c r="T1332" t="s">
        <v>892</v>
      </c>
      <c r="U1332" t="s">
        <v>892</v>
      </c>
      <c r="V1332">
        <v>3</v>
      </c>
      <c r="W1332">
        <v>180</v>
      </c>
      <c r="X1332">
        <v>2020</v>
      </c>
    </row>
    <row r="1333" spans="1:24" x14ac:dyDescent="0.25">
      <c r="A1333">
        <v>11743</v>
      </c>
      <c r="B1333" t="s">
        <v>95</v>
      </c>
      <c r="C1333">
        <v>26</v>
      </c>
      <c r="D1333" t="s">
        <v>100</v>
      </c>
      <c r="E1333">
        <v>1199</v>
      </c>
      <c r="F1333" t="s">
        <v>892</v>
      </c>
      <c r="G1333" t="s">
        <v>892</v>
      </c>
      <c r="H1333" t="s">
        <v>892</v>
      </c>
      <c r="I1333" t="s">
        <v>892</v>
      </c>
      <c r="J1333" t="s">
        <v>738</v>
      </c>
      <c r="K1333">
        <v>61</v>
      </c>
      <c r="L1333" t="s">
        <v>892</v>
      </c>
      <c r="M1333" t="s">
        <v>892</v>
      </c>
      <c r="N1333" t="s">
        <v>892</v>
      </c>
      <c r="O1333" t="s">
        <v>892</v>
      </c>
      <c r="P1333" t="s">
        <v>746</v>
      </c>
      <c r="Q1333">
        <v>2</v>
      </c>
      <c r="R1333" t="s">
        <v>893</v>
      </c>
      <c r="S1333">
        <v>3</v>
      </c>
      <c r="T1333" t="s">
        <v>892</v>
      </c>
      <c r="U1333" t="s">
        <v>892</v>
      </c>
      <c r="V1333">
        <v>3</v>
      </c>
      <c r="W1333">
        <v>180</v>
      </c>
      <c r="X1333">
        <v>2020</v>
      </c>
    </row>
    <row r="1334" spans="1:24" x14ac:dyDescent="0.25">
      <c r="A1334">
        <v>11742</v>
      </c>
      <c r="B1334" t="s">
        <v>95</v>
      </c>
      <c r="C1334">
        <v>26</v>
      </c>
      <c r="D1334" t="s">
        <v>100</v>
      </c>
      <c r="E1334">
        <v>1199</v>
      </c>
      <c r="F1334" t="s">
        <v>892</v>
      </c>
      <c r="G1334" t="s">
        <v>892</v>
      </c>
      <c r="H1334" t="s">
        <v>892</v>
      </c>
      <c r="I1334" t="s">
        <v>892</v>
      </c>
      <c r="J1334" t="s">
        <v>693</v>
      </c>
      <c r="K1334">
        <v>56</v>
      </c>
      <c r="L1334" t="s">
        <v>892</v>
      </c>
      <c r="M1334" t="s">
        <v>892</v>
      </c>
      <c r="N1334" t="s">
        <v>892</v>
      </c>
      <c r="O1334" t="s">
        <v>892</v>
      </c>
      <c r="P1334" t="s">
        <v>746</v>
      </c>
      <c r="Q1334">
        <v>2</v>
      </c>
      <c r="R1334" t="s">
        <v>893</v>
      </c>
      <c r="S1334">
        <v>3</v>
      </c>
      <c r="T1334" t="s">
        <v>892</v>
      </c>
      <c r="U1334" t="s">
        <v>892</v>
      </c>
      <c r="V1334">
        <v>3</v>
      </c>
      <c r="W1334">
        <v>180</v>
      </c>
      <c r="X1334">
        <v>2020</v>
      </c>
    </row>
    <row r="1335" spans="1:24" x14ac:dyDescent="0.25">
      <c r="A1335">
        <v>11741</v>
      </c>
      <c r="B1335" t="s">
        <v>95</v>
      </c>
      <c r="C1335">
        <v>26</v>
      </c>
      <c r="D1335" t="s">
        <v>101</v>
      </c>
      <c r="E1335">
        <v>1198</v>
      </c>
      <c r="F1335" t="s">
        <v>892</v>
      </c>
      <c r="G1335" t="s">
        <v>892</v>
      </c>
      <c r="H1335" t="s">
        <v>892</v>
      </c>
      <c r="I1335" t="s">
        <v>892</v>
      </c>
      <c r="J1335" t="s">
        <v>695</v>
      </c>
      <c r="K1335">
        <v>54</v>
      </c>
      <c r="L1335" t="s">
        <v>892</v>
      </c>
      <c r="M1335" t="s">
        <v>892</v>
      </c>
      <c r="N1335" t="s">
        <v>892</v>
      </c>
      <c r="O1335" t="s">
        <v>892</v>
      </c>
      <c r="P1335" t="s">
        <v>746</v>
      </c>
      <c r="Q1335">
        <v>2</v>
      </c>
      <c r="R1335" t="s">
        <v>893</v>
      </c>
      <c r="S1335">
        <v>3</v>
      </c>
      <c r="T1335" t="s">
        <v>892</v>
      </c>
      <c r="U1335" t="s">
        <v>892</v>
      </c>
      <c r="V1335">
        <v>3</v>
      </c>
      <c r="W1335">
        <v>180</v>
      </c>
      <c r="X1335">
        <v>2020</v>
      </c>
    </row>
    <row r="1336" spans="1:24" x14ac:dyDescent="0.25">
      <c r="A1336">
        <v>11740</v>
      </c>
      <c r="B1336" t="s">
        <v>95</v>
      </c>
      <c r="C1336">
        <v>26</v>
      </c>
      <c r="D1336" t="s">
        <v>101</v>
      </c>
      <c r="E1336">
        <v>1198</v>
      </c>
      <c r="F1336" t="s">
        <v>892</v>
      </c>
      <c r="G1336" t="s">
        <v>892</v>
      </c>
      <c r="H1336" t="s">
        <v>892</v>
      </c>
      <c r="I1336" t="s">
        <v>892</v>
      </c>
      <c r="J1336" t="s">
        <v>714</v>
      </c>
      <c r="K1336">
        <v>52</v>
      </c>
      <c r="L1336" t="s">
        <v>892</v>
      </c>
      <c r="M1336" t="s">
        <v>892</v>
      </c>
      <c r="N1336" t="s">
        <v>892</v>
      </c>
      <c r="O1336" t="s">
        <v>892</v>
      </c>
      <c r="P1336" t="s">
        <v>746</v>
      </c>
      <c r="Q1336">
        <v>2</v>
      </c>
      <c r="R1336" t="s">
        <v>893</v>
      </c>
      <c r="S1336">
        <v>3</v>
      </c>
      <c r="T1336" t="s">
        <v>892</v>
      </c>
      <c r="U1336" t="s">
        <v>892</v>
      </c>
      <c r="V1336">
        <v>3</v>
      </c>
      <c r="W1336">
        <v>180</v>
      </c>
      <c r="X1336">
        <v>2020</v>
      </c>
    </row>
    <row r="1337" spans="1:24" x14ac:dyDescent="0.25">
      <c r="A1337">
        <v>11739</v>
      </c>
      <c r="B1337" t="s">
        <v>95</v>
      </c>
      <c r="C1337">
        <v>26</v>
      </c>
      <c r="D1337" t="s">
        <v>102</v>
      </c>
      <c r="E1337">
        <v>1197</v>
      </c>
      <c r="F1337" t="s">
        <v>892</v>
      </c>
      <c r="G1337" t="s">
        <v>892</v>
      </c>
      <c r="H1337" t="s">
        <v>892</v>
      </c>
      <c r="I1337" t="s">
        <v>892</v>
      </c>
      <c r="J1337" t="s">
        <v>797</v>
      </c>
      <c r="K1337">
        <v>65</v>
      </c>
      <c r="L1337" t="s">
        <v>892</v>
      </c>
      <c r="M1337" t="s">
        <v>892</v>
      </c>
      <c r="N1337" t="s">
        <v>892</v>
      </c>
      <c r="O1337" t="s">
        <v>892</v>
      </c>
      <c r="P1337" t="s">
        <v>746</v>
      </c>
      <c r="Q1337">
        <v>2</v>
      </c>
      <c r="R1337" t="s">
        <v>893</v>
      </c>
      <c r="S1337">
        <v>3</v>
      </c>
      <c r="T1337" t="s">
        <v>892</v>
      </c>
      <c r="U1337" t="s">
        <v>892</v>
      </c>
      <c r="V1337">
        <v>3</v>
      </c>
      <c r="W1337">
        <v>180</v>
      </c>
      <c r="X1337">
        <v>2020</v>
      </c>
    </row>
    <row r="1338" spans="1:24" x14ac:dyDescent="0.25">
      <c r="A1338">
        <v>11738</v>
      </c>
      <c r="B1338" t="s">
        <v>95</v>
      </c>
      <c r="C1338">
        <v>26</v>
      </c>
      <c r="D1338" t="s">
        <v>100</v>
      </c>
      <c r="E1338">
        <v>1199</v>
      </c>
      <c r="F1338" t="s">
        <v>892</v>
      </c>
      <c r="G1338" t="s">
        <v>892</v>
      </c>
      <c r="H1338" t="s">
        <v>892</v>
      </c>
      <c r="I1338" t="s">
        <v>892</v>
      </c>
      <c r="J1338" t="s">
        <v>1236</v>
      </c>
      <c r="K1338">
        <v>60</v>
      </c>
      <c r="L1338" t="s">
        <v>892</v>
      </c>
      <c r="M1338" t="s">
        <v>892</v>
      </c>
      <c r="N1338" t="s">
        <v>892</v>
      </c>
      <c r="O1338" t="s">
        <v>892</v>
      </c>
      <c r="P1338" t="s">
        <v>746</v>
      </c>
      <c r="Q1338">
        <v>2</v>
      </c>
      <c r="R1338" t="s">
        <v>893</v>
      </c>
      <c r="S1338">
        <v>3</v>
      </c>
      <c r="T1338" t="s">
        <v>892</v>
      </c>
      <c r="U1338" t="s">
        <v>892</v>
      </c>
      <c r="V1338">
        <v>3</v>
      </c>
      <c r="W1338">
        <v>180</v>
      </c>
      <c r="X1338">
        <v>2020</v>
      </c>
    </row>
    <row r="1339" spans="1:24" x14ac:dyDescent="0.25">
      <c r="A1339">
        <v>11737</v>
      </c>
      <c r="B1339" t="s">
        <v>95</v>
      </c>
      <c r="C1339">
        <v>26</v>
      </c>
      <c r="D1339" t="s">
        <v>99</v>
      </c>
      <c r="E1339">
        <v>1200</v>
      </c>
      <c r="F1339" t="s">
        <v>892</v>
      </c>
      <c r="G1339" t="s">
        <v>892</v>
      </c>
      <c r="H1339" t="s">
        <v>892</v>
      </c>
      <c r="I1339" t="s">
        <v>892</v>
      </c>
      <c r="J1339" t="s">
        <v>794</v>
      </c>
      <c r="K1339">
        <v>40</v>
      </c>
      <c r="L1339" t="s">
        <v>892</v>
      </c>
      <c r="M1339" t="s">
        <v>892</v>
      </c>
      <c r="N1339" t="s">
        <v>892</v>
      </c>
      <c r="O1339" t="s">
        <v>892</v>
      </c>
      <c r="P1339" t="s">
        <v>746</v>
      </c>
      <c r="Q1339">
        <v>2</v>
      </c>
      <c r="R1339" t="s">
        <v>893</v>
      </c>
      <c r="S1339">
        <v>3</v>
      </c>
      <c r="T1339" t="s">
        <v>892</v>
      </c>
      <c r="U1339" t="s">
        <v>892</v>
      </c>
      <c r="V1339">
        <v>3</v>
      </c>
      <c r="W1339">
        <v>180</v>
      </c>
      <c r="X1339">
        <v>2020</v>
      </c>
    </row>
    <row r="1340" spans="1:24" x14ac:dyDescent="0.25">
      <c r="A1340">
        <v>11736</v>
      </c>
      <c r="B1340" t="s">
        <v>95</v>
      </c>
      <c r="C1340">
        <v>26</v>
      </c>
      <c r="D1340" t="s">
        <v>102</v>
      </c>
      <c r="E1340">
        <v>1197</v>
      </c>
      <c r="F1340" t="s">
        <v>892</v>
      </c>
      <c r="G1340" t="s">
        <v>892</v>
      </c>
      <c r="H1340" t="s">
        <v>892</v>
      </c>
      <c r="I1340" t="s">
        <v>892</v>
      </c>
      <c r="J1340" t="s">
        <v>767</v>
      </c>
      <c r="K1340">
        <v>44</v>
      </c>
      <c r="L1340" t="s">
        <v>892</v>
      </c>
      <c r="M1340" t="s">
        <v>892</v>
      </c>
      <c r="N1340" t="s">
        <v>892</v>
      </c>
      <c r="O1340" t="s">
        <v>892</v>
      </c>
      <c r="P1340" t="s">
        <v>746</v>
      </c>
      <c r="Q1340">
        <v>2</v>
      </c>
      <c r="R1340" t="s">
        <v>893</v>
      </c>
      <c r="S1340">
        <v>3</v>
      </c>
      <c r="T1340" t="s">
        <v>892</v>
      </c>
      <c r="U1340" t="s">
        <v>892</v>
      </c>
      <c r="V1340">
        <v>3</v>
      </c>
      <c r="W1340">
        <v>180</v>
      </c>
      <c r="X1340">
        <v>2020</v>
      </c>
    </row>
    <row r="1341" spans="1:24" x14ac:dyDescent="0.25">
      <c r="A1341">
        <v>11735</v>
      </c>
      <c r="B1341" t="s">
        <v>95</v>
      </c>
      <c r="C1341">
        <v>26</v>
      </c>
      <c r="D1341" t="s">
        <v>99</v>
      </c>
      <c r="E1341">
        <v>1200</v>
      </c>
      <c r="F1341" t="s">
        <v>892</v>
      </c>
      <c r="G1341" t="s">
        <v>892</v>
      </c>
      <c r="H1341" t="s">
        <v>892</v>
      </c>
      <c r="I1341" t="s">
        <v>892</v>
      </c>
      <c r="J1341" t="s">
        <v>909</v>
      </c>
      <c r="K1341">
        <v>39</v>
      </c>
      <c r="L1341" t="s">
        <v>892</v>
      </c>
      <c r="M1341" t="s">
        <v>892</v>
      </c>
      <c r="N1341" t="s">
        <v>892</v>
      </c>
      <c r="O1341" t="s">
        <v>892</v>
      </c>
      <c r="P1341" t="s">
        <v>746</v>
      </c>
      <c r="Q1341">
        <v>2</v>
      </c>
      <c r="R1341" t="s">
        <v>893</v>
      </c>
      <c r="S1341">
        <v>3</v>
      </c>
      <c r="T1341" t="s">
        <v>892</v>
      </c>
      <c r="U1341" t="s">
        <v>892</v>
      </c>
      <c r="V1341">
        <v>3</v>
      </c>
      <c r="W1341">
        <v>180</v>
      </c>
      <c r="X1341">
        <v>2020</v>
      </c>
    </row>
    <row r="1342" spans="1:24" x14ac:dyDescent="0.25">
      <c r="A1342">
        <v>11734</v>
      </c>
      <c r="B1342" t="s">
        <v>95</v>
      </c>
      <c r="C1342">
        <v>26</v>
      </c>
      <c r="D1342" t="s">
        <v>148</v>
      </c>
      <c r="E1342">
        <v>1149</v>
      </c>
      <c r="F1342" t="s">
        <v>892</v>
      </c>
      <c r="G1342" t="s">
        <v>892</v>
      </c>
      <c r="H1342" t="s">
        <v>892</v>
      </c>
      <c r="I1342" t="s">
        <v>892</v>
      </c>
      <c r="J1342" t="s">
        <v>885</v>
      </c>
      <c r="K1342">
        <v>1</v>
      </c>
      <c r="L1342" t="s">
        <v>892</v>
      </c>
      <c r="M1342" t="s">
        <v>892</v>
      </c>
      <c r="N1342" t="s">
        <v>892</v>
      </c>
      <c r="O1342" t="s">
        <v>892</v>
      </c>
      <c r="P1342" t="s">
        <v>746</v>
      </c>
      <c r="Q1342">
        <v>2</v>
      </c>
      <c r="R1342" t="s">
        <v>893</v>
      </c>
      <c r="S1342">
        <v>3</v>
      </c>
      <c r="T1342" t="s">
        <v>892</v>
      </c>
      <c r="U1342" t="s">
        <v>892</v>
      </c>
      <c r="V1342">
        <v>3</v>
      </c>
      <c r="W1342">
        <v>180</v>
      </c>
      <c r="X1342">
        <v>2020</v>
      </c>
    </row>
    <row r="1343" spans="1:24" x14ac:dyDescent="0.25">
      <c r="A1343">
        <v>11733</v>
      </c>
      <c r="B1343" t="s">
        <v>95</v>
      </c>
      <c r="C1343">
        <v>26</v>
      </c>
      <c r="D1343" t="s">
        <v>148</v>
      </c>
      <c r="E1343">
        <v>1149</v>
      </c>
      <c r="F1343" t="s">
        <v>892</v>
      </c>
      <c r="G1343" t="s">
        <v>892</v>
      </c>
      <c r="H1343" t="s">
        <v>892</v>
      </c>
      <c r="I1343" t="s">
        <v>892</v>
      </c>
      <c r="J1343" t="s">
        <v>676</v>
      </c>
      <c r="K1343">
        <v>4</v>
      </c>
      <c r="L1343" t="s">
        <v>892</v>
      </c>
      <c r="M1343" t="s">
        <v>892</v>
      </c>
      <c r="N1343" t="s">
        <v>892</v>
      </c>
      <c r="O1343" t="s">
        <v>892</v>
      </c>
      <c r="P1343" t="s">
        <v>746</v>
      </c>
      <c r="Q1343">
        <v>2</v>
      </c>
      <c r="R1343" t="s">
        <v>893</v>
      </c>
      <c r="S1343">
        <v>3</v>
      </c>
      <c r="T1343" t="s">
        <v>892</v>
      </c>
      <c r="U1343" t="s">
        <v>892</v>
      </c>
      <c r="V1343">
        <v>3</v>
      </c>
      <c r="W1343">
        <v>180</v>
      </c>
      <c r="X1343">
        <v>2020</v>
      </c>
    </row>
    <row r="1344" spans="1:24" x14ac:dyDescent="0.25">
      <c r="A1344">
        <v>11732</v>
      </c>
      <c r="B1344" t="s">
        <v>95</v>
      </c>
      <c r="C1344">
        <v>26</v>
      </c>
      <c r="D1344" t="s">
        <v>148</v>
      </c>
      <c r="E1344">
        <v>1149</v>
      </c>
      <c r="F1344" t="s">
        <v>892</v>
      </c>
      <c r="G1344" t="s">
        <v>892</v>
      </c>
      <c r="H1344" t="s">
        <v>892</v>
      </c>
      <c r="I1344" t="s">
        <v>892</v>
      </c>
      <c r="J1344" t="s">
        <v>726</v>
      </c>
      <c r="K1344">
        <v>2</v>
      </c>
      <c r="L1344" t="s">
        <v>892</v>
      </c>
      <c r="M1344" t="s">
        <v>892</v>
      </c>
      <c r="N1344" t="s">
        <v>892</v>
      </c>
      <c r="O1344" t="s">
        <v>892</v>
      </c>
      <c r="P1344" t="s">
        <v>746</v>
      </c>
      <c r="Q1344">
        <v>2</v>
      </c>
      <c r="R1344" t="s">
        <v>893</v>
      </c>
      <c r="S1344">
        <v>3</v>
      </c>
      <c r="T1344" t="s">
        <v>892</v>
      </c>
      <c r="U1344" t="s">
        <v>892</v>
      </c>
      <c r="V1344">
        <v>3</v>
      </c>
      <c r="W1344">
        <v>180</v>
      </c>
      <c r="X1344">
        <v>2020</v>
      </c>
    </row>
    <row r="1345" spans="1:24" x14ac:dyDescent="0.25">
      <c r="A1345">
        <v>11731</v>
      </c>
      <c r="B1345" t="s">
        <v>95</v>
      </c>
      <c r="C1345">
        <v>26</v>
      </c>
      <c r="D1345" t="s">
        <v>148</v>
      </c>
      <c r="E1345">
        <v>1149</v>
      </c>
      <c r="F1345" t="s">
        <v>892</v>
      </c>
      <c r="G1345" t="s">
        <v>892</v>
      </c>
      <c r="H1345" t="s">
        <v>892</v>
      </c>
      <c r="I1345" t="s">
        <v>892</v>
      </c>
      <c r="J1345" t="s">
        <v>897</v>
      </c>
      <c r="K1345">
        <v>3</v>
      </c>
      <c r="L1345" t="s">
        <v>892</v>
      </c>
      <c r="M1345" t="s">
        <v>892</v>
      </c>
      <c r="N1345" t="s">
        <v>892</v>
      </c>
      <c r="O1345" t="s">
        <v>892</v>
      </c>
      <c r="P1345" t="s">
        <v>746</v>
      </c>
      <c r="Q1345">
        <v>2</v>
      </c>
      <c r="R1345" t="s">
        <v>893</v>
      </c>
      <c r="S1345">
        <v>3</v>
      </c>
      <c r="T1345" t="s">
        <v>892</v>
      </c>
      <c r="U1345" t="s">
        <v>892</v>
      </c>
      <c r="V1345">
        <v>3</v>
      </c>
      <c r="W1345">
        <v>180</v>
      </c>
      <c r="X1345">
        <v>2020</v>
      </c>
    </row>
    <row r="1346" spans="1:24" x14ac:dyDescent="0.25">
      <c r="A1346">
        <v>11730</v>
      </c>
      <c r="B1346" t="s">
        <v>16</v>
      </c>
      <c r="C1346">
        <v>5</v>
      </c>
      <c r="D1346" t="s">
        <v>149</v>
      </c>
      <c r="E1346">
        <v>1148</v>
      </c>
      <c r="F1346" t="s">
        <v>892</v>
      </c>
      <c r="G1346" t="s">
        <v>892</v>
      </c>
      <c r="H1346" t="s">
        <v>892</v>
      </c>
      <c r="I1346" t="s">
        <v>892</v>
      </c>
      <c r="J1346" t="s">
        <v>736</v>
      </c>
      <c r="K1346">
        <v>8</v>
      </c>
      <c r="L1346" t="s">
        <v>892</v>
      </c>
      <c r="M1346" t="s">
        <v>892</v>
      </c>
      <c r="N1346" t="s">
        <v>892</v>
      </c>
      <c r="O1346" t="s">
        <v>892</v>
      </c>
      <c r="P1346" t="s">
        <v>746</v>
      </c>
      <c r="Q1346">
        <v>2</v>
      </c>
      <c r="R1346" t="s">
        <v>893</v>
      </c>
      <c r="S1346">
        <v>3</v>
      </c>
      <c r="T1346" t="s">
        <v>892</v>
      </c>
      <c r="U1346" t="s">
        <v>892</v>
      </c>
      <c r="V1346">
        <v>3</v>
      </c>
      <c r="W1346">
        <v>180</v>
      </c>
      <c r="X1346">
        <v>2020</v>
      </c>
    </row>
    <row r="1347" spans="1:24" x14ac:dyDescent="0.25">
      <c r="A1347">
        <v>11729</v>
      </c>
      <c r="B1347" t="s">
        <v>16</v>
      </c>
      <c r="C1347">
        <v>5</v>
      </c>
      <c r="D1347" t="s">
        <v>150</v>
      </c>
      <c r="E1347">
        <v>1147</v>
      </c>
      <c r="F1347" t="s">
        <v>892</v>
      </c>
      <c r="G1347" t="s">
        <v>892</v>
      </c>
      <c r="H1347" t="s">
        <v>892</v>
      </c>
      <c r="I1347" t="s">
        <v>892</v>
      </c>
      <c r="J1347" t="s">
        <v>691</v>
      </c>
      <c r="K1347">
        <v>21</v>
      </c>
      <c r="L1347" t="s">
        <v>892</v>
      </c>
      <c r="M1347" t="s">
        <v>892</v>
      </c>
      <c r="N1347" t="s">
        <v>892</v>
      </c>
      <c r="O1347" t="s">
        <v>892</v>
      </c>
      <c r="P1347" t="s">
        <v>746</v>
      </c>
      <c r="Q1347">
        <v>2</v>
      </c>
      <c r="R1347" t="s">
        <v>893</v>
      </c>
      <c r="S1347">
        <v>3</v>
      </c>
      <c r="T1347" t="s">
        <v>892</v>
      </c>
      <c r="U1347" t="s">
        <v>892</v>
      </c>
      <c r="V1347">
        <v>3</v>
      </c>
      <c r="W1347">
        <v>180</v>
      </c>
      <c r="X1347">
        <v>2020</v>
      </c>
    </row>
    <row r="1348" spans="1:24" x14ac:dyDescent="0.25">
      <c r="A1348">
        <v>11728</v>
      </c>
      <c r="B1348" t="s">
        <v>16</v>
      </c>
      <c r="C1348">
        <v>5</v>
      </c>
      <c r="D1348" t="s">
        <v>151</v>
      </c>
      <c r="E1348">
        <v>1146</v>
      </c>
      <c r="F1348" t="s">
        <v>892</v>
      </c>
      <c r="G1348" t="s">
        <v>892</v>
      </c>
      <c r="H1348" t="s">
        <v>892</v>
      </c>
      <c r="I1348" t="s">
        <v>892</v>
      </c>
      <c r="J1348" t="s">
        <v>703</v>
      </c>
      <c r="K1348">
        <v>16</v>
      </c>
      <c r="L1348" t="s">
        <v>892</v>
      </c>
      <c r="M1348" t="s">
        <v>892</v>
      </c>
      <c r="N1348" t="s">
        <v>892</v>
      </c>
      <c r="O1348" t="s">
        <v>892</v>
      </c>
      <c r="P1348" t="s">
        <v>746</v>
      </c>
      <c r="Q1348">
        <v>2</v>
      </c>
      <c r="R1348" t="s">
        <v>893</v>
      </c>
      <c r="S1348">
        <v>3</v>
      </c>
      <c r="T1348" t="s">
        <v>892</v>
      </c>
      <c r="U1348" t="s">
        <v>892</v>
      </c>
      <c r="V1348">
        <v>3</v>
      </c>
      <c r="W1348">
        <v>180</v>
      </c>
      <c r="X1348">
        <v>2020</v>
      </c>
    </row>
    <row r="1349" spans="1:24" x14ac:dyDescent="0.25">
      <c r="A1349">
        <v>11727</v>
      </c>
      <c r="B1349" t="s">
        <v>16</v>
      </c>
      <c r="C1349">
        <v>5</v>
      </c>
      <c r="D1349" t="s">
        <v>152</v>
      </c>
      <c r="E1349">
        <v>1145</v>
      </c>
      <c r="F1349" t="s">
        <v>892</v>
      </c>
      <c r="G1349" t="s">
        <v>892</v>
      </c>
      <c r="H1349" t="s">
        <v>892</v>
      </c>
      <c r="I1349" t="s">
        <v>892</v>
      </c>
      <c r="J1349" t="s">
        <v>885</v>
      </c>
      <c r="K1349">
        <v>1</v>
      </c>
      <c r="L1349" t="s">
        <v>892</v>
      </c>
      <c r="M1349" t="s">
        <v>892</v>
      </c>
      <c r="N1349" t="s">
        <v>892</v>
      </c>
      <c r="O1349" t="s">
        <v>892</v>
      </c>
      <c r="P1349" t="s">
        <v>746</v>
      </c>
      <c r="Q1349">
        <v>2</v>
      </c>
      <c r="R1349" t="s">
        <v>893</v>
      </c>
      <c r="S1349">
        <v>3</v>
      </c>
      <c r="T1349" t="s">
        <v>892</v>
      </c>
      <c r="U1349" t="s">
        <v>892</v>
      </c>
      <c r="V1349">
        <v>3</v>
      </c>
      <c r="W1349">
        <v>180</v>
      </c>
      <c r="X1349">
        <v>2020</v>
      </c>
    </row>
    <row r="1350" spans="1:24" x14ac:dyDescent="0.25">
      <c r="A1350">
        <v>11726</v>
      </c>
      <c r="B1350" t="s">
        <v>16</v>
      </c>
      <c r="C1350">
        <v>5</v>
      </c>
      <c r="D1350" t="s">
        <v>153</v>
      </c>
      <c r="E1350">
        <v>1144</v>
      </c>
      <c r="F1350" t="s">
        <v>892</v>
      </c>
      <c r="G1350" t="s">
        <v>892</v>
      </c>
      <c r="H1350" t="s">
        <v>892</v>
      </c>
      <c r="I1350" t="s">
        <v>892</v>
      </c>
      <c r="J1350" t="s">
        <v>802</v>
      </c>
      <c r="K1350">
        <v>12</v>
      </c>
      <c r="L1350" t="s">
        <v>892</v>
      </c>
      <c r="M1350" t="s">
        <v>892</v>
      </c>
      <c r="N1350" t="s">
        <v>892</v>
      </c>
      <c r="O1350" t="s">
        <v>892</v>
      </c>
      <c r="P1350" t="s">
        <v>746</v>
      </c>
      <c r="Q1350">
        <v>2</v>
      </c>
      <c r="R1350" t="s">
        <v>893</v>
      </c>
      <c r="S1350">
        <v>3</v>
      </c>
      <c r="T1350" t="s">
        <v>892</v>
      </c>
      <c r="U1350" t="s">
        <v>892</v>
      </c>
      <c r="V1350">
        <v>3</v>
      </c>
      <c r="W1350">
        <v>180</v>
      </c>
      <c r="X1350">
        <v>2020</v>
      </c>
    </row>
    <row r="1351" spans="1:24" x14ac:dyDescent="0.25">
      <c r="A1351">
        <v>11725</v>
      </c>
      <c r="B1351" t="s">
        <v>16</v>
      </c>
      <c r="C1351">
        <v>5</v>
      </c>
      <c r="D1351" t="s">
        <v>154</v>
      </c>
      <c r="E1351">
        <v>1143</v>
      </c>
      <c r="F1351" t="s">
        <v>892</v>
      </c>
      <c r="G1351" t="s">
        <v>892</v>
      </c>
      <c r="H1351" t="s">
        <v>892</v>
      </c>
      <c r="I1351" t="s">
        <v>892</v>
      </c>
      <c r="J1351" t="s">
        <v>676</v>
      </c>
      <c r="K1351">
        <v>4</v>
      </c>
      <c r="L1351" t="s">
        <v>892</v>
      </c>
      <c r="M1351" t="s">
        <v>892</v>
      </c>
      <c r="N1351" t="s">
        <v>892</v>
      </c>
      <c r="O1351" t="s">
        <v>892</v>
      </c>
      <c r="P1351" t="s">
        <v>746</v>
      </c>
      <c r="Q1351">
        <v>2</v>
      </c>
      <c r="R1351" t="s">
        <v>893</v>
      </c>
      <c r="S1351">
        <v>3</v>
      </c>
      <c r="T1351" t="s">
        <v>892</v>
      </c>
      <c r="U1351" t="s">
        <v>892</v>
      </c>
      <c r="V1351">
        <v>3</v>
      </c>
      <c r="W1351">
        <v>180</v>
      </c>
      <c r="X1351">
        <v>2020</v>
      </c>
    </row>
    <row r="1352" spans="1:24" x14ac:dyDescent="0.25">
      <c r="A1352">
        <v>11724</v>
      </c>
      <c r="B1352" t="s">
        <v>16</v>
      </c>
      <c r="C1352">
        <v>5</v>
      </c>
      <c r="D1352" t="s">
        <v>155</v>
      </c>
      <c r="E1352">
        <v>1142</v>
      </c>
      <c r="F1352" t="s">
        <v>892</v>
      </c>
      <c r="G1352" t="s">
        <v>892</v>
      </c>
      <c r="H1352" t="s">
        <v>892</v>
      </c>
      <c r="I1352" t="s">
        <v>892</v>
      </c>
      <c r="J1352" t="s">
        <v>896</v>
      </c>
      <c r="K1352">
        <v>7</v>
      </c>
      <c r="L1352" t="s">
        <v>892</v>
      </c>
      <c r="M1352" t="s">
        <v>892</v>
      </c>
      <c r="N1352" t="s">
        <v>892</v>
      </c>
      <c r="O1352" t="s">
        <v>892</v>
      </c>
      <c r="P1352" t="s">
        <v>746</v>
      </c>
      <c r="Q1352">
        <v>2</v>
      </c>
      <c r="R1352" t="s">
        <v>893</v>
      </c>
      <c r="S1352">
        <v>3</v>
      </c>
      <c r="T1352" t="s">
        <v>892</v>
      </c>
      <c r="U1352" t="s">
        <v>892</v>
      </c>
      <c r="V1352">
        <v>3</v>
      </c>
      <c r="W1352">
        <v>180</v>
      </c>
      <c r="X1352">
        <v>2020</v>
      </c>
    </row>
    <row r="1353" spans="1:24" x14ac:dyDescent="0.25">
      <c r="A1353">
        <v>11723</v>
      </c>
      <c r="B1353" t="s">
        <v>16</v>
      </c>
      <c r="C1353">
        <v>5</v>
      </c>
      <c r="D1353" t="s">
        <v>156</v>
      </c>
      <c r="E1353">
        <v>1141</v>
      </c>
      <c r="F1353" t="s">
        <v>892</v>
      </c>
      <c r="G1353" t="s">
        <v>892</v>
      </c>
      <c r="H1353" t="s">
        <v>892</v>
      </c>
      <c r="I1353" t="s">
        <v>892</v>
      </c>
      <c r="J1353" t="s">
        <v>866</v>
      </c>
      <c r="K1353">
        <v>9</v>
      </c>
      <c r="L1353" t="s">
        <v>892</v>
      </c>
      <c r="M1353" t="s">
        <v>892</v>
      </c>
      <c r="N1353" t="s">
        <v>892</v>
      </c>
      <c r="O1353" t="s">
        <v>892</v>
      </c>
      <c r="P1353" t="s">
        <v>746</v>
      </c>
      <c r="Q1353">
        <v>2</v>
      </c>
      <c r="R1353" t="s">
        <v>893</v>
      </c>
      <c r="S1353">
        <v>3</v>
      </c>
      <c r="T1353" t="s">
        <v>892</v>
      </c>
      <c r="U1353" t="s">
        <v>892</v>
      </c>
      <c r="V1353">
        <v>3</v>
      </c>
      <c r="W1353">
        <v>180</v>
      </c>
      <c r="X1353">
        <v>2020</v>
      </c>
    </row>
    <row r="1354" spans="1:24" x14ac:dyDescent="0.25">
      <c r="A1354">
        <v>11722</v>
      </c>
      <c r="B1354" t="s">
        <v>16</v>
      </c>
      <c r="C1354">
        <v>5</v>
      </c>
      <c r="D1354" t="s">
        <v>157</v>
      </c>
      <c r="E1354">
        <v>1140</v>
      </c>
      <c r="F1354" t="s">
        <v>892</v>
      </c>
      <c r="G1354" t="s">
        <v>892</v>
      </c>
      <c r="H1354" t="s">
        <v>892</v>
      </c>
      <c r="I1354" t="s">
        <v>892</v>
      </c>
      <c r="J1354" t="s">
        <v>684</v>
      </c>
      <c r="K1354">
        <v>22</v>
      </c>
      <c r="L1354" t="s">
        <v>892</v>
      </c>
      <c r="M1354" t="s">
        <v>892</v>
      </c>
      <c r="N1354" t="s">
        <v>892</v>
      </c>
      <c r="O1354" t="s">
        <v>892</v>
      </c>
      <c r="P1354" t="s">
        <v>746</v>
      </c>
      <c r="Q1354">
        <v>2</v>
      </c>
      <c r="R1354" t="s">
        <v>893</v>
      </c>
      <c r="S1354">
        <v>3</v>
      </c>
      <c r="T1354" t="s">
        <v>892</v>
      </c>
      <c r="U1354" t="s">
        <v>892</v>
      </c>
      <c r="V1354">
        <v>3</v>
      </c>
      <c r="W1354">
        <v>180</v>
      </c>
      <c r="X1354">
        <v>2020</v>
      </c>
    </row>
    <row r="1355" spans="1:24" x14ac:dyDescent="0.25">
      <c r="A1355">
        <v>11721</v>
      </c>
      <c r="B1355" t="s">
        <v>16</v>
      </c>
      <c r="C1355">
        <v>5</v>
      </c>
      <c r="D1355" t="s">
        <v>157</v>
      </c>
      <c r="E1355">
        <v>1140</v>
      </c>
      <c r="F1355" t="s">
        <v>892</v>
      </c>
      <c r="G1355" t="s">
        <v>892</v>
      </c>
      <c r="H1355" t="s">
        <v>892</v>
      </c>
      <c r="I1355" t="s">
        <v>892</v>
      </c>
      <c r="J1355" t="s">
        <v>868</v>
      </c>
      <c r="K1355">
        <v>23</v>
      </c>
      <c r="L1355" t="s">
        <v>892</v>
      </c>
      <c r="M1355" t="s">
        <v>892</v>
      </c>
      <c r="N1355" t="s">
        <v>892</v>
      </c>
      <c r="O1355" t="s">
        <v>892</v>
      </c>
      <c r="P1355" t="s">
        <v>746</v>
      </c>
      <c r="Q1355">
        <v>2</v>
      </c>
      <c r="R1355" t="s">
        <v>893</v>
      </c>
      <c r="S1355">
        <v>3</v>
      </c>
      <c r="T1355" t="s">
        <v>892</v>
      </c>
      <c r="U1355" t="s">
        <v>892</v>
      </c>
      <c r="V1355">
        <v>3</v>
      </c>
      <c r="W1355">
        <v>180</v>
      </c>
      <c r="X1355">
        <v>2020</v>
      </c>
    </row>
    <row r="1356" spans="1:24" x14ac:dyDescent="0.25">
      <c r="A1356">
        <v>11720</v>
      </c>
      <c r="B1356" t="s">
        <v>16</v>
      </c>
      <c r="C1356">
        <v>5</v>
      </c>
      <c r="D1356" t="s">
        <v>158</v>
      </c>
      <c r="E1356">
        <v>1139</v>
      </c>
      <c r="F1356" t="s">
        <v>892</v>
      </c>
      <c r="G1356" t="s">
        <v>892</v>
      </c>
      <c r="H1356" t="s">
        <v>892</v>
      </c>
      <c r="I1356" t="s">
        <v>892</v>
      </c>
      <c r="J1356" t="s">
        <v>897</v>
      </c>
      <c r="K1356">
        <v>3</v>
      </c>
      <c r="L1356" t="s">
        <v>892</v>
      </c>
      <c r="M1356" t="s">
        <v>892</v>
      </c>
      <c r="N1356" t="s">
        <v>892</v>
      </c>
      <c r="O1356" t="s">
        <v>892</v>
      </c>
      <c r="P1356" t="s">
        <v>746</v>
      </c>
      <c r="Q1356">
        <v>2</v>
      </c>
      <c r="R1356" t="s">
        <v>893</v>
      </c>
      <c r="S1356">
        <v>3</v>
      </c>
      <c r="T1356" t="s">
        <v>892</v>
      </c>
      <c r="U1356" t="s">
        <v>892</v>
      </c>
      <c r="V1356">
        <v>3</v>
      </c>
      <c r="W1356">
        <v>180</v>
      </c>
      <c r="X1356">
        <v>2020</v>
      </c>
    </row>
    <row r="1357" spans="1:24" x14ac:dyDescent="0.25">
      <c r="A1357">
        <v>11719</v>
      </c>
      <c r="B1357" t="s">
        <v>16</v>
      </c>
      <c r="C1357">
        <v>5</v>
      </c>
      <c r="D1357" t="s">
        <v>159</v>
      </c>
      <c r="E1357">
        <v>1137</v>
      </c>
      <c r="F1357" t="s">
        <v>892</v>
      </c>
      <c r="G1357" t="s">
        <v>892</v>
      </c>
      <c r="H1357" t="s">
        <v>892</v>
      </c>
      <c r="I1357" t="s">
        <v>892</v>
      </c>
      <c r="J1357" t="s">
        <v>864</v>
      </c>
      <c r="K1357">
        <v>14</v>
      </c>
      <c r="L1357" t="s">
        <v>892</v>
      </c>
      <c r="M1357" t="s">
        <v>892</v>
      </c>
      <c r="N1357" t="s">
        <v>892</v>
      </c>
      <c r="O1357" t="s">
        <v>892</v>
      </c>
      <c r="P1357" t="s">
        <v>746</v>
      </c>
      <c r="Q1357">
        <v>2</v>
      </c>
      <c r="R1357" t="s">
        <v>893</v>
      </c>
      <c r="S1357">
        <v>3</v>
      </c>
      <c r="T1357" t="s">
        <v>892</v>
      </c>
      <c r="U1357" t="s">
        <v>892</v>
      </c>
      <c r="V1357">
        <v>3</v>
      </c>
      <c r="W1357">
        <v>180</v>
      </c>
      <c r="X1357">
        <v>2020</v>
      </c>
    </row>
    <row r="1358" spans="1:24" x14ac:dyDescent="0.25">
      <c r="A1358">
        <v>11718</v>
      </c>
      <c r="B1358" t="s">
        <v>16</v>
      </c>
      <c r="C1358">
        <v>5</v>
      </c>
      <c r="D1358" t="s">
        <v>160</v>
      </c>
      <c r="E1358">
        <v>1136</v>
      </c>
      <c r="F1358" t="s">
        <v>892</v>
      </c>
      <c r="G1358" t="s">
        <v>892</v>
      </c>
      <c r="H1358" t="s">
        <v>892</v>
      </c>
      <c r="I1358" t="s">
        <v>892</v>
      </c>
      <c r="J1358" t="s">
        <v>864</v>
      </c>
      <c r="K1358">
        <v>14</v>
      </c>
      <c r="L1358" t="s">
        <v>892</v>
      </c>
      <c r="M1358" t="s">
        <v>892</v>
      </c>
      <c r="N1358" t="s">
        <v>892</v>
      </c>
      <c r="O1358" t="s">
        <v>892</v>
      </c>
      <c r="P1358" t="s">
        <v>746</v>
      </c>
      <c r="Q1358">
        <v>2</v>
      </c>
      <c r="R1358" t="s">
        <v>893</v>
      </c>
      <c r="S1358">
        <v>3</v>
      </c>
      <c r="T1358" t="s">
        <v>892</v>
      </c>
      <c r="U1358" t="s">
        <v>892</v>
      </c>
      <c r="V1358">
        <v>3</v>
      </c>
      <c r="W1358">
        <v>180</v>
      </c>
      <c r="X1358">
        <v>2020</v>
      </c>
    </row>
    <row r="1359" spans="1:24" x14ac:dyDescent="0.25">
      <c r="A1359">
        <v>11717</v>
      </c>
      <c r="B1359" t="s">
        <v>16</v>
      </c>
      <c r="C1359">
        <v>5</v>
      </c>
      <c r="D1359" t="s">
        <v>161</v>
      </c>
      <c r="E1359">
        <v>1135</v>
      </c>
      <c r="F1359" t="s">
        <v>892</v>
      </c>
      <c r="G1359" t="s">
        <v>892</v>
      </c>
      <c r="H1359" t="s">
        <v>892</v>
      </c>
      <c r="I1359" t="s">
        <v>892</v>
      </c>
      <c r="J1359" t="s">
        <v>663</v>
      </c>
      <c r="K1359">
        <v>99</v>
      </c>
      <c r="L1359" t="s">
        <v>892</v>
      </c>
      <c r="M1359" t="s">
        <v>892</v>
      </c>
      <c r="N1359" t="s">
        <v>892</v>
      </c>
      <c r="O1359" t="s">
        <v>892</v>
      </c>
      <c r="P1359" t="s">
        <v>746</v>
      </c>
      <c r="Q1359">
        <v>2</v>
      </c>
      <c r="R1359" t="s">
        <v>893</v>
      </c>
      <c r="S1359">
        <v>3</v>
      </c>
      <c r="T1359" t="s">
        <v>892</v>
      </c>
      <c r="U1359" t="s">
        <v>892</v>
      </c>
      <c r="V1359">
        <v>3</v>
      </c>
      <c r="W1359">
        <v>180</v>
      </c>
      <c r="X1359">
        <v>2020</v>
      </c>
    </row>
    <row r="1360" spans="1:24" x14ac:dyDescent="0.25">
      <c r="A1360">
        <v>11716</v>
      </c>
      <c r="B1360" t="s">
        <v>16</v>
      </c>
      <c r="C1360">
        <v>5</v>
      </c>
      <c r="D1360" t="s">
        <v>162</v>
      </c>
      <c r="E1360">
        <v>1134</v>
      </c>
      <c r="F1360" t="s">
        <v>892</v>
      </c>
      <c r="G1360" t="s">
        <v>892</v>
      </c>
      <c r="H1360" t="s">
        <v>892</v>
      </c>
      <c r="I1360" t="s">
        <v>892</v>
      </c>
      <c r="J1360" t="s">
        <v>663</v>
      </c>
      <c r="K1360">
        <v>99</v>
      </c>
      <c r="L1360" t="s">
        <v>892</v>
      </c>
      <c r="M1360" t="s">
        <v>892</v>
      </c>
      <c r="N1360" t="s">
        <v>892</v>
      </c>
      <c r="O1360" t="s">
        <v>892</v>
      </c>
      <c r="P1360" t="s">
        <v>746</v>
      </c>
      <c r="Q1360">
        <v>2</v>
      </c>
      <c r="R1360" t="s">
        <v>893</v>
      </c>
      <c r="S1360">
        <v>3</v>
      </c>
      <c r="T1360" t="s">
        <v>892</v>
      </c>
      <c r="U1360" t="s">
        <v>892</v>
      </c>
      <c r="V1360">
        <v>3</v>
      </c>
      <c r="W1360">
        <v>180</v>
      </c>
      <c r="X1360">
        <v>2020</v>
      </c>
    </row>
    <row r="1361" spans="1:24" x14ac:dyDescent="0.25">
      <c r="A1361">
        <v>11715</v>
      </c>
      <c r="B1361" t="s">
        <v>16</v>
      </c>
      <c r="C1361">
        <v>5</v>
      </c>
      <c r="D1361" t="s">
        <v>163</v>
      </c>
      <c r="E1361">
        <v>1133</v>
      </c>
      <c r="F1361" t="s">
        <v>892</v>
      </c>
      <c r="G1361" t="s">
        <v>892</v>
      </c>
      <c r="H1361" t="s">
        <v>892</v>
      </c>
      <c r="I1361" t="s">
        <v>892</v>
      </c>
      <c r="J1361" t="s">
        <v>663</v>
      </c>
      <c r="K1361">
        <v>99</v>
      </c>
      <c r="L1361" t="s">
        <v>892</v>
      </c>
      <c r="M1361" t="s">
        <v>892</v>
      </c>
      <c r="N1361" t="s">
        <v>892</v>
      </c>
      <c r="O1361" t="s">
        <v>892</v>
      </c>
      <c r="P1361" t="s">
        <v>746</v>
      </c>
      <c r="Q1361">
        <v>2</v>
      </c>
      <c r="R1361" t="s">
        <v>893</v>
      </c>
      <c r="S1361">
        <v>3</v>
      </c>
      <c r="T1361" t="s">
        <v>892</v>
      </c>
      <c r="U1361" t="s">
        <v>892</v>
      </c>
      <c r="V1361">
        <v>3</v>
      </c>
      <c r="W1361">
        <v>180</v>
      </c>
      <c r="X1361">
        <v>2020</v>
      </c>
    </row>
    <row r="1362" spans="1:24" x14ac:dyDescent="0.25">
      <c r="A1362">
        <v>11714</v>
      </c>
      <c r="B1362" t="s">
        <v>16</v>
      </c>
      <c r="C1362">
        <v>5</v>
      </c>
      <c r="D1362" t="s">
        <v>164</v>
      </c>
      <c r="E1362">
        <v>1132</v>
      </c>
      <c r="F1362" t="s">
        <v>892</v>
      </c>
      <c r="G1362" t="s">
        <v>892</v>
      </c>
      <c r="H1362" t="s">
        <v>892</v>
      </c>
      <c r="I1362" t="s">
        <v>892</v>
      </c>
      <c r="J1362" t="s">
        <v>663</v>
      </c>
      <c r="K1362">
        <v>99</v>
      </c>
      <c r="L1362" t="s">
        <v>892</v>
      </c>
      <c r="M1362" t="s">
        <v>892</v>
      </c>
      <c r="N1362" t="s">
        <v>892</v>
      </c>
      <c r="O1362" t="s">
        <v>892</v>
      </c>
      <c r="P1362" t="s">
        <v>746</v>
      </c>
      <c r="Q1362">
        <v>2</v>
      </c>
      <c r="R1362" t="s">
        <v>893</v>
      </c>
      <c r="S1362">
        <v>3</v>
      </c>
      <c r="T1362" t="s">
        <v>892</v>
      </c>
      <c r="U1362" t="s">
        <v>892</v>
      </c>
      <c r="V1362">
        <v>3</v>
      </c>
      <c r="W1362">
        <v>180</v>
      </c>
      <c r="X1362">
        <v>2020</v>
      </c>
    </row>
    <row r="1363" spans="1:24" x14ac:dyDescent="0.25">
      <c r="A1363">
        <v>11713</v>
      </c>
      <c r="B1363" t="s">
        <v>16</v>
      </c>
      <c r="C1363">
        <v>5</v>
      </c>
      <c r="D1363" t="s">
        <v>165</v>
      </c>
      <c r="E1363">
        <v>1131</v>
      </c>
      <c r="F1363" t="s">
        <v>892</v>
      </c>
      <c r="G1363" t="s">
        <v>892</v>
      </c>
      <c r="H1363" t="s">
        <v>892</v>
      </c>
      <c r="I1363" t="s">
        <v>892</v>
      </c>
      <c r="J1363" t="s">
        <v>894</v>
      </c>
      <c r="K1363">
        <v>18</v>
      </c>
      <c r="L1363" t="s">
        <v>892</v>
      </c>
      <c r="M1363" t="s">
        <v>892</v>
      </c>
      <c r="N1363" t="s">
        <v>892</v>
      </c>
      <c r="O1363" t="s">
        <v>892</v>
      </c>
      <c r="P1363" t="s">
        <v>746</v>
      </c>
      <c r="Q1363">
        <v>2</v>
      </c>
      <c r="R1363" t="s">
        <v>893</v>
      </c>
      <c r="S1363">
        <v>3</v>
      </c>
      <c r="T1363" t="s">
        <v>892</v>
      </c>
      <c r="U1363" t="s">
        <v>892</v>
      </c>
      <c r="V1363">
        <v>3</v>
      </c>
      <c r="W1363">
        <v>180</v>
      </c>
      <c r="X1363">
        <v>2020</v>
      </c>
    </row>
    <row r="1364" spans="1:24" x14ac:dyDescent="0.25">
      <c r="A1364">
        <v>11712</v>
      </c>
      <c r="B1364" t="s">
        <v>16</v>
      </c>
      <c r="C1364">
        <v>5</v>
      </c>
      <c r="D1364" t="s">
        <v>166</v>
      </c>
      <c r="E1364">
        <v>1130</v>
      </c>
      <c r="F1364" t="s">
        <v>892</v>
      </c>
      <c r="G1364" t="s">
        <v>892</v>
      </c>
      <c r="H1364" t="s">
        <v>892</v>
      </c>
      <c r="I1364" t="s">
        <v>892</v>
      </c>
      <c r="J1364" t="s">
        <v>726</v>
      </c>
      <c r="K1364">
        <v>2</v>
      </c>
      <c r="L1364" t="s">
        <v>892</v>
      </c>
      <c r="M1364" t="s">
        <v>892</v>
      </c>
      <c r="N1364" t="s">
        <v>892</v>
      </c>
      <c r="O1364" t="s">
        <v>892</v>
      </c>
      <c r="P1364" t="s">
        <v>746</v>
      </c>
      <c r="Q1364">
        <v>2</v>
      </c>
      <c r="R1364" t="s">
        <v>893</v>
      </c>
      <c r="S1364">
        <v>3</v>
      </c>
      <c r="T1364" t="s">
        <v>892</v>
      </c>
      <c r="U1364" t="s">
        <v>892</v>
      </c>
      <c r="V1364">
        <v>3</v>
      </c>
      <c r="W1364">
        <v>180</v>
      </c>
      <c r="X1364">
        <v>2020</v>
      </c>
    </row>
    <row r="1365" spans="1:24" x14ac:dyDescent="0.25">
      <c r="A1365">
        <v>11711</v>
      </c>
      <c r="B1365" t="s">
        <v>16</v>
      </c>
      <c r="C1365">
        <v>5</v>
      </c>
      <c r="D1365" t="s">
        <v>167</v>
      </c>
      <c r="E1365">
        <v>1129</v>
      </c>
      <c r="F1365" t="s">
        <v>892</v>
      </c>
      <c r="G1365" t="s">
        <v>892</v>
      </c>
      <c r="H1365" t="s">
        <v>892</v>
      </c>
      <c r="I1365" t="s">
        <v>892</v>
      </c>
      <c r="J1365" t="s">
        <v>831</v>
      </c>
      <c r="K1365">
        <v>5</v>
      </c>
      <c r="L1365" t="s">
        <v>892</v>
      </c>
      <c r="M1365" t="s">
        <v>892</v>
      </c>
      <c r="N1365" t="s">
        <v>892</v>
      </c>
      <c r="O1365" t="s">
        <v>892</v>
      </c>
      <c r="P1365" t="s">
        <v>746</v>
      </c>
      <c r="Q1365">
        <v>2</v>
      </c>
      <c r="R1365" t="s">
        <v>893</v>
      </c>
      <c r="S1365">
        <v>3</v>
      </c>
      <c r="T1365" t="s">
        <v>892</v>
      </c>
      <c r="U1365" t="s">
        <v>892</v>
      </c>
      <c r="V1365">
        <v>3</v>
      </c>
      <c r="W1365">
        <v>180</v>
      </c>
      <c r="X1365">
        <v>2020</v>
      </c>
    </row>
    <row r="1366" spans="1:24" x14ac:dyDescent="0.25">
      <c r="A1366">
        <v>11710</v>
      </c>
      <c r="B1366" t="s">
        <v>16</v>
      </c>
      <c r="C1366">
        <v>5</v>
      </c>
      <c r="D1366" t="s">
        <v>168</v>
      </c>
      <c r="E1366">
        <v>1128</v>
      </c>
      <c r="F1366" t="s">
        <v>892</v>
      </c>
      <c r="G1366" t="s">
        <v>892</v>
      </c>
      <c r="H1366" t="s">
        <v>892</v>
      </c>
      <c r="I1366" t="s">
        <v>892</v>
      </c>
      <c r="J1366" t="s">
        <v>792</v>
      </c>
      <c r="K1366">
        <v>6</v>
      </c>
      <c r="L1366" t="s">
        <v>892</v>
      </c>
      <c r="M1366" t="s">
        <v>892</v>
      </c>
      <c r="N1366" t="s">
        <v>892</v>
      </c>
      <c r="O1366" t="s">
        <v>892</v>
      </c>
      <c r="P1366" t="s">
        <v>746</v>
      </c>
      <c r="Q1366">
        <v>2</v>
      </c>
      <c r="R1366" t="s">
        <v>893</v>
      </c>
      <c r="S1366">
        <v>3</v>
      </c>
      <c r="T1366" t="s">
        <v>892</v>
      </c>
      <c r="U1366" t="s">
        <v>892</v>
      </c>
      <c r="V1366">
        <v>3</v>
      </c>
      <c r="W1366">
        <v>180</v>
      </c>
      <c r="X1366">
        <v>2020</v>
      </c>
    </row>
    <row r="1367" spans="1:24" x14ac:dyDescent="0.25">
      <c r="A1367">
        <v>11709</v>
      </c>
      <c r="B1367" t="s">
        <v>16</v>
      </c>
      <c r="C1367">
        <v>5</v>
      </c>
      <c r="D1367" t="s">
        <v>169</v>
      </c>
      <c r="E1367">
        <v>1127</v>
      </c>
      <c r="F1367" t="s">
        <v>892</v>
      </c>
      <c r="G1367" t="s">
        <v>892</v>
      </c>
      <c r="H1367" t="s">
        <v>892</v>
      </c>
      <c r="I1367" t="s">
        <v>892</v>
      </c>
      <c r="J1367" t="s">
        <v>65</v>
      </c>
      <c r="K1367">
        <v>15</v>
      </c>
      <c r="L1367" t="s">
        <v>892</v>
      </c>
      <c r="M1367" t="s">
        <v>892</v>
      </c>
      <c r="N1367" t="s">
        <v>892</v>
      </c>
      <c r="O1367" t="s">
        <v>892</v>
      </c>
      <c r="P1367" t="s">
        <v>746</v>
      </c>
      <c r="Q1367">
        <v>2</v>
      </c>
      <c r="R1367" t="s">
        <v>893</v>
      </c>
      <c r="S1367">
        <v>3</v>
      </c>
      <c r="T1367" t="s">
        <v>892</v>
      </c>
      <c r="U1367" t="s">
        <v>892</v>
      </c>
      <c r="V1367">
        <v>3</v>
      </c>
      <c r="W1367">
        <v>180</v>
      </c>
      <c r="X1367">
        <v>2020</v>
      </c>
    </row>
    <row r="1368" spans="1:24" x14ac:dyDescent="0.25">
      <c r="A1368">
        <v>11708</v>
      </c>
      <c r="B1368" t="s">
        <v>93</v>
      </c>
      <c r="C1368">
        <v>48</v>
      </c>
      <c r="D1368" t="s">
        <v>171</v>
      </c>
      <c r="E1368">
        <v>1125</v>
      </c>
      <c r="F1368" t="s">
        <v>892</v>
      </c>
      <c r="G1368" t="s">
        <v>892</v>
      </c>
      <c r="H1368" t="s">
        <v>892</v>
      </c>
      <c r="I1368" t="s">
        <v>892</v>
      </c>
      <c r="J1368" t="s">
        <v>802</v>
      </c>
      <c r="K1368">
        <v>12</v>
      </c>
      <c r="L1368" t="s">
        <v>892</v>
      </c>
      <c r="M1368" t="s">
        <v>892</v>
      </c>
      <c r="N1368" t="s">
        <v>892</v>
      </c>
      <c r="O1368" t="s">
        <v>892</v>
      </c>
      <c r="P1368" t="s">
        <v>746</v>
      </c>
      <c r="Q1368">
        <v>2</v>
      </c>
      <c r="R1368" t="s">
        <v>893</v>
      </c>
      <c r="S1368">
        <v>3</v>
      </c>
      <c r="T1368" t="s">
        <v>892</v>
      </c>
      <c r="U1368" t="s">
        <v>892</v>
      </c>
      <c r="V1368">
        <v>3</v>
      </c>
      <c r="W1368">
        <v>180</v>
      </c>
      <c r="X1368">
        <v>2020</v>
      </c>
    </row>
    <row r="1369" spans="1:24" x14ac:dyDescent="0.25">
      <c r="A1369">
        <v>11707</v>
      </c>
      <c r="B1369" t="s">
        <v>93</v>
      </c>
      <c r="C1369">
        <v>48</v>
      </c>
      <c r="D1369" t="s">
        <v>171</v>
      </c>
      <c r="E1369">
        <v>1125</v>
      </c>
      <c r="F1369" t="s">
        <v>892</v>
      </c>
      <c r="G1369" t="s">
        <v>892</v>
      </c>
      <c r="H1369" t="s">
        <v>892</v>
      </c>
      <c r="I1369" t="s">
        <v>892</v>
      </c>
      <c r="J1369" t="s">
        <v>663</v>
      </c>
      <c r="K1369">
        <v>99</v>
      </c>
      <c r="L1369" t="s">
        <v>892</v>
      </c>
      <c r="M1369" t="s">
        <v>892</v>
      </c>
      <c r="N1369" t="s">
        <v>892</v>
      </c>
      <c r="O1369" t="s">
        <v>892</v>
      </c>
      <c r="P1369" t="s">
        <v>746</v>
      </c>
      <c r="Q1369">
        <v>2</v>
      </c>
      <c r="R1369" t="s">
        <v>893</v>
      </c>
      <c r="S1369">
        <v>3</v>
      </c>
      <c r="T1369" t="s">
        <v>892</v>
      </c>
      <c r="U1369" t="s">
        <v>892</v>
      </c>
      <c r="V1369">
        <v>3</v>
      </c>
      <c r="W1369">
        <v>180</v>
      </c>
      <c r="X1369">
        <v>2020</v>
      </c>
    </row>
    <row r="1370" spans="1:24" x14ac:dyDescent="0.25">
      <c r="A1370">
        <v>11706</v>
      </c>
      <c r="B1370" t="s">
        <v>93</v>
      </c>
      <c r="C1370">
        <v>48</v>
      </c>
      <c r="D1370" t="s">
        <v>172</v>
      </c>
      <c r="E1370">
        <v>1124</v>
      </c>
      <c r="F1370" t="s">
        <v>892</v>
      </c>
      <c r="G1370" t="s">
        <v>892</v>
      </c>
      <c r="H1370" t="s">
        <v>892</v>
      </c>
      <c r="I1370" t="s">
        <v>892</v>
      </c>
      <c r="J1370" t="s">
        <v>703</v>
      </c>
      <c r="K1370">
        <v>16</v>
      </c>
      <c r="L1370" t="s">
        <v>892</v>
      </c>
      <c r="M1370" t="s">
        <v>892</v>
      </c>
      <c r="N1370" t="s">
        <v>892</v>
      </c>
      <c r="O1370" t="s">
        <v>892</v>
      </c>
      <c r="P1370" t="s">
        <v>746</v>
      </c>
      <c r="Q1370">
        <v>2</v>
      </c>
      <c r="R1370" t="s">
        <v>893</v>
      </c>
      <c r="S1370">
        <v>3</v>
      </c>
      <c r="T1370" t="s">
        <v>892</v>
      </c>
      <c r="U1370" t="s">
        <v>892</v>
      </c>
      <c r="V1370">
        <v>3</v>
      </c>
      <c r="W1370">
        <v>180</v>
      </c>
      <c r="X1370">
        <v>2020</v>
      </c>
    </row>
    <row r="1371" spans="1:24" x14ac:dyDescent="0.25">
      <c r="A1371">
        <v>11705</v>
      </c>
      <c r="B1371" t="s">
        <v>93</v>
      </c>
      <c r="C1371">
        <v>48</v>
      </c>
      <c r="D1371" t="s">
        <v>172</v>
      </c>
      <c r="E1371">
        <v>1124</v>
      </c>
      <c r="F1371" t="s">
        <v>892</v>
      </c>
      <c r="G1371" t="s">
        <v>892</v>
      </c>
      <c r="H1371" t="s">
        <v>892</v>
      </c>
      <c r="I1371" t="s">
        <v>892</v>
      </c>
      <c r="J1371" t="s">
        <v>866</v>
      </c>
      <c r="K1371">
        <v>9</v>
      </c>
      <c r="L1371" t="s">
        <v>892</v>
      </c>
      <c r="M1371" t="s">
        <v>892</v>
      </c>
      <c r="N1371" t="s">
        <v>892</v>
      </c>
      <c r="O1371" t="s">
        <v>892</v>
      </c>
      <c r="P1371" t="s">
        <v>746</v>
      </c>
      <c r="Q1371">
        <v>2</v>
      </c>
      <c r="R1371" t="s">
        <v>893</v>
      </c>
      <c r="S1371">
        <v>3</v>
      </c>
      <c r="T1371" t="s">
        <v>892</v>
      </c>
      <c r="U1371" t="s">
        <v>892</v>
      </c>
      <c r="V1371">
        <v>3</v>
      </c>
      <c r="W1371">
        <v>180</v>
      </c>
      <c r="X1371">
        <v>2020</v>
      </c>
    </row>
    <row r="1372" spans="1:24" x14ac:dyDescent="0.25">
      <c r="A1372">
        <v>11704</v>
      </c>
      <c r="B1372" t="s">
        <v>93</v>
      </c>
      <c r="C1372">
        <v>48</v>
      </c>
      <c r="D1372" t="s">
        <v>31</v>
      </c>
      <c r="E1372">
        <v>1123</v>
      </c>
      <c r="F1372" t="s">
        <v>892</v>
      </c>
      <c r="G1372" t="s">
        <v>892</v>
      </c>
      <c r="H1372" t="s">
        <v>892</v>
      </c>
      <c r="I1372" t="s">
        <v>892</v>
      </c>
      <c r="J1372" t="s">
        <v>885</v>
      </c>
      <c r="K1372">
        <v>1</v>
      </c>
      <c r="L1372" t="s">
        <v>892</v>
      </c>
      <c r="M1372" t="s">
        <v>892</v>
      </c>
      <c r="N1372" t="s">
        <v>892</v>
      </c>
      <c r="O1372" t="s">
        <v>892</v>
      </c>
      <c r="P1372" t="s">
        <v>746</v>
      </c>
      <c r="Q1372">
        <v>2</v>
      </c>
      <c r="R1372" t="s">
        <v>893</v>
      </c>
      <c r="S1372">
        <v>3</v>
      </c>
      <c r="T1372" t="s">
        <v>892</v>
      </c>
      <c r="U1372" t="s">
        <v>892</v>
      </c>
      <c r="V1372">
        <v>3</v>
      </c>
      <c r="W1372">
        <v>180</v>
      </c>
      <c r="X1372">
        <v>2020</v>
      </c>
    </row>
    <row r="1373" spans="1:24" x14ac:dyDescent="0.25">
      <c r="A1373">
        <v>11703</v>
      </c>
      <c r="B1373" t="s">
        <v>93</v>
      </c>
      <c r="C1373">
        <v>48</v>
      </c>
      <c r="D1373" t="s">
        <v>173</v>
      </c>
      <c r="E1373">
        <v>1122</v>
      </c>
      <c r="F1373" t="s">
        <v>892</v>
      </c>
      <c r="G1373" t="s">
        <v>892</v>
      </c>
      <c r="H1373" t="s">
        <v>892</v>
      </c>
      <c r="I1373" t="s">
        <v>892</v>
      </c>
      <c r="J1373" t="s">
        <v>676</v>
      </c>
      <c r="K1373">
        <v>4</v>
      </c>
      <c r="L1373" t="s">
        <v>892</v>
      </c>
      <c r="M1373" t="s">
        <v>892</v>
      </c>
      <c r="N1373" t="s">
        <v>892</v>
      </c>
      <c r="O1373" t="s">
        <v>892</v>
      </c>
      <c r="P1373" t="s">
        <v>746</v>
      </c>
      <c r="Q1373">
        <v>2</v>
      </c>
      <c r="R1373" t="s">
        <v>893</v>
      </c>
      <c r="S1373">
        <v>3</v>
      </c>
      <c r="T1373" t="s">
        <v>892</v>
      </c>
      <c r="U1373" t="s">
        <v>892</v>
      </c>
      <c r="V1373">
        <v>3</v>
      </c>
      <c r="W1373">
        <v>180</v>
      </c>
      <c r="X1373">
        <v>2020</v>
      </c>
    </row>
    <row r="1374" spans="1:24" x14ac:dyDescent="0.25">
      <c r="A1374">
        <v>11702</v>
      </c>
      <c r="B1374" t="s">
        <v>93</v>
      </c>
      <c r="C1374">
        <v>48</v>
      </c>
      <c r="D1374" t="s">
        <v>145</v>
      </c>
      <c r="E1374">
        <v>1121</v>
      </c>
      <c r="F1374" t="s">
        <v>892</v>
      </c>
      <c r="G1374" t="s">
        <v>892</v>
      </c>
      <c r="H1374" t="s">
        <v>892</v>
      </c>
      <c r="I1374" t="s">
        <v>892</v>
      </c>
      <c r="J1374" t="s">
        <v>792</v>
      </c>
      <c r="K1374">
        <v>6</v>
      </c>
      <c r="L1374" t="s">
        <v>892</v>
      </c>
      <c r="M1374" t="s">
        <v>892</v>
      </c>
      <c r="N1374" t="s">
        <v>892</v>
      </c>
      <c r="O1374" t="s">
        <v>892</v>
      </c>
      <c r="P1374" t="s">
        <v>746</v>
      </c>
      <c r="Q1374">
        <v>2</v>
      </c>
      <c r="R1374" t="s">
        <v>893</v>
      </c>
      <c r="S1374">
        <v>3</v>
      </c>
      <c r="T1374" t="s">
        <v>892</v>
      </c>
      <c r="U1374" t="s">
        <v>892</v>
      </c>
      <c r="V1374">
        <v>3</v>
      </c>
      <c r="W1374">
        <v>180</v>
      </c>
      <c r="X1374">
        <v>2020</v>
      </c>
    </row>
    <row r="1375" spans="1:24" x14ac:dyDescent="0.25">
      <c r="A1375">
        <v>11701</v>
      </c>
      <c r="B1375" t="s">
        <v>93</v>
      </c>
      <c r="C1375">
        <v>48</v>
      </c>
      <c r="D1375" t="s">
        <v>174</v>
      </c>
      <c r="E1375">
        <v>1120</v>
      </c>
      <c r="F1375" t="s">
        <v>892</v>
      </c>
      <c r="G1375" t="s">
        <v>892</v>
      </c>
      <c r="H1375" t="s">
        <v>892</v>
      </c>
      <c r="I1375" t="s">
        <v>892</v>
      </c>
      <c r="J1375" t="s">
        <v>726</v>
      </c>
      <c r="K1375">
        <v>2</v>
      </c>
      <c r="L1375" t="s">
        <v>892</v>
      </c>
      <c r="M1375" t="s">
        <v>892</v>
      </c>
      <c r="N1375" t="s">
        <v>892</v>
      </c>
      <c r="O1375" t="s">
        <v>892</v>
      </c>
      <c r="P1375" t="s">
        <v>746</v>
      </c>
      <c r="Q1375">
        <v>2</v>
      </c>
      <c r="R1375" t="s">
        <v>893</v>
      </c>
      <c r="S1375">
        <v>3</v>
      </c>
      <c r="T1375" t="s">
        <v>892</v>
      </c>
      <c r="U1375" t="s">
        <v>892</v>
      </c>
      <c r="V1375">
        <v>3</v>
      </c>
      <c r="W1375">
        <v>180</v>
      </c>
      <c r="X1375">
        <v>2020</v>
      </c>
    </row>
    <row r="1376" spans="1:24" x14ac:dyDescent="0.25">
      <c r="A1376">
        <v>11700</v>
      </c>
      <c r="B1376" t="s">
        <v>93</v>
      </c>
      <c r="C1376">
        <v>48</v>
      </c>
      <c r="D1376" t="s">
        <v>175</v>
      </c>
      <c r="E1376">
        <v>1119</v>
      </c>
      <c r="F1376" t="s">
        <v>892</v>
      </c>
      <c r="G1376" t="s">
        <v>892</v>
      </c>
      <c r="H1376" t="s">
        <v>892</v>
      </c>
      <c r="I1376" t="s">
        <v>892</v>
      </c>
      <c r="J1376" t="s">
        <v>65</v>
      </c>
      <c r="K1376">
        <v>15</v>
      </c>
      <c r="L1376" t="s">
        <v>892</v>
      </c>
      <c r="M1376" t="s">
        <v>892</v>
      </c>
      <c r="N1376" t="s">
        <v>892</v>
      </c>
      <c r="O1376" t="s">
        <v>892</v>
      </c>
      <c r="P1376" t="s">
        <v>746</v>
      </c>
      <c r="Q1376">
        <v>2</v>
      </c>
      <c r="R1376" t="s">
        <v>893</v>
      </c>
      <c r="S1376">
        <v>3</v>
      </c>
      <c r="T1376" t="s">
        <v>892</v>
      </c>
      <c r="U1376" t="s">
        <v>892</v>
      </c>
      <c r="V1376">
        <v>3</v>
      </c>
      <c r="W1376">
        <v>180</v>
      </c>
      <c r="X1376">
        <v>2020</v>
      </c>
    </row>
    <row r="1377" spans="1:24" x14ac:dyDescent="0.25">
      <c r="A1377">
        <v>11699</v>
      </c>
      <c r="B1377" t="s">
        <v>93</v>
      </c>
      <c r="C1377">
        <v>48</v>
      </c>
      <c r="D1377" t="s">
        <v>176</v>
      </c>
      <c r="E1377">
        <v>1118</v>
      </c>
      <c r="F1377" t="s">
        <v>892</v>
      </c>
      <c r="G1377" t="s">
        <v>892</v>
      </c>
      <c r="H1377" t="s">
        <v>892</v>
      </c>
      <c r="I1377" t="s">
        <v>892</v>
      </c>
      <c r="J1377" t="s">
        <v>897</v>
      </c>
      <c r="K1377">
        <v>3</v>
      </c>
      <c r="L1377" t="s">
        <v>892</v>
      </c>
      <c r="M1377" t="s">
        <v>892</v>
      </c>
      <c r="N1377" t="s">
        <v>892</v>
      </c>
      <c r="O1377" t="s">
        <v>892</v>
      </c>
      <c r="P1377" t="s">
        <v>746</v>
      </c>
      <c r="Q1377">
        <v>2</v>
      </c>
      <c r="R1377" t="s">
        <v>893</v>
      </c>
      <c r="S1377">
        <v>3</v>
      </c>
      <c r="T1377" t="s">
        <v>892</v>
      </c>
      <c r="U1377" t="s">
        <v>892</v>
      </c>
      <c r="V1377">
        <v>3</v>
      </c>
      <c r="W1377">
        <v>180</v>
      </c>
      <c r="X1377">
        <v>2020</v>
      </c>
    </row>
    <row r="1378" spans="1:24" x14ac:dyDescent="0.25">
      <c r="A1378">
        <v>11698</v>
      </c>
      <c r="B1378" t="s">
        <v>93</v>
      </c>
      <c r="C1378">
        <v>48</v>
      </c>
      <c r="D1378" t="s">
        <v>177</v>
      </c>
      <c r="E1378">
        <v>1117</v>
      </c>
      <c r="F1378" t="s">
        <v>892</v>
      </c>
      <c r="G1378" t="s">
        <v>892</v>
      </c>
      <c r="H1378" t="s">
        <v>892</v>
      </c>
      <c r="I1378" t="s">
        <v>892</v>
      </c>
      <c r="J1378" t="s">
        <v>659</v>
      </c>
      <c r="K1378">
        <v>35</v>
      </c>
      <c r="L1378" t="s">
        <v>892</v>
      </c>
      <c r="M1378" t="s">
        <v>892</v>
      </c>
      <c r="N1378" t="s">
        <v>892</v>
      </c>
      <c r="O1378" t="s">
        <v>892</v>
      </c>
      <c r="P1378" t="s">
        <v>746</v>
      </c>
      <c r="Q1378">
        <v>2</v>
      </c>
      <c r="R1378" t="s">
        <v>893</v>
      </c>
      <c r="S1378">
        <v>3</v>
      </c>
      <c r="T1378" t="s">
        <v>892</v>
      </c>
      <c r="U1378" t="s">
        <v>892</v>
      </c>
      <c r="V1378">
        <v>3</v>
      </c>
      <c r="W1378">
        <v>180</v>
      </c>
      <c r="X1378">
        <v>2020</v>
      </c>
    </row>
    <row r="1379" spans="1:24" x14ac:dyDescent="0.25">
      <c r="A1379">
        <v>11697</v>
      </c>
      <c r="B1379" t="s">
        <v>93</v>
      </c>
      <c r="C1379">
        <v>48</v>
      </c>
      <c r="D1379" t="s">
        <v>178</v>
      </c>
      <c r="E1379">
        <v>1116</v>
      </c>
      <c r="F1379" t="s">
        <v>892</v>
      </c>
      <c r="G1379" t="s">
        <v>892</v>
      </c>
      <c r="H1379" t="s">
        <v>892</v>
      </c>
      <c r="I1379" t="s">
        <v>892</v>
      </c>
      <c r="J1379" t="s">
        <v>294</v>
      </c>
      <c r="K1379">
        <v>31</v>
      </c>
      <c r="L1379" t="s">
        <v>892</v>
      </c>
      <c r="M1379" t="s">
        <v>892</v>
      </c>
      <c r="N1379" t="s">
        <v>892</v>
      </c>
      <c r="O1379" t="s">
        <v>892</v>
      </c>
      <c r="P1379" t="s">
        <v>746</v>
      </c>
      <c r="Q1379">
        <v>2</v>
      </c>
      <c r="R1379" t="s">
        <v>893</v>
      </c>
      <c r="S1379">
        <v>3</v>
      </c>
      <c r="T1379" t="s">
        <v>892</v>
      </c>
      <c r="U1379" t="s">
        <v>892</v>
      </c>
      <c r="V1379">
        <v>3</v>
      </c>
      <c r="W1379">
        <v>180</v>
      </c>
      <c r="X1379">
        <v>2020</v>
      </c>
    </row>
    <row r="1380" spans="1:24" x14ac:dyDescent="0.25">
      <c r="A1380">
        <v>11696</v>
      </c>
      <c r="B1380" t="s">
        <v>93</v>
      </c>
      <c r="C1380">
        <v>48</v>
      </c>
      <c r="D1380" t="s">
        <v>178</v>
      </c>
      <c r="E1380">
        <v>1116</v>
      </c>
      <c r="F1380" t="s">
        <v>892</v>
      </c>
      <c r="G1380" t="s">
        <v>892</v>
      </c>
      <c r="H1380" t="s">
        <v>892</v>
      </c>
      <c r="I1380" t="s">
        <v>892</v>
      </c>
      <c r="J1380" t="s">
        <v>295</v>
      </c>
      <c r="K1380">
        <v>30</v>
      </c>
      <c r="L1380" t="s">
        <v>892</v>
      </c>
      <c r="M1380" t="s">
        <v>892</v>
      </c>
      <c r="N1380" t="s">
        <v>892</v>
      </c>
      <c r="O1380" t="s">
        <v>892</v>
      </c>
      <c r="P1380" t="s">
        <v>746</v>
      </c>
      <c r="Q1380">
        <v>2</v>
      </c>
      <c r="R1380" t="s">
        <v>893</v>
      </c>
      <c r="S1380">
        <v>3</v>
      </c>
      <c r="T1380" t="s">
        <v>892</v>
      </c>
      <c r="U1380" t="s">
        <v>892</v>
      </c>
      <c r="V1380">
        <v>3</v>
      </c>
      <c r="W1380">
        <v>180</v>
      </c>
      <c r="X1380">
        <v>2020</v>
      </c>
    </row>
    <row r="1381" spans="1:24" x14ac:dyDescent="0.25">
      <c r="A1381">
        <v>11695</v>
      </c>
      <c r="B1381" t="s">
        <v>93</v>
      </c>
      <c r="C1381">
        <v>48</v>
      </c>
      <c r="D1381" t="s">
        <v>178</v>
      </c>
      <c r="E1381">
        <v>1116</v>
      </c>
      <c r="F1381" t="s">
        <v>892</v>
      </c>
      <c r="G1381" t="s">
        <v>892</v>
      </c>
      <c r="H1381" t="s">
        <v>892</v>
      </c>
      <c r="I1381" t="s">
        <v>892</v>
      </c>
      <c r="J1381" t="s">
        <v>807</v>
      </c>
      <c r="K1381">
        <v>25</v>
      </c>
      <c r="L1381" t="s">
        <v>892</v>
      </c>
      <c r="M1381" t="s">
        <v>892</v>
      </c>
      <c r="N1381" t="s">
        <v>892</v>
      </c>
      <c r="O1381" t="s">
        <v>892</v>
      </c>
      <c r="P1381" t="s">
        <v>746</v>
      </c>
      <c r="Q1381">
        <v>2</v>
      </c>
      <c r="R1381" t="s">
        <v>893</v>
      </c>
      <c r="S1381">
        <v>3</v>
      </c>
      <c r="T1381" t="s">
        <v>892</v>
      </c>
      <c r="U1381" t="s">
        <v>892</v>
      </c>
      <c r="V1381">
        <v>3</v>
      </c>
      <c r="W1381">
        <v>180</v>
      </c>
      <c r="X1381">
        <v>2020</v>
      </c>
    </row>
    <row r="1382" spans="1:24" x14ac:dyDescent="0.25">
      <c r="A1382">
        <v>11694</v>
      </c>
      <c r="B1382" t="s">
        <v>93</v>
      </c>
      <c r="C1382">
        <v>48</v>
      </c>
      <c r="D1382" t="s">
        <v>178</v>
      </c>
      <c r="E1382">
        <v>1116</v>
      </c>
      <c r="F1382" t="s">
        <v>892</v>
      </c>
      <c r="G1382" t="s">
        <v>892</v>
      </c>
      <c r="H1382" t="s">
        <v>892</v>
      </c>
      <c r="I1382" t="s">
        <v>892</v>
      </c>
      <c r="J1382" t="s">
        <v>813</v>
      </c>
      <c r="K1382">
        <v>24</v>
      </c>
      <c r="L1382" t="s">
        <v>892</v>
      </c>
      <c r="M1382" t="s">
        <v>892</v>
      </c>
      <c r="N1382" t="s">
        <v>892</v>
      </c>
      <c r="O1382" t="s">
        <v>892</v>
      </c>
      <c r="P1382" t="s">
        <v>746</v>
      </c>
      <c r="Q1382">
        <v>2</v>
      </c>
      <c r="R1382" t="s">
        <v>893</v>
      </c>
      <c r="S1382">
        <v>3</v>
      </c>
      <c r="T1382" t="s">
        <v>892</v>
      </c>
      <c r="U1382" t="s">
        <v>892</v>
      </c>
      <c r="V1382">
        <v>3</v>
      </c>
      <c r="W1382">
        <v>180</v>
      </c>
      <c r="X1382">
        <v>2020</v>
      </c>
    </row>
    <row r="1383" spans="1:24" x14ac:dyDescent="0.25">
      <c r="A1383">
        <v>11693</v>
      </c>
      <c r="B1383" t="s">
        <v>93</v>
      </c>
      <c r="C1383">
        <v>48</v>
      </c>
      <c r="D1383" t="s">
        <v>178</v>
      </c>
      <c r="E1383">
        <v>1116</v>
      </c>
      <c r="F1383" t="s">
        <v>892</v>
      </c>
      <c r="G1383" t="s">
        <v>892</v>
      </c>
      <c r="H1383" t="s">
        <v>892</v>
      </c>
      <c r="I1383" t="s">
        <v>892</v>
      </c>
      <c r="J1383" t="s">
        <v>299</v>
      </c>
      <c r="K1383">
        <v>27</v>
      </c>
      <c r="L1383" t="s">
        <v>892</v>
      </c>
      <c r="M1383" t="s">
        <v>892</v>
      </c>
      <c r="N1383" t="s">
        <v>892</v>
      </c>
      <c r="O1383" t="s">
        <v>892</v>
      </c>
      <c r="P1383" t="s">
        <v>746</v>
      </c>
      <c r="Q1383">
        <v>2</v>
      </c>
      <c r="R1383" t="s">
        <v>893</v>
      </c>
      <c r="S1383">
        <v>3</v>
      </c>
      <c r="T1383" t="s">
        <v>892</v>
      </c>
      <c r="U1383" t="s">
        <v>892</v>
      </c>
      <c r="V1383">
        <v>3</v>
      </c>
      <c r="W1383">
        <v>180</v>
      </c>
      <c r="X1383">
        <v>2020</v>
      </c>
    </row>
    <row r="1384" spans="1:24" x14ac:dyDescent="0.25">
      <c r="A1384">
        <v>11692</v>
      </c>
      <c r="B1384" t="s">
        <v>180</v>
      </c>
      <c r="C1384">
        <v>70</v>
      </c>
      <c r="D1384" t="s">
        <v>179</v>
      </c>
      <c r="E1384">
        <v>1115</v>
      </c>
      <c r="F1384" t="s">
        <v>892</v>
      </c>
      <c r="G1384" t="s">
        <v>892</v>
      </c>
      <c r="H1384" t="s">
        <v>892</v>
      </c>
      <c r="I1384" t="s">
        <v>892</v>
      </c>
      <c r="J1384" t="s">
        <v>839</v>
      </c>
      <c r="K1384">
        <v>89</v>
      </c>
      <c r="L1384" t="s">
        <v>892</v>
      </c>
      <c r="M1384" t="s">
        <v>892</v>
      </c>
      <c r="N1384" t="s">
        <v>892</v>
      </c>
      <c r="O1384" t="s">
        <v>892</v>
      </c>
      <c r="P1384" t="s">
        <v>746</v>
      </c>
      <c r="Q1384">
        <v>2</v>
      </c>
      <c r="R1384" t="s">
        <v>893</v>
      </c>
      <c r="S1384">
        <v>3</v>
      </c>
      <c r="T1384" t="s">
        <v>892</v>
      </c>
      <c r="U1384" t="s">
        <v>892</v>
      </c>
      <c r="V1384">
        <v>4</v>
      </c>
      <c r="W1384">
        <v>240</v>
      </c>
      <c r="X1384">
        <v>2020</v>
      </c>
    </row>
    <row r="1385" spans="1:24" x14ac:dyDescent="0.25">
      <c r="A1385">
        <v>11691</v>
      </c>
      <c r="B1385" t="s">
        <v>180</v>
      </c>
      <c r="C1385">
        <v>70</v>
      </c>
      <c r="D1385" t="s">
        <v>181</v>
      </c>
      <c r="E1385">
        <v>1114</v>
      </c>
      <c r="F1385" t="s">
        <v>892</v>
      </c>
      <c r="G1385" t="s">
        <v>892</v>
      </c>
      <c r="H1385" t="s">
        <v>892</v>
      </c>
      <c r="I1385" t="s">
        <v>892</v>
      </c>
      <c r="J1385" t="s">
        <v>831</v>
      </c>
      <c r="K1385">
        <v>5</v>
      </c>
      <c r="L1385" t="s">
        <v>892</v>
      </c>
      <c r="M1385" t="s">
        <v>892</v>
      </c>
      <c r="N1385" t="s">
        <v>892</v>
      </c>
      <c r="O1385" t="s">
        <v>892</v>
      </c>
      <c r="P1385" t="s">
        <v>746</v>
      </c>
      <c r="Q1385">
        <v>2</v>
      </c>
      <c r="R1385" t="s">
        <v>893</v>
      </c>
      <c r="S1385">
        <v>3</v>
      </c>
      <c r="T1385" t="s">
        <v>892</v>
      </c>
      <c r="U1385" t="s">
        <v>892</v>
      </c>
      <c r="V1385">
        <v>3</v>
      </c>
      <c r="W1385">
        <v>180</v>
      </c>
      <c r="X1385">
        <v>2020</v>
      </c>
    </row>
    <row r="1386" spans="1:24" x14ac:dyDescent="0.25">
      <c r="A1386">
        <v>11690</v>
      </c>
      <c r="B1386" t="s">
        <v>183</v>
      </c>
      <c r="C1386">
        <v>4</v>
      </c>
      <c r="D1386" t="s">
        <v>182</v>
      </c>
      <c r="E1386">
        <v>1113</v>
      </c>
      <c r="F1386" t="s">
        <v>892</v>
      </c>
      <c r="G1386" t="s">
        <v>892</v>
      </c>
      <c r="H1386" t="s">
        <v>892</v>
      </c>
      <c r="I1386" t="s">
        <v>892</v>
      </c>
      <c r="J1386" t="s">
        <v>1219</v>
      </c>
      <c r="K1386">
        <v>42</v>
      </c>
      <c r="L1386" t="s">
        <v>892</v>
      </c>
      <c r="M1386" t="s">
        <v>892</v>
      </c>
      <c r="N1386" t="s">
        <v>892</v>
      </c>
      <c r="O1386" t="s">
        <v>892</v>
      </c>
      <c r="P1386" t="s">
        <v>746</v>
      </c>
      <c r="Q1386">
        <v>2</v>
      </c>
      <c r="R1386" t="s">
        <v>893</v>
      </c>
      <c r="S1386">
        <v>3</v>
      </c>
      <c r="T1386" t="s">
        <v>892</v>
      </c>
      <c r="U1386" t="s">
        <v>892</v>
      </c>
      <c r="V1386">
        <v>3</v>
      </c>
      <c r="W1386">
        <v>180</v>
      </c>
      <c r="X1386">
        <v>2020</v>
      </c>
    </row>
    <row r="1387" spans="1:24" x14ac:dyDescent="0.25">
      <c r="A1387">
        <v>11689</v>
      </c>
      <c r="B1387" t="s">
        <v>183</v>
      </c>
      <c r="C1387">
        <v>4</v>
      </c>
      <c r="D1387" t="s">
        <v>182</v>
      </c>
      <c r="E1387">
        <v>1113</v>
      </c>
      <c r="F1387" t="s">
        <v>892</v>
      </c>
      <c r="G1387" t="s">
        <v>892</v>
      </c>
      <c r="H1387" t="s">
        <v>892</v>
      </c>
      <c r="I1387" t="s">
        <v>892</v>
      </c>
      <c r="J1387" t="s">
        <v>794</v>
      </c>
      <c r="K1387">
        <v>40</v>
      </c>
      <c r="L1387" t="s">
        <v>892</v>
      </c>
      <c r="M1387" t="s">
        <v>892</v>
      </c>
      <c r="N1387" t="s">
        <v>892</v>
      </c>
      <c r="O1387" t="s">
        <v>892</v>
      </c>
      <c r="P1387" t="s">
        <v>746</v>
      </c>
      <c r="Q1387">
        <v>2</v>
      </c>
      <c r="R1387" t="s">
        <v>893</v>
      </c>
      <c r="S1387">
        <v>3</v>
      </c>
      <c r="T1387" t="s">
        <v>892</v>
      </c>
      <c r="U1387" t="s">
        <v>892</v>
      </c>
      <c r="V1387">
        <v>3</v>
      </c>
      <c r="W1387">
        <v>180</v>
      </c>
      <c r="X1387">
        <v>2020</v>
      </c>
    </row>
    <row r="1388" spans="1:24" x14ac:dyDescent="0.25">
      <c r="A1388">
        <v>11688</v>
      </c>
      <c r="B1388" t="s">
        <v>183</v>
      </c>
      <c r="C1388">
        <v>4</v>
      </c>
      <c r="D1388" t="s">
        <v>182</v>
      </c>
      <c r="E1388">
        <v>1113</v>
      </c>
      <c r="F1388" t="s">
        <v>892</v>
      </c>
      <c r="G1388" t="s">
        <v>892</v>
      </c>
      <c r="H1388" t="s">
        <v>892</v>
      </c>
      <c r="I1388" t="s">
        <v>892</v>
      </c>
      <c r="J1388" t="s">
        <v>851</v>
      </c>
      <c r="K1388">
        <v>43</v>
      </c>
      <c r="L1388" t="s">
        <v>892</v>
      </c>
      <c r="M1388" t="s">
        <v>892</v>
      </c>
      <c r="N1388" t="s">
        <v>892</v>
      </c>
      <c r="O1388" t="s">
        <v>892</v>
      </c>
      <c r="P1388" t="s">
        <v>746</v>
      </c>
      <c r="Q1388">
        <v>2</v>
      </c>
      <c r="R1388" t="s">
        <v>893</v>
      </c>
      <c r="S1388">
        <v>3</v>
      </c>
      <c r="T1388" t="s">
        <v>892</v>
      </c>
      <c r="U1388" t="s">
        <v>892</v>
      </c>
      <c r="V1388">
        <v>3</v>
      </c>
      <c r="W1388">
        <v>180</v>
      </c>
      <c r="X1388">
        <v>2020</v>
      </c>
    </row>
    <row r="1389" spans="1:24" x14ac:dyDescent="0.25">
      <c r="A1389">
        <v>11687</v>
      </c>
      <c r="B1389" t="s">
        <v>183</v>
      </c>
      <c r="C1389">
        <v>4</v>
      </c>
      <c r="D1389" t="s">
        <v>182</v>
      </c>
      <c r="E1389">
        <v>1113</v>
      </c>
      <c r="F1389" t="s">
        <v>892</v>
      </c>
      <c r="G1389" t="s">
        <v>892</v>
      </c>
      <c r="H1389" t="s">
        <v>892</v>
      </c>
      <c r="I1389" t="s">
        <v>892</v>
      </c>
      <c r="J1389" t="s">
        <v>909</v>
      </c>
      <c r="K1389">
        <v>39</v>
      </c>
      <c r="L1389" t="s">
        <v>892</v>
      </c>
      <c r="M1389" t="s">
        <v>892</v>
      </c>
      <c r="N1389" t="s">
        <v>892</v>
      </c>
      <c r="O1389" t="s">
        <v>892</v>
      </c>
      <c r="P1389" t="s">
        <v>746</v>
      </c>
      <c r="Q1389">
        <v>2</v>
      </c>
      <c r="R1389" t="s">
        <v>893</v>
      </c>
      <c r="S1389">
        <v>3</v>
      </c>
      <c r="T1389" t="s">
        <v>892</v>
      </c>
      <c r="U1389" t="s">
        <v>892</v>
      </c>
      <c r="V1389">
        <v>3</v>
      </c>
      <c r="W1389">
        <v>180</v>
      </c>
      <c r="X1389">
        <v>2020</v>
      </c>
    </row>
    <row r="1390" spans="1:24" x14ac:dyDescent="0.25">
      <c r="A1390">
        <v>11686</v>
      </c>
      <c r="B1390" t="s">
        <v>183</v>
      </c>
      <c r="C1390">
        <v>4</v>
      </c>
      <c r="D1390" t="s">
        <v>184</v>
      </c>
      <c r="E1390">
        <v>1112</v>
      </c>
      <c r="F1390" t="s">
        <v>892</v>
      </c>
      <c r="G1390" t="s">
        <v>892</v>
      </c>
      <c r="H1390" t="s">
        <v>892</v>
      </c>
      <c r="I1390" t="s">
        <v>892</v>
      </c>
      <c r="J1390" t="s">
        <v>1005</v>
      </c>
      <c r="K1390">
        <v>72</v>
      </c>
      <c r="L1390" t="s">
        <v>892</v>
      </c>
      <c r="M1390" t="s">
        <v>892</v>
      </c>
      <c r="N1390" t="s">
        <v>892</v>
      </c>
      <c r="O1390" t="s">
        <v>892</v>
      </c>
      <c r="P1390" t="s">
        <v>746</v>
      </c>
      <c r="Q1390">
        <v>2</v>
      </c>
      <c r="R1390" t="s">
        <v>893</v>
      </c>
      <c r="S1390">
        <v>3</v>
      </c>
      <c r="T1390" t="s">
        <v>892</v>
      </c>
      <c r="U1390" t="s">
        <v>892</v>
      </c>
      <c r="V1390">
        <v>4</v>
      </c>
      <c r="W1390">
        <v>240</v>
      </c>
      <c r="X1390">
        <v>2020</v>
      </c>
    </row>
    <row r="1391" spans="1:24" x14ac:dyDescent="0.25">
      <c r="A1391">
        <v>11685</v>
      </c>
      <c r="B1391" t="s">
        <v>186</v>
      </c>
      <c r="C1391">
        <v>47</v>
      </c>
      <c r="D1391" t="s">
        <v>185</v>
      </c>
      <c r="E1391">
        <v>1111</v>
      </c>
      <c r="F1391" t="s">
        <v>892</v>
      </c>
      <c r="G1391" t="s">
        <v>892</v>
      </c>
      <c r="H1391" t="s">
        <v>892</v>
      </c>
      <c r="I1391" t="s">
        <v>892</v>
      </c>
      <c r="J1391" t="s">
        <v>1005</v>
      </c>
      <c r="K1391">
        <v>72</v>
      </c>
      <c r="L1391" t="s">
        <v>892</v>
      </c>
      <c r="M1391" t="s">
        <v>892</v>
      </c>
      <c r="N1391" t="s">
        <v>892</v>
      </c>
      <c r="O1391" t="s">
        <v>892</v>
      </c>
      <c r="P1391" t="s">
        <v>746</v>
      </c>
      <c r="Q1391">
        <v>2</v>
      </c>
      <c r="R1391" t="s">
        <v>893</v>
      </c>
      <c r="S1391">
        <v>3</v>
      </c>
      <c r="T1391" t="s">
        <v>892</v>
      </c>
      <c r="U1391" t="s">
        <v>892</v>
      </c>
      <c r="V1391">
        <v>4</v>
      </c>
      <c r="W1391">
        <v>240</v>
      </c>
      <c r="X1391">
        <v>2020</v>
      </c>
    </row>
    <row r="1392" spans="1:24" x14ac:dyDescent="0.25">
      <c r="A1392">
        <v>11684</v>
      </c>
      <c r="B1392" t="s">
        <v>186</v>
      </c>
      <c r="C1392">
        <v>47</v>
      </c>
      <c r="D1392" t="s">
        <v>187</v>
      </c>
      <c r="E1392">
        <v>1110</v>
      </c>
      <c r="F1392" t="s">
        <v>892</v>
      </c>
      <c r="G1392" t="s">
        <v>892</v>
      </c>
      <c r="H1392" t="s">
        <v>892</v>
      </c>
      <c r="I1392" t="s">
        <v>892</v>
      </c>
      <c r="J1392" t="s">
        <v>1219</v>
      </c>
      <c r="K1392">
        <v>42</v>
      </c>
      <c r="L1392" t="s">
        <v>892</v>
      </c>
      <c r="M1392" t="s">
        <v>892</v>
      </c>
      <c r="N1392" t="s">
        <v>892</v>
      </c>
      <c r="O1392" t="s">
        <v>892</v>
      </c>
      <c r="P1392" t="s">
        <v>746</v>
      </c>
      <c r="Q1392">
        <v>2</v>
      </c>
      <c r="R1392" t="s">
        <v>893</v>
      </c>
      <c r="S1392">
        <v>3</v>
      </c>
      <c r="T1392" t="s">
        <v>892</v>
      </c>
      <c r="U1392" t="s">
        <v>892</v>
      </c>
      <c r="V1392">
        <v>3</v>
      </c>
      <c r="W1392">
        <v>180</v>
      </c>
      <c r="X1392">
        <v>2020</v>
      </c>
    </row>
    <row r="1393" spans="1:24" x14ac:dyDescent="0.25">
      <c r="A1393">
        <v>11683</v>
      </c>
      <c r="B1393" t="s">
        <v>186</v>
      </c>
      <c r="C1393">
        <v>47</v>
      </c>
      <c r="D1393" t="s">
        <v>187</v>
      </c>
      <c r="E1393">
        <v>1110</v>
      </c>
      <c r="F1393" t="s">
        <v>892</v>
      </c>
      <c r="G1393" t="s">
        <v>892</v>
      </c>
      <c r="H1393" t="s">
        <v>892</v>
      </c>
      <c r="I1393" t="s">
        <v>892</v>
      </c>
      <c r="J1393" t="s">
        <v>880</v>
      </c>
      <c r="K1393">
        <v>58</v>
      </c>
      <c r="L1393" t="s">
        <v>892</v>
      </c>
      <c r="M1393" t="s">
        <v>892</v>
      </c>
      <c r="N1393" t="s">
        <v>892</v>
      </c>
      <c r="O1393" t="s">
        <v>892</v>
      </c>
      <c r="P1393" t="s">
        <v>746</v>
      </c>
      <c r="Q1393">
        <v>2</v>
      </c>
      <c r="R1393" t="s">
        <v>893</v>
      </c>
      <c r="S1393">
        <v>3</v>
      </c>
      <c r="T1393" t="s">
        <v>892</v>
      </c>
      <c r="U1393" t="s">
        <v>892</v>
      </c>
      <c r="V1393">
        <v>3</v>
      </c>
      <c r="W1393">
        <v>180</v>
      </c>
      <c r="X1393">
        <v>2020</v>
      </c>
    </row>
    <row r="1394" spans="1:24" x14ac:dyDescent="0.25">
      <c r="A1394">
        <v>11682</v>
      </c>
      <c r="B1394" t="s">
        <v>186</v>
      </c>
      <c r="C1394">
        <v>47</v>
      </c>
      <c r="D1394" t="s">
        <v>187</v>
      </c>
      <c r="E1394">
        <v>1110</v>
      </c>
      <c r="F1394" t="s">
        <v>892</v>
      </c>
      <c r="G1394" t="s">
        <v>892</v>
      </c>
      <c r="H1394" t="s">
        <v>892</v>
      </c>
      <c r="I1394" t="s">
        <v>892</v>
      </c>
      <c r="J1394" t="s">
        <v>794</v>
      </c>
      <c r="K1394">
        <v>40</v>
      </c>
      <c r="L1394" t="s">
        <v>892</v>
      </c>
      <c r="M1394" t="s">
        <v>892</v>
      </c>
      <c r="N1394" t="s">
        <v>892</v>
      </c>
      <c r="O1394" t="s">
        <v>892</v>
      </c>
      <c r="P1394" t="s">
        <v>746</v>
      </c>
      <c r="Q1394">
        <v>2</v>
      </c>
      <c r="R1394" t="s">
        <v>893</v>
      </c>
      <c r="S1394">
        <v>3</v>
      </c>
      <c r="T1394" t="s">
        <v>892</v>
      </c>
      <c r="U1394" t="s">
        <v>892</v>
      </c>
      <c r="V1394">
        <v>3</v>
      </c>
      <c r="W1394">
        <v>180</v>
      </c>
      <c r="X1394">
        <v>2020</v>
      </c>
    </row>
    <row r="1395" spans="1:24" x14ac:dyDescent="0.25">
      <c r="A1395">
        <v>11681</v>
      </c>
      <c r="B1395" t="s">
        <v>186</v>
      </c>
      <c r="C1395">
        <v>47</v>
      </c>
      <c r="D1395" t="s">
        <v>187</v>
      </c>
      <c r="E1395">
        <v>1110</v>
      </c>
      <c r="F1395" t="s">
        <v>892</v>
      </c>
      <c r="G1395" t="s">
        <v>892</v>
      </c>
      <c r="H1395" t="s">
        <v>892</v>
      </c>
      <c r="I1395" t="s">
        <v>892</v>
      </c>
      <c r="J1395" t="s">
        <v>909</v>
      </c>
      <c r="K1395">
        <v>39</v>
      </c>
      <c r="L1395" t="s">
        <v>892</v>
      </c>
      <c r="M1395" t="s">
        <v>892</v>
      </c>
      <c r="N1395" t="s">
        <v>892</v>
      </c>
      <c r="O1395" t="s">
        <v>892</v>
      </c>
      <c r="P1395" t="s">
        <v>746</v>
      </c>
      <c r="Q1395">
        <v>2</v>
      </c>
      <c r="R1395" t="s">
        <v>893</v>
      </c>
      <c r="S1395">
        <v>3</v>
      </c>
      <c r="T1395" t="s">
        <v>892</v>
      </c>
      <c r="U1395" t="s">
        <v>892</v>
      </c>
      <c r="V1395">
        <v>3</v>
      </c>
      <c r="W1395">
        <v>180</v>
      </c>
      <c r="X1395">
        <v>2020</v>
      </c>
    </row>
    <row r="1396" spans="1:24" x14ac:dyDescent="0.25">
      <c r="A1396">
        <v>11680</v>
      </c>
      <c r="B1396" t="s">
        <v>189</v>
      </c>
      <c r="C1396">
        <v>30</v>
      </c>
      <c r="D1396" t="s">
        <v>188</v>
      </c>
      <c r="E1396">
        <v>1109</v>
      </c>
      <c r="F1396" t="s">
        <v>892</v>
      </c>
      <c r="G1396" t="s">
        <v>892</v>
      </c>
      <c r="H1396" t="s">
        <v>892</v>
      </c>
      <c r="I1396" t="s">
        <v>892</v>
      </c>
      <c r="J1396" t="s">
        <v>1005</v>
      </c>
      <c r="K1396">
        <v>72</v>
      </c>
      <c r="L1396" t="s">
        <v>892</v>
      </c>
      <c r="M1396" t="s">
        <v>892</v>
      </c>
      <c r="N1396" t="s">
        <v>892</v>
      </c>
      <c r="O1396" t="s">
        <v>892</v>
      </c>
      <c r="P1396" t="s">
        <v>746</v>
      </c>
      <c r="Q1396">
        <v>2</v>
      </c>
      <c r="R1396" t="s">
        <v>893</v>
      </c>
      <c r="S1396">
        <v>3</v>
      </c>
      <c r="T1396" t="s">
        <v>892</v>
      </c>
      <c r="U1396" t="s">
        <v>892</v>
      </c>
      <c r="V1396">
        <v>4</v>
      </c>
      <c r="W1396">
        <v>240</v>
      </c>
      <c r="X1396">
        <v>2020</v>
      </c>
    </row>
    <row r="1397" spans="1:24" x14ac:dyDescent="0.25">
      <c r="A1397">
        <v>11679</v>
      </c>
      <c r="B1397" t="s">
        <v>189</v>
      </c>
      <c r="C1397">
        <v>30</v>
      </c>
      <c r="D1397" t="s">
        <v>190</v>
      </c>
      <c r="E1397">
        <v>1108</v>
      </c>
      <c r="F1397" t="s">
        <v>892</v>
      </c>
      <c r="G1397" t="s">
        <v>892</v>
      </c>
      <c r="H1397" t="s">
        <v>892</v>
      </c>
      <c r="I1397" t="s">
        <v>892</v>
      </c>
      <c r="J1397" t="s">
        <v>1219</v>
      </c>
      <c r="K1397">
        <v>42</v>
      </c>
      <c r="L1397" t="s">
        <v>892</v>
      </c>
      <c r="M1397" t="s">
        <v>892</v>
      </c>
      <c r="N1397" t="s">
        <v>892</v>
      </c>
      <c r="O1397" t="s">
        <v>892</v>
      </c>
      <c r="P1397" t="s">
        <v>746</v>
      </c>
      <c r="Q1397">
        <v>2</v>
      </c>
      <c r="R1397" t="s">
        <v>893</v>
      </c>
      <c r="S1397">
        <v>3</v>
      </c>
      <c r="T1397" t="s">
        <v>892</v>
      </c>
      <c r="U1397" t="s">
        <v>892</v>
      </c>
      <c r="V1397">
        <v>3</v>
      </c>
      <c r="W1397">
        <v>180</v>
      </c>
      <c r="X1397">
        <v>2020</v>
      </c>
    </row>
    <row r="1398" spans="1:24" x14ac:dyDescent="0.25">
      <c r="A1398">
        <v>11678</v>
      </c>
      <c r="B1398" t="s">
        <v>189</v>
      </c>
      <c r="C1398">
        <v>30</v>
      </c>
      <c r="D1398" t="s">
        <v>190</v>
      </c>
      <c r="E1398">
        <v>1108</v>
      </c>
      <c r="F1398" t="s">
        <v>892</v>
      </c>
      <c r="G1398" t="s">
        <v>892</v>
      </c>
      <c r="H1398" t="s">
        <v>892</v>
      </c>
      <c r="I1398" t="s">
        <v>892</v>
      </c>
      <c r="J1398" t="s">
        <v>794</v>
      </c>
      <c r="K1398">
        <v>40</v>
      </c>
      <c r="L1398" t="s">
        <v>892</v>
      </c>
      <c r="M1398" t="s">
        <v>892</v>
      </c>
      <c r="N1398" t="s">
        <v>892</v>
      </c>
      <c r="O1398" t="s">
        <v>892</v>
      </c>
      <c r="P1398" t="s">
        <v>746</v>
      </c>
      <c r="Q1398">
        <v>2</v>
      </c>
      <c r="R1398" t="s">
        <v>893</v>
      </c>
      <c r="S1398">
        <v>3</v>
      </c>
      <c r="T1398" t="s">
        <v>892</v>
      </c>
      <c r="U1398" t="s">
        <v>892</v>
      </c>
      <c r="V1398">
        <v>3</v>
      </c>
      <c r="W1398">
        <v>180</v>
      </c>
      <c r="X1398">
        <v>2020</v>
      </c>
    </row>
    <row r="1399" spans="1:24" x14ac:dyDescent="0.25">
      <c r="A1399">
        <v>11677</v>
      </c>
      <c r="B1399" t="s">
        <v>189</v>
      </c>
      <c r="C1399">
        <v>30</v>
      </c>
      <c r="D1399" t="s">
        <v>190</v>
      </c>
      <c r="E1399">
        <v>1108</v>
      </c>
      <c r="F1399" t="s">
        <v>892</v>
      </c>
      <c r="G1399" t="s">
        <v>892</v>
      </c>
      <c r="H1399" t="s">
        <v>892</v>
      </c>
      <c r="I1399" t="s">
        <v>892</v>
      </c>
      <c r="J1399" t="s">
        <v>909</v>
      </c>
      <c r="K1399">
        <v>39</v>
      </c>
      <c r="L1399" t="s">
        <v>892</v>
      </c>
      <c r="M1399" t="s">
        <v>892</v>
      </c>
      <c r="N1399" t="s">
        <v>892</v>
      </c>
      <c r="O1399" t="s">
        <v>892</v>
      </c>
      <c r="P1399" t="s">
        <v>746</v>
      </c>
      <c r="Q1399">
        <v>2</v>
      </c>
      <c r="R1399" t="s">
        <v>893</v>
      </c>
      <c r="S1399">
        <v>3</v>
      </c>
      <c r="T1399" t="s">
        <v>892</v>
      </c>
      <c r="U1399" t="s">
        <v>892</v>
      </c>
      <c r="V1399">
        <v>3</v>
      </c>
      <c r="W1399">
        <v>180</v>
      </c>
      <c r="X1399">
        <v>2020</v>
      </c>
    </row>
    <row r="1400" spans="1:24" x14ac:dyDescent="0.25">
      <c r="A1400">
        <v>11676</v>
      </c>
      <c r="B1400" t="s">
        <v>192</v>
      </c>
      <c r="C1400">
        <v>19</v>
      </c>
      <c r="D1400" t="s">
        <v>191</v>
      </c>
      <c r="E1400">
        <v>1107</v>
      </c>
      <c r="F1400" t="s">
        <v>892</v>
      </c>
      <c r="G1400" t="s">
        <v>892</v>
      </c>
      <c r="H1400" t="s">
        <v>892</v>
      </c>
      <c r="I1400" t="s">
        <v>892</v>
      </c>
      <c r="J1400" t="s">
        <v>1219</v>
      </c>
      <c r="K1400">
        <v>42</v>
      </c>
      <c r="L1400" t="s">
        <v>892</v>
      </c>
      <c r="M1400" t="s">
        <v>892</v>
      </c>
      <c r="N1400" t="s">
        <v>892</v>
      </c>
      <c r="O1400" t="s">
        <v>892</v>
      </c>
      <c r="P1400" t="s">
        <v>746</v>
      </c>
      <c r="Q1400">
        <v>2</v>
      </c>
      <c r="R1400" t="s">
        <v>893</v>
      </c>
      <c r="S1400">
        <v>3</v>
      </c>
      <c r="T1400" t="s">
        <v>892</v>
      </c>
      <c r="U1400" t="s">
        <v>892</v>
      </c>
      <c r="V1400">
        <v>3</v>
      </c>
      <c r="W1400">
        <v>180</v>
      </c>
      <c r="X1400">
        <v>2020</v>
      </c>
    </row>
    <row r="1401" spans="1:24" x14ac:dyDescent="0.25">
      <c r="A1401">
        <v>11675</v>
      </c>
      <c r="B1401" t="s">
        <v>192</v>
      </c>
      <c r="C1401">
        <v>19</v>
      </c>
      <c r="D1401" t="s">
        <v>191</v>
      </c>
      <c r="E1401">
        <v>1107</v>
      </c>
      <c r="F1401" t="s">
        <v>892</v>
      </c>
      <c r="G1401" t="s">
        <v>892</v>
      </c>
      <c r="H1401" t="s">
        <v>892</v>
      </c>
      <c r="I1401" t="s">
        <v>892</v>
      </c>
      <c r="J1401" t="s">
        <v>794</v>
      </c>
      <c r="K1401">
        <v>40</v>
      </c>
      <c r="L1401" t="s">
        <v>892</v>
      </c>
      <c r="M1401" t="s">
        <v>892</v>
      </c>
      <c r="N1401" t="s">
        <v>892</v>
      </c>
      <c r="O1401" t="s">
        <v>892</v>
      </c>
      <c r="P1401" t="s">
        <v>746</v>
      </c>
      <c r="Q1401">
        <v>2</v>
      </c>
      <c r="R1401" t="s">
        <v>893</v>
      </c>
      <c r="S1401">
        <v>3</v>
      </c>
      <c r="T1401" t="s">
        <v>892</v>
      </c>
      <c r="U1401" t="s">
        <v>892</v>
      </c>
      <c r="V1401">
        <v>3</v>
      </c>
      <c r="W1401">
        <v>180</v>
      </c>
      <c r="X1401">
        <v>2020</v>
      </c>
    </row>
    <row r="1402" spans="1:24" x14ac:dyDescent="0.25">
      <c r="A1402">
        <v>11674</v>
      </c>
      <c r="B1402" t="s">
        <v>192</v>
      </c>
      <c r="C1402">
        <v>19</v>
      </c>
      <c r="D1402" t="s">
        <v>191</v>
      </c>
      <c r="E1402">
        <v>1107</v>
      </c>
      <c r="F1402" t="s">
        <v>892</v>
      </c>
      <c r="G1402" t="s">
        <v>892</v>
      </c>
      <c r="H1402" t="s">
        <v>892</v>
      </c>
      <c r="I1402" t="s">
        <v>892</v>
      </c>
      <c r="J1402" t="s">
        <v>851</v>
      </c>
      <c r="K1402">
        <v>43</v>
      </c>
      <c r="L1402" t="s">
        <v>892</v>
      </c>
      <c r="M1402" t="s">
        <v>892</v>
      </c>
      <c r="N1402" t="s">
        <v>892</v>
      </c>
      <c r="O1402" t="s">
        <v>892</v>
      </c>
      <c r="P1402" t="s">
        <v>746</v>
      </c>
      <c r="Q1402">
        <v>2</v>
      </c>
      <c r="R1402" t="s">
        <v>893</v>
      </c>
      <c r="S1402">
        <v>3</v>
      </c>
      <c r="T1402" t="s">
        <v>892</v>
      </c>
      <c r="U1402" t="s">
        <v>892</v>
      </c>
      <c r="V1402">
        <v>3</v>
      </c>
      <c r="W1402">
        <v>180</v>
      </c>
      <c r="X1402">
        <v>2020</v>
      </c>
    </row>
    <row r="1403" spans="1:24" x14ac:dyDescent="0.25">
      <c r="A1403">
        <v>11673</v>
      </c>
      <c r="B1403" t="s">
        <v>192</v>
      </c>
      <c r="C1403">
        <v>19</v>
      </c>
      <c r="D1403" t="s">
        <v>191</v>
      </c>
      <c r="E1403">
        <v>1107</v>
      </c>
      <c r="F1403" t="s">
        <v>892</v>
      </c>
      <c r="G1403" t="s">
        <v>892</v>
      </c>
      <c r="H1403" t="s">
        <v>892</v>
      </c>
      <c r="I1403" t="s">
        <v>892</v>
      </c>
      <c r="J1403" t="s">
        <v>909</v>
      </c>
      <c r="K1403">
        <v>39</v>
      </c>
      <c r="L1403" t="s">
        <v>892</v>
      </c>
      <c r="M1403" t="s">
        <v>892</v>
      </c>
      <c r="N1403" t="s">
        <v>892</v>
      </c>
      <c r="O1403" t="s">
        <v>892</v>
      </c>
      <c r="P1403" t="s">
        <v>746</v>
      </c>
      <c r="Q1403">
        <v>2</v>
      </c>
      <c r="R1403" t="s">
        <v>893</v>
      </c>
      <c r="S1403">
        <v>3</v>
      </c>
      <c r="T1403" t="s">
        <v>892</v>
      </c>
      <c r="U1403" t="s">
        <v>892</v>
      </c>
      <c r="V1403">
        <v>3</v>
      </c>
      <c r="W1403">
        <v>180</v>
      </c>
      <c r="X1403">
        <v>2020</v>
      </c>
    </row>
    <row r="1404" spans="1:24" x14ac:dyDescent="0.25">
      <c r="A1404">
        <v>11672</v>
      </c>
      <c r="B1404" t="s">
        <v>192</v>
      </c>
      <c r="C1404">
        <v>19</v>
      </c>
      <c r="D1404" t="s">
        <v>188</v>
      </c>
      <c r="E1404">
        <v>1106</v>
      </c>
      <c r="F1404" t="s">
        <v>892</v>
      </c>
      <c r="G1404" t="s">
        <v>892</v>
      </c>
      <c r="H1404" t="s">
        <v>892</v>
      </c>
      <c r="I1404" t="s">
        <v>892</v>
      </c>
      <c r="J1404" t="s">
        <v>1005</v>
      </c>
      <c r="K1404">
        <v>72</v>
      </c>
      <c r="L1404" t="s">
        <v>892</v>
      </c>
      <c r="M1404" t="s">
        <v>892</v>
      </c>
      <c r="N1404" t="s">
        <v>892</v>
      </c>
      <c r="O1404" t="s">
        <v>892</v>
      </c>
      <c r="P1404" t="s">
        <v>746</v>
      </c>
      <c r="Q1404">
        <v>2</v>
      </c>
      <c r="R1404" t="s">
        <v>893</v>
      </c>
      <c r="S1404">
        <v>3</v>
      </c>
      <c r="T1404" t="s">
        <v>892</v>
      </c>
      <c r="U1404" t="s">
        <v>892</v>
      </c>
      <c r="V1404">
        <v>4</v>
      </c>
      <c r="W1404">
        <v>240</v>
      </c>
      <c r="X1404">
        <v>2020</v>
      </c>
    </row>
    <row r="1405" spans="1:24" x14ac:dyDescent="0.25">
      <c r="A1405">
        <v>11671</v>
      </c>
      <c r="B1405" t="s">
        <v>26</v>
      </c>
      <c r="C1405">
        <v>44</v>
      </c>
      <c r="D1405" t="s">
        <v>193</v>
      </c>
      <c r="E1405">
        <v>1105</v>
      </c>
      <c r="F1405" t="s">
        <v>892</v>
      </c>
      <c r="G1405" t="s">
        <v>892</v>
      </c>
      <c r="H1405" t="s">
        <v>892</v>
      </c>
      <c r="I1405" t="s">
        <v>892</v>
      </c>
      <c r="J1405" t="s">
        <v>752</v>
      </c>
      <c r="K1405">
        <v>90</v>
      </c>
      <c r="L1405" t="s">
        <v>892</v>
      </c>
      <c r="M1405" t="s">
        <v>892</v>
      </c>
      <c r="N1405" t="s">
        <v>892</v>
      </c>
      <c r="O1405" t="s">
        <v>892</v>
      </c>
      <c r="P1405" t="s">
        <v>746</v>
      </c>
      <c r="Q1405">
        <v>2</v>
      </c>
      <c r="R1405" t="s">
        <v>893</v>
      </c>
      <c r="S1405">
        <v>3</v>
      </c>
      <c r="T1405" t="s">
        <v>892</v>
      </c>
      <c r="U1405" t="s">
        <v>892</v>
      </c>
      <c r="V1405">
        <v>4</v>
      </c>
      <c r="W1405">
        <v>240</v>
      </c>
      <c r="X1405">
        <v>2020</v>
      </c>
    </row>
    <row r="1406" spans="1:24" x14ac:dyDescent="0.25">
      <c r="A1406">
        <v>11670</v>
      </c>
      <c r="B1406" t="s">
        <v>26</v>
      </c>
      <c r="C1406">
        <v>44</v>
      </c>
      <c r="D1406" t="s">
        <v>193</v>
      </c>
      <c r="E1406">
        <v>1105</v>
      </c>
      <c r="F1406" t="s">
        <v>892</v>
      </c>
      <c r="G1406" t="s">
        <v>892</v>
      </c>
      <c r="H1406" t="s">
        <v>892</v>
      </c>
      <c r="I1406" t="s">
        <v>892</v>
      </c>
      <c r="J1406" t="s">
        <v>839</v>
      </c>
      <c r="K1406">
        <v>89</v>
      </c>
      <c r="L1406" t="s">
        <v>892</v>
      </c>
      <c r="M1406" t="s">
        <v>892</v>
      </c>
      <c r="N1406" t="s">
        <v>892</v>
      </c>
      <c r="O1406" t="s">
        <v>892</v>
      </c>
      <c r="P1406" t="s">
        <v>746</v>
      </c>
      <c r="Q1406">
        <v>2</v>
      </c>
      <c r="R1406" t="s">
        <v>893</v>
      </c>
      <c r="S1406">
        <v>3</v>
      </c>
      <c r="T1406" t="s">
        <v>892</v>
      </c>
      <c r="U1406" t="s">
        <v>892</v>
      </c>
      <c r="V1406">
        <v>4</v>
      </c>
      <c r="W1406">
        <v>240</v>
      </c>
      <c r="X1406">
        <v>2020</v>
      </c>
    </row>
    <row r="1407" spans="1:24" x14ac:dyDescent="0.25">
      <c r="A1407">
        <v>11669</v>
      </c>
      <c r="B1407" t="s">
        <v>26</v>
      </c>
      <c r="C1407">
        <v>44</v>
      </c>
      <c r="D1407" t="s">
        <v>193</v>
      </c>
      <c r="E1407">
        <v>1105</v>
      </c>
      <c r="F1407" t="s">
        <v>892</v>
      </c>
      <c r="G1407" t="s">
        <v>892</v>
      </c>
      <c r="H1407" t="s">
        <v>892</v>
      </c>
      <c r="I1407" t="s">
        <v>892</v>
      </c>
      <c r="J1407" t="s">
        <v>878</v>
      </c>
      <c r="K1407">
        <v>91</v>
      </c>
      <c r="L1407" t="s">
        <v>892</v>
      </c>
      <c r="M1407" t="s">
        <v>892</v>
      </c>
      <c r="N1407" t="s">
        <v>892</v>
      </c>
      <c r="O1407" t="s">
        <v>892</v>
      </c>
      <c r="P1407" t="s">
        <v>746</v>
      </c>
      <c r="Q1407">
        <v>2</v>
      </c>
      <c r="R1407" t="s">
        <v>893</v>
      </c>
      <c r="S1407">
        <v>3</v>
      </c>
      <c r="T1407" t="s">
        <v>892</v>
      </c>
      <c r="U1407" t="s">
        <v>892</v>
      </c>
      <c r="V1407">
        <v>4</v>
      </c>
      <c r="W1407">
        <v>240</v>
      </c>
      <c r="X1407">
        <v>2020</v>
      </c>
    </row>
    <row r="1408" spans="1:24" x14ac:dyDescent="0.25">
      <c r="A1408">
        <v>11668</v>
      </c>
      <c r="B1408" t="s">
        <v>195</v>
      </c>
      <c r="C1408">
        <v>27</v>
      </c>
      <c r="D1408" t="s">
        <v>194</v>
      </c>
      <c r="E1408">
        <v>1104</v>
      </c>
      <c r="F1408" t="s">
        <v>892</v>
      </c>
      <c r="G1408" t="s">
        <v>892</v>
      </c>
      <c r="H1408" t="s">
        <v>892</v>
      </c>
      <c r="I1408" t="s">
        <v>892</v>
      </c>
      <c r="J1408" t="s">
        <v>752</v>
      </c>
      <c r="K1408">
        <v>90</v>
      </c>
      <c r="L1408" t="s">
        <v>892</v>
      </c>
      <c r="M1408" t="s">
        <v>892</v>
      </c>
      <c r="N1408" t="s">
        <v>892</v>
      </c>
      <c r="O1408" t="s">
        <v>892</v>
      </c>
      <c r="P1408" t="s">
        <v>746</v>
      </c>
      <c r="Q1408">
        <v>2</v>
      </c>
      <c r="R1408" t="s">
        <v>893</v>
      </c>
      <c r="S1408">
        <v>3</v>
      </c>
      <c r="T1408" t="s">
        <v>892</v>
      </c>
      <c r="U1408" t="s">
        <v>892</v>
      </c>
      <c r="V1408">
        <v>4</v>
      </c>
      <c r="W1408">
        <v>240</v>
      </c>
      <c r="X1408">
        <v>2020</v>
      </c>
    </row>
    <row r="1409" spans="1:24" x14ac:dyDescent="0.25">
      <c r="A1409">
        <v>11667</v>
      </c>
      <c r="B1409" t="s">
        <v>195</v>
      </c>
      <c r="C1409">
        <v>27</v>
      </c>
      <c r="D1409" t="s">
        <v>194</v>
      </c>
      <c r="E1409">
        <v>1104</v>
      </c>
      <c r="F1409" t="s">
        <v>892</v>
      </c>
      <c r="G1409" t="s">
        <v>892</v>
      </c>
      <c r="H1409" t="s">
        <v>892</v>
      </c>
      <c r="I1409" t="s">
        <v>892</v>
      </c>
      <c r="J1409" t="s">
        <v>839</v>
      </c>
      <c r="K1409">
        <v>89</v>
      </c>
      <c r="L1409" t="s">
        <v>892</v>
      </c>
      <c r="M1409" t="s">
        <v>892</v>
      </c>
      <c r="N1409" t="s">
        <v>892</v>
      </c>
      <c r="O1409" t="s">
        <v>892</v>
      </c>
      <c r="P1409" t="s">
        <v>746</v>
      </c>
      <c r="Q1409">
        <v>2</v>
      </c>
      <c r="R1409" t="s">
        <v>893</v>
      </c>
      <c r="S1409">
        <v>3</v>
      </c>
      <c r="T1409" t="s">
        <v>892</v>
      </c>
      <c r="U1409" t="s">
        <v>892</v>
      </c>
      <c r="V1409">
        <v>4</v>
      </c>
      <c r="W1409">
        <v>240</v>
      </c>
      <c r="X1409">
        <v>2020</v>
      </c>
    </row>
    <row r="1410" spans="1:24" x14ac:dyDescent="0.25">
      <c r="A1410">
        <v>11666</v>
      </c>
      <c r="B1410" t="s">
        <v>195</v>
      </c>
      <c r="C1410">
        <v>27</v>
      </c>
      <c r="D1410" t="s">
        <v>194</v>
      </c>
      <c r="E1410">
        <v>1104</v>
      </c>
      <c r="F1410" t="s">
        <v>892</v>
      </c>
      <c r="G1410" t="s">
        <v>892</v>
      </c>
      <c r="H1410" t="s">
        <v>892</v>
      </c>
      <c r="I1410" t="s">
        <v>892</v>
      </c>
      <c r="J1410" t="s">
        <v>878</v>
      </c>
      <c r="K1410">
        <v>91</v>
      </c>
      <c r="L1410" t="s">
        <v>892</v>
      </c>
      <c r="M1410" t="s">
        <v>892</v>
      </c>
      <c r="N1410" t="s">
        <v>892</v>
      </c>
      <c r="O1410" t="s">
        <v>892</v>
      </c>
      <c r="P1410" t="s">
        <v>746</v>
      </c>
      <c r="Q1410">
        <v>2</v>
      </c>
      <c r="R1410" t="s">
        <v>893</v>
      </c>
      <c r="S1410">
        <v>3</v>
      </c>
      <c r="T1410" t="s">
        <v>892</v>
      </c>
      <c r="U1410" t="s">
        <v>892</v>
      </c>
      <c r="V1410">
        <v>4</v>
      </c>
      <c r="W1410">
        <v>240</v>
      </c>
      <c r="X1410">
        <v>2020</v>
      </c>
    </row>
    <row r="1411" spans="1:24" x14ac:dyDescent="0.25">
      <c r="A1411">
        <v>11665</v>
      </c>
      <c r="B1411" t="s">
        <v>28</v>
      </c>
      <c r="C1411">
        <v>49</v>
      </c>
      <c r="D1411" t="s">
        <v>27</v>
      </c>
      <c r="E1411">
        <v>1359</v>
      </c>
      <c r="F1411" t="s">
        <v>892</v>
      </c>
      <c r="G1411" t="s">
        <v>892</v>
      </c>
      <c r="H1411" t="s">
        <v>892</v>
      </c>
      <c r="I1411" t="s">
        <v>892</v>
      </c>
      <c r="J1411" t="s">
        <v>752</v>
      </c>
      <c r="K1411">
        <v>90</v>
      </c>
      <c r="L1411" t="s">
        <v>892</v>
      </c>
      <c r="M1411" t="s">
        <v>892</v>
      </c>
      <c r="N1411" t="s">
        <v>892</v>
      </c>
      <c r="O1411" t="s">
        <v>892</v>
      </c>
      <c r="P1411" t="s">
        <v>746</v>
      </c>
      <c r="Q1411">
        <v>2</v>
      </c>
      <c r="R1411" t="s">
        <v>893</v>
      </c>
      <c r="S1411">
        <v>3</v>
      </c>
      <c r="T1411" t="s">
        <v>892</v>
      </c>
      <c r="U1411" t="s">
        <v>892</v>
      </c>
      <c r="V1411">
        <v>4</v>
      </c>
      <c r="W1411">
        <v>240</v>
      </c>
      <c r="X1411">
        <v>2020</v>
      </c>
    </row>
    <row r="1412" spans="1:24" x14ac:dyDescent="0.25">
      <c r="A1412">
        <v>11664</v>
      </c>
      <c r="B1412" t="s">
        <v>28</v>
      </c>
      <c r="C1412">
        <v>49</v>
      </c>
      <c r="D1412" t="s">
        <v>196</v>
      </c>
      <c r="E1412">
        <v>1103</v>
      </c>
      <c r="F1412" t="s">
        <v>892</v>
      </c>
      <c r="G1412" t="s">
        <v>892</v>
      </c>
      <c r="H1412" t="s">
        <v>892</v>
      </c>
      <c r="I1412" t="s">
        <v>892</v>
      </c>
      <c r="J1412" t="s">
        <v>839</v>
      </c>
      <c r="K1412">
        <v>89</v>
      </c>
      <c r="L1412" t="s">
        <v>892</v>
      </c>
      <c r="M1412" t="s">
        <v>892</v>
      </c>
      <c r="N1412" t="s">
        <v>892</v>
      </c>
      <c r="O1412" t="s">
        <v>892</v>
      </c>
      <c r="P1412" t="s">
        <v>746</v>
      </c>
      <c r="Q1412">
        <v>2</v>
      </c>
      <c r="R1412" t="s">
        <v>893</v>
      </c>
      <c r="S1412">
        <v>3</v>
      </c>
      <c r="T1412" t="s">
        <v>892</v>
      </c>
      <c r="U1412" t="s">
        <v>892</v>
      </c>
      <c r="V1412">
        <v>4</v>
      </c>
      <c r="W1412">
        <v>240</v>
      </c>
      <c r="X1412">
        <v>2020</v>
      </c>
    </row>
    <row r="1413" spans="1:24" x14ac:dyDescent="0.25">
      <c r="A1413">
        <v>11663</v>
      </c>
      <c r="B1413" t="s">
        <v>198</v>
      </c>
      <c r="C1413">
        <v>21</v>
      </c>
      <c r="D1413" t="s">
        <v>197</v>
      </c>
      <c r="E1413">
        <v>1102</v>
      </c>
      <c r="F1413" t="s">
        <v>892</v>
      </c>
      <c r="G1413" t="s">
        <v>892</v>
      </c>
      <c r="H1413" t="s">
        <v>892</v>
      </c>
      <c r="I1413" t="s">
        <v>892</v>
      </c>
      <c r="J1413" t="s">
        <v>752</v>
      </c>
      <c r="K1413">
        <v>90</v>
      </c>
      <c r="L1413" t="s">
        <v>892</v>
      </c>
      <c r="M1413" t="s">
        <v>892</v>
      </c>
      <c r="N1413" t="s">
        <v>892</v>
      </c>
      <c r="O1413" t="s">
        <v>892</v>
      </c>
      <c r="P1413" t="s">
        <v>746</v>
      </c>
      <c r="Q1413">
        <v>2</v>
      </c>
      <c r="R1413" t="s">
        <v>893</v>
      </c>
      <c r="S1413">
        <v>3</v>
      </c>
      <c r="T1413" t="s">
        <v>892</v>
      </c>
      <c r="U1413" t="s">
        <v>892</v>
      </c>
      <c r="V1413">
        <v>4</v>
      </c>
      <c r="W1413">
        <v>240</v>
      </c>
      <c r="X1413">
        <v>2020</v>
      </c>
    </row>
    <row r="1414" spans="1:24" x14ac:dyDescent="0.25">
      <c r="A1414">
        <v>11662</v>
      </c>
      <c r="B1414" t="s">
        <v>198</v>
      </c>
      <c r="C1414">
        <v>21</v>
      </c>
      <c r="D1414" t="s">
        <v>197</v>
      </c>
      <c r="E1414">
        <v>1102</v>
      </c>
      <c r="F1414" t="s">
        <v>892</v>
      </c>
      <c r="G1414" t="s">
        <v>892</v>
      </c>
      <c r="H1414" t="s">
        <v>892</v>
      </c>
      <c r="I1414" t="s">
        <v>892</v>
      </c>
      <c r="J1414" t="s">
        <v>839</v>
      </c>
      <c r="K1414">
        <v>89</v>
      </c>
      <c r="L1414" t="s">
        <v>892</v>
      </c>
      <c r="M1414" t="s">
        <v>892</v>
      </c>
      <c r="N1414" t="s">
        <v>892</v>
      </c>
      <c r="O1414" t="s">
        <v>892</v>
      </c>
      <c r="P1414" t="s">
        <v>746</v>
      </c>
      <c r="Q1414">
        <v>2</v>
      </c>
      <c r="R1414" t="s">
        <v>893</v>
      </c>
      <c r="S1414">
        <v>3</v>
      </c>
      <c r="T1414" t="s">
        <v>892</v>
      </c>
      <c r="U1414" t="s">
        <v>892</v>
      </c>
      <c r="V1414">
        <v>4</v>
      </c>
      <c r="W1414">
        <v>240</v>
      </c>
      <c r="X1414">
        <v>2020</v>
      </c>
    </row>
    <row r="1415" spans="1:24" x14ac:dyDescent="0.25">
      <c r="A1415">
        <v>11661</v>
      </c>
      <c r="B1415" t="s">
        <v>198</v>
      </c>
      <c r="C1415">
        <v>21</v>
      </c>
      <c r="D1415" t="s">
        <v>197</v>
      </c>
      <c r="E1415">
        <v>1102</v>
      </c>
      <c r="F1415" t="s">
        <v>892</v>
      </c>
      <c r="G1415" t="s">
        <v>892</v>
      </c>
      <c r="H1415" t="s">
        <v>892</v>
      </c>
      <c r="I1415" t="s">
        <v>892</v>
      </c>
      <c r="J1415" t="s">
        <v>878</v>
      </c>
      <c r="K1415">
        <v>91</v>
      </c>
      <c r="L1415" t="s">
        <v>892</v>
      </c>
      <c r="M1415" t="s">
        <v>892</v>
      </c>
      <c r="N1415" t="s">
        <v>892</v>
      </c>
      <c r="O1415" t="s">
        <v>892</v>
      </c>
      <c r="P1415" t="s">
        <v>746</v>
      </c>
      <c r="Q1415">
        <v>2</v>
      </c>
      <c r="R1415" t="s">
        <v>893</v>
      </c>
      <c r="S1415">
        <v>3</v>
      </c>
      <c r="T1415" t="s">
        <v>892</v>
      </c>
      <c r="U1415" t="s">
        <v>892</v>
      </c>
      <c r="V1415">
        <v>4</v>
      </c>
      <c r="W1415">
        <v>240</v>
      </c>
      <c r="X1415">
        <v>2020</v>
      </c>
    </row>
    <row r="1416" spans="1:24" x14ac:dyDescent="0.25">
      <c r="A1416">
        <v>11660</v>
      </c>
      <c r="B1416" t="s">
        <v>200</v>
      </c>
      <c r="C1416">
        <v>32</v>
      </c>
      <c r="D1416" t="s">
        <v>199</v>
      </c>
      <c r="E1416">
        <v>1101</v>
      </c>
      <c r="F1416" t="s">
        <v>892</v>
      </c>
      <c r="G1416" t="s">
        <v>892</v>
      </c>
      <c r="H1416" t="s">
        <v>892</v>
      </c>
      <c r="I1416" t="s">
        <v>892</v>
      </c>
      <c r="J1416" t="s">
        <v>752</v>
      </c>
      <c r="K1416">
        <v>90</v>
      </c>
      <c r="L1416" t="s">
        <v>892</v>
      </c>
      <c r="M1416" t="s">
        <v>892</v>
      </c>
      <c r="N1416" t="s">
        <v>892</v>
      </c>
      <c r="O1416" t="s">
        <v>892</v>
      </c>
      <c r="P1416" t="s">
        <v>746</v>
      </c>
      <c r="Q1416">
        <v>2</v>
      </c>
      <c r="R1416" t="s">
        <v>893</v>
      </c>
      <c r="S1416">
        <v>3</v>
      </c>
      <c r="T1416" t="s">
        <v>892</v>
      </c>
      <c r="U1416" t="s">
        <v>892</v>
      </c>
      <c r="V1416">
        <v>4</v>
      </c>
      <c r="W1416">
        <v>240</v>
      </c>
      <c r="X1416">
        <v>2020</v>
      </c>
    </row>
    <row r="1417" spans="1:24" x14ac:dyDescent="0.25">
      <c r="A1417">
        <v>11659</v>
      </c>
      <c r="B1417" t="s">
        <v>200</v>
      </c>
      <c r="C1417">
        <v>32</v>
      </c>
      <c r="D1417" t="s">
        <v>199</v>
      </c>
      <c r="E1417">
        <v>1101</v>
      </c>
      <c r="F1417" t="s">
        <v>892</v>
      </c>
      <c r="G1417" t="s">
        <v>892</v>
      </c>
      <c r="H1417" t="s">
        <v>892</v>
      </c>
      <c r="I1417" t="s">
        <v>892</v>
      </c>
      <c r="J1417" t="s">
        <v>839</v>
      </c>
      <c r="K1417">
        <v>89</v>
      </c>
      <c r="L1417" t="s">
        <v>892</v>
      </c>
      <c r="M1417" t="s">
        <v>892</v>
      </c>
      <c r="N1417" t="s">
        <v>892</v>
      </c>
      <c r="O1417" t="s">
        <v>892</v>
      </c>
      <c r="P1417" t="s">
        <v>746</v>
      </c>
      <c r="Q1417">
        <v>2</v>
      </c>
      <c r="R1417" t="s">
        <v>893</v>
      </c>
      <c r="S1417">
        <v>3</v>
      </c>
      <c r="T1417" t="s">
        <v>892</v>
      </c>
      <c r="U1417" t="s">
        <v>892</v>
      </c>
      <c r="V1417">
        <v>4</v>
      </c>
      <c r="W1417">
        <v>240</v>
      </c>
      <c r="X1417">
        <v>2020</v>
      </c>
    </row>
    <row r="1418" spans="1:24" x14ac:dyDescent="0.25">
      <c r="A1418">
        <v>11658</v>
      </c>
      <c r="B1418" t="s">
        <v>200</v>
      </c>
      <c r="C1418">
        <v>32</v>
      </c>
      <c r="D1418" t="s">
        <v>199</v>
      </c>
      <c r="E1418">
        <v>1101</v>
      </c>
      <c r="F1418" t="s">
        <v>892</v>
      </c>
      <c r="G1418" t="s">
        <v>892</v>
      </c>
      <c r="H1418" t="s">
        <v>892</v>
      </c>
      <c r="I1418" t="s">
        <v>892</v>
      </c>
      <c r="J1418" t="s">
        <v>878</v>
      </c>
      <c r="K1418">
        <v>91</v>
      </c>
      <c r="L1418" t="s">
        <v>892</v>
      </c>
      <c r="M1418" t="s">
        <v>892</v>
      </c>
      <c r="N1418" t="s">
        <v>892</v>
      </c>
      <c r="O1418" t="s">
        <v>892</v>
      </c>
      <c r="P1418" t="s">
        <v>746</v>
      </c>
      <c r="Q1418">
        <v>2</v>
      </c>
      <c r="R1418" t="s">
        <v>893</v>
      </c>
      <c r="S1418">
        <v>3</v>
      </c>
      <c r="T1418" t="s">
        <v>892</v>
      </c>
      <c r="U1418" t="s">
        <v>892</v>
      </c>
      <c r="V1418">
        <v>4</v>
      </c>
      <c r="W1418">
        <v>240</v>
      </c>
      <c r="X1418">
        <v>2020</v>
      </c>
    </row>
    <row r="1419" spans="1:24" x14ac:dyDescent="0.25">
      <c r="A1419">
        <v>11657</v>
      </c>
      <c r="B1419" t="s">
        <v>202</v>
      </c>
      <c r="C1419">
        <v>6</v>
      </c>
      <c r="D1419" t="s">
        <v>201</v>
      </c>
      <c r="E1419">
        <v>1100</v>
      </c>
      <c r="F1419" t="s">
        <v>892</v>
      </c>
      <c r="G1419" t="s">
        <v>892</v>
      </c>
      <c r="H1419" t="s">
        <v>892</v>
      </c>
      <c r="I1419" t="s">
        <v>892</v>
      </c>
      <c r="J1419" t="s">
        <v>752</v>
      </c>
      <c r="K1419">
        <v>90</v>
      </c>
      <c r="L1419" t="s">
        <v>892</v>
      </c>
      <c r="M1419" t="s">
        <v>892</v>
      </c>
      <c r="N1419" t="s">
        <v>892</v>
      </c>
      <c r="O1419" t="s">
        <v>892</v>
      </c>
      <c r="P1419" t="s">
        <v>746</v>
      </c>
      <c r="Q1419">
        <v>2</v>
      </c>
      <c r="R1419" t="s">
        <v>893</v>
      </c>
      <c r="S1419">
        <v>3</v>
      </c>
      <c r="T1419" t="s">
        <v>892</v>
      </c>
      <c r="U1419" t="s">
        <v>892</v>
      </c>
      <c r="V1419">
        <v>4</v>
      </c>
      <c r="W1419">
        <v>240</v>
      </c>
      <c r="X1419">
        <v>2020</v>
      </c>
    </row>
    <row r="1420" spans="1:24" x14ac:dyDescent="0.25">
      <c r="A1420">
        <v>11656</v>
      </c>
      <c r="B1420" t="s">
        <v>202</v>
      </c>
      <c r="C1420">
        <v>6</v>
      </c>
      <c r="D1420" t="s">
        <v>201</v>
      </c>
      <c r="E1420">
        <v>1100</v>
      </c>
      <c r="F1420" t="s">
        <v>892</v>
      </c>
      <c r="G1420" t="s">
        <v>892</v>
      </c>
      <c r="H1420" t="s">
        <v>892</v>
      </c>
      <c r="I1420" t="s">
        <v>892</v>
      </c>
      <c r="J1420" t="s">
        <v>839</v>
      </c>
      <c r="K1420">
        <v>89</v>
      </c>
      <c r="L1420" t="s">
        <v>892</v>
      </c>
      <c r="M1420" t="s">
        <v>892</v>
      </c>
      <c r="N1420" t="s">
        <v>892</v>
      </c>
      <c r="O1420" t="s">
        <v>892</v>
      </c>
      <c r="P1420" t="s">
        <v>746</v>
      </c>
      <c r="Q1420">
        <v>2</v>
      </c>
      <c r="R1420" t="s">
        <v>893</v>
      </c>
      <c r="S1420">
        <v>3</v>
      </c>
      <c r="T1420" t="s">
        <v>892</v>
      </c>
      <c r="U1420" t="s">
        <v>892</v>
      </c>
      <c r="V1420">
        <v>4</v>
      </c>
      <c r="W1420">
        <v>240</v>
      </c>
      <c r="X1420">
        <v>2020</v>
      </c>
    </row>
    <row r="1421" spans="1:24" x14ac:dyDescent="0.25">
      <c r="A1421">
        <v>11655</v>
      </c>
      <c r="B1421" t="s">
        <v>202</v>
      </c>
      <c r="C1421">
        <v>6</v>
      </c>
      <c r="D1421" t="s">
        <v>201</v>
      </c>
      <c r="E1421">
        <v>1100</v>
      </c>
      <c r="F1421" t="s">
        <v>892</v>
      </c>
      <c r="G1421" t="s">
        <v>892</v>
      </c>
      <c r="H1421" t="s">
        <v>892</v>
      </c>
      <c r="I1421" t="s">
        <v>892</v>
      </c>
      <c r="J1421" t="s">
        <v>878</v>
      </c>
      <c r="K1421">
        <v>91</v>
      </c>
      <c r="L1421" t="s">
        <v>892</v>
      </c>
      <c r="M1421" t="s">
        <v>892</v>
      </c>
      <c r="N1421" t="s">
        <v>892</v>
      </c>
      <c r="O1421" t="s">
        <v>892</v>
      </c>
      <c r="P1421" t="s">
        <v>746</v>
      </c>
      <c r="Q1421">
        <v>2</v>
      </c>
      <c r="R1421" t="s">
        <v>893</v>
      </c>
      <c r="S1421">
        <v>3</v>
      </c>
      <c r="T1421" t="s">
        <v>892</v>
      </c>
      <c r="U1421" t="s">
        <v>892</v>
      </c>
      <c r="V1421">
        <v>4</v>
      </c>
      <c r="W1421">
        <v>240</v>
      </c>
      <c r="X1421">
        <v>2020</v>
      </c>
    </row>
    <row r="1422" spans="1:24" x14ac:dyDescent="0.25">
      <c r="A1422">
        <v>11654</v>
      </c>
      <c r="B1422" t="s">
        <v>204</v>
      </c>
      <c r="C1422">
        <v>45</v>
      </c>
      <c r="D1422" t="s">
        <v>203</v>
      </c>
      <c r="E1422">
        <v>1099</v>
      </c>
      <c r="F1422" t="s">
        <v>892</v>
      </c>
      <c r="G1422" t="s">
        <v>892</v>
      </c>
      <c r="H1422" t="s">
        <v>892</v>
      </c>
      <c r="I1422" t="s">
        <v>892</v>
      </c>
      <c r="J1422" t="s">
        <v>679</v>
      </c>
      <c r="K1422">
        <v>32</v>
      </c>
      <c r="L1422" t="s">
        <v>892</v>
      </c>
      <c r="M1422" t="s">
        <v>892</v>
      </c>
      <c r="N1422" t="s">
        <v>892</v>
      </c>
      <c r="O1422" t="s">
        <v>892</v>
      </c>
      <c r="P1422" t="s">
        <v>746</v>
      </c>
      <c r="Q1422">
        <v>2</v>
      </c>
      <c r="R1422" t="s">
        <v>893</v>
      </c>
      <c r="S1422">
        <v>3</v>
      </c>
      <c r="T1422" t="s">
        <v>892</v>
      </c>
      <c r="U1422" t="s">
        <v>892</v>
      </c>
      <c r="V1422">
        <v>3</v>
      </c>
      <c r="W1422">
        <v>180</v>
      </c>
      <c r="X1422">
        <v>2020</v>
      </c>
    </row>
    <row r="1423" spans="1:24" x14ac:dyDescent="0.25">
      <c r="A1423">
        <v>11653</v>
      </c>
      <c r="B1423" t="s">
        <v>206</v>
      </c>
      <c r="C1423">
        <v>33</v>
      </c>
      <c r="D1423" t="s">
        <v>205</v>
      </c>
      <c r="E1423">
        <v>1098</v>
      </c>
      <c r="F1423" t="s">
        <v>892</v>
      </c>
      <c r="G1423" t="s">
        <v>892</v>
      </c>
      <c r="H1423" t="s">
        <v>892</v>
      </c>
      <c r="I1423" t="s">
        <v>892</v>
      </c>
      <c r="J1423" t="s">
        <v>679</v>
      </c>
      <c r="K1423">
        <v>32</v>
      </c>
      <c r="L1423" t="s">
        <v>892</v>
      </c>
      <c r="M1423" t="s">
        <v>892</v>
      </c>
      <c r="N1423" t="s">
        <v>892</v>
      </c>
      <c r="O1423" t="s">
        <v>892</v>
      </c>
      <c r="P1423" t="s">
        <v>746</v>
      </c>
      <c r="Q1423">
        <v>2</v>
      </c>
      <c r="R1423" t="s">
        <v>893</v>
      </c>
      <c r="S1423">
        <v>3</v>
      </c>
      <c r="T1423" t="s">
        <v>892</v>
      </c>
      <c r="U1423" t="s">
        <v>892</v>
      </c>
      <c r="V1423">
        <v>3</v>
      </c>
      <c r="W1423">
        <v>180</v>
      </c>
      <c r="X1423">
        <v>2020</v>
      </c>
    </row>
    <row r="1424" spans="1:24" x14ac:dyDescent="0.25">
      <c r="A1424">
        <v>11652</v>
      </c>
      <c r="B1424" t="s">
        <v>206</v>
      </c>
      <c r="C1424">
        <v>33</v>
      </c>
      <c r="D1424" t="s">
        <v>207</v>
      </c>
      <c r="E1424">
        <v>1097</v>
      </c>
      <c r="F1424" t="s">
        <v>892</v>
      </c>
      <c r="G1424" t="s">
        <v>892</v>
      </c>
      <c r="H1424" t="s">
        <v>892</v>
      </c>
      <c r="I1424" t="s">
        <v>892</v>
      </c>
      <c r="J1424" t="s">
        <v>673</v>
      </c>
      <c r="K1424">
        <v>34</v>
      </c>
      <c r="L1424" t="s">
        <v>892</v>
      </c>
      <c r="M1424" t="s">
        <v>892</v>
      </c>
      <c r="N1424" t="s">
        <v>892</v>
      </c>
      <c r="O1424" t="s">
        <v>892</v>
      </c>
      <c r="P1424" t="s">
        <v>746</v>
      </c>
      <c r="Q1424">
        <v>2</v>
      </c>
      <c r="R1424" t="s">
        <v>893</v>
      </c>
      <c r="S1424">
        <v>3</v>
      </c>
      <c r="T1424" t="s">
        <v>892</v>
      </c>
      <c r="U1424" t="s">
        <v>892</v>
      </c>
      <c r="V1424">
        <v>3</v>
      </c>
      <c r="W1424">
        <v>180</v>
      </c>
      <c r="X1424">
        <v>2020</v>
      </c>
    </row>
    <row r="1425" spans="1:24" x14ac:dyDescent="0.25">
      <c r="A1425">
        <v>11651</v>
      </c>
      <c r="B1425" t="s">
        <v>206</v>
      </c>
      <c r="C1425">
        <v>33</v>
      </c>
      <c r="D1425" t="s">
        <v>208</v>
      </c>
      <c r="E1425">
        <v>1096</v>
      </c>
      <c r="F1425" t="s">
        <v>892</v>
      </c>
      <c r="G1425" t="s">
        <v>892</v>
      </c>
      <c r="H1425" t="s">
        <v>892</v>
      </c>
      <c r="I1425" t="s">
        <v>892</v>
      </c>
      <c r="J1425" t="s">
        <v>659</v>
      </c>
      <c r="K1425">
        <v>35</v>
      </c>
      <c r="L1425" t="s">
        <v>892</v>
      </c>
      <c r="M1425" t="s">
        <v>892</v>
      </c>
      <c r="N1425" t="s">
        <v>892</v>
      </c>
      <c r="O1425" t="s">
        <v>892</v>
      </c>
      <c r="P1425" t="s">
        <v>746</v>
      </c>
      <c r="Q1425">
        <v>2</v>
      </c>
      <c r="R1425" t="s">
        <v>893</v>
      </c>
      <c r="S1425">
        <v>3</v>
      </c>
      <c r="T1425" t="s">
        <v>892</v>
      </c>
      <c r="U1425" t="s">
        <v>892</v>
      </c>
      <c r="V1425">
        <v>3</v>
      </c>
      <c r="W1425">
        <v>180</v>
      </c>
      <c r="X1425">
        <v>2020</v>
      </c>
    </row>
    <row r="1426" spans="1:24" x14ac:dyDescent="0.25">
      <c r="A1426">
        <v>11650</v>
      </c>
      <c r="B1426" t="s">
        <v>210</v>
      </c>
      <c r="C1426">
        <v>23</v>
      </c>
      <c r="D1426" t="s">
        <v>209</v>
      </c>
      <c r="E1426">
        <v>1095</v>
      </c>
      <c r="F1426" t="s">
        <v>892</v>
      </c>
      <c r="G1426" t="s">
        <v>892</v>
      </c>
      <c r="H1426" t="s">
        <v>892</v>
      </c>
      <c r="I1426" t="s">
        <v>892</v>
      </c>
      <c r="J1426" t="s">
        <v>659</v>
      </c>
      <c r="K1426">
        <v>35</v>
      </c>
      <c r="L1426" t="s">
        <v>892</v>
      </c>
      <c r="M1426" t="s">
        <v>892</v>
      </c>
      <c r="N1426" t="s">
        <v>892</v>
      </c>
      <c r="O1426" t="s">
        <v>892</v>
      </c>
      <c r="P1426" t="s">
        <v>746</v>
      </c>
      <c r="Q1426">
        <v>2</v>
      </c>
      <c r="R1426" t="s">
        <v>893</v>
      </c>
      <c r="S1426">
        <v>3</v>
      </c>
      <c r="T1426" t="s">
        <v>892</v>
      </c>
      <c r="U1426" t="s">
        <v>892</v>
      </c>
      <c r="V1426">
        <v>3</v>
      </c>
      <c r="W1426">
        <v>180</v>
      </c>
      <c r="X1426">
        <v>2020</v>
      </c>
    </row>
    <row r="1427" spans="1:24" x14ac:dyDescent="0.25">
      <c r="A1427">
        <v>11648</v>
      </c>
      <c r="B1427" t="s">
        <v>84</v>
      </c>
      <c r="C1427">
        <v>3</v>
      </c>
      <c r="D1427" t="s">
        <v>211</v>
      </c>
      <c r="E1427">
        <v>1094</v>
      </c>
      <c r="F1427" t="s">
        <v>892</v>
      </c>
      <c r="G1427" t="s">
        <v>892</v>
      </c>
      <c r="H1427" t="s">
        <v>892</v>
      </c>
      <c r="I1427" t="s">
        <v>892</v>
      </c>
      <c r="J1427" t="s">
        <v>1538</v>
      </c>
      <c r="K1427">
        <v>36</v>
      </c>
      <c r="L1427" t="s">
        <v>892</v>
      </c>
      <c r="M1427" t="s">
        <v>892</v>
      </c>
      <c r="N1427" t="s">
        <v>892</v>
      </c>
      <c r="O1427" t="s">
        <v>892</v>
      </c>
      <c r="P1427" t="s">
        <v>746</v>
      </c>
      <c r="Q1427">
        <v>2</v>
      </c>
      <c r="R1427" t="s">
        <v>893</v>
      </c>
      <c r="S1427">
        <v>3</v>
      </c>
      <c r="T1427" t="s">
        <v>892</v>
      </c>
      <c r="U1427" t="s">
        <v>892</v>
      </c>
      <c r="V1427">
        <v>3</v>
      </c>
      <c r="W1427">
        <v>180</v>
      </c>
      <c r="X1427">
        <v>2020</v>
      </c>
    </row>
    <row r="1428" spans="1:24" x14ac:dyDescent="0.25">
      <c r="A1428">
        <v>11647</v>
      </c>
      <c r="B1428" t="s">
        <v>213</v>
      </c>
      <c r="C1428">
        <v>15</v>
      </c>
      <c r="D1428" t="s">
        <v>212</v>
      </c>
      <c r="E1428">
        <v>1092</v>
      </c>
      <c r="F1428" t="s">
        <v>892</v>
      </c>
      <c r="G1428" t="s">
        <v>892</v>
      </c>
      <c r="H1428" t="s">
        <v>892</v>
      </c>
      <c r="I1428" t="s">
        <v>892</v>
      </c>
      <c r="J1428" t="s">
        <v>693</v>
      </c>
      <c r="K1428">
        <v>56</v>
      </c>
      <c r="L1428" t="s">
        <v>892</v>
      </c>
      <c r="M1428" t="s">
        <v>892</v>
      </c>
      <c r="N1428" t="s">
        <v>892</v>
      </c>
      <c r="O1428" t="s">
        <v>892</v>
      </c>
      <c r="P1428" t="s">
        <v>746</v>
      </c>
      <c r="Q1428">
        <v>2</v>
      </c>
      <c r="R1428" t="s">
        <v>893</v>
      </c>
      <c r="S1428">
        <v>3</v>
      </c>
      <c r="T1428" t="s">
        <v>892</v>
      </c>
      <c r="U1428" t="s">
        <v>892</v>
      </c>
      <c r="V1428">
        <v>3</v>
      </c>
      <c r="W1428">
        <v>180</v>
      </c>
      <c r="X1428">
        <v>2020</v>
      </c>
    </row>
    <row r="1429" spans="1:24" x14ac:dyDescent="0.25">
      <c r="A1429">
        <v>11646</v>
      </c>
      <c r="B1429" t="s">
        <v>213</v>
      </c>
      <c r="C1429">
        <v>15</v>
      </c>
      <c r="D1429" t="s">
        <v>212</v>
      </c>
      <c r="E1429">
        <v>1092</v>
      </c>
      <c r="F1429" t="s">
        <v>892</v>
      </c>
      <c r="G1429" t="s">
        <v>892</v>
      </c>
      <c r="H1429" t="s">
        <v>892</v>
      </c>
      <c r="I1429" t="s">
        <v>892</v>
      </c>
      <c r="J1429" t="s">
        <v>848</v>
      </c>
      <c r="K1429">
        <v>62</v>
      </c>
      <c r="L1429" t="s">
        <v>892</v>
      </c>
      <c r="M1429" t="s">
        <v>892</v>
      </c>
      <c r="N1429" t="s">
        <v>892</v>
      </c>
      <c r="O1429" t="s">
        <v>892</v>
      </c>
      <c r="P1429" t="s">
        <v>746</v>
      </c>
      <c r="Q1429">
        <v>2</v>
      </c>
      <c r="R1429" t="s">
        <v>893</v>
      </c>
      <c r="S1429">
        <v>3</v>
      </c>
      <c r="T1429" t="s">
        <v>892</v>
      </c>
      <c r="U1429" t="s">
        <v>892</v>
      </c>
      <c r="V1429">
        <v>3</v>
      </c>
      <c r="W1429">
        <v>180</v>
      </c>
      <c r="X1429">
        <v>2020</v>
      </c>
    </row>
    <row r="1430" spans="1:24" x14ac:dyDescent="0.25">
      <c r="A1430">
        <v>11645</v>
      </c>
      <c r="B1430" t="s">
        <v>215</v>
      </c>
      <c r="C1430">
        <v>41</v>
      </c>
      <c r="D1430" t="s">
        <v>214</v>
      </c>
      <c r="E1430">
        <v>1091</v>
      </c>
      <c r="F1430" t="s">
        <v>892</v>
      </c>
      <c r="G1430" t="s">
        <v>892</v>
      </c>
      <c r="H1430" t="s">
        <v>892</v>
      </c>
      <c r="I1430" t="s">
        <v>892</v>
      </c>
      <c r="J1430" t="s">
        <v>738</v>
      </c>
      <c r="K1430">
        <v>61</v>
      </c>
      <c r="L1430" t="s">
        <v>892</v>
      </c>
      <c r="M1430" t="s">
        <v>892</v>
      </c>
      <c r="N1430" t="s">
        <v>892</v>
      </c>
      <c r="O1430" t="s">
        <v>892</v>
      </c>
      <c r="P1430" t="s">
        <v>746</v>
      </c>
      <c r="Q1430">
        <v>2</v>
      </c>
      <c r="R1430" t="s">
        <v>893</v>
      </c>
      <c r="S1430">
        <v>3</v>
      </c>
      <c r="T1430" t="s">
        <v>892</v>
      </c>
      <c r="U1430" t="s">
        <v>892</v>
      </c>
      <c r="V1430">
        <v>3</v>
      </c>
      <c r="W1430">
        <v>180</v>
      </c>
      <c r="X1430">
        <v>2020</v>
      </c>
    </row>
    <row r="1431" spans="1:24" x14ac:dyDescent="0.25">
      <c r="A1431">
        <v>11644</v>
      </c>
      <c r="B1431" t="s">
        <v>215</v>
      </c>
      <c r="C1431">
        <v>41</v>
      </c>
      <c r="D1431" t="s">
        <v>214</v>
      </c>
      <c r="E1431">
        <v>1091</v>
      </c>
      <c r="F1431" t="s">
        <v>892</v>
      </c>
      <c r="G1431" t="s">
        <v>892</v>
      </c>
      <c r="H1431" t="s">
        <v>892</v>
      </c>
      <c r="I1431" t="s">
        <v>892</v>
      </c>
      <c r="J1431" t="s">
        <v>714</v>
      </c>
      <c r="K1431">
        <v>52</v>
      </c>
      <c r="L1431" t="s">
        <v>892</v>
      </c>
      <c r="M1431" t="s">
        <v>892</v>
      </c>
      <c r="N1431" t="s">
        <v>892</v>
      </c>
      <c r="O1431" t="s">
        <v>892</v>
      </c>
      <c r="P1431" t="s">
        <v>746</v>
      </c>
      <c r="Q1431">
        <v>2</v>
      </c>
      <c r="R1431" t="s">
        <v>893</v>
      </c>
      <c r="S1431">
        <v>3</v>
      </c>
      <c r="T1431" t="s">
        <v>892</v>
      </c>
      <c r="U1431" t="s">
        <v>892</v>
      </c>
      <c r="V1431">
        <v>3</v>
      </c>
      <c r="W1431">
        <v>180</v>
      </c>
      <c r="X1431">
        <v>2020</v>
      </c>
    </row>
    <row r="1432" spans="1:24" x14ac:dyDescent="0.25">
      <c r="A1432">
        <v>11643</v>
      </c>
      <c r="B1432" t="s">
        <v>215</v>
      </c>
      <c r="C1432">
        <v>41</v>
      </c>
      <c r="D1432" t="s">
        <v>214</v>
      </c>
      <c r="E1432">
        <v>1091</v>
      </c>
      <c r="F1432" t="s">
        <v>892</v>
      </c>
      <c r="G1432" t="s">
        <v>892</v>
      </c>
      <c r="H1432" t="s">
        <v>892</v>
      </c>
      <c r="I1432" t="s">
        <v>892</v>
      </c>
      <c r="J1432" t="s">
        <v>1236</v>
      </c>
      <c r="K1432">
        <v>60</v>
      </c>
      <c r="L1432" t="s">
        <v>892</v>
      </c>
      <c r="M1432" t="s">
        <v>892</v>
      </c>
      <c r="N1432" t="s">
        <v>892</v>
      </c>
      <c r="O1432" t="s">
        <v>892</v>
      </c>
      <c r="P1432" t="s">
        <v>746</v>
      </c>
      <c r="Q1432">
        <v>2</v>
      </c>
      <c r="R1432" t="s">
        <v>893</v>
      </c>
      <c r="S1432">
        <v>3</v>
      </c>
      <c r="T1432" t="s">
        <v>892</v>
      </c>
      <c r="U1432" t="s">
        <v>892</v>
      </c>
      <c r="V1432">
        <v>3</v>
      </c>
      <c r="W1432">
        <v>180</v>
      </c>
      <c r="X1432">
        <v>2020</v>
      </c>
    </row>
    <row r="1433" spans="1:24" x14ac:dyDescent="0.25">
      <c r="A1433">
        <v>11642</v>
      </c>
      <c r="B1433" t="s">
        <v>215</v>
      </c>
      <c r="C1433">
        <v>41</v>
      </c>
      <c r="D1433" t="s">
        <v>216</v>
      </c>
      <c r="E1433">
        <v>1090</v>
      </c>
      <c r="F1433" t="s">
        <v>892</v>
      </c>
      <c r="G1433" t="s">
        <v>892</v>
      </c>
      <c r="H1433" t="s">
        <v>892</v>
      </c>
      <c r="I1433" t="s">
        <v>892</v>
      </c>
      <c r="J1433" t="s">
        <v>295</v>
      </c>
      <c r="K1433">
        <v>30</v>
      </c>
      <c r="L1433" t="s">
        <v>892</v>
      </c>
      <c r="M1433" t="s">
        <v>892</v>
      </c>
      <c r="N1433" t="s">
        <v>892</v>
      </c>
      <c r="O1433" t="s">
        <v>892</v>
      </c>
      <c r="P1433" t="s">
        <v>746</v>
      </c>
      <c r="Q1433">
        <v>2</v>
      </c>
      <c r="R1433" t="s">
        <v>893</v>
      </c>
      <c r="S1433">
        <v>3</v>
      </c>
      <c r="T1433" t="s">
        <v>892</v>
      </c>
      <c r="U1433" t="s">
        <v>892</v>
      </c>
      <c r="V1433">
        <v>3</v>
      </c>
      <c r="W1433">
        <v>180</v>
      </c>
      <c r="X1433">
        <v>2020</v>
      </c>
    </row>
    <row r="1434" spans="1:24" x14ac:dyDescent="0.25">
      <c r="A1434">
        <v>11641</v>
      </c>
      <c r="B1434" t="s">
        <v>215</v>
      </c>
      <c r="C1434">
        <v>41</v>
      </c>
      <c r="D1434" t="s">
        <v>216</v>
      </c>
      <c r="E1434">
        <v>1090</v>
      </c>
      <c r="F1434" t="s">
        <v>892</v>
      </c>
      <c r="G1434" t="s">
        <v>892</v>
      </c>
      <c r="H1434" t="s">
        <v>892</v>
      </c>
      <c r="I1434" t="s">
        <v>892</v>
      </c>
      <c r="J1434" t="s">
        <v>802</v>
      </c>
      <c r="K1434">
        <v>12</v>
      </c>
      <c r="L1434" t="s">
        <v>892</v>
      </c>
      <c r="M1434" t="s">
        <v>892</v>
      </c>
      <c r="N1434" t="s">
        <v>892</v>
      </c>
      <c r="O1434" t="s">
        <v>892</v>
      </c>
      <c r="P1434" t="s">
        <v>746</v>
      </c>
      <c r="Q1434">
        <v>2</v>
      </c>
      <c r="R1434" t="s">
        <v>893</v>
      </c>
      <c r="S1434">
        <v>3</v>
      </c>
      <c r="T1434" t="s">
        <v>892</v>
      </c>
      <c r="U1434" t="s">
        <v>892</v>
      </c>
      <c r="V1434">
        <v>3</v>
      </c>
      <c r="W1434">
        <v>180</v>
      </c>
      <c r="X1434">
        <v>2020</v>
      </c>
    </row>
    <row r="1435" spans="1:24" x14ac:dyDescent="0.25">
      <c r="A1435">
        <v>11640</v>
      </c>
      <c r="B1435" t="s">
        <v>215</v>
      </c>
      <c r="C1435">
        <v>41</v>
      </c>
      <c r="D1435" t="s">
        <v>216</v>
      </c>
      <c r="E1435">
        <v>1090</v>
      </c>
      <c r="F1435" t="s">
        <v>892</v>
      </c>
      <c r="G1435" t="s">
        <v>892</v>
      </c>
      <c r="H1435" t="s">
        <v>892</v>
      </c>
      <c r="I1435" t="s">
        <v>892</v>
      </c>
      <c r="J1435" t="s">
        <v>299</v>
      </c>
      <c r="K1435">
        <v>27</v>
      </c>
      <c r="L1435" t="s">
        <v>892</v>
      </c>
      <c r="M1435" t="s">
        <v>892</v>
      </c>
      <c r="N1435" t="s">
        <v>892</v>
      </c>
      <c r="O1435" t="s">
        <v>892</v>
      </c>
      <c r="P1435" t="s">
        <v>746</v>
      </c>
      <c r="Q1435">
        <v>2</v>
      </c>
      <c r="R1435" t="s">
        <v>893</v>
      </c>
      <c r="S1435">
        <v>3</v>
      </c>
      <c r="T1435" t="s">
        <v>892</v>
      </c>
      <c r="U1435" t="s">
        <v>892</v>
      </c>
      <c r="V1435">
        <v>3</v>
      </c>
      <c r="W1435">
        <v>180</v>
      </c>
      <c r="X1435">
        <v>2020</v>
      </c>
    </row>
    <row r="1436" spans="1:24" x14ac:dyDescent="0.25">
      <c r="A1436">
        <v>11639</v>
      </c>
      <c r="B1436" t="s">
        <v>218</v>
      </c>
      <c r="C1436">
        <v>17</v>
      </c>
      <c r="D1436" t="s">
        <v>217</v>
      </c>
      <c r="E1436">
        <v>1089</v>
      </c>
      <c r="F1436" t="s">
        <v>892</v>
      </c>
      <c r="G1436" t="s">
        <v>892</v>
      </c>
      <c r="H1436" t="s">
        <v>892</v>
      </c>
      <c r="I1436" t="s">
        <v>892</v>
      </c>
      <c r="J1436" t="s">
        <v>819</v>
      </c>
      <c r="K1436">
        <v>101</v>
      </c>
      <c r="L1436" t="s">
        <v>892</v>
      </c>
      <c r="M1436" t="s">
        <v>892</v>
      </c>
      <c r="N1436" t="s">
        <v>892</v>
      </c>
      <c r="O1436" t="s">
        <v>892</v>
      </c>
      <c r="P1436" t="s">
        <v>746</v>
      </c>
      <c r="Q1436">
        <v>2</v>
      </c>
      <c r="R1436" t="s">
        <v>893</v>
      </c>
      <c r="S1436">
        <v>3</v>
      </c>
      <c r="T1436" t="s">
        <v>892</v>
      </c>
      <c r="U1436" t="s">
        <v>892</v>
      </c>
      <c r="V1436">
        <v>3</v>
      </c>
      <c r="W1436">
        <v>180</v>
      </c>
      <c r="X1436">
        <v>2020</v>
      </c>
    </row>
    <row r="1437" spans="1:24" x14ac:dyDescent="0.25">
      <c r="A1437">
        <v>11638</v>
      </c>
      <c r="B1437" t="s">
        <v>218</v>
      </c>
      <c r="C1437">
        <v>17</v>
      </c>
      <c r="D1437" t="s">
        <v>217</v>
      </c>
      <c r="E1437">
        <v>1089</v>
      </c>
      <c r="F1437" t="s">
        <v>892</v>
      </c>
      <c r="G1437" t="s">
        <v>892</v>
      </c>
      <c r="H1437" t="s">
        <v>892</v>
      </c>
      <c r="I1437" t="s">
        <v>892</v>
      </c>
      <c r="J1437" t="s">
        <v>678</v>
      </c>
      <c r="K1437">
        <v>41</v>
      </c>
      <c r="L1437" t="s">
        <v>892</v>
      </c>
      <c r="M1437" t="s">
        <v>892</v>
      </c>
      <c r="N1437" t="s">
        <v>892</v>
      </c>
      <c r="O1437" t="s">
        <v>892</v>
      </c>
      <c r="P1437" t="s">
        <v>746</v>
      </c>
      <c r="Q1437">
        <v>2</v>
      </c>
      <c r="R1437" t="s">
        <v>893</v>
      </c>
      <c r="S1437">
        <v>3</v>
      </c>
      <c r="T1437" t="s">
        <v>892</v>
      </c>
      <c r="U1437" t="s">
        <v>892</v>
      </c>
      <c r="V1437">
        <v>3</v>
      </c>
      <c r="W1437">
        <v>180</v>
      </c>
      <c r="X1437">
        <v>2020</v>
      </c>
    </row>
    <row r="1438" spans="1:24" x14ac:dyDescent="0.25">
      <c r="A1438">
        <v>11637</v>
      </c>
      <c r="B1438" t="s">
        <v>218</v>
      </c>
      <c r="C1438">
        <v>17</v>
      </c>
      <c r="D1438" t="s">
        <v>217</v>
      </c>
      <c r="E1438">
        <v>1089</v>
      </c>
      <c r="F1438" t="s">
        <v>892</v>
      </c>
      <c r="G1438" t="s">
        <v>892</v>
      </c>
      <c r="H1438" t="s">
        <v>892</v>
      </c>
      <c r="I1438" t="s">
        <v>892</v>
      </c>
      <c r="J1438" t="s">
        <v>839</v>
      </c>
      <c r="K1438">
        <v>89</v>
      </c>
      <c r="L1438" t="s">
        <v>892</v>
      </c>
      <c r="M1438" t="s">
        <v>892</v>
      </c>
      <c r="N1438" t="s">
        <v>892</v>
      </c>
      <c r="O1438" t="s">
        <v>892</v>
      </c>
      <c r="P1438" t="s">
        <v>746</v>
      </c>
      <c r="Q1438">
        <v>2</v>
      </c>
      <c r="R1438" t="s">
        <v>893</v>
      </c>
      <c r="S1438">
        <v>3</v>
      </c>
      <c r="T1438" t="s">
        <v>892</v>
      </c>
      <c r="U1438" t="s">
        <v>892</v>
      </c>
      <c r="V1438">
        <v>4</v>
      </c>
      <c r="W1438">
        <v>240</v>
      </c>
      <c r="X1438">
        <v>2020</v>
      </c>
    </row>
    <row r="1439" spans="1:24" x14ac:dyDescent="0.25">
      <c r="A1439">
        <v>11636</v>
      </c>
      <c r="B1439" t="s">
        <v>218</v>
      </c>
      <c r="C1439">
        <v>17</v>
      </c>
      <c r="D1439" t="s">
        <v>217</v>
      </c>
      <c r="E1439">
        <v>1089</v>
      </c>
      <c r="F1439" t="s">
        <v>892</v>
      </c>
      <c r="G1439" t="s">
        <v>892</v>
      </c>
      <c r="H1439" t="s">
        <v>892</v>
      </c>
      <c r="I1439" t="s">
        <v>892</v>
      </c>
      <c r="J1439" t="s">
        <v>885</v>
      </c>
      <c r="K1439">
        <v>1</v>
      </c>
      <c r="L1439" t="s">
        <v>892</v>
      </c>
      <c r="M1439" t="s">
        <v>892</v>
      </c>
      <c r="N1439" t="s">
        <v>892</v>
      </c>
      <c r="O1439" t="s">
        <v>892</v>
      </c>
      <c r="P1439" t="s">
        <v>746</v>
      </c>
      <c r="Q1439">
        <v>2</v>
      </c>
      <c r="R1439" t="s">
        <v>893</v>
      </c>
      <c r="S1439">
        <v>3</v>
      </c>
      <c r="T1439" t="s">
        <v>892</v>
      </c>
      <c r="U1439" t="s">
        <v>892</v>
      </c>
      <c r="V1439">
        <v>3</v>
      </c>
      <c r="W1439">
        <v>180</v>
      </c>
      <c r="X1439">
        <v>2020</v>
      </c>
    </row>
    <row r="1440" spans="1:24" x14ac:dyDescent="0.25">
      <c r="A1440">
        <v>11635</v>
      </c>
      <c r="B1440" t="s">
        <v>218</v>
      </c>
      <c r="C1440">
        <v>17</v>
      </c>
      <c r="D1440" t="s">
        <v>217</v>
      </c>
      <c r="E1440">
        <v>1089</v>
      </c>
      <c r="F1440" t="s">
        <v>892</v>
      </c>
      <c r="G1440" t="s">
        <v>892</v>
      </c>
      <c r="H1440" t="s">
        <v>892</v>
      </c>
      <c r="I1440" t="s">
        <v>892</v>
      </c>
      <c r="J1440" t="s">
        <v>294</v>
      </c>
      <c r="K1440">
        <v>31</v>
      </c>
      <c r="L1440" t="s">
        <v>892</v>
      </c>
      <c r="M1440" t="s">
        <v>892</v>
      </c>
      <c r="N1440" t="s">
        <v>892</v>
      </c>
      <c r="O1440" t="s">
        <v>892</v>
      </c>
      <c r="P1440" t="s">
        <v>746</v>
      </c>
      <c r="Q1440">
        <v>2</v>
      </c>
      <c r="R1440" t="s">
        <v>893</v>
      </c>
      <c r="S1440">
        <v>3</v>
      </c>
      <c r="T1440" t="s">
        <v>892</v>
      </c>
      <c r="U1440" t="s">
        <v>892</v>
      </c>
      <c r="V1440">
        <v>3</v>
      </c>
      <c r="W1440">
        <v>180</v>
      </c>
      <c r="X1440">
        <v>2020</v>
      </c>
    </row>
    <row r="1441" spans="1:24" x14ac:dyDescent="0.25">
      <c r="A1441">
        <v>11634</v>
      </c>
      <c r="B1441" t="s">
        <v>218</v>
      </c>
      <c r="C1441">
        <v>17</v>
      </c>
      <c r="D1441" t="s">
        <v>217</v>
      </c>
      <c r="E1441">
        <v>1089</v>
      </c>
      <c r="F1441" t="s">
        <v>892</v>
      </c>
      <c r="G1441" t="s">
        <v>892</v>
      </c>
      <c r="H1441" t="s">
        <v>892</v>
      </c>
      <c r="I1441" t="s">
        <v>892</v>
      </c>
      <c r="J1441" t="s">
        <v>730</v>
      </c>
      <c r="K1441">
        <v>66</v>
      </c>
      <c r="L1441" t="s">
        <v>892</v>
      </c>
      <c r="M1441" t="s">
        <v>892</v>
      </c>
      <c r="N1441" t="s">
        <v>892</v>
      </c>
      <c r="O1441" t="s">
        <v>892</v>
      </c>
      <c r="P1441" t="s">
        <v>746</v>
      </c>
      <c r="Q1441">
        <v>2</v>
      </c>
      <c r="R1441" t="s">
        <v>893</v>
      </c>
      <c r="S1441">
        <v>3</v>
      </c>
      <c r="T1441" t="s">
        <v>892</v>
      </c>
      <c r="U1441" t="s">
        <v>892</v>
      </c>
      <c r="V1441">
        <v>3</v>
      </c>
      <c r="W1441">
        <v>180</v>
      </c>
      <c r="X1441">
        <v>2020</v>
      </c>
    </row>
    <row r="1442" spans="1:24" x14ac:dyDescent="0.25">
      <c r="A1442">
        <v>11633</v>
      </c>
      <c r="B1442" t="s">
        <v>218</v>
      </c>
      <c r="C1442">
        <v>17</v>
      </c>
      <c r="D1442" t="s">
        <v>217</v>
      </c>
      <c r="E1442">
        <v>1089</v>
      </c>
      <c r="F1442" t="s">
        <v>892</v>
      </c>
      <c r="G1442" t="s">
        <v>892</v>
      </c>
      <c r="H1442" t="s">
        <v>892</v>
      </c>
      <c r="I1442" t="s">
        <v>892</v>
      </c>
      <c r="J1442" t="s">
        <v>738</v>
      </c>
      <c r="K1442">
        <v>61</v>
      </c>
      <c r="L1442" t="s">
        <v>892</v>
      </c>
      <c r="M1442" t="s">
        <v>892</v>
      </c>
      <c r="N1442" t="s">
        <v>892</v>
      </c>
      <c r="O1442" t="s">
        <v>892</v>
      </c>
      <c r="P1442" t="s">
        <v>746</v>
      </c>
      <c r="Q1442">
        <v>2</v>
      </c>
      <c r="R1442" t="s">
        <v>893</v>
      </c>
      <c r="S1442">
        <v>3</v>
      </c>
      <c r="T1442" t="s">
        <v>892</v>
      </c>
      <c r="U1442" t="s">
        <v>892</v>
      </c>
      <c r="V1442">
        <v>3</v>
      </c>
      <c r="W1442">
        <v>180</v>
      </c>
      <c r="X1442">
        <v>2020</v>
      </c>
    </row>
    <row r="1443" spans="1:24" x14ac:dyDescent="0.25">
      <c r="A1443">
        <v>11632</v>
      </c>
      <c r="B1443" t="s">
        <v>218</v>
      </c>
      <c r="C1443">
        <v>17</v>
      </c>
      <c r="D1443" t="s">
        <v>217</v>
      </c>
      <c r="E1443">
        <v>1089</v>
      </c>
      <c r="F1443" t="s">
        <v>892</v>
      </c>
      <c r="G1443" t="s">
        <v>892</v>
      </c>
      <c r="H1443" t="s">
        <v>892</v>
      </c>
      <c r="I1443" t="s">
        <v>892</v>
      </c>
      <c r="J1443" t="s">
        <v>693</v>
      </c>
      <c r="K1443">
        <v>56</v>
      </c>
      <c r="L1443" t="s">
        <v>892</v>
      </c>
      <c r="M1443" t="s">
        <v>892</v>
      </c>
      <c r="N1443" t="s">
        <v>892</v>
      </c>
      <c r="O1443" t="s">
        <v>892</v>
      </c>
      <c r="P1443" t="s">
        <v>746</v>
      </c>
      <c r="Q1443">
        <v>2</v>
      </c>
      <c r="R1443" t="s">
        <v>893</v>
      </c>
      <c r="S1443">
        <v>3</v>
      </c>
      <c r="T1443" t="s">
        <v>892</v>
      </c>
      <c r="U1443" t="s">
        <v>892</v>
      </c>
      <c r="V1443">
        <v>3</v>
      </c>
      <c r="W1443">
        <v>180</v>
      </c>
      <c r="X1443">
        <v>2020</v>
      </c>
    </row>
    <row r="1444" spans="1:24" x14ac:dyDescent="0.25">
      <c r="A1444">
        <v>11631</v>
      </c>
      <c r="B1444" t="s">
        <v>218</v>
      </c>
      <c r="C1444">
        <v>17</v>
      </c>
      <c r="D1444" t="s">
        <v>217</v>
      </c>
      <c r="E1444">
        <v>1089</v>
      </c>
      <c r="F1444" t="s">
        <v>892</v>
      </c>
      <c r="G1444" t="s">
        <v>892</v>
      </c>
      <c r="H1444" t="s">
        <v>892</v>
      </c>
      <c r="I1444" t="s">
        <v>892</v>
      </c>
      <c r="J1444" t="s">
        <v>1259</v>
      </c>
      <c r="K1444">
        <v>57</v>
      </c>
      <c r="L1444" t="s">
        <v>892</v>
      </c>
      <c r="M1444" t="s">
        <v>892</v>
      </c>
      <c r="N1444" t="s">
        <v>892</v>
      </c>
      <c r="O1444" t="s">
        <v>892</v>
      </c>
      <c r="P1444" t="s">
        <v>746</v>
      </c>
      <c r="Q1444">
        <v>2</v>
      </c>
      <c r="R1444" t="s">
        <v>893</v>
      </c>
      <c r="S1444">
        <v>3</v>
      </c>
      <c r="T1444" t="s">
        <v>892</v>
      </c>
      <c r="U1444" t="s">
        <v>892</v>
      </c>
      <c r="V1444">
        <v>3</v>
      </c>
      <c r="W1444">
        <v>180</v>
      </c>
      <c r="X1444">
        <v>2020</v>
      </c>
    </row>
    <row r="1445" spans="1:24" x14ac:dyDescent="0.25">
      <c r="A1445">
        <v>11630</v>
      </c>
      <c r="B1445" t="s">
        <v>218</v>
      </c>
      <c r="C1445">
        <v>17</v>
      </c>
      <c r="D1445" t="s">
        <v>217</v>
      </c>
      <c r="E1445">
        <v>1089</v>
      </c>
      <c r="F1445" t="s">
        <v>892</v>
      </c>
      <c r="G1445" t="s">
        <v>892</v>
      </c>
      <c r="H1445" t="s">
        <v>892</v>
      </c>
      <c r="I1445" t="s">
        <v>892</v>
      </c>
      <c r="J1445" t="s">
        <v>710</v>
      </c>
      <c r="K1445">
        <v>53</v>
      </c>
      <c r="L1445" t="s">
        <v>892</v>
      </c>
      <c r="M1445" t="s">
        <v>892</v>
      </c>
      <c r="N1445" t="s">
        <v>892</v>
      </c>
      <c r="O1445" t="s">
        <v>892</v>
      </c>
      <c r="P1445" t="s">
        <v>746</v>
      </c>
      <c r="Q1445">
        <v>2</v>
      </c>
      <c r="R1445" t="s">
        <v>893</v>
      </c>
      <c r="S1445">
        <v>3</v>
      </c>
      <c r="T1445" t="s">
        <v>892</v>
      </c>
      <c r="U1445" t="s">
        <v>892</v>
      </c>
      <c r="V1445">
        <v>3</v>
      </c>
      <c r="W1445">
        <v>180</v>
      </c>
      <c r="X1445">
        <v>2020</v>
      </c>
    </row>
    <row r="1446" spans="1:24" x14ac:dyDescent="0.25">
      <c r="A1446">
        <v>11629</v>
      </c>
      <c r="B1446" t="s">
        <v>218</v>
      </c>
      <c r="C1446">
        <v>17</v>
      </c>
      <c r="D1446" t="s">
        <v>217</v>
      </c>
      <c r="E1446">
        <v>1089</v>
      </c>
      <c r="F1446" t="s">
        <v>892</v>
      </c>
      <c r="G1446" t="s">
        <v>892</v>
      </c>
      <c r="H1446" t="s">
        <v>892</v>
      </c>
      <c r="I1446" t="s">
        <v>892</v>
      </c>
      <c r="J1446" t="s">
        <v>714</v>
      </c>
      <c r="K1446">
        <v>52</v>
      </c>
      <c r="L1446" t="s">
        <v>892</v>
      </c>
      <c r="M1446" t="s">
        <v>892</v>
      </c>
      <c r="N1446" t="s">
        <v>892</v>
      </c>
      <c r="O1446" t="s">
        <v>892</v>
      </c>
      <c r="P1446" t="s">
        <v>746</v>
      </c>
      <c r="Q1446">
        <v>2</v>
      </c>
      <c r="R1446" t="s">
        <v>893</v>
      </c>
      <c r="S1446">
        <v>3</v>
      </c>
      <c r="T1446" t="s">
        <v>892</v>
      </c>
      <c r="U1446" t="s">
        <v>892</v>
      </c>
      <c r="V1446">
        <v>3</v>
      </c>
      <c r="W1446">
        <v>180</v>
      </c>
      <c r="X1446">
        <v>2020</v>
      </c>
    </row>
    <row r="1447" spans="1:24" x14ac:dyDescent="0.25">
      <c r="A1447">
        <v>11628</v>
      </c>
      <c r="B1447" t="s">
        <v>218</v>
      </c>
      <c r="C1447">
        <v>17</v>
      </c>
      <c r="D1447" t="s">
        <v>217</v>
      </c>
      <c r="E1447">
        <v>1089</v>
      </c>
      <c r="F1447" t="s">
        <v>892</v>
      </c>
      <c r="G1447" t="s">
        <v>892</v>
      </c>
      <c r="H1447" t="s">
        <v>892</v>
      </c>
      <c r="I1447" t="s">
        <v>892</v>
      </c>
      <c r="J1447" t="s">
        <v>742</v>
      </c>
      <c r="K1447">
        <v>48</v>
      </c>
      <c r="L1447" t="s">
        <v>892</v>
      </c>
      <c r="M1447" t="s">
        <v>892</v>
      </c>
      <c r="N1447" t="s">
        <v>892</v>
      </c>
      <c r="O1447" t="s">
        <v>892</v>
      </c>
      <c r="P1447" t="s">
        <v>746</v>
      </c>
      <c r="Q1447">
        <v>2</v>
      </c>
      <c r="R1447" t="s">
        <v>893</v>
      </c>
      <c r="S1447">
        <v>3</v>
      </c>
      <c r="T1447" t="s">
        <v>892</v>
      </c>
      <c r="U1447" t="s">
        <v>892</v>
      </c>
      <c r="V1447">
        <v>3</v>
      </c>
      <c r="W1447">
        <v>180</v>
      </c>
      <c r="X1447">
        <v>2020</v>
      </c>
    </row>
    <row r="1448" spans="1:24" x14ac:dyDescent="0.25">
      <c r="A1448">
        <v>11627</v>
      </c>
      <c r="B1448" t="s">
        <v>218</v>
      </c>
      <c r="C1448">
        <v>17</v>
      </c>
      <c r="D1448" t="s">
        <v>217</v>
      </c>
      <c r="E1448">
        <v>1089</v>
      </c>
      <c r="F1448" t="s">
        <v>892</v>
      </c>
      <c r="G1448" t="s">
        <v>892</v>
      </c>
      <c r="H1448" t="s">
        <v>892</v>
      </c>
      <c r="I1448" t="s">
        <v>892</v>
      </c>
      <c r="J1448" t="s">
        <v>797</v>
      </c>
      <c r="K1448">
        <v>65</v>
      </c>
      <c r="L1448" t="s">
        <v>892</v>
      </c>
      <c r="M1448" t="s">
        <v>892</v>
      </c>
      <c r="N1448" t="s">
        <v>892</v>
      </c>
      <c r="O1448" t="s">
        <v>892</v>
      </c>
      <c r="P1448" t="s">
        <v>746</v>
      </c>
      <c r="Q1448">
        <v>2</v>
      </c>
      <c r="R1448" t="s">
        <v>893</v>
      </c>
      <c r="S1448">
        <v>3</v>
      </c>
      <c r="T1448" t="s">
        <v>892</v>
      </c>
      <c r="U1448" t="s">
        <v>892</v>
      </c>
      <c r="V1448">
        <v>3</v>
      </c>
      <c r="W1448">
        <v>180</v>
      </c>
      <c r="X1448">
        <v>2020</v>
      </c>
    </row>
    <row r="1449" spans="1:24" x14ac:dyDescent="0.25">
      <c r="A1449">
        <v>11626</v>
      </c>
      <c r="B1449" t="s">
        <v>218</v>
      </c>
      <c r="C1449">
        <v>17</v>
      </c>
      <c r="D1449" t="s">
        <v>217</v>
      </c>
      <c r="E1449">
        <v>1089</v>
      </c>
      <c r="F1449" t="s">
        <v>892</v>
      </c>
      <c r="G1449" t="s">
        <v>892</v>
      </c>
      <c r="H1449" t="s">
        <v>892</v>
      </c>
      <c r="I1449" t="s">
        <v>892</v>
      </c>
      <c r="J1449" t="s">
        <v>1236</v>
      </c>
      <c r="K1449">
        <v>60</v>
      </c>
      <c r="L1449" t="s">
        <v>892</v>
      </c>
      <c r="M1449" t="s">
        <v>892</v>
      </c>
      <c r="N1449" t="s">
        <v>892</v>
      </c>
      <c r="O1449" t="s">
        <v>892</v>
      </c>
      <c r="P1449" t="s">
        <v>746</v>
      </c>
      <c r="Q1449">
        <v>2</v>
      </c>
      <c r="R1449" t="s">
        <v>893</v>
      </c>
      <c r="S1449">
        <v>3</v>
      </c>
      <c r="T1449" t="s">
        <v>892</v>
      </c>
      <c r="U1449" t="s">
        <v>892</v>
      </c>
      <c r="V1449">
        <v>3</v>
      </c>
      <c r="W1449">
        <v>180</v>
      </c>
      <c r="X1449">
        <v>2020</v>
      </c>
    </row>
    <row r="1450" spans="1:24" x14ac:dyDescent="0.25">
      <c r="A1450">
        <v>11625</v>
      </c>
      <c r="B1450" t="s">
        <v>218</v>
      </c>
      <c r="C1450">
        <v>17</v>
      </c>
      <c r="D1450" t="s">
        <v>217</v>
      </c>
      <c r="E1450">
        <v>1089</v>
      </c>
      <c r="F1450" t="s">
        <v>892</v>
      </c>
      <c r="G1450" t="s">
        <v>892</v>
      </c>
      <c r="H1450" t="s">
        <v>892</v>
      </c>
      <c r="I1450" t="s">
        <v>892</v>
      </c>
      <c r="J1450" t="s">
        <v>676</v>
      </c>
      <c r="K1450">
        <v>4</v>
      </c>
      <c r="L1450" t="s">
        <v>892</v>
      </c>
      <c r="M1450" t="s">
        <v>892</v>
      </c>
      <c r="N1450" t="s">
        <v>892</v>
      </c>
      <c r="O1450" t="s">
        <v>892</v>
      </c>
      <c r="P1450" t="s">
        <v>746</v>
      </c>
      <c r="Q1450">
        <v>2</v>
      </c>
      <c r="R1450" t="s">
        <v>893</v>
      </c>
      <c r="S1450">
        <v>3</v>
      </c>
      <c r="T1450" t="s">
        <v>892</v>
      </c>
      <c r="U1450" t="s">
        <v>892</v>
      </c>
      <c r="V1450">
        <v>3</v>
      </c>
      <c r="W1450">
        <v>180</v>
      </c>
      <c r="X1450">
        <v>2020</v>
      </c>
    </row>
    <row r="1451" spans="1:24" x14ac:dyDescent="0.25">
      <c r="A1451">
        <v>11624</v>
      </c>
      <c r="B1451" t="s">
        <v>218</v>
      </c>
      <c r="C1451">
        <v>17</v>
      </c>
      <c r="D1451" t="s">
        <v>217</v>
      </c>
      <c r="E1451">
        <v>1089</v>
      </c>
      <c r="F1451" t="s">
        <v>892</v>
      </c>
      <c r="G1451" t="s">
        <v>892</v>
      </c>
      <c r="H1451" t="s">
        <v>892</v>
      </c>
      <c r="I1451" t="s">
        <v>892</v>
      </c>
      <c r="J1451" t="s">
        <v>663</v>
      </c>
      <c r="K1451">
        <v>99</v>
      </c>
      <c r="L1451" t="s">
        <v>892</v>
      </c>
      <c r="M1451" t="s">
        <v>892</v>
      </c>
      <c r="N1451" t="s">
        <v>892</v>
      </c>
      <c r="O1451" t="s">
        <v>892</v>
      </c>
      <c r="P1451" t="s">
        <v>746</v>
      </c>
      <c r="Q1451">
        <v>2</v>
      </c>
      <c r="R1451" t="s">
        <v>893</v>
      </c>
      <c r="S1451">
        <v>3</v>
      </c>
      <c r="T1451" t="s">
        <v>892</v>
      </c>
      <c r="U1451" t="s">
        <v>892</v>
      </c>
      <c r="V1451">
        <v>3</v>
      </c>
      <c r="W1451">
        <v>180</v>
      </c>
      <c r="X1451">
        <v>2020</v>
      </c>
    </row>
    <row r="1452" spans="1:24" x14ac:dyDescent="0.25">
      <c r="A1452">
        <v>11623</v>
      </c>
      <c r="B1452" t="s">
        <v>218</v>
      </c>
      <c r="C1452">
        <v>17</v>
      </c>
      <c r="D1452" t="s">
        <v>217</v>
      </c>
      <c r="E1452">
        <v>1089</v>
      </c>
      <c r="F1452" t="s">
        <v>892</v>
      </c>
      <c r="G1452" t="s">
        <v>892</v>
      </c>
      <c r="H1452" t="s">
        <v>892</v>
      </c>
      <c r="I1452" t="s">
        <v>892</v>
      </c>
      <c r="J1452" t="s">
        <v>767</v>
      </c>
      <c r="K1452">
        <v>44</v>
      </c>
      <c r="L1452" t="s">
        <v>892</v>
      </c>
      <c r="M1452" t="s">
        <v>892</v>
      </c>
      <c r="N1452" t="s">
        <v>892</v>
      </c>
      <c r="O1452" t="s">
        <v>892</v>
      </c>
      <c r="P1452" t="s">
        <v>746</v>
      </c>
      <c r="Q1452">
        <v>2</v>
      </c>
      <c r="R1452" t="s">
        <v>893</v>
      </c>
      <c r="S1452">
        <v>3</v>
      </c>
      <c r="T1452" t="s">
        <v>892</v>
      </c>
      <c r="U1452" t="s">
        <v>892</v>
      </c>
      <c r="V1452">
        <v>3</v>
      </c>
      <c r="W1452">
        <v>180</v>
      </c>
      <c r="X1452">
        <v>2020</v>
      </c>
    </row>
    <row r="1453" spans="1:24" x14ac:dyDescent="0.25">
      <c r="A1453">
        <v>11622</v>
      </c>
      <c r="B1453" t="s">
        <v>63</v>
      </c>
      <c r="C1453">
        <v>58</v>
      </c>
      <c r="D1453" t="s">
        <v>219</v>
      </c>
      <c r="E1453">
        <v>1088</v>
      </c>
      <c r="F1453" t="s">
        <v>892</v>
      </c>
      <c r="G1453" t="s">
        <v>892</v>
      </c>
      <c r="H1453" t="s">
        <v>892</v>
      </c>
      <c r="I1453" t="s">
        <v>892</v>
      </c>
      <c r="J1453" t="s">
        <v>752</v>
      </c>
      <c r="K1453">
        <v>90</v>
      </c>
      <c r="L1453" t="s">
        <v>892</v>
      </c>
      <c r="M1453" t="s">
        <v>892</v>
      </c>
      <c r="N1453" t="s">
        <v>892</v>
      </c>
      <c r="O1453" t="s">
        <v>892</v>
      </c>
      <c r="P1453" t="s">
        <v>746</v>
      </c>
      <c r="Q1453">
        <v>2</v>
      </c>
      <c r="R1453" t="s">
        <v>893</v>
      </c>
      <c r="S1453">
        <v>3</v>
      </c>
      <c r="T1453" t="s">
        <v>892</v>
      </c>
      <c r="U1453" t="s">
        <v>892</v>
      </c>
      <c r="V1453">
        <v>4</v>
      </c>
      <c r="W1453">
        <v>240</v>
      </c>
      <c r="X1453">
        <v>2020</v>
      </c>
    </row>
    <row r="1454" spans="1:24" x14ac:dyDescent="0.25">
      <c r="A1454">
        <v>11621</v>
      </c>
      <c r="B1454" t="s">
        <v>63</v>
      </c>
      <c r="C1454">
        <v>58</v>
      </c>
      <c r="D1454" t="s">
        <v>220</v>
      </c>
      <c r="E1454">
        <v>1087</v>
      </c>
      <c r="F1454" t="s">
        <v>892</v>
      </c>
      <c r="G1454" t="s">
        <v>892</v>
      </c>
      <c r="H1454" t="s">
        <v>892</v>
      </c>
      <c r="I1454" t="s">
        <v>892</v>
      </c>
      <c r="J1454" t="s">
        <v>65</v>
      </c>
      <c r="K1454">
        <v>15</v>
      </c>
      <c r="L1454" t="s">
        <v>892</v>
      </c>
      <c r="M1454" t="s">
        <v>892</v>
      </c>
      <c r="N1454" t="s">
        <v>892</v>
      </c>
      <c r="O1454" t="s">
        <v>892</v>
      </c>
      <c r="P1454" t="s">
        <v>746</v>
      </c>
      <c r="Q1454">
        <v>2</v>
      </c>
      <c r="R1454" t="s">
        <v>893</v>
      </c>
      <c r="S1454">
        <v>3</v>
      </c>
      <c r="T1454" t="s">
        <v>892</v>
      </c>
      <c r="U1454" t="s">
        <v>892</v>
      </c>
      <c r="V1454">
        <v>3</v>
      </c>
      <c r="W1454">
        <v>180</v>
      </c>
      <c r="X1454">
        <v>2020</v>
      </c>
    </row>
    <row r="1455" spans="1:24" x14ac:dyDescent="0.25">
      <c r="A1455">
        <v>11620</v>
      </c>
      <c r="B1455" t="s">
        <v>74</v>
      </c>
      <c r="C1455">
        <v>40</v>
      </c>
      <c r="D1455" t="s">
        <v>221</v>
      </c>
      <c r="E1455">
        <v>1086</v>
      </c>
      <c r="F1455" t="s">
        <v>892</v>
      </c>
      <c r="G1455" t="s">
        <v>892</v>
      </c>
      <c r="H1455" t="s">
        <v>892</v>
      </c>
      <c r="I1455" t="s">
        <v>892</v>
      </c>
      <c r="J1455" t="s">
        <v>802</v>
      </c>
      <c r="K1455">
        <v>12</v>
      </c>
      <c r="L1455" t="s">
        <v>892</v>
      </c>
      <c r="M1455" t="s">
        <v>892</v>
      </c>
      <c r="N1455" t="s">
        <v>892</v>
      </c>
      <c r="O1455" t="s">
        <v>892</v>
      </c>
      <c r="P1455" t="s">
        <v>746</v>
      </c>
      <c r="Q1455">
        <v>2</v>
      </c>
      <c r="R1455" t="s">
        <v>893</v>
      </c>
      <c r="S1455">
        <v>3</v>
      </c>
      <c r="T1455" t="s">
        <v>892</v>
      </c>
      <c r="U1455" t="s">
        <v>892</v>
      </c>
      <c r="V1455">
        <v>3</v>
      </c>
      <c r="W1455">
        <v>180</v>
      </c>
      <c r="X1455">
        <v>2020</v>
      </c>
    </row>
    <row r="1456" spans="1:24" x14ac:dyDescent="0.25">
      <c r="A1456">
        <v>11619</v>
      </c>
      <c r="B1456" t="s">
        <v>74</v>
      </c>
      <c r="C1456">
        <v>40</v>
      </c>
      <c r="D1456" t="s">
        <v>221</v>
      </c>
      <c r="E1456">
        <v>1086</v>
      </c>
      <c r="F1456" t="s">
        <v>892</v>
      </c>
      <c r="G1456" t="s">
        <v>892</v>
      </c>
      <c r="H1456" t="s">
        <v>892</v>
      </c>
      <c r="I1456" t="s">
        <v>892</v>
      </c>
      <c r="J1456" t="s">
        <v>866</v>
      </c>
      <c r="K1456">
        <v>9</v>
      </c>
      <c r="L1456" t="s">
        <v>892</v>
      </c>
      <c r="M1456" t="s">
        <v>892</v>
      </c>
      <c r="N1456" t="s">
        <v>892</v>
      </c>
      <c r="O1456" t="s">
        <v>892</v>
      </c>
      <c r="P1456" t="s">
        <v>746</v>
      </c>
      <c r="Q1456">
        <v>2</v>
      </c>
      <c r="R1456" t="s">
        <v>893</v>
      </c>
      <c r="S1456">
        <v>3</v>
      </c>
      <c r="T1456" t="s">
        <v>892</v>
      </c>
      <c r="U1456" t="s">
        <v>892</v>
      </c>
      <c r="V1456">
        <v>3</v>
      </c>
      <c r="W1456">
        <v>180</v>
      </c>
      <c r="X1456">
        <v>2020</v>
      </c>
    </row>
    <row r="1457" spans="1:24" x14ac:dyDescent="0.25">
      <c r="A1457">
        <v>11618</v>
      </c>
      <c r="B1457" t="s">
        <v>74</v>
      </c>
      <c r="C1457">
        <v>40</v>
      </c>
      <c r="D1457" t="s">
        <v>221</v>
      </c>
      <c r="E1457">
        <v>1086</v>
      </c>
      <c r="F1457" t="s">
        <v>892</v>
      </c>
      <c r="G1457" t="s">
        <v>892</v>
      </c>
      <c r="H1457" t="s">
        <v>892</v>
      </c>
      <c r="I1457" t="s">
        <v>892</v>
      </c>
      <c r="J1457" t="s">
        <v>663</v>
      </c>
      <c r="K1457">
        <v>99</v>
      </c>
      <c r="L1457" t="s">
        <v>892</v>
      </c>
      <c r="M1457" t="s">
        <v>892</v>
      </c>
      <c r="N1457" t="s">
        <v>892</v>
      </c>
      <c r="O1457" t="s">
        <v>892</v>
      </c>
      <c r="P1457" t="s">
        <v>746</v>
      </c>
      <c r="Q1457">
        <v>2</v>
      </c>
      <c r="R1457" t="s">
        <v>893</v>
      </c>
      <c r="S1457">
        <v>3</v>
      </c>
      <c r="T1457" t="s">
        <v>892</v>
      </c>
      <c r="U1457" t="s">
        <v>892</v>
      </c>
      <c r="V1457">
        <v>3</v>
      </c>
      <c r="W1457">
        <v>180</v>
      </c>
      <c r="X1457">
        <v>2020</v>
      </c>
    </row>
    <row r="1458" spans="1:24" x14ac:dyDescent="0.25">
      <c r="A1458">
        <v>11617</v>
      </c>
      <c r="B1458" t="s">
        <v>74</v>
      </c>
      <c r="C1458">
        <v>40</v>
      </c>
      <c r="D1458" t="s">
        <v>221</v>
      </c>
      <c r="E1458">
        <v>1086</v>
      </c>
      <c r="F1458" t="s">
        <v>892</v>
      </c>
      <c r="G1458" t="s">
        <v>892</v>
      </c>
      <c r="H1458" t="s">
        <v>892</v>
      </c>
      <c r="I1458" t="s">
        <v>892</v>
      </c>
      <c r="J1458" t="s">
        <v>813</v>
      </c>
      <c r="K1458">
        <v>24</v>
      </c>
      <c r="L1458" t="s">
        <v>892</v>
      </c>
      <c r="M1458" t="s">
        <v>892</v>
      </c>
      <c r="N1458" t="s">
        <v>892</v>
      </c>
      <c r="O1458" t="s">
        <v>892</v>
      </c>
      <c r="P1458" t="s">
        <v>746</v>
      </c>
      <c r="Q1458">
        <v>2</v>
      </c>
      <c r="R1458" t="s">
        <v>893</v>
      </c>
      <c r="S1458">
        <v>3</v>
      </c>
      <c r="T1458" t="s">
        <v>892</v>
      </c>
      <c r="U1458" t="s">
        <v>892</v>
      </c>
      <c r="V1458">
        <v>3</v>
      </c>
      <c r="W1458">
        <v>180</v>
      </c>
      <c r="X1458">
        <v>2020</v>
      </c>
    </row>
    <row r="1459" spans="1:24" x14ac:dyDescent="0.25">
      <c r="A1459">
        <v>11616</v>
      </c>
      <c r="B1459" t="s">
        <v>74</v>
      </c>
      <c r="C1459">
        <v>40</v>
      </c>
      <c r="D1459" t="s">
        <v>221</v>
      </c>
      <c r="E1459">
        <v>1086</v>
      </c>
      <c r="F1459" t="s">
        <v>892</v>
      </c>
      <c r="G1459" t="s">
        <v>892</v>
      </c>
      <c r="H1459" t="s">
        <v>892</v>
      </c>
      <c r="I1459" t="s">
        <v>892</v>
      </c>
      <c r="J1459" t="s">
        <v>299</v>
      </c>
      <c r="K1459">
        <v>27</v>
      </c>
      <c r="L1459" t="s">
        <v>892</v>
      </c>
      <c r="M1459" t="s">
        <v>892</v>
      </c>
      <c r="N1459" t="s">
        <v>892</v>
      </c>
      <c r="O1459" t="s">
        <v>892</v>
      </c>
      <c r="P1459" t="s">
        <v>746</v>
      </c>
      <c r="Q1459">
        <v>2</v>
      </c>
      <c r="R1459" t="s">
        <v>893</v>
      </c>
      <c r="S1459">
        <v>3</v>
      </c>
      <c r="T1459" t="s">
        <v>892</v>
      </c>
      <c r="U1459" t="s">
        <v>892</v>
      </c>
      <c r="V1459">
        <v>3</v>
      </c>
      <c r="W1459">
        <v>180</v>
      </c>
      <c r="X1459">
        <v>2020</v>
      </c>
    </row>
    <row r="1460" spans="1:24" x14ac:dyDescent="0.25">
      <c r="A1460">
        <v>11615</v>
      </c>
      <c r="B1460" t="s">
        <v>74</v>
      </c>
      <c r="C1460">
        <v>40</v>
      </c>
      <c r="D1460" t="s">
        <v>221</v>
      </c>
      <c r="E1460">
        <v>1086</v>
      </c>
      <c r="F1460" t="s">
        <v>892</v>
      </c>
      <c r="G1460" t="s">
        <v>892</v>
      </c>
      <c r="H1460" t="s">
        <v>892</v>
      </c>
      <c r="I1460" t="s">
        <v>892</v>
      </c>
      <c r="J1460" t="s">
        <v>301</v>
      </c>
      <c r="K1460">
        <v>26</v>
      </c>
      <c r="L1460" t="s">
        <v>892</v>
      </c>
      <c r="M1460" t="s">
        <v>892</v>
      </c>
      <c r="N1460" t="s">
        <v>892</v>
      </c>
      <c r="O1460" t="s">
        <v>892</v>
      </c>
      <c r="P1460" t="s">
        <v>746</v>
      </c>
      <c r="Q1460">
        <v>2</v>
      </c>
      <c r="R1460" t="s">
        <v>893</v>
      </c>
      <c r="S1460">
        <v>3</v>
      </c>
      <c r="T1460" t="s">
        <v>892</v>
      </c>
      <c r="U1460" t="s">
        <v>892</v>
      </c>
      <c r="V1460">
        <v>3</v>
      </c>
      <c r="W1460">
        <v>180</v>
      </c>
      <c r="X1460">
        <v>2020</v>
      </c>
    </row>
    <row r="1461" spans="1:24" x14ac:dyDescent="0.25">
      <c r="A1461">
        <v>11614</v>
      </c>
      <c r="B1461" t="s">
        <v>74</v>
      </c>
      <c r="C1461">
        <v>40</v>
      </c>
      <c r="D1461" t="s">
        <v>222</v>
      </c>
      <c r="E1461">
        <v>1085</v>
      </c>
      <c r="F1461" t="s">
        <v>892</v>
      </c>
      <c r="G1461" t="s">
        <v>892</v>
      </c>
      <c r="H1461" t="s">
        <v>892</v>
      </c>
      <c r="I1461" t="s">
        <v>892</v>
      </c>
      <c r="J1461" t="s">
        <v>678</v>
      </c>
      <c r="K1461">
        <v>41</v>
      </c>
      <c r="L1461" t="s">
        <v>892</v>
      </c>
      <c r="M1461" t="s">
        <v>892</v>
      </c>
      <c r="N1461" t="s">
        <v>892</v>
      </c>
      <c r="O1461" t="s">
        <v>892</v>
      </c>
      <c r="P1461" t="s">
        <v>746</v>
      </c>
      <c r="Q1461">
        <v>2</v>
      </c>
      <c r="R1461" t="s">
        <v>893</v>
      </c>
      <c r="S1461">
        <v>3</v>
      </c>
      <c r="T1461" t="s">
        <v>892</v>
      </c>
      <c r="U1461" t="s">
        <v>892</v>
      </c>
      <c r="V1461">
        <v>3</v>
      </c>
      <c r="W1461">
        <v>180</v>
      </c>
      <c r="X1461">
        <v>2020</v>
      </c>
    </row>
    <row r="1462" spans="1:24" x14ac:dyDescent="0.25">
      <c r="A1462">
        <v>11613</v>
      </c>
      <c r="B1462" t="s">
        <v>74</v>
      </c>
      <c r="C1462">
        <v>40</v>
      </c>
      <c r="D1462" t="s">
        <v>222</v>
      </c>
      <c r="E1462">
        <v>1085</v>
      </c>
      <c r="F1462" t="s">
        <v>892</v>
      </c>
      <c r="G1462" t="s">
        <v>892</v>
      </c>
      <c r="H1462" t="s">
        <v>892</v>
      </c>
      <c r="I1462" t="s">
        <v>892</v>
      </c>
      <c r="J1462" t="s">
        <v>738</v>
      </c>
      <c r="K1462">
        <v>61</v>
      </c>
      <c r="L1462" t="s">
        <v>892</v>
      </c>
      <c r="M1462" t="s">
        <v>892</v>
      </c>
      <c r="N1462" t="s">
        <v>892</v>
      </c>
      <c r="O1462" t="s">
        <v>892</v>
      </c>
      <c r="P1462" t="s">
        <v>746</v>
      </c>
      <c r="Q1462">
        <v>2</v>
      </c>
      <c r="R1462" t="s">
        <v>893</v>
      </c>
      <c r="S1462">
        <v>3</v>
      </c>
      <c r="T1462" t="s">
        <v>892</v>
      </c>
      <c r="U1462" t="s">
        <v>892</v>
      </c>
      <c r="V1462">
        <v>3</v>
      </c>
      <c r="W1462">
        <v>180</v>
      </c>
      <c r="X1462">
        <v>2020</v>
      </c>
    </row>
    <row r="1463" spans="1:24" x14ac:dyDescent="0.25">
      <c r="A1463">
        <v>11612</v>
      </c>
      <c r="B1463" t="s">
        <v>74</v>
      </c>
      <c r="C1463">
        <v>40</v>
      </c>
      <c r="D1463" t="s">
        <v>222</v>
      </c>
      <c r="E1463">
        <v>1085</v>
      </c>
      <c r="F1463" t="s">
        <v>892</v>
      </c>
      <c r="G1463" t="s">
        <v>892</v>
      </c>
      <c r="H1463" t="s">
        <v>892</v>
      </c>
      <c r="I1463" t="s">
        <v>892</v>
      </c>
      <c r="J1463" t="s">
        <v>693</v>
      </c>
      <c r="K1463">
        <v>56</v>
      </c>
      <c r="L1463" t="s">
        <v>892</v>
      </c>
      <c r="M1463" t="s">
        <v>892</v>
      </c>
      <c r="N1463" t="s">
        <v>892</v>
      </c>
      <c r="O1463" t="s">
        <v>892</v>
      </c>
      <c r="P1463" t="s">
        <v>746</v>
      </c>
      <c r="Q1463">
        <v>2</v>
      </c>
      <c r="R1463" t="s">
        <v>893</v>
      </c>
      <c r="S1463">
        <v>3</v>
      </c>
      <c r="T1463" t="s">
        <v>892</v>
      </c>
      <c r="U1463" t="s">
        <v>892</v>
      </c>
      <c r="V1463">
        <v>3</v>
      </c>
      <c r="W1463">
        <v>180</v>
      </c>
      <c r="X1463">
        <v>2020</v>
      </c>
    </row>
    <row r="1464" spans="1:24" x14ac:dyDescent="0.25">
      <c r="A1464">
        <v>11611</v>
      </c>
      <c r="B1464" t="s">
        <v>74</v>
      </c>
      <c r="C1464">
        <v>40</v>
      </c>
      <c r="D1464" t="s">
        <v>222</v>
      </c>
      <c r="E1464">
        <v>1085</v>
      </c>
      <c r="F1464" t="s">
        <v>892</v>
      </c>
      <c r="G1464" t="s">
        <v>892</v>
      </c>
      <c r="H1464" t="s">
        <v>892</v>
      </c>
      <c r="I1464" t="s">
        <v>892</v>
      </c>
      <c r="J1464" t="s">
        <v>714</v>
      </c>
      <c r="K1464">
        <v>52</v>
      </c>
      <c r="L1464" t="s">
        <v>892</v>
      </c>
      <c r="M1464" t="s">
        <v>892</v>
      </c>
      <c r="N1464" t="s">
        <v>892</v>
      </c>
      <c r="O1464" t="s">
        <v>892</v>
      </c>
      <c r="P1464" t="s">
        <v>746</v>
      </c>
      <c r="Q1464">
        <v>2</v>
      </c>
      <c r="R1464" t="s">
        <v>893</v>
      </c>
      <c r="S1464">
        <v>3</v>
      </c>
      <c r="T1464" t="s">
        <v>892</v>
      </c>
      <c r="U1464" t="s">
        <v>892</v>
      </c>
      <c r="V1464">
        <v>3</v>
      </c>
      <c r="W1464">
        <v>180</v>
      </c>
      <c r="X1464">
        <v>2020</v>
      </c>
    </row>
    <row r="1465" spans="1:24" x14ac:dyDescent="0.25">
      <c r="A1465">
        <v>11610</v>
      </c>
      <c r="B1465" t="s">
        <v>74</v>
      </c>
      <c r="C1465">
        <v>40</v>
      </c>
      <c r="D1465" t="s">
        <v>222</v>
      </c>
      <c r="E1465">
        <v>1085</v>
      </c>
      <c r="F1465" t="s">
        <v>892</v>
      </c>
      <c r="G1465" t="s">
        <v>892</v>
      </c>
      <c r="H1465" t="s">
        <v>892</v>
      </c>
      <c r="I1465" t="s">
        <v>892</v>
      </c>
      <c r="J1465" t="s">
        <v>1236</v>
      </c>
      <c r="K1465">
        <v>60</v>
      </c>
      <c r="L1465" t="s">
        <v>892</v>
      </c>
      <c r="M1465" t="s">
        <v>892</v>
      </c>
      <c r="N1465" t="s">
        <v>892</v>
      </c>
      <c r="O1465" t="s">
        <v>892</v>
      </c>
      <c r="P1465" t="s">
        <v>746</v>
      </c>
      <c r="Q1465">
        <v>2</v>
      </c>
      <c r="R1465" t="s">
        <v>893</v>
      </c>
      <c r="S1465">
        <v>3</v>
      </c>
      <c r="T1465" t="s">
        <v>892</v>
      </c>
      <c r="U1465" t="s">
        <v>892</v>
      </c>
      <c r="V1465">
        <v>3</v>
      </c>
      <c r="W1465">
        <v>180</v>
      </c>
      <c r="X1465">
        <v>2020</v>
      </c>
    </row>
    <row r="1466" spans="1:24" x14ac:dyDescent="0.25">
      <c r="A1466">
        <v>11609</v>
      </c>
      <c r="B1466" t="s">
        <v>74</v>
      </c>
      <c r="C1466">
        <v>40</v>
      </c>
      <c r="D1466" t="s">
        <v>222</v>
      </c>
      <c r="E1466">
        <v>1085</v>
      </c>
      <c r="F1466" t="s">
        <v>892</v>
      </c>
      <c r="G1466" t="s">
        <v>892</v>
      </c>
      <c r="H1466" t="s">
        <v>892</v>
      </c>
      <c r="I1466" t="s">
        <v>892</v>
      </c>
      <c r="J1466" t="s">
        <v>792</v>
      </c>
      <c r="K1466">
        <v>6</v>
      </c>
      <c r="L1466" t="s">
        <v>892</v>
      </c>
      <c r="M1466" t="s">
        <v>892</v>
      </c>
      <c r="N1466" t="s">
        <v>892</v>
      </c>
      <c r="O1466" t="s">
        <v>892</v>
      </c>
      <c r="P1466" t="s">
        <v>746</v>
      </c>
      <c r="Q1466">
        <v>2</v>
      </c>
      <c r="R1466" t="s">
        <v>893</v>
      </c>
      <c r="S1466">
        <v>3</v>
      </c>
      <c r="T1466" t="s">
        <v>892</v>
      </c>
      <c r="U1466" t="s">
        <v>892</v>
      </c>
      <c r="V1466">
        <v>3</v>
      </c>
      <c r="W1466">
        <v>180</v>
      </c>
      <c r="X1466">
        <v>2020</v>
      </c>
    </row>
    <row r="1467" spans="1:24" x14ac:dyDescent="0.25">
      <c r="A1467">
        <v>11608</v>
      </c>
      <c r="B1467" t="s">
        <v>74</v>
      </c>
      <c r="C1467">
        <v>40</v>
      </c>
      <c r="D1467" t="s">
        <v>222</v>
      </c>
      <c r="E1467">
        <v>1085</v>
      </c>
      <c r="F1467" t="s">
        <v>892</v>
      </c>
      <c r="G1467" t="s">
        <v>892</v>
      </c>
      <c r="H1467" t="s">
        <v>892</v>
      </c>
      <c r="I1467" t="s">
        <v>892</v>
      </c>
      <c r="J1467" t="s">
        <v>767</v>
      </c>
      <c r="K1467">
        <v>44</v>
      </c>
      <c r="L1467" t="s">
        <v>892</v>
      </c>
      <c r="M1467" t="s">
        <v>892</v>
      </c>
      <c r="N1467" t="s">
        <v>892</v>
      </c>
      <c r="O1467" t="s">
        <v>892</v>
      </c>
      <c r="P1467" t="s">
        <v>746</v>
      </c>
      <c r="Q1467">
        <v>2</v>
      </c>
      <c r="R1467" t="s">
        <v>893</v>
      </c>
      <c r="S1467">
        <v>3</v>
      </c>
      <c r="T1467" t="s">
        <v>892</v>
      </c>
      <c r="U1467" t="s">
        <v>892</v>
      </c>
      <c r="V1467">
        <v>3</v>
      </c>
      <c r="W1467">
        <v>180</v>
      </c>
      <c r="X1467">
        <v>2020</v>
      </c>
    </row>
    <row r="1468" spans="1:24" x14ac:dyDescent="0.25">
      <c r="A1468">
        <v>11607</v>
      </c>
      <c r="B1468" t="s">
        <v>224</v>
      </c>
      <c r="C1468">
        <v>46</v>
      </c>
      <c r="D1468" t="s">
        <v>223</v>
      </c>
      <c r="E1468">
        <v>1084</v>
      </c>
      <c r="F1468" t="s">
        <v>892</v>
      </c>
      <c r="G1468" t="s">
        <v>892</v>
      </c>
      <c r="H1468" t="s">
        <v>892</v>
      </c>
      <c r="I1468" t="s">
        <v>892</v>
      </c>
      <c r="J1468" t="s">
        <v>730</v>
      </c>
      <c r="K1468">
        <v>66</v>
      </c>
      <c r="L1468" t="s">
        <v>892</v>
      </c>
      <c r="M1468" t="s">
        <v>892</v>
      </c>
      <c r="N1468" t="s">
        <v>892</v>
      </c>
      <c r="O1468" t="s">
        <v>892</v>
      </c>
      <c r="P1468" t="s">
        <v>746</v>
      </c>
      <c r="Q1468">
        <v>2</v>
      </c>
      <c r="R1468" t="s">
        <v>893</v>
      </c>
      <c r="S1468">
        <v>3</v>
      </c>
      <c r="T1468" t="s">
        <v>892</v>
      </c>
      <c r="U1468" t="s">
        <v>892</v>
      </c>
      <c r="V1468">
        <v>3</v>
      </c>
      <c r="W1468">
        <v>180</v>
      </c>
      <c r="X1468">
        <v>2020</v>
      </c>
    </row>
    <row r="1469" spans="1:24" x14ac:dyDescent="0.25">
      <c r="A1469">
        <v>11606</v>
      </c>
      <c r="B1469" t="s">
        <v>224</v>
      </c>
      <c r="C1469">
        <v>46</v>
      </c>
      <c r="D1469" t="s">
        <v>223</v>
      </c>
      <c r="E1469">
        <v>1084</v>
      </c>
      <c r="F1469" t="s">
        <v>892</v>
      </c>
      <c r="G1469" t="s">
        <v>892</v>
      </c>
      <c r="H1469" t="s">
        <v>892</v>
      </c>
      <c r="I1469" t="s">
        <v>892</v>
      </c>
      <c r="J1469" t="s">
        <v>738</v>
      </c>
      <c r="K1469">
        <v>61</v>
      </c>
      <c r="L1469" t="s">
        <v>892</v>
      </c>
      <c r="M1469" t="s">
        <v>892</v>
      </c>
      <c r="N1469" t="s">
        <v>892</v>
      </c>
      <c r="O1469" t="s">
        <v>892</v>
      </c>
      <c r="P1469" t="s">
        <v>746</v>
      </c>
      <c r="Q1469">
        <v>2</v>
      </c>
      <c r="R1469" t="s">
        <v>893</v>
      </c>
      <c r="S1469">
        <v>3</v>
      </c>
      <c r="T1469" t="s">
        <v>892</v>
      </c>
      <c r="U1469" t="s">
        <v>892</v>
      </c>
      <c r="V1469">
        <v>3</v>
      </c>
      <c r="W1469">
        <v>180</v>
      </c>
      <c r="X1469">
        <v>2020</v>
      </c>
    </row>
    <row r="1470" spans="1:24" x14ac:dyDescent="0.25">
      <c r="A1470">
        <v>11605</v>
      </c>
      <c r="B1470" t="s">
        <v>224</v>
      </c>
      <c r="C1470">
        <v>46</v>
      </c>
      <c r="D1470" t="s">
        <v>223</v>
      </c>
      <c r="E1470">
        <v>1084</v>
      </c>
      <c r="F1470" t="s">
        <v>892</v>
      </c>
      <c r="G1470" t="s">
        <v>892</v>
      </c>
      <c r="H1470" t="s">
        <v>892</v>
      </c>
      <c r="I1470" t="s">
        <v>892</v>
      </c>
      <c r="J1470" t="s">
        <v>693</v>
      </c>
      <c r="K1470">
        <v>56</v>
      </c>
      <c r="L1470" t="s">
        <v>892</v>
      </c>
      <c r="M1470" t="s">
        <v>892</v>
      </c>
      <c r="N1470" t="s">
        <v>892</v>
      </c>
      <c r="O1470" t="s">
        <v>892</v>
      </c>
      <c r="P1470" t="s">
        <v>746</v>
      </c>
      <c r="Q1470">
        <v>2</v>
      </c>
      <c r="R1470" t="s">
        <v>893</v>
      </c>
      <c r="S1470">
        <v>3</v>
      </c>
      <c r="T1470" t="s">
        <v>892</v>
      </c>
      <c r="U1470" t="s">
        <v>892</v>
      </c>
      <c r="V1470">
        <v>3</v>
      </c>
      <c r="W1470">
        <v>180</v>
      </c>
      <c r="X1470">
        <v>2020</v>
      </c>
    </row>
    <row r="1471" spans="1:24" x14ac:dyDescent="0.25">
      <c r="A1471">
        <v>11604</v>
      </c>
      <c r="B1471" t="s">
        <v>224</v>
      </c>
      <c r="C1471">
        <v>46</v>
      </c>
      <c r="D1471" t="s">
        <v>223</v>
      </c>
      <c r="E1471">
        <v>1084</v>
      </c>
      <c r="F1471" t="s">
        <v>892</v>
      </c>
      <c r="G1471" t="s">
        <v>892</v>
      </c>
      <c r="H1471" t="s">
        <v>892</v>
      </c>
      <c r="I1471" t="s">
        <v>892</v>
      </c>
      <c r="J1471" t="s">
        <v>695</v>
      </c>
      <c r="K1471">
        <v>54</v>
      </c>
      <c r="L1471" t="s">
        <v>892</v>
      </c>
      <c r="M1471" t="s">
        <v>892</v>
      </c>
      <c r="N1471" t="s">
        <v>892</v>
      </c>
      <c r="O1471" t="s">
        <v>892</v>
      </c>
      <c r="P1471" t="s">
        <v>746</v>
      </c>
      <c r="Q1471">
        <v>2</v>
      </c>
      <c r="R1471" t="s">
        <v>893</v>
      </c>
      <c r="S1471">
        <v>3</v>
      </c>
      <c r="T1471" t="s">
        <v>892</v>
      </c>
      <c r="U1471" t="s">
        <v>892</v>
      </c>
      <c r="V1471">
        <v>3</v>
      </c>
      <c r="W1471">
        <v>180</v>
      </c>
      <c r="X1471">
        <v>2020</v>
      </c>
    </row>
    <row r="1472" spans="1:24" x14ac:dyDescent="0.25">
      <c r="A1472">
        <v>11603</v>
      </c>
      <c r="B1472" t="s">
        <v>224</v>
      </c>
      <c r="C1472">
        <v>46</v>
      </c>
      <c r="D1472" t="s">
        <v>223</v>
      </c>
      <c r="E1472">
        <v>1084</v>
      </c>
      <c r="F1472" t="s">
        <v>892</v>
      </c>
      <c r="G1472" t="s">
        <v>892</v>
      </c>
      <c r="H1472" t="s">
        <v>892</v>
      </c>
      <c r="I1472" t="s">
        <v>892</v>
      </c>
      <c r="J1472" t="s">
        <v>710</v>
      </c>
      <c r="K1472">
        <v>53</v>
      </c>
      <c r="L1472" t="s">
        <v>892</v>
      </c>
      <c r="M1472" t="s">
        <v>892</v>
      </c>
      <c r="N1472" t="s">
        <v>892</v>
      </c>
      <c r="O1472" t="s">
        <v>892</v>
      </c>
      <c r="P1472" t="s">
        <v>746</v>
      </c>
      <c r="Q1472">
        <v>2</v>
      </c>
      <c r="R1472" t="s">
        <v>893</v>
      </c>
      <c r="S1472">
        <v>3</v>
      </c>
      <c r="T1472" t="s">
        <v>892</v>
      </c>
      <c r="U1472" t="s">
        <v>892</v>
      </c>
      <c r="V1472">
        <v>3</v>
      </c>
      <c r="W1472">
        <v>180</v>
      </c>
      <c r="X1472">
        <v>2020</v>
      </c>
    </row>
    <row r="1473" spans="1:24" x14ac:dyDescent="0.25">
      <c r="A1473">
        <v>11602</v>
      </c>
      <c r="B1473" t="s">
        <v>224</v>
      </c>
      <c r="C1473">
        <v>46</v>
      </c>
      <c r="D1473" t="s">
        <v>223</v>
      </c>
      <c r="E1473">
        <v>1084</v>
      </c>
      <c r="F1473" t="s">
        <v>892</v>
      </c>
      <c r="G1473" t="s">
        <v>892</v>
      </c>
      <c r="H1473" t="s">
        <v>892</v>
      </c>
      <c r="I1473" t="s">
        <v>892</v>
      </c>
      <c r="J1473" t="s">
        <v>714</v>
      </c>
      <c r="K1473">
        <v>52</v>
      </c>
      <c r="L1473" t="s">
        <v>892</v>
      </c>
      <c r="M1473" t="s">
        <v>892</v>
      </c>
      <c r="N1473" t="s">
        <v>892</v>
      </c>
      <c r="O1473" t="s">
        <v>892</v>
      </c>
      <c r="P1473" t="s">
        <v>746</v>
      </c>
      <c r="Q1473">
        <v>2</v>
      </c>
      <c r="R1473" t="s">
        <v>893</v>
      </c>
      <c r="S1473">
        <v>3</v>
      </c>
      <c r="T1473" t="s">
        <v>892</v>
      </c>
      <c r="U1473" t="s">
        <v>892</v>
      </c>
      <c r="V1473">
        <v>3</v>
      </c>
      <c r="W1473">
        <v>180</v>
      </c>
      <c r="X1473">
        <v>2020</v>
      </c>
    </row>
    <row r="1474" spans="1:24" x14ac:dyDescent="0.25">
      <c r="A1474">
        <v>11601</v>
      </c>
      <c r="B1474" t="s">
        <v>224</v>
      </c>
      <c r="C1474">
        <v>46</v>
      </c>
      <c r="D1474" t="s">
        <v>223</v>
      </c>
      <c r="E1474">
        <v>1084</v>
      </c>
      <c r="F1474" t="s">
        <v>892</v>
      </c>
      <c r="G1474" t="s">
        <v>892</v>
      </c>
      <c r="H1474" t="s">
        <v>892</v>
      </c>
      <c r="I1474" t="s">
        <v>892</v>
      </c>
      <c r="J1474" t="s">
        <v>1022</v>
      </c>
      <c r="K1474">
        <v>85</v>
      </c>
      <c r="L1474" t="s">
        <v>892</v>
      </c>
      <c r="M1474" t="s">
        <v>892</v>
      </c>
      <c r="N1474" t="s">
        <v>892</v>
      </c>
      <c r="O1474" t="s">
        <v>892</v>
      </c>
      <c r="P1474" t="s">
        <v>746</v>
      </c>
      <c r="Q1474">
        <v>2</v>
      </c>
      <c r="R1474" t="s">
        <v>893</v>
      </c>
      <c r="S1474">
        <v>3</v>
      </c>
      <c r="T1474" t="s">
        <v>892</v>
      </c>
      <c r="U1474" t="s">
        <v>892</v>
      </c>
      <c r="V1474">
        <v>3</v>
      </c>
      <c r="W1474">
        <v>180</v>
      </c>
      <c r="X1474">
        <v>2020</v>
      </c>
    </row>
    <row r="1475" spans="1:24" x14ac:dyDescent="0.25">
      <c r="A1475">
        <v>11600</v>
      </c>
      <c r="B1475" t="s">
        <v>224</v>
      </c>
      <c r="C1475">
        <v>46</v>
      </c>
      <c r="D1475" t="s">
        <v>223</v>
      </c>
      <c r="E1475">
        <v>1084</v>
      </c>
      <c r="F1475" t="s">
        <v>892</v>
      </c>
      <c r="G1475" t="s">
        <v>892</v>
      </c>
      <c r="H1475" t="s">
        <v>892</v>
      </c>
      <c r="I1475" t="s">
        <v>892</v>
      </c>
      <c r="J1475" t="s">
        <v>742</v>
      </c>
      <c r="K1475">
        <v>48</v>
      </c>
      <c r="L1475" t="s">
        <v>892</v>
      </c>
      <c r="M1475" t="s">
        <v>892</v>
      </c>
      <c r="N1475" t="s">
        <v>892</v>
      </c>
      <c r="O1475" t="s">
        <v>892</v>
      </c>
      <c r="P1475" t="s">
        <v>746</v>
      </c>
      <c r="Q1475">
        <v>2</v>
      </c>
      <c r="R1475" t="s">
        <v>893</v>
      </c>
      <c r="S1475">
        <v>3</v>
      </c>
      <c r="T1475" t="s">
        <v>892</v>
      </c>
      <c r="U1475" t="s">
        <v>892</v>
      </c>
      <c r="V1475">
        <v>3</v>
      </c>
      <c r="W1475">
        <v>180</v>
      </c>
      <c r="X1475">
        <v>2020</v>
      </c>
    </row>
    <row r="1476" spans="1:24" x14ac:dyDescent="0.25">
      <c r="A1476">
        <v>11599</v>
      </c>
      <c r="B1476" t="s">
        <v>224</v>
      </c>
      <c r="C1476">
        <v>46</v>
      </c>
      <c r="D1476" t="s">
        <v>223</v>
      </c>
      <c r="E1476">
        <v>1084</v>
      </c>
      <c r="F1476" t="s">
        <v>892</v>
      </c>
      <c r="G1476" t="s">
        <v>892</v>
      </c>
      <c r="H1476" t="s">
        <v>892</v>
      </c>
      <c r="I1476" t="s">
        <v>892</v>
      </c>
      <c r="J1476" t="s">
        <v>797</v>
      </c>
      <c r="K1476">
        <v>65</v>
      </c>
      <c r="L1476" t="s">
        <v>892</v>
      </c>
      <c r="M1476" t="s">
        <v>892</v>
      </c>
      <c r="N1476" t="s">
        <v>892</v>
      </c>
      <c r="O1476" t="s">
        <v>892</v>
      </c>
      <c r="P1476" t="s">
        <v>746</v>
      </c>
      <c r="Q1476">
        <v>2</v>
      </c>
      <c r="R1476" t="s">
        <v>893</v>
      </c>
      <c r="S1476">
        <v>3</v>
      </c>
      <c r="T1476" t="s">
        <v>892</v>
      </c>
      <c r="U1476" t="s">
        <v>892</v>
      </c>
      <c r="V1476">
        <v>3</v>
      </c>
      <c r="W1476">
        <v>180</v>
      </c>
      <c r="X1476">
        <v>2020</v>
      </c>
    </row>
    <row r="1477" spans="1:24" x14ac:dyDescent="0.25">
      <c r="A1477">
        <v>11598</v>
      </c>
      <c r="B1477" t="s">
        <v>224</v>
      </c>
      <c r="C1477">
        <v>46</v>
      </c>
      <c r="D1477" t="s">
        <v>223</v>
      </c>
      <c r="E1477">
        <v>1084</v>
      </c>
      <c r="F1477" t="s">
        <v>892</v>
      </c>
      <c r="G1477" t="s">
        <v>892</v>
      </c>
      <c r="H1477" t="s">
        <v>892</v>
      </c>
      <c r="I1477" t="s">
        <v>892</v>
      </c>
      <c r="J1477" t="s">
        <v>1236</v>
      </c>
      <c r="K1477">
        <v>60</v>
      </c>
      <c r="L1477" t="s">
        <v>892</v>
      </c>
      <c r="M1477" t="s">
        <v>892</v>
      </c>
      <c r="N1477" t="s">
        <v>892</v>
      </c>
      <c r="O1477" t="s">
        <v>892</v>
      </c>
      <c r="P1477" t="s">
        <v>746</v>
      </c>
      <c r="Q1477">
        <v>2</v>
      </c>
      <c r="R1477" t="s">
        <v>893</v>
      </c>
      <c r="S1477">
        <v>3</v>
      </c>
      <c r="T1477" t="s">
        <v>892</v>
      </c>
      <c r="U1477" t="s">
        <v>892</v>
      </c>
      <c r="V1477">
        <v>3</v>
      </c>
      <c r="W1477">
        <v>180</v>
      </c>
      <c r="X1477">
        <v>2020</v>
      </c>
    </row>
    <row r="1478" spans="1:24" x14ac:dyDescent="0.25">
      <c r="A1478">
        <v>11597</v>
      </c>
      <c r="B1478" t="s">
        <v>224</v>
      </c>
      <c r="C1478">
        <v>46</v>
      </c>
      <c r="D1478" t="s">
        <v>223</v>
      </c>
      <c r="E1478">
        <v>1084</v>
      </c>
      <c r="F1478" t="s">
        <v>892</v>
      </c>
      <c r="G1478" t="s">
        <v>892</v>
      </c>
      <c r="H1478" t="s">
        <v>892</v>
      </c>
      <c r="I1478" t="s">
        <v>892</v>
      </c>
      <c r="J1478" t="s">
        <v>897</v>
      </c>
      <c r="K1478">
        <v>3</v>
      </c>
      <c r="L1478" t="s">
        <v>892</v>
      </c>
      <c r="M1478" t="s">
        <v>892</v>
      </c>
      <c r="N1478" t="s">
        <v>892</v>
      </c>
      <c r="O1478" t="s">
        <v>892</v>
      </c>
      <c r="P1478" t="s">
        <v>746</v>
      </c>
      <c r="Q1478">
        <v>2</v>
      </c>
      <c r="R1478" t="s">
        <v>893</v>
      </c>
      <c r="S1478">
        <v>3</v>
      </c>
      <c r="T1478" t="s">
        <v>892</v>
      </c>
      <c r="U1478" t="s">
        <v>892</v>
      </c>
      <c r="V1478">
        <v>3</v>
      </c>
      <c r="W1478">
        <v>180</v>
      </c>
      <c r="X1478">
        <v>2020</v>
      </c>
    </row>
    <row r="1479" spans="1:24" x14ac:dyDescent="0.25">
      <c r="A1479">
        <v>11596</v>
      </c>
      <c r="B1479" t="s">
        <v>224</v>
      </c>
      <c r="C1479">
        <v>46</v>
      </c>
      <c r="D1479" t="s">
        <v>223</v>
      </c>
      <c r="E1479">
        <v>1084</v>
      </c>
      <c r="F1479" t="s">
        <v>892</v>
      </c>
      <c r="G1479" t="s">
        <v>892</v>
      </c>
      <c r="H1479" t="s">
        <v>892</v>
      </c>
      <c r="I1479" t="s">
        <v>892</v>
      </c>
      <c r="J1479" t="s">
        <v>767</v>
      </c>
      <c r="K1479">
        <v>44</v>
      </c>
      <c r="L1479" t="s">
        <v>892</v>
      </c>
      <c r="M1479" t="s">
        <v>892</v>
      </c>
      <c r="N1479" t="s">
        <v>892</v>
      </c>
      <c r="O1479" t="s">
        <v>892</v>
      </c>
      <c r="P1479" t="s">
        <v>746</v>
      </c>
      <c r="Q1479">
        <v>2</v>
      </c>
      <c r="R1479" t="s">
        <v>893</v>
      </c>
      <c r="S1479">
        <v>3</v>
      </c>
      <c r="T1479" t="s">
        <v>892</v>
      </c>
      <c r="U1479" t="s">
        <v>892</v>
      </c>
      <c r="V1479">
        <v>3</v>
      </c>
      <c r="W1479">
        <v>180</v>
      </c>
      <c r="X1479">
        <v>2020</v>
      </c>
    </row>
    <row r="1480" spans="1:24" x14ac:dyDescent="0.25">
      <c r="A1480">
        <v>11595</v>
      </c>
      <c r="B1480" t="s">
        <v>226</v>
      </c>
      <c r="C1480">
        <v>1</v>
      </c>
      <c r="D1480" t="s">
        <v>225</v>
      </c>
      <c r="E1480">
        <v>1083</v>
      </c>
      <c r="F1480" t="s">
        <v>892</v>
      </c>
      <c r="G1480" t="s">
        <v>892</v>
      </c>
      <c r="H1480" t="s">
        <v>892</v>
      </c>
      <c r="I1480" t="s">
        <v>892</v>
      </c>
      <c r="J1480" t="s">
        <v>726</v>
      </c>
      <c r="K1480">
        <v>2</v>
      </c>
      <c r="L1480" t="s">
        <v>892</v>
      </c>
      <c r="M1480" t="s">
        <v>892</v>
      </c>
      <c r="N1480" t="s">
        <v>892</v>
      </c>
      <c r="O1480" t="s">
        <v>892</v>
      </c>
      <c r="P1480" t="s">
        <v>746</v>
      </c>
      <c r="Q1480">
        <v>2</v>
      </c>
      <c r="R1480" t="s">
        <v>893</v>
      </c>
      <c r="S1480">
        <v>3</v>
      </c>
      <c r="T1480" t="s">
        <v>892</v>
      </c>
      <c r="U1480" t="s">
        <v>892</v>
      </c>
      <c r="V1480">
        <v>3</v>
      </c>
      <c r="W1480">
        <v>180</v>
      </c>
      <c r="X1480">
        <v>2020</v>
      </c>
    </row>
    <row r="1481" spans="1:24" x14ac:dyDescent="0.25">
      <c r="A1481">
        <v>11594</v>
      </c>
      <c r="B1481" t="s">
        <v>226</v>
      </c>
      <c r="C1481">
        <v>1</v>
      </c>
      <c r="D1481" t="s">
        <v>236</v>
      </c>
      <c r="E1481">
        <v>1073</v>
      </c>
      <c r="F1481" t="s">
        <v>892</v>
      </c>
      <c r="G1481" t="s">
        <v>892</v>
      </c>
      <c r="H1481" t="s">
        <v>892</v>
      </c>
      <c r="I1481" t="s">
        <v>892</v>
      </c>
      <c r="J1481" t="s">
        <v>726</v>
      </c>
      <c r="K1481">
        <v>2</v>
      </c>
      <c r="L1481" t="s">
        <v>892</v>
      </c>
      <c r="M1481" t="s">
        <v>892</v>
      </c>
      <c r="N1481" t="s">
        <v>892</v>
      </c>
      <c r="O1481" t="s">
        <v>892</v>
      </c>
      <c r="P1481" t="s">
        <v>746</v>
      </c>
      <c r="Q1481">
        <v>2</v>
      </c>
      <c r="R1481" t="s">
        <v>893</v>
      </c>
      <c r="S1481">
        <v>3</v>
      </c>
      <c r="T1481" t="s">
        <v>892</v>
      </c>
      <c r="U1481" t="s">
        <v>892</v>
      </c>
      <c r="V1481">
        <v>3</v>
      </c>
      <c r="W1481">
        <v>180</v>
      </c>
      <c r="X1481">
        <v>2020</v>
      </c>
    </row>
    <row r="1482" spans="1:24" x14ac:dyDescent="0.25">
      <c r="A1482">
        <v>11593</v>
      </c>
      <c r="B1482" t="s">
        <v>226</v>
      </c>
      <c r="C1482">
        <v>1</v>
      </c>
      <c r="D1482" t="s">
        <v>227</v>
      </c>
      <c r="E1482">
        <v>1082</v>
      </c>
      <c r="F1482" t="s">
        <v>892</v>
      </c>
      <c r="G1482" t="s">
        <v>892</v>
      </c>
      <c r="H1482" t="s">
        <v>892</v>
      </c>
      <c r="I1482" t="s">
        <v>892</v>
      </c>
      <c r="J1482" t="s">
        <v>980</v>
      </c>
      <c r="K1482">
        <v>67</v>
      </c>
      <c r="L1482" t="s">
        <v>892</v>
      </c>
      <c r="M1482" t="s">
        <v>892</v>
      </c>
      <c r="N1482" t="s">
        <v>892</v>
      </c>
      <c r="O1482" t="s">
        <v>892</v>
      </c>
      <c r="P1482" t="s">
        <v>746</v>
      </c>
      <c r="Q1482">
        <v>2</v>
      </c>
      <c r="R1482" t="s">
        <v>893</v>
      </c>
      <c r="S1482">
        <v>3</v>
      </c>
      <c r="T1482" t="s">
        <v>892</v>
      </c>
      <c r="U1482" t="s">
        <v>892</v>
      </c>
      <c r="V1482">
        <v>3</v>
      </c>
      <c r="W1482">
        <v>180</v>
      </c>
      <c r="X1482">
        <v>2020</v>
      </c>
    </row>
    <row r="1483" spans="1:24" x14ac:dyDescent="0.25">
      <c r="A1483">
        <v>11592</v>
      </c>
      <c r="B1483" t="s">
        <v>226</v>
      </c>
      <c r="C1483">
        <v>1</v>
      </c>
      <c r="D1483" t="s">
        <v>228</v>
      </c>
      <c r="E1483">
        <v>1081</v>
      </c>
      <c r="F1483" t="s">
        <v>892</v>
      </c>
      <c r="G1483" t="s">
        <v>892</v>
      </c>
      <c r="H1483" t="s">
        <v>892</v>
      </c>
      <c r="I1483" t="s">
        <v>892</v>
      </c>
      <c r="J1483" t="s">
        <v>738</v>
      </c>
      <c r="K1483">
        <v>61</v>
      </c>
      <c r="L1483" t="s">
        <v>892</v>
      </c>
      <c r="M1483" t="s">
        <v>892</v>
      </c>
      <c r="N1483" t="s">
        <v>892</v>
      </c>
      <c r="O1483" t="s">
        <v>892</v>
      </c>
      <c r="P1483" t="s">
        <v>746</v>
      </c>
      <c r="Q1483">
        <v>2</v>
      </c>
      <c r="R1483" t="s">
        <v>893</v>
      </c>
      <c r="S1483">
        <v>3</v>
      </c>
      <c r="T1483" t="s">
        <v>892</v>
      </c>
      <c r="U1483" t="s">
        <v>892</v>
      </c>
      <c r="V1483">
        <v>3</v>
      </c>
      <c r="W1483">
        <v>180</v>
      </c>
      <c r="X1483">
        <v>2020</v>
      </c>
    </row>
    <row r="1484" spans="1:24" x14ac:dyDescent="0.25">
      <c r="A1484">
        <v>11591</v>
      </c>
      <c r="B1484" t="s">
        <v>226</v>
      </c>
      <c r="C1484">
        <v>1</v>
      </c>
      <c r="D1484" t="s">
        <v>229</v>
      </c>
      <c r="E1484">
        <v>1080</v>
      </c>
      <c r="F1484" t="s">
        <v>892</v>
      </c>
      <c r="G1484" t="s">
        <v>892</v>
      </c>
      <c r="H1484" t="s">
        <v>892</v>
      </c>
      <c r="I1484" t="s">
        <v>892</v>
      </c>
      <c r="J1484" t="s">
        <v>738</v>
      </c>
      <c r="K1484">
        <v>61</v>
      </c>
      <c r="L1484" t="s">
        <v>892</v>
      </c>
      <c r="M1484" t="s">
        <v>892</v>
      </c>
      <c r="N1484" t="s">
        <v>892</v>
      </c>
      <c r="O1484" t="s">
        <v>892</v>
      </c>
      <c r="P1484" t="s">
        <v>746</v>
      </c>
      <c r="Q1484">
        <v>2</v>
      </c>
      <c r="R1484" t="s">
        <v>893</v>
      </c>
      <c r="S1484">
        <v>3</v>
      </c>
      <c r="T1484" t="s">
        <v>892</v>
      </c>
      <c r="U1484" t="s">
        <v>892</v>
      </c>
      <c r="V1484">
        <v>3</v>
      </c>
      <c r="W1484">
        <v>180</v>
      </c>
      <c r="X1484">
        <v>2020</v>
      </c>
    </row>
    <row r="1485" spans="1:24" x14ac:dyDescent="0.25">
      <c r="A1485">
        <v>11590</v>
      </c>
      <c r="B1485" t="s">
        <v>226</v>
      </c>
      <c r="C1485">
        <v>1</v>
      </c>
      <c r="D1485" t="s">
        <v>230</v>
      </c>
      <c r="E1485">
        <v>1079</v>
      </c>
      <c r="F1485" t="s">
        <v>892</v>
      </c>
      <c r="G1485" t="s">
        <v>892</v>
      </c>
      <c r="H1485" t="s">
        <v>892</v>
      </c>
      <c r="I1485" t="s">
        <v>892</v>
      </c>
      <c r="J1485" t="s">
        <v>1236</v>
      </c>
      <c r="K1485">
        <v>60</v>
      </c>
      <c r="L1485" t="s">
        <v>892</v>
      </c>
      <c r="M1485" t="s">
        <v>892</v>
      </c>
      <c r="N1485" t="s">
        <v>892</v>
      </c>
      <c r="O1485" t="s">
        <v>892</v>
      </c>
      <c r="P1485" t="s">
        <v>746</v>
      </c>
      <c r="Q1485">
        <v>2</v>
      </c>
      <c r="R1485" t="s">
        <v>893</v>
      </c>
      <c r="S1485">
        <v>3</v>
      </c>
      <c r="T1485" t="s">
        <v>892</v>
      </c>
      <c r="U1485" t="s">
        <v>892</v>
      </c>
      <c r="V1485">
        <v>3</v>
      </c>
      <c r="W1485">
        <v>180</v>
      </c>
      <c r="X1485">
        <v>2020</v>
      </c>
    </row>
    <row r="1486" spans="1:24" x14ac:dyDescent="0.25">
      <c r="A1486">
        <v>11589</v>
      </c>
      <c r="B1486" t="s">
        <v>226</v>
      </c>
      <c r="C1486">
        <v>1</v>
      </c>
      <c r="D1486" t="s">
        <v>231</v>
      </c>
      <c r="E1486">
        <v>1078</v>
      </c>
      <c r="F1486" t="s">
        <v>892</v>
      </c>
      <c r="G1486" t="s">
        <v>892</v>
      </c>
      <c r="H1486" t="s">
        <v>892</v>
      </c>
      <c r="I1486" t="s">
        <v>892</v>
      </c>
      <c r="J1486" t="s">
        <v>693</v>
      </c>
      <c r="K1486">
        <v>56</v>
      </c>
      <c r="L1486" t="s">
        <v>892</v>
      </c>
      <c r="M1486" t="s">
        <v>892</v>
      </c>
      <c r="N1486" t="s">
        <v>892</v>
      </c>
      <c r="O1486" t="s">
        <v>892</v>
      </c>
      <c r="P1486" t="s">
        <v>746</v>
      </c>
      <c r="Q1486">
        <v>2</v>
      </c>
      <c r="R1486" t="s">
        <v>893</v>
      </c>
      <c r="S1486">
        <v>3</v>
      </c>
      <c r="T1486" t="s">
        <v>892</v>
      </c>
      <c r="U1486" t="s">
        <v>892</v>
      </c>
      <c r="V1486">
        <v>3</v>
      </c>
      <c r="W1486">
        <v>180</v>
      </c>
      <c r="X1486">
        <v>2020</v>
      </c>
    </row>
    <row r="1487" spans="1:24" x14ac:dyDescent="0.25">
      <c r="A1487">
        <v>11588</v>
      </c>
      <c r="B1487" t="s">
        <v>226</v>
      </c>
      <c r="C1487">
        <v>1</v>
      </c>
      <c r="D1487" t="s">
        <v>232</v>
      </c>
      <c r="E1487">
        <v>1077</v>
      </c>
      <c r="F1487" t="s">
        <v>892</v>
      </c>
      <c r="G1487" t="s">
        <v>892</v>
      </c>
      <c r="H1487" t="s">
        <v>892</v>
      </c>
      <c r="I1487" t="s">
        <v>892</v>
      </c>
      <c r="J1487" t="s">
        <v>693</v>
      </c>
      <c r="K1487">
        <v>56</v>
      </c>
      <c r="L1487" t="s">
        <v>892</v>
      </c>
      <c r="M1487" t="s">
        <v>892</v>
      </c>
      <c r="N1487" t="s">
        <v>892</v>
      </c>
      <c r="O1487" t="s">
        <v>892</v>
      </c>
      <c r="P1487" t="s">
        <v>746</v>
      </c>
      <c r="Q1487">
        <v>2</v>
      </c>
      <c r="R1487" t="s">
        <v>893</v>
      </c>
      <c r="S1487">
        <v>3</v>
      </c>
      <c r="T1487" t="s">
        <v>892</v>
      </c>
      <c r="U1487" t="s">
        <v>892</v>
      </c>
      <c r="V1487">
        <v>3</v>
      </c>
      <c r="W1487">
        <v>180</v>
      </c>
      <c r="X1487">
        <v>2020</v>
      </c>
    </row>
    <row r="1488" spans="1:24" x14ac:dyDescent="0.25">
      <c r="A1488">
        <v>11587</v>
      </c>
      <c r="B1488" t="s">
        <v>226</v>
      </c>
      <c r="C1488">
        <v>1</v>
      </c>
      <c r="D1488" t="s">
        <v>233</v>
      </c>
      <c r="E1488">
        <v>1076</v>
      </c>
      <c r="F1488" t="s">
        <v>892</v>
      </c>
      <c r="G1488" t="s">
        <v>892</v>
      </c>
      <c r="H1488" t="s">
        <v>892</v>
      </c>
      <c r="I1488" t="s">
        <v>892</v>
      </c>
      <c r="J1488" t="s">
        <v>695</v>
      </c>
      <c r="K1488">
        <v>54</v>
      </c>
      <c r="L1488" t="s">
        <v>892</v>
      </c>
      <c r="M1488" t="s">
        <v>892</v>
      </c>
      <c r="N1488" t="s">
        <v>892</v>
      </c>
      <c r="O1488" t="s">
        <v>892</v>
      </c>
      <c r="P1488" t="s">
        <v>746</v>
      </c>
      <c r="Q1488">
        <v>2</v>
      </c>
      <c r="R1488" t="s">
        <v>893</v>
      </c>
      <c r="S1488">
        <v>3</v>
      </c>
      <c r="T1488" t="s">
        <v>892</v>
      </c>
      <c r="U1488" t="s">
        <v>892</v>
      </c>
      <c r="V1488">
        <v>3</v>
      </c>
      <c r="W1488">
        <v>180</v>
      </c>
      <c r="X1488">
        <v>2020</v>
      </c>
    </row>
    <row r="1489" spans="1:24" x14ac:dyDescent="0.25">
      <c r="A1489">
        <v>11586</v>
      </c>
      <c r="B1489" t="s">
        <v>226</v>
      </c>
      <c r="C1489">
        <v>1</v>
      </c>
      <c r="D1489" t="s">
        <v>234</v>
      </c>
      <c r="E1489">
        <v>1075</v>
      </c>
      <c r="F1489" t="s">
        <v>892</v>
      </c>
      <c r="G1489" t="s">
        <v>892</v>
      </c>
      <c r="H1489" t="s">
        <v>892</v>
      </c>
      <c r="I1489" t="s">
        <v>892</v>
      </c>
      <c r="J1489" t="s">
        <v>742</v>
      </c>
      <c r="K1489">
        <v>48</v>
      </c>
      <c r="L1489" t="s">
        <v>892</v>
      </c>
      <c r="M1489" t="s">
        <v>892</v>
      </c>
      <c r="N1489" t="s">
        <v>892</v>
      </c>
      <c r="O1489" t="s">
        <v>892</v>
      </c>
      <c r="P1489" t="s">
        <v>746</v>
      </c>
      <c r="Q1489">
        <v>2</v>
      </c>
      <c r="R1489" t="s">
        <v>893</v>
      </c>
      <c r="S1489">
        <v>3</v>
      </c>
      <c r="T1489" t="s">
        <v>892</v>
      </c>
      <c r="U1489" t="s">
        <v>892</v>
      </c>
      <c r="V1489">
        <v>3</v>
      </c>
      <c r="W1489">
        <v>180</v>
      </c>
      <c r="X1489">
        <v>2020</v>
      </c>
    </row>
    <row r="1490" spans="1:24" x14ac:dyDescent="0.25">
      <c r="A1490">
        <v>11585</v>
      </c>
      <c r="B1490" t="s">
        <v>226</v>
      </c>
      <c r="C1490">
        <v>1</v>
      </c>
      <c r="D1490" t="s">
        <v>234</v>
      </c>
      <c r="E1490">
        <v>1075</v>
      </c>
      <c r="F1490" t="s">
        <v>892</v>
      </c>
      <c r="G1490" t="s">
        <v>892</v>
      </c>
      <c r="H1490" t="s">
        <v>892</v>
      </c>
      <c r="I1490" t="s">
        <v>892</v>
      </c>
      <c r="J1490" t="s">
        <v>897</v>
      </c>
      <c r="K1490">
        <v>3</v>
      </c>
      <c r="L1490" t="s">
        <v>892</v>
      </c>
      <c r="M1490" t="s">
        <v>892</v>
      </c>
      <c r="N1490" t="s">
        <v>892</v>
      </c>
      <c r="O1490" t="s">
        <v>892</v>
      </c>
      <c r="P1490" t="s">
        <v>746</v>
      </c>
      <c r="Q1490">
        <v>2</v>
      </c>
      <c r="R1490" t="s">
        <v>893</v>
      </c>
      <c r="S1490">
        <v>3</v>
      </c>
      <c r="T1490" t="s">
        <v>892</v>
      </c>
      <c r="U1490" t="s">
        <v>892</v>
      </c>
      <c r="V1490">
        <v>3</v>
      </c>
      <c r="W1490">
        <v>180</v>
      </c>
      <c r="X1490">
        <v>2020</v>
      </c>
    </row>
    <row r="1491" spans="1:24" x14ac:dyDescent="0.25">
      <c r="A1491">
        <v>11584</v>
      </c>
      <c r="B1491" t="s">
        <v>226</v>
      </c>
      <c r="C1491">
        <v>1</v>
      </c>
      <c r="D1491" t="s">
        <v>235</v>
      </c>
      <c r="E1491">
        <v>1074</v>
      </c>
      <c r="F1491" t="s">
        <v>892</v>
      </c>
      <c r="G1491" t="s">
        <v>892</v>
      </c>
      <c r="H1491" t="s">
        <v>892</v>
      </c>
      <c r="I1491" t="s">
        <v>892</v>
      </c>
      <c r="J1491" t="s">
        <v>1514</v>
      </c>
      <c r="K1491">
        <v>47</v>
      </c>
      <c r="L1491" t="s">
        <v>892</v>
      </c>
      <c r="M1491" t="s">
        <v>892</v>
      </c>
      <c r="N1491" t="s">
        <v>892</v>
      </c>
      <c r="O1491" t="s">
        <v>892</v>
      </c>
      <c r="P1491" t="s">
        <v>746</v>
      </c>
      <c r="Q1491">
        <v>2</v>
      </c>
      <c r="R1491" t="s">
        <v>893</v>
      </c>
      <c r="S1491">
        <v>3</v>
      </c>
      <c r="T1491" t="s">
        <v>892</v>
      </c>
      <c r="U1491" t="s">
        <v>892</v>
      </c>
      <c r="V1491">
        <v>3</v>
      </c>
      <c r="W1491">
        <v>180</v>
      </c>
      <c r="X1491">
        <v>2020</v>
      </c>
    </row>
    <row r="1492" spans="1:24" x14ac:dyDescent="0.25">
      <c r="A1492">
        <v>11583</v>
      </c>
      <c r="B1492" t="s">
        <v>226</v>
      </c>
      <c r="C1492">
        <v>1</v>
      </c>
      <c r="D1492" t="s">
        <v>236</v>
      </c>
      <c r="E1492">
        <v>1073</v>
      </c>
      <c r="F1492" t="s">
        <v>892</v>
      </c>
      <c r="G1492" t="s">
        <v>892</v>
      </c>
      <c r="H1492" t="s">
        <v>892</v>
      </c>
      <c r="I1492" t="s">
        <v>892</v>
      </c>
      <c r="J1492" t="s">
        <v>885</v>
      </c>
      <c r="K1492">
        <v>1</v>
      </c>
      <c r="L1492" t="s">
        <v>892</v>
      </c>
      <c r="M1492" t="s">
        <v>892</v>
      </c>
      <c r="N1492" t="s">
        <v>892</v>
      </c>
      <c r="O1492" t="s">
        <v>892</v>
      </c>
      <c r="P1492" t="s">
        <v>746</v>
      </c>
      <c r="Q1492">
        <v>2</v>
      </c>
      <c r="R1492" t="s">
        <v>893</v>
      </c>
      <c r="S1492">
        <v>3</v>
      </c>
      <c r="T1492" t="s">
        <v>892</v>
      </c>
      <c r="U1492" t="s">
        <v>892</v>
      </c>
      <c r="V1492">
        <v>3</v>
      </c>
      <c r="W1492">
        <v>180</v>
      </c>
      <c r="X1492">
        <v>2020</v>
      </c>
    </row>
    <row r="1493" spans="1:24" x14ac:dyDescent="0.25">
      <c r="A1493">
        <v>11582</v>
      </c>
      <c r="B1493" t="s">
        <v>226</v>
      </c>
      <c r="C1493">
        <v>1</v>
      </c>
      <c r="D1493" t="s">
        <v>237</v>
      </c>
      <c r="E1493">
        <v>1072</v>
      </c>
      <c r="F1493" t="s">
        <v>892</v>
      </c>
      <c r="G1493" t="s">
        <v>892</v>
      </c>
      <c r="H1493" t="s">
        <v>892</v>
      </c>
      <c r="I1493" t="s">
        <v>892</v>
      </c>
      <c r="J1493" t="s">
        <v>714</v>
      </c>
      <c r="K1493">
        <v>52</v>
      </c>
      <c r="L1493" t="s">
        <v>892</v>
      </c>
      <c r="M1493" t="s">
        <v>892</v>
      </c>
      <c r="N1493" t="s">
        <v>892</v>
      </c>
      <c r="O1493" t="s">
        <v>892</v>
      </c>
      <c r="P1493" t="s">
        <v>746</v>
      </c>
      <c r="Q1493">
        <v>2</v>
      </c>
      <c r="R1493" t="s">
        <v>893</v>
      </c>
      <c r="S1493">
        <v>3</v>
      </c>
      <c r="T1493" t="s">
        <v>892</v>
      </c>
      <c r="U1493" t="s">
        <v>892</v>
      </c>
      <c r="V1493">
        <v>3</v>
      </c>
      <c r="W1493">
        <v>180</v>
      </c>
      <c r="X1493">
        <v>2020</v>
      </c>
    </row>
    <row r="1494" spans="1:24" x14ac:dyDescent="0.25">
      <c r="A1494">
        <v>11581</v>
      </c>
      <c r="B1494" t="s">
        <v>226</v>
      </c>
      <c r="C1494">
        <v>1</v>
      </c>
      <c r="D1494" t="s">
        <v>238</v>
      </c>
      <c r="E1494">
        <v>1071</v>
      </c>
      <c r="F1494" t="s">
        <v>892</v>
      </c>
      <c r="G1494" t="s">
        <v>892</v>
      </c>
      <c r="H1494" t="s">
        <v>892</v>
      </c>
      <c r="I1494" t="s">
        <v>892</v>
      </c>
      <c r="J1494" t="s">
        <v>710</v>
      </c>
      <c r="K1494">
        <v>53</v>
      </c>
      <c r="L1494" t="s">
        <v>892</v>
      </c>
      <c r="M1494" t="s">
        <v>892</v>
      </c>
      <c r="N1494" t="s">
        <v>892</v>
      </c>
      <c r="O1494" t="s">
        <v>892</v>
      </c>
      <c r="P1494" t="s">
        <v>746</v>
      </c>
      <c r="Q1494">
        <v>2</v>
      </c>
      <c r="R1494" t="s">
        <v>893</v>
      </c>
      <c r="S1494">
        <v>3</v>
      </c>
      <c r="T1494" t="s">
        <v>892</v>
      </c>
      <c r="U1494" t="s">
        <v>892</v>
      </c>
      <c r="V1494">
        <v>3</v>
      </c>
      <c r="W1494">
        <v>180</v>
      </c>
      <c r="X1494">
        <v>2020</v>
      </c>
    </row>
    <row r="1495" spans="1:24" x14ac:dyDescent="0.25">
      <c r="A1495">
        <v>11580</v>
      </c>
      <c r="B1495" t="s">
        <v>226</v>
      </c>
      <c r="C1495">
        <v>1</v>
      </c>
      <c r="D1495" t="s">
        <v>239</v>
      </c>
      <c r="E1495">
        <v>1070</v>
      </c>
      <c r="F1495" t="s">
        <v>892</v>
      </c>
      <c r="G1495" t="s">
        <v>892</v>
      </c>
      <c r="H1495" t="s">
        <v>892</v>
      </c>
      <c r="I1495" t="s">
        <v>892</v>
      </c>
      <c r="J1495" t="s">
        <v>797</v>
      </c>
      <c r="K1495">
        <v>65</v>
      </c>
      <c r="L1495" t="s">
        <v>892</v>
      </c>
      <c r="M1495" t="s">
        <v>892</v>
      </c>
      <c r="N1495" t="s">
        <v>892</v>
      </c>
      <c r="O1495" t="s">
        <v>892</v>
      </c>
      <c r="P1495" t="s">
        <v>746</v>
      </c>
      <c r="Q1495">
        <v>2</v>
      </c>
      <c r="R1495" t="s">
        <v>893</v>
      </c>
      <c r="S1495">
        <v>3</v>
      </c>
      <c r="T1495" t="s">
        <v>892</v>
      </c>
      <c r="U1495" t="s">
        <v>892</v>
      </c>
      <c r="V1495">
        <v>3</v>
      </c>
      <c r="W1495">
        <v>180</v>
      </c>
      <c r="X1495">
        <v>2020</v>
      </c>
    </row>
    <row r="1496" spans="1:24" x14ac:dyDescent="0.25">
      <c r="A1496">
        <v>11579</v>
      </c>
      <c r="B1496" t="s">
        <v>226</v>
      </c>
      <c r="C1496">
        <v>1</v>
      </c>
      <c r="D1496" t="s">
        <v>239</v>
      </c>
      <c r="E1496">
        <v>1070</v>
      </c>
      <c r="F1496" t="s">
        <v>892</v>
      </c>
      <c r="G1496" t="s">
        <v>892</v>
      </c>
      <c r="H1496" t="s">
        <v>892</v>
      </c>
      <c r="I1496" t="s">
        <v>892</v>
      </c>
      <c r="J1496" t="s">
        <v>767</v>
      </c>
      <c r="K1496">
        <v>44</v>
      </c>
      <c r="L1496" t="s">
        <v>892</v>
      </c>
      <c r="M1496" t="s">
        <v>892</v>
      </c>
      <c r="N1496" t="s">
        <v>892</v>
      </c>
      <c r="O1496" t="s">
        <v>892</v>
      </c>
      <c r="P1496" t="s">
        <v>746</v>
      </c>
      <c r="Q1496">
        <v>2</v>
      </c>
      <c r="R1496" t="s">
        <v>893</v>
      </c>
      <c r="S1496">
        <v>3</v>
      </c>
      <c r="T1496" t="s">
        <v>892</v>
      </c>
      <c r="U1496" t="s">
        <v>892</v>
      </c>
      <c r="V1496">
        <v>3</v>
      </c>
      <c r="W1496">
        <v>180</v>
      </c>
      <c r="X1496">
        <v>2020</v>
      </c>
    </row>
    <row r="1497" spans="1:24" x14ac:dyDescent="0.25">
      <c r="A1497">
        <v>11578</v>
      </c>
      <c r="B1497" t="s">
        <v>26</v>
      </c>
      <c r="C1497">
        <v>44</v>
      </c>
      <c r="D1497" t="s">
        <v>240</v>
      </c>
      <c r="E1497">
        <v>1069</v>
      </c>
      <c r="F1497" t="s">
        <v>892</v>
      </c>
      <c r="G1497" t="s">
        <v>892</v>
      </c>
      <c r="H1497" t="s">
        <v>892</v>
      </c>
      <c r="I1497" t="s">
        <v>892</v>
      </c>
      <c r="J1497" t="s">
        <v>663</v>
      </c>
      <c r="K1497">
        <v>99</v>
      </c>
      <c r="L1497" t="s">
        <v>892</v>
      </c>
      <c r="M1497" t="s">
        <v>892</v>
      </c>
      <c r="N1497" t="s">
        <v>892</v>
      </c>
      <c r="O1497" t="s">
        <v>892</v>
      </c>
      <c r="P1497" t="s">
        <v>746</v>
      </c>
      <c r="Q1497">
        <v>2</v>
      </c>
      <c r="R1497" t="s">
        <v>893</v>
      </c>
      <c r="S1497">
        <v>3</v>
      </c>
      <c r="T1497" t="s">
        <v>892</v>
      </c>
      <c r="U1497" t="s">
        <v>892</v>
      </c>
      <c r="V1497">
        <v>3</v>
      </c>
      <c r="W1497">
        <v>180</v>
      </c>
      <c r="X1497">
        <v>2020</v>
      </c>
    </row>
    <row r="1498" spans="1:24" x14ac:dyDescent="0.25">
      <c r="A1498">
        <v>11577</v>
      </c>
      <c r="B1498" t="s">
        <v>242</v>
      </c>
      <c r="C1498">
        <v>37</v>
      </c>
      <c r="D1498" t="s">
        <v>241</v>
      </c>
      <c r="E1498">
        <v>1068</v>
      </c>
      <c r="F1498" t="s">
        <v>892</v>
      </c>
      <c r="G1498" t="s">
        <v>892</v>
      </c>
      <c r="H1498" t="s">
        <v>892</v>
      </c>
      <c r="I1498" t="s">
        <v>892</v>
      </c>
      <c r="J1498" t="s">
        <v>1055</v>
      </c>
      <c r="K1498">
        <v>69</v>
      </c>
      <c r="L1498" t="s">
        <v>892</v>
      </c>
      <c r="M1498" t="s">
        <v>892</v>
      </c>
      <c r="N1498" t="s">
        <v>892</v>
      </c>
      <c r="O1498" t="s">
        <v>892</v>
      </c>
      <c r="P1498" t="s">
        <v>746</v>
      </c>
      <c r="Q1498">
        <v>2</v>
      </c>
      <c r="R1498" t="s">
        <v>893</v>
      </c>
      <c r="S1498">
        <v>3</v>
      </c>
      <c r="T1498" t="s">
        <v>892</v>
      </c>
      <c r="U1498" t="s">
        <v>892</v>
      </c>
      <c r="V1498">
        <v>3</v>
      </c>
      <c r="W1498">
        <v>180</v>
      </c>
      <c r="X1498">
        <v>2020</v>
      </c>
    </row>
    <row r="1499" spans="1:24" x14ac:dyDescent="0.25">
      <c r="A1499">
        <v>11576</v>
      </c>
      <c r="B1499" t="s">
        <v>242</v>
      </c>
      <c r="C1499">
        <v>37</v>
      </c>
      <c r="D1499" t="s">
        <v>241</v>
      </c>
      <c r="E1499">
        <v>1068</v>
      </c>
      <c r="F1499" t="s">
        <v>892</v>
      </c>
      <c r="G1499" t="s">
        <v>892</v>
      </c>
      <c r="H1499" t="s">
        <v>892</v>
      </c>
      <c r="I1499" t="s">
        <v>892</v>
      </c>
      <c r="J1499" t="s">
        <v>738</v>
      </c>
      <c r="K1499">
        <v>61</v>
      </c>
      <c r="L1499" t="s">
        <v>892</v>
      </c>
      <c r="M1499" t="s">
        <v>892</v>
      </c>
      <c r="N1499" t="s">
        <v>892</v>
      </c>
      <c r="O1499" t="s">
        <v>892</v>
      </c>
      <c r="P1499" t="s">
        <v>746</v>
      </c>
      <c r="Q1499">
        <v>2</v>
      </c>
      <c r="R1499" t="s">
        <v>893</v>
      </c>
      <c r="S1499">
        <v>3</v>
      </c>
      <c r="T1499" t="s">
        <v>892</v>
      </c>
      <c r="U1499" t="s">
        <v>892</v>
      </c>
      <c r="V1499">
        <v>3</v>
      </c>
      <c r="W1499">
        <v>180</v>
      </c>
      <c r="X1499">
        <v>2020</v>
      </c>
    </row>
    <row r="1500" spans="1:24" x14ac:dyDescent="0.25">
      <c r="A1500">
        <v>11574</v>
      </c>
      <c r="B1500" t="s">
        <v>242</v>
      </c>
      <c r="C1500">
        <v>37</v>
      </c>
      <c r="D1500" t="s">
        <v>241</v>
      </c>
      <c r="E1500">
        <v>1068</v>
      </c>
      <c r="F1500" t="s">
        <v>892</v>
      </c>
      <c r="G1500" t="s">
        <v>892</v>
      </c>
      <c r="H1500" t="s">
        <v>892</v>
      </c>
      <c r="I1500" t="s">
        <v>892</v>
      </c>
      <c r="J1500" t="s">
        <v>742</v>
      </c>
      <c r="K1500">
        <v>48</v>
      </c>
      <c r="L1500" t="s">
        <v>892</v>
      </c>
      <c r="M1500" t="s">
        <v>892</v>
      </c>
      <c r="N1500" t="s">
        <v>892</v>
      </c>
      <c r="O1500" t="s">
        <v>892</v>
      </c>
      <c r="P1500" t="s">
        <v>746</v>
      </c>
      <c r="Q1500">
        <v>2</v>
      </c>
      <c r="R1500" t="s">
        <v>893</v>
      </c>
      <c r="S1500">
        <v>3</v>
      </c>
      <c r="T1500" t="s">
        <v>892</v>
      </c>
      <c r="U1500" t="s">
        <v>892</v>
      </c>
      <c r="V1500">
        <v>3</v>
      </c>
      <c r="W1500">
        <v>180</v>
      </c>
      <c r="X1500">
        <v>2020</v>
      </c>
    </row>
    <row r="1501" spans="1:24" x14ac:dyDescent="0.25">
      <c r="A1501">
        <v>11573</v>
      </c>
      <c r="B1501" t="s">
        <v>242</v>
      </c>
      <c r="C1501">
        <v>37</v>
      </c>
      <c r="D1501" t="s">
        <v>241</v>
      </c>
      <c r="E1501">
        <v>1068</v>
      </c>
      <c r="F1501" t="s">
        <v>892</v>
      </c>
      <c r="G1501" t="s">
        <v>892</v>
      </c>
      <c r="H1501" t="s">
        <v>892</v>
      </c>
      <c r="I1501" t="s">
        <v>892</v>
      </c>
      <c r="J1501" t="s">
        <v>797</v>
      </c>
      <c r="K1501">
        <v>65</v>
      </c>
      <c r="L1501" t="s">
        <v>892</v>
      </c>
      <c r="M1501" t="s">
        <v>892</v>
      </c>
      <c r="N1501" t="s">
        <v>892</v>
      </c>
      <c r="O1501" t="s">
        <v>892</v>
      </c>
      <c r="P1501" t="s">
        <v>746</v>
      </c>
      <c r="Q1501">
        <v>2</v>
      </c>
      <c r="R1501" t="s">
        <v>893</v>
      </c>
      <c r="S1501">
        <v>3</v>
      </c>
      <c r="T1501" t="s">
        <v>892</v>
      </c>
      <c r="U1501" t="s">
        <v>892</v>
      </c>
      <c r="V1501">
        <v>3</v>
      </c>
      <c r="W1501">
        <v>180</v>
      </c>
      <c r="X1501">
        <v>2020</v>
      </c>
    </row>
    <row r="1502" spans="1:24" x14ac:dyDescent="0.25">
      <c r="A1502">
        <v>11571</v>
      </c>
      <c r="B1502" t="s">
        <v>32</v>
      </c>
      <c r="C1502">
        <v>24</v>
      </c>
      <c r="D1502" t="s">
        <v>243</v>
      </c>
      <c r="E1502">
        <v>1067</v>
      </c>
      <c r="F1502" t="s">
        <v>892</v>
      </c>
      <c r="G1502" t="s">
        <v>892</v>
      </c>
      <c r="H1502" t="s">
        <v>892</v>
      </c>
      <c r="I1502" t="s">
        <v>892</v>
      </c>
      <c r="J1502" t="s">
        <v>864</v>
      </c>
      <c r="K1502">
        <v>14</v>
      </c>
      <c r="L1502" t="s">
        <v>892</v>
      </c>
      <c r="M1502" t="s">
        <v>892</v>
      </c>
      <c r="N1502" t="s">
        <v>892</v>
      </c>
      <c r="O1502" t="s">
        <v>892</v>
      </c>
      <c r="P1502" t="s">
        <v>746</v>
      </c>
      <c r="Q1502">
        <v>2</v>
      </c>
      <c r="R1502" t="s">
        <v>893</v>
      </c>
      <c r="S1502">
        <v>3</v>
      </c>
      <c r="T1502" t="s">
        <v>892</v>
      </c>
      <c r="U1502" t="s">
        <v>892</v>
      </c>
      <c r="V1502">
        <v>3</v>
      </c>
      <c r="W1502">
        <v>180</v>
      </c>
      <c r="X1502">
        <v>2020</v>
      </c>
    </row>
    <row r="1503" spans="1:24" x14ac:dyDescent="0.25">
      <c r="A1503">
        <v>11570</v>
      </c>
      <c r="B1503" t="s">
        <v>32</v>
      </c>
      <c r="C1503">
        <v>24</v>
      </c>
      <c r="D1503" t="s">
        <v>171</v>
      </c>
      <c r="E1503">
        <v>1066</v>
      </c>
      <c r="F1503" t="s">
        <v>892</v>
      </c>
      <c r="G1503" t="s">
        <v>892</v>
      </c>
      <c r="H1503" t="s">
        <v>892</v>
      </c>
      <c r="I1503" t="s">
        <v>892</v>
      </c>
      <c r="J1503" t="s">
        <v>802</v>
      </c>
      <c r="K1503">
        <v>12</v>
      </c>
      <c r="L1503" t="s">
        <v>892</v>
      </c>
      <c r="M1503" t="s">
        <v>892</v>
      </c>
      <c r="N1503" t="s">
        <v>892</v>
      </c>
      <c r="O1503" t="s">
        <v>892</v>
      </c>
      <c r="P1503" t="s">
        <v>746</v>
      </c>
      <c r="Q1503">
        <v>2</v>
      </c>
      <c r="R1503" t="s">
        <v>893</v>
      </c>
      <c r="S1503">
        <v>3</v>
      </c>
      <c r="T1503" t="s">
        <v>892</v>
      </c>
      <c r="U1503" t="s">
        <v>892</v>
      </c>
      <c r="V1503">
        <v>3</v>
      </c>
      <c r="W1503">
        <v>180</v>
      </c>
      <c r="X1503">
        <v>2020</v>
      </c>
    </row>
    <row r="1504" spans="1:24" x14ac:dyDescent="0.25">
      <c r="A1504">
        <v>11569</v>
      </c>
      <c r="B1504" t="s">
        <v>32</v>
      </c>
      <c r="C1504">
        <v>24</v>
      </c>
      <c r="D1504" t="s">
        <v>171</v>
      </c>
      <c r="E1504">
        <v>1066</v>
      </c>
      <c r="F1504" t="s">
        <v>892</v>
      </c>
      <c r="G1504" t="s">
        <v>892</v>
      </c>
      <c r="H1504" t="s">
        <v>892</v>
      </c>
      <c r="I1504" t="s">
        <v>892</v>
      </c>
      <c r="J1504" t="s">
        <v>663</v>
      </c>
      <c r="K1504">
        <v>99</v>
      </c>
      <c r="L1504" t="s">
        <v>892</v>
      </c>
      <c r="M1504" t="s">
        <v>892</v>
      </c>
      <c r="N1504" t="s">
        <v>892</v>
      </c>
      <c r="O1504" t="s">
        <v>892</v>
      </c>
      <c r="P1504" t="s">
        <v>746</v>
      </c>
      <c r="Q1504">
        <v>2</v>
      </c>
      <c r="R1504" t="s">
        <v>893</v>
      </c>
      <c r="S1504">
        <v>3</v>
      </c>
      <c r="T1504" t="s">
        <v>892</v>
      </c>
      <c r="U1504" t="s">
        <v>892</v>
      </c>
      <c r="V1504">
        <v>3</v>
      </c>
      <c r="W1504">
        <v>180</v>
      </c>
      <c r="X1504">
        <v>2020</v>
      </c>
    </row>
    <row r="1505" spans="1:24" x14ac:dyDescent="0.25">
      <c r="A1505">
        <v>11568</v>
      </c>
      <c r="B1505" t="s">
        <v>32</v>
      </c>
      <c r="C1505">
        <v>24</v>
      </c>
      <c r="D1505" t="s">
        <v>31</v>
      </c>
      <c r="E1505">
        <v>1353</v>
      </c>
      <c r="F1505" t="s">
        <v>892</v>
      </c>
      <c r="G1505" t="s">
        <v>892</v>
      </c>
      <c r="H1505" t="s">
        <v>892</v>
      </c>
      <c r="I1505" t="s">
        <v>892</v>
      </c>
      <c r="J1505" t="s">
        <v>885</v>
      </c>
      <c r="K1505">
        <v>1</v>
      </c>
      <c r="L1505" t="s">
        <v>892</v>
      </c>
      <c r="M1505" t="s">
        <v>892</v>
      </c>
      <c r="N1505" t="s">
        <v>892</v>
      </c>
      <c r="O1505" t="s">
        <v>892</v>
      </c>
      <c r="P1505" t="s">
        <v>746</v>
      </c>
      <c r="Q1505">
        <v>2</v>
      </c>
      <c r="R1505" t="s">
        <v>893</v>
      </c>
      <c r="S1505">
        <v>3</v>
      </c>
      <c r="T1505" t="s">
        <v>892</v>
      </c>
      <c r="U1505" t="s">
        <v>892</v>
      </c>
      <c r="V1505">
        <v>3</v>
      </c>
      <c r="W1505">
        <v>180</v>
      </c>
      <c r="X1505">
        <v>2020</v>
      </c>
    </row>
    <row r="1506" spans="1:24" x14ac:dyDescent="0.25">
      <c r="A1506">
        <v>11567</v>
      </c>
      <c r="B1506" t="s">
        <v>32</v>
      </c>
      <c r="C1506">
        <v>24</v>
      </c>
      <c r="D1506" t="s">
        <v>244</v>
      </c>
      <c r="E1506">
        <v>1065</v>
      </c>
      <c r="F1506" t="s">
        <v>892</v>
      </c>
      <c r="G1506" t="s">
        <v>892</v>
      </c>
      <c r="H1506" t="s">
        <v>892</v>
      </c>
      <c r="I1506" t="s">
        <v>892</v>
      </c>
      <c r="J1506" t="s">
        <v>1022</v>
      </c>
      <c r="K1506">
        <v>85</v>
      </c>
      <c r="L1506" t="s">
        <v>892</v>
      </c>
      <c r="M1506" t="s">
        <v>892</v>
      </c>
      <c r="N1506" t="s">
        <v>892</v>
      </c>
      <c r="O1506" t="s">
        <v>892</v>
      </c>
      <c r="P1506" t="s">
        <v>746</v>
      </c>
      <c r="Q1506">
        <v>2</v>
      </c>
      <c r="R1506" t="s">
        <v>893</v>
      </c>
      <c r="S1506">
        <v>3</v>
      </c>
      <c r="T1506" t="s">
        <v>892</v>
      </c>
      <c r="U1506" t="s">
        <v>892</v>
      </c>
      <c r="V1506">
        <v>3</v>
      </c>
      <c r="W1506">
        <v>180</v>
      </c>
      <c r="X1506">
        <v>2020</v>
      </c>
    </row>
    <row r="1507" spans="1:24" x14ac:dyDescent="0.25">
      <c r="A1507">
        <v>11566</v>
      </c>
      <c r="B1507" t="s">
        <v>32</v>
      </c>
      <c r="C1507">
        <v>24</v>
      </c>
      <c r="D1507" t="s">
        <v>244</v>
      </c>
      <c r="E1507">
        <v>1065</v>
      </c>
      <c r="F1507" t="s">
        <v>892</v>
      </c>
      <c r="G1507" t="s">
        <v>892</v>
      </c>
      <c r="H1507" t="s">
        <v>892</v>
      </c>
      <c r="I1507" t="s">
        <v>892</v>
      </c>
      <c r="J1507" t="s">
        <v>831</v>
      </c>
      <c r="K1507">
        <v>5</v>
      </c>
      <c r="L1507" t="s">
        <v>892</v>
      </c>
      <c r="M1507" t="s">
        <v>892</v>
      </c>
      <c r="N1507" t="s">
        <v>892</v>
      </c>
      <c r="O1507" t="s">
        <v>892</v>
      </c>
      <c r="P1507" t="s">
        <v>746</v>
      </c>
      <c r="Q1507">
        <v>2</v>
      </c>
      <c r="R1507" t="s">
        <v>893</v>
      </c>
      <c r="S1507">
        <v>3</v>
      </c>
      <c r="T1507" t="s">
        <v>892</v>
      </c>
      <c r="U1507" t="s">
        <v>892</v>
      </c>
      <c r="V1507">
        <v>3</v>
      </c>
      <c r="W1507">
        <v>180</v>
      </c>
      <c r="X1507">
        <v>2020</v>
      </c>
    </row>
    <row r="1508" spans="1:24" x14ac:dyDescent="0.25">
      <c r="A1508">
        <v>11565</v>
      </c>
      <c r="B1508" t="s">
        <v>32</v>
      </c>
      <c r="C1508">
        <v>24</v>
      </c>
      <c r="D1508" t="s">
        <v>245</v>
      </c>
      <c r="E1508">
        <v>1064</v>
      </c>
      <c r="F1508" t="s">
        <v>892</v>
      </c>
      <c r="G1508" t="s">
        <v>892</v>
      </c>
      <c r="H1508" t="s">
        <v>892</v>
      </c>
      <c r="I1508" t="s">
        <v>892</v>
      </c>
      <c r="J1508" t="s">
        <v>752</v>
      </c>
      <c r="K1508">
        <v>90</v>
      </c>
      <c r="L1508" t="s">
        <v>892</v>
      </c>
      <c r="M1508" t="s">
        <v>892</v>
      </c>
      <c r="N1508" t="s">
        <v>892</v>
      </c>
      <c r="O1508" t="s">
        <v>892</v>
      </c>
      <c r="P1508" t="s">
        <v>746</v>
      </c>
      <c r="Q1508">
        <v>2</v>
      </c>
      <c r="R1508" t="s">
        <v>893</v>
      </c>
      <c r="S1508">
        <v>3</v>
      </c>
      <c r="T1508" t="s">
        <v>892</v>
      </c>
      <c r="U1508" t="s">
        <v>892</v>
      </c>
      <c r="V1508">
        <v>4</v>
      </c>
      <c r="W1508">
        <v>240</v>
      </c>
      <c r="X1508">
        <v>2020</v>
      </c>
    </row>
    <row r="1509" spans="1:24" x14ac:dyDescent="0.25">
      <c r="A1509">
        <v>11564</v>
      </c>
      <c r="B1509" t="s">
        <v>32</v>
      </c>
      <c r="C1509">
        <v>24</v>
      </c>
      <c r="D1509" t="s">
        <v>245</v>
      </c>
      <c r="E1509">
        <v>1064</v>
      </c>
      <c r="F1509" t="s">
        <v>892</v>
      </c>
      <c r="G1509" t="s">
        <v>892</v>
      </c>
      <c r="H1509" t="s">
        <v>892</v>
      </c>
      <c r="I1509" t="s">
        <v>892</v>
      </c>
      <c r="J1509" t="s">
        <v>839</v>
      </c>
      <c r="K1509">
        <v>89</v>
      </c>
      <c r="L1509" t="s">
        <v>892</v>
      </c>
      <c r="M1509" t="s">
        <v>892</v>
      </c>
      <c r="N1509" t="s">
        <v>892</v>
      </c>
      <c r="O1509" t="s">
        <v>892</v>
      </c>
      <c r="P1509" t="s">
        <v>746</v>
      </c>
      <c r="Q1509">
        <v>2</v>
      </c>
      <c r="R1509" t="s">
        <v>893</v>
      </c>
      <c r="S1509">
        <v>3</v>
      </c>
      <c r="T1509" t="s">
        <v>892</v>
      </c>
      <c r="U1509" t="s">
        <v>892</v>
      </c>
      <c r="V1509">
        <v>4</v>
      </c>
      <c r="W1509">
        <v>240</v>
      </c>
      <c r="X1509">
        <v>2020</v>
      </c>
    </row>
    <row r="1510" spans="1:24" x14ac:dyDescent="0.25">
      <c r="A1510">
        <v>11563</v>
      </c>
      <c r="B1510" t="s">
        <v>247</v>
      </c>
      <c r="C1510">
        <v>39</v>
      </c>
      <c r="D1510" t="s">
        <v>246</v>
      </c>
      <c r="E1510">
        <v>1063</v>
      </c>
      <c r="F1510" t="s">
        <v>892</v>
      </c>
      <c r="G1510" t="s">
        <v>892</v>
      </c>
      <c r="H1510" t="s">
        <v>892</v>
      </c>
      <c r="I1510" t="s">
        <v>892</v>
      </c>
      <c r="J1510" t="s">
        <v>864</v>
      </c>
      <c r="K1510">
        <v>14</v>
      </c>
      <c r="L1510" t="s">
        <v>892</v>
      </c>
      <c r="M1510" t="s">
        <v>892</v>
      </c>
      <c r="N1510" t="s">
        <v>892</v>
      </c>
      <c r="O1510" t="s">
        <v>892</v>
      </c>
      <c r="P1510" t="s">
        <v>746</v>
      </c>
      <c r="Q1510">
        <v>2</v>
      </c>
      <c r="R1510" t="s">
        <v>893</v>
      </c>
      <c r="S1510">
        <v>3</v>
      </c>
      <c r="T1510" t="s">
        <v>892</v>
      </c>
      <c r="U1510" t="s">
        <v>892</v>
      </c>
      <c r="V1510">
        <v>3</v>
      </c>
      <c r="W1510">
        <v>180</v>
      </c>
      <c r="X1510">
        <v>2020</v>
      </c>
    </row>
    <row r="1511" spans="1:24" x14ac:dyDescent="0.25">
      <c r="A1511">
        <v>11562</v>
      </c>
      <c r="B1511" t="s">
        <v>247</v>
      </c>
      <c r="C1511">
        <v>39</v>
      </c>
      <c r="D1511" t="s">
        <v>246</v>
      </c>
      <c r="E1511">
        <v>1063</v>
      </c>
      <c r="F1511" t="s">
        <v>892</v>
      </c>
      <c r="G1511" t="s">
        <v>892</v>
      </c>
      <c r="H1511" t="s">
        <v>892</v>
      </c>
      <c r="I1511" t="s">
        <v>892</v>
      </c>
      <c r="J1511" t="s">
        <v>839</v>
      </c>
      <c r="K1511">
        <v>89</v>
      </c>
      <c r="L1511" t="s">
        <v>892</v>
      </c>
      <c r="M1511" t="s">
        <v>892</v>
      </c>
      <c r="N1511" t="s">
        <v>892</v>
      </c>
      <c r="O1511" t="s">
        <v>892</v>
      </c>
      <c r="P1511" t="s">
        <v>746</v>
      </c>
      <c r="Q1511">
        <v>2</v>
      </c>
      <c r="R1511" t="s">
        <v>893</v>
      </c>
      <c r="S1511">
        <v>3</v>
      </c>
      <c r="T1511" t="s">
        <v>892</v>
      </c>
      <c r="U1511" t="s">
        <v>892</v>
      </c>
      <c r="V1511">
        <v>4</v>
      </c>
      <c r="W1511">
        <v>240</v>
      </c>
      <c r="X1511">
        <v>2020</v>
      </c>
    </row>
    <row r="1512" spans="1:24" x14ac:dyDescent="0.25">
      <c r="A1512">
        <v>11561</v>
      </c>
      <c r="B1512" t="s">
        <v>247</v>
      </c>
      <c r="C1512">
        <v>39</v>
      </c>
      <c r="D1512" t="s">
        <v>246</v>
      </c>
      <c r="E1512">
        <v>1063</v>
      </c>
      <c r="F1512" t="s">
        <v>892</v>
      </c>
      <c r="G1512" t="s">
        <v>892</v>
      </c>
      <c r="H1512" t="s">
        <v>892</v>
      </c>
      <c r="I1512" t="s">
        <v>892</v>
      </c>
      <c r="J1512" t="s">
        <v>295</v>
      </c>
      <c r="K1512">
        <v>30</v>
      </c>
      <c r="L1512" t="s">
        <v>892</v>
      </c>
      <c r="M1512" t="s">
        <v>892</v>
      </c>
      <c r="N1512" t="s">
        <v>892</v>
      </c>
      <c r="O1512" t="s">
        <v>892</v>
      </c>
      <c r="P1512" t="s">
        <v>746</v>
      </c>
      <c r="Q1512">
        <v>2</v>
      </c>
      <c r="R1512" t="s">
        <v>893</v>
      </c>
      <c r="S1512">
        <v>3</v>
      </c>
      <c r="T1512" t="s">
        <v>892</v>
      </c>
      <c r="U1512" t="s">
        <v>892</v>
      </c>
      <c r="V1512">
        <v>3</v>
      </c>
      <c r="W1512">
        <v>180</v>
      </c>
      <c r="X1512">
        <v>2020</v>
      </c>
    </row>
    <row r="1513" spans="1:24" x14ac:dyDescent="0.25">
      <c r="A1513">
        <v>11560</v>
      </c>
      <c r="B1513" t="s">
        <v>247</v>
      </c>
      <c r="C1513">
        <v>39</v>
      </c>
      <c r="D1513" t="s">
        <v>246</v>
      </c>
      <c r="E1513">
        <v>1063</v>
      </c>
      <c r="F1513" t="s">
        <v>892</v>
      </c>
      <c r="G1513" t="s">
        <v>892</v>
      </c>
      <c r="H1513" t="s">
        <v>892</v>
      </c>
      <c r="I1513" t="s">
        <v>892</v>
      </c>
      <c r="J1513" t="s">
        <v>802</v>
      </c>
      <c r="K1513">
        <v>12</v>
      </c>
      <c r="L1513" t="s">
        <v>892</v>
      </c>
      <c r="M1513" t="s">
        <v>892</v>
      </c>
      <c r="N1513" t="s">
        <v>892</v>
      </c>
      <c r="O1513" t="s">
        <v>892</v>
      </c>
      <c r="P1513" t="s">
        <v>746</v>
      </c>
      <c r="Q1513">
        <v>2</v>
      </c>
      <c r="R1513" t="s">
        <v>893</v>
      </c>
      <c r="S1513">
        <v>3</v>
      </c>
      <c r="T1513" t="s">
        <v>892</v>
      </c>
      <c r="U1513" t="s">
        <v>892</v>
      </c>
      <c r="V1513">
        <v>3</v>
      </c>
      <c r="W1513">
        <v>180</v>
      </c>
      <c r="X1513">
        <v>2020</v>
      </c>
    </row>
    <row r="1514" spans="1:24" x14ac:dyDescent="0.25">
      <c r="A1514">
        <v>11559</v>
      </c>
      <c r="B1514" t="s">
        <v>247</v>
      </c>
      <c r="C1514">
        <v>39</v>
      </c>
      <c r="D1514" t="s">
        <v>246</v>
      </c>
      <c r="E1514">
        <v>1063</v>
      </c>
      <c r="F1514" t="s">
        <v>892</v>
      </c>
      <c r="G1514" t="s">
        <v>892</v>
      </c>
      <c r="H1514" t="s">
        <v>892</v>
      </c>
      <c r="I1514" t="s">
        <v>892</v>
      </c>
      <c r="J1514" t="s">
        <v>730</v>
      </c>
      <c r="K1514">
        <v>66</v>
      </c>
      <c r="L1514" t="s">
        <v>892</v>
      </c>
      <c r="M1514" t="s">
        <v>892</v>
      </c>
      <c r="N1514" t="s">
        <v>892</v>
      </c>
      <c r="O1514" t="s">
        <v>892</v>
      </c>
      <c r="P1514" t="s">
        <v>746</v>
      </c>
      <c r="Q1514">
        <v>2</v>
      </c>
      <c r="R1514" t="s">
        <v>893</v>
      </c>
      <c r="S1514">
        <v>3</v>
      </c>
      <c r="T1514" t="s">
        <v>892</v>
      </c>
      <c r="U1514" t="s">
        <v>892</v>
      </c>
      <c r="V1514">
        <v>3</v>
      </c>
      <c r="W1514">
        <v>180</v>
      </c>
      <c r="X1514">
        <v>2020</v>
      </c>
    </row>
    <row r="1515" spans="1:24" x14ac:dyDescent="0.25">
      <c r="A1515">
        <v>11558</v>
      </c>
      <c r="B1515" t="s">
        <v>247</v>
      </c>
      <c r="C1515">
        <v>39</v>
      </c>
      <c r="D1515" t="s">
        <v>246</v>
      </c>
      <c r="E1515">
        <v>1063</v>
      </c>
      <c r="F1515" t="s">
        <v>892</v>
      </c>
      <c r="G1515" t="s">
        <v>892</v>
      </c>
      <c r="H1515" t="s">
        <v>892</v>
      </c>
      <c r="I1515" t="s">
        <v>892</v>
      </c>
      <c r="J1515" t="s">
        <v>738</v>
      </c>
      <c r="K1515">
        <v>61</v>
      </c>
      <c r="L1515" t="s">
        <v>892</v>
      </c>
      <c r="M1515" t="s">
        <v>892</v>
      </c>
      <c r="N1515" t="s">
        <v>892</v>
      </c>
      <c r="O1515" t="s">
        <v>892</v>
      </c>
      <c r="P1515" t="s">
        <v>746</v>
      </c>
      <c r="Q1515">
        <v>2</v>
      </c>
      <c r="R1515" t="s">
        <v>893</v>
      </c>
      <c r="S1515">
        <v>3</v>
      </c>
      <c r="T1515" t="s">
        <v>892</v>
      </c>
      <c r="U1515" t="s">
        <v>892</v>
      </c>
      <c r="V1515">
        <v>3</v>
      </c>
      <c r="W1515">
        <v>180</v>
      </c>
      <c r="X1515">
        <v>2020</v>
      </c>
    </row>
    <row r="1516" spans="1:24" x14ac:dyDescent="0.25">
      <c r="A1516">
        <v>11557</v>
      </c>
      <c r="B1516" t="s">
        <v>247</v>
      </c>
      <c r="C1516">
        <v>39</v>
      </c>
      <c r="D1516" t="s">
        <v>246</v>
      </c>
      <c r="E1516">
        <v>1063</v>
      </c>
      <c r="F1516" t="s">
        <v>892</v>
      </c>
      <c r="G1516" t="s">
        <v>892</v>
      </c>
      <c r="H1516" t="s">
        <v>892</v>
      </c>
      <c r="I1516" t="s">
        <v>892</v>
      </c>
      <c r="J1516" t="s">
        <v>693</v>
      </c>
      <c r="K1516">
        <v>56</v>
      </c>
      <c r="L1516" t="s">
        <v>892</v>
      </c>
      <c r="M1516" t="s">
        <v>892</v>
      </c>
      <c r="N1516" t="s">
        <v>892</v>
      </c>
      <c r="O1516" t="s">
        <v>892</v>
      </c>
      <c r="P1516" t="s">
        <v>746</v>
      </c>
      <c r="Q1516">
        <v>2</v>
      </c>
      <c r="R1516" t="s">
        <v>893</v>
      </c>
      <c r="S1516">
        <v>3</v>
      </c>
      <c r="T1516" t="s">
        <v>892</v>
      </c>
      <c r="U1516" t="s">
        <v>892</v>
      </c>
      <c r="V1516">
        <v>3</v>
      </c>
      <c r="W1516">
        <v>180</v>
      </c>
      <c r="X1516">
        <v>2020</v>
      </c>
    </row>
    <row r="1517" spans="1:24" x14ac:dyDescent="0.25">
      <c r="A1517">
        <v>11556</v>
      </c>
      <c r="B1517" t="s">
        <v>247</v>
      </c>
      <c r="C1517">
        <v>39</v>
      </c>
      <c r="D1517" t="s">
        <v>246</v>
      </c>
      <c r="E1517">
        <v>1063</v>
      </c>
      <c r="F1517" t="s">
        <v>892</v>
      </c>
      <c r="G1517" t="s">
        <v>892</v>
      </c>
      <c r="H1517" t="s">
        <v>892</v>
      </c>
      <c r="I1517" t="s">
        <v>892</v>
      </c>
      <c r="J1517" t="s">
        <v>1236</v>
      </c>
      <c r="K1517">
        <v>60</v>
      </c>
      <c r="L1517" t="s">
        <v>892</v>
      </c>
      <c r="M1517" t="s">
        <v>892</v>
      </c>
      <c r="N1517" t="s">
        <v>892</v>
      </c>
      <c r="O1517" t="s">
        <v>892</v>
      </c>
      <c r="P1517" t="s">
        <v>746</v>
      </c>
      <c r="Q1517">
        <v>2</v>
      </c>
      <c r="R1517" t="s">
        <v>893</v>
      </c>
      <c r="S1517">
        <v>3</v>
      </c>
      <c r="T1517" t="s">
        <v>892</v>
      </c>
      <c r="U1517" t="s">
        <v>892</v>
      </c>
      <c r="V1517">
        <v>3</v>
      </c>
      <c r="W1517">
        <v>180</v>
      </c>
      <c r="X1517">
        <v>2020</v>
      </c>
    </row>
    <row r="1518" spans="1:24" x14ac:dyDescent="0.25">
      <c r="A1518">
        <v>11555</v>
      </c>
      <c r="B1518" t="s">
        <v>247</v>
      </c>
      <c r="C1518">
        <v>39</v>
      </c>
      <c r="D1518" t="s">
        <v>246</v>
      </c>
      <c r="E1518">
        <v>1063</v>
      </c>
      <c r="F1518" t="s">
        <v>892</v>
      </c>
      <c r="G1518" t="s">
        <v>892</v>
      </c>
      <c r="H1518" t="s">
        <v>892</v>
      </c>
      <c r="I1518" t="s">
        <v>892</v>
      </c>
      <c r="J1518" t="s">
        <v>807</v>
      </c>
      <c r="K1518">
        <v>25</v>
      </c>
      <c r="L1518" t="s">
        <v>892</v>
      </c>
      <c r="M1518" t="s">
        <v>892</v>
      </c>
      <c r="N1518" t="s">
        <v>892</v>
      </c>
      <c r="O1518" t="s">
        <v>892</v>
      </c>
      <c r="P1518" t="s">
        <v>746</v>
      </c>
      <c r="Q1518">
        <v>2</v>
      </c>
      <c r="R1518" t="s">
        <v>893</v>
      </c>
      <c r="S1518">
        <v>3</v>
      </c>
      <c r="T1518" t="s">
        <v>892</v>
      </c>
      <c r="U1518" t="s">
        <v>892</v>
      </c>
      <c r="V1518">
        <v>3</v>
      </c>
      <c r="W1518">
        <v>180</v>
      </c>
      <c r="X1518">
        <v>2020</v>
      </c>
    </row>
    <row r="1519" spans="1:24" x14ac:dyDescent="0.25">
      <c r="A1519">
        <v>11554</v>
      </c>
      <c r="B1519" t="s">
        <v>247</v>
      </c>
      <c r="C1519">
        <v>39</v>
      </c>
      <c r="D1519" t="s">
        <v>246</v>
      </c>
      <c r="E1519">
        <v>1063</v>
      </c>
      <c r="F1519" t="s">
        <v>892</v>
      </c>
      <c r="G1519" t="s">
        <v>892</v>
      </c>
      <c r="H1519" t="s">
        <v>892</v>
      </c>
      <c r="I1519" t="s">
        <v>892</v>
      </c>
      <c r="J1519" t="s">
        <v>663</v>
      </c>
      <c r="K1519">
        <v>99</v>
      </c>
      <c r="L1519" t="s">
        <v>892</v>
      </c>
      <c r="M1519" t="s">
        <v>892</v>
      </c>
      <c r="N1519" t="s">
        <v>892</v>
      </c>
      <c r="O1519" t="s">
        <v>892</v>
      </c>
      <c r="P1519" t="s">
        <v>746</v>
      </c>
      <c r="Q1519">
        <v>2</v>
      </c>
      <c r="R1519" t="s">
        <v>893</v>
      </c>
      <c r="S1519">
        <v>3</v>
      </c>
      <c r="T1519" t="s">
        <v>892</v>
      </c>
      <c r="U1519" t="s">
        <v>892</v>
      </c>
      <c r="V1519">
        <v>3</v>
      </c>
      <c r="W1519">
        <v>180</v>
      </c>
      <c r="X1519">
        <v>2020</v>
      </c>
    </row>
    <row r="1520" spans="1:24" x14ac:dyDescent="0.25">
      <c r="A1520">
        <v>11553</v>
      </c>
      <c r="B1520" t="s">
        <v>247</v>
      </c>
      <c r="C1520">
        <v>39</v>
      </c>
      <c r="D1520" t="s">
        <v>246</v>
      </c>
      <c r="E1520">
        <v>1063</v>
      </c>
      <c r="F1520" t="s">
        <v>892</v>
      </c>
      <c r="G1520" t="s">
        <v>892</v>
      </c>
      <c r="H1520" t="s">
        <v>892</v>
      </c>
      <c r="I1520" t="s">
        <v>892</v>
      </c>
      <c r="J1520" t="s">
        <v>813</v>
      </c>
      <c r="K1520">
        <v>24</v>
      </c>
      <c r="L1520" t="s">
        <v>892</v>
      </c>
      <c r="M1520" t="s">
        <v>892</v>
      </c>
      <c r="N1520" t="s">
        <v>892</v>
      </c>
      <c r="O1520" t="s">
        <v>892</v>
      </c>
      <c r="P1520" t="s">
        <v>746</v>
      </c>
      <c r="Q1520">
        <v>2</v>
      </c>
      <c r="R1520" t="s">
        <v>893</v>
      </c>
      <c r="S1520">
        <v>3</v>
      </c>
      <c r="T1520" t="s">
        <v>892</v>
      </c>
      <c r="U1520" t="s">
        <v>892</v>
      </c>
      <c r="V1520">
        <v>3</v>
      </c>
      <c r="W1520">
        <v>180</v>
      </c>
      <c r="X1520">
        <v>2020</v>
      </c>
    </row>
    <row r="1521" spans="1:24" x14ac:dyDescent="0.25">
      <c r="A1521">
        <v>11552</v>
      </c>
      <c r="B1521" t="s">
        <v>247</v>
      </c>
      <c r="C1521">
        <v>39</v>
      </c>
      <c r="D1521" t="s">
        <v>246</v>
      </c>
      <c r="E1521">
        <v>1063</v>
      </c>
      <c r="F1521" t="s">
        <v>892</v>
      </c>
      <c r="G1521" t="s">
        <v>892</v>
      </c>
      <c r="H1521" t="s">
        <v>892</v>
      </c>
      <c r="I1521" t="s">
        <v>892</v>
      </c>
      <c r="J1521" t="s">
        <v>65</v>
      </c>
      <c r="K1521">
        <v>15</v>
      </c>
      <c r="L1521" t="s">
        <v>892</v>
      </c>
      <c r="M1521" t="s">
        <v>892</v>
      </c>
      <c r="N1521" t="s">
        <v>892</v>
      </c>
      <c r="O1521" t="s">
        <v>892</v>
      </c>
      <c r="P1521" t="s">
        <v>746</v>
      </c>
      <c r="Q1521">
        <v>2</v>
      </c>
      <c r="R1521" t="s">
        <v>893</v>
      </c>
      <c r="S1521">
        <v>3</v>
      </c>
      <c r="T1521" t="s">
        <v>892</v>
      </c>
      <c r="U1521" t="s">
        <v>892</v>
      </c>
      <c r="V1521">
        <v>3</v>
      </c>
      <c r="W1521">
        <v>180</v>
      </c>
      <c r="X1521">
        <v>2020</v>
      </c>
    </row>
    <row r="1522" spans="1:24" x14ac:dyDescent="0.25">
      <c r="A1522">
        <v>11551</v>
      </c>
      <c r="B1522" t="s">
        <v>247</v>
      </c>
      <c r="C1522">
        <v>39</v>
      </c>
      <c r="D1522" t="s">
        <v>246</v>
      </c>
      <c r="E1522">
        <v>1063</v>
      </c>
      <c r="F1522" t="s">
        <v>892</v>
      </c>
      <c r="G1522" t="s">
        <v>892</v>
      </c>
      <c r="H1522" t="s">
        <v>892</v>
      </c>
      <c r="I1522" t="s">
        <v>892</v>
      </c>
      <c r="J1522" t="s">
        <v>1559</v>
      </c>
      <c r="K1522">
        <v>96</v>
      </c>
      <c r="L1522" t="s">
        <v>892</v>
      </c>
      <c r="M1522" t="s">
        <v>892</v>
      </c>
      <c r="N1522" t="s">
        <v>892</v>
      </c>
      <c r="O1522" t="s">
        <v>892</v>
      </c>
      <c r="P1522" t="s">
        <v>746</v>
      </c>
      <c r="Q1522">
        <v>2</v>
      </c>
      <c r="R1522" t="s">
        <v>893</v>
      </c>
      <c r="S1522">
        <v>3</v>
      </c>
      <c r="T1522" t="s">
        <v>892</v>
      </c>
      <c r="U1522" t="s">
        <v>892</v>
      </c>
      <c r="V1522">
        <v>3</v>
      </c>
      <c r="W1522">
        <v>180</v>
      </c>
      <c r="X1522">
        <v>2020</v>
      </c>
    </row>
    <row r="1523" spans="1:24" x14ac:dyDescent="0.25">
      <c r="A1523">
        <v>11550</v>
      </c>
      <c r="B1523" t="s">
        <v>247</v>
      </c>
      <c r="C1523">
        <v>39</v>
      </c>
      <c r="D1523" t="s">
        <v>246</v>
      </c>
      <c r="E1523">
        <v>1063</v>
      </c>
      <c r="F1523" t="s">
        <v>892</v>
      </c>
      <c r="G1523" t="s">
        <v>892</v>
      </c>
      <c r="H1523" t="s">
        <v>892</v>
      </c>
      <c r="I1523" t="s">
        <v>892</v>
      </c>
      <c r="J1523" t="s">
        <v>767</v>
      </c>
      <c r="K1523">
        <v>44</v>
      </c>
      <c r="L1523" t="s">
        <v>892</v>
      </c>
      <c r="M1523" t="s">
        <v>892</v>
      </c>
      <c r="N1523" t="s">
        <v>892</v>
      </c>
      <c r="O1523" t="s">
        <v>892</v>
      </c>
      <c r="P1523" t="s">
        <v>746</v>
      </c>
      <c r="Q1523">
        <v>2</v>
      </c>
      <c r="R1523" t="s">
        <v>893</v>
      </c>
      <c r="S1523">
        <v>3</v>
      </c>
      <c r="T1523" t="s">
        <v>892</v>
      </c>
      <c r="U1523" t="s">
        <v>892</v>
      </c>
      <c r="V1523">
        <v>3</v>
      </c>
      <c r="W1523">
        <v>180</v>
      </c>
      <c r="X1523">
        <v>2020</v>
      </c>
    </row>
    <row r="1524" spans="1:24" x14ac:dyDescent="0.25">
      <c r="A1524">
        <v>11549</v>
      </c>
      <c r="B1524" t="s">
        <v>249</v>
      </c>
      <c r="C1524">
        <v>38</v>
      </c>
      <c r="D1524" t="s">
        <v>248</v>
      </c>
      <c r="E1524">
        <v>1062</v>
      </c>
      <c r="F1524" t="s">
        <v>892</v>
      </c>
      <c r="G1524" t="s">
        <v>892</v>
      </c>
      <c r="H1524" t="s">
        <v>892</v>
      </c>
      <c r="I1524" t="s">
        <v>892</v>
      </c>
      <c r="J1524" t="s">
        <v>738</v>
      </c>
      <c r="K1524">
        <v>61</v>
      </c>
      <c r="L1524" t="s">
        <v>892</v>
      </c>
      <c r="M1524" t="s">
        <v>892</v>
      </c>
      <c r="N1524" t="s">
        <v>892</v>
      </c>
      <c r="O1524" t="s">
        <v>892</v>
      </c>
      <c r="P1524" t="s">
        <v>746</v>
      </c>
      <c r="Q1524">
        <v>2</v>
      </c>
      <c r="R1524" t="s">
        <v>893</v>
      </c>
      <c r="S1524">
        <v>3</v>
      </c>
      <c r="T1524" t="s">
        <v>892</v>
      </c>
      <c r="U1524" t="s">
        <v>892</v>
      </c>
      <c r="V1524">
        <v>3</v>
      </c>
      <c r="W1524">
        <v>180</v>
      </c>
      <c r="X1524">
        <v>2020</v>
      </c>
    </row>
    <row r="1525" spans="1:24" x14ac:dyDescent="0.25">
      <c r="A1525">
        <v>11548</v>
      </c>
      <c r="B1525" t="s">
        <v>22</v>
      </c>
      <c r="C1525">
        <v>28</v>
      </c>
      <c r="D1525" t="s">
        <v>250</v>
      </c>
      <c r="E1525">
        <v>1061</v>
      </c>
      <c r="F1525" t="s">
        <v>892</v>
      </c>
      <c r="G1525" t="s">
        <v>892</v>
      </c>
      <c r="H1525" t="s">
        <v>892</v>
      </c>
      <c r="I1525" t="s">
        <v>892</v>
      </c>
      <c r="J1525" t="s">
        <v>295</v>
      </c>
      <c r="K1525">
        <v>30</v>
      </c>
      <c r="L1525" t="s">
        <v>892</v>
      </c>
      <c r="M1525" t="s">
        <v>892</v>
      </c>
      <c r="N1525" t="s">
        <v>892</v>
      </c>
      <c r="O1525" t="s">
        <v>892</v>
      </c>
      <c r="P1525" t="s">
        <v>746</v>
      </c>
      <c r="Q1525">
        <v>2</v>
      </c>
      <c r="R1525" t="s">
        <v>893</v>
      </c>
      <c r="S1525">
        <v>3</v>
      </c>
      <c r="T1525" t="s">
        <v>892</v>
      </c>
      <c r="U1525" t="s">
        <v>892</v>
      </c>
      <c r="V1525">
        <v>3</v>
      </c>
      <c r="W1525">
        <v>180</v>
      </c>
      <c r="X1525">
        <v>2020</v>
      </c>
    </row>
    <row r="1526" spans="1:24" x14ac:dyDescent="0.25">
      <c r="A1526">
        <v>11547</v>
      </c>
      <c r="B1526" t="s">
        <v>22</v>
      </c>
      <c r="C1526">
        <v>28</v>
      </c>
      <c r="D1526" t="s">
        <v>250</v>
      </c>
      <c r="E1526">
        <v>1061</v>
      </c>
      <c r="F1526" t="s">
        <v>892</v>
      </c>
      <c r="G1526" t="s">
        <v>892</v>
      </c>
      <c r="H1526" t="s">
        <v>892</v>
      </c>
      <c r="I1526" t="s">
        <v>892</v>
      </c>
      <c r="J1526" t="s">
        <v>802</v>
      </c>
      <c r="K1526">
        <v>12</v>
      </c>
      <c r="L1526" t="s">
        <v>892</v>
      </c>
      <c r="M1526" t="s">
        <v>892</v>
      </c>
      <c r="N1526" t="s">
        <v>892</v>
      </c>
      <c r="O1526" t="s">
        <v>892</v>
      </c>
      <c r="P1526" t="s">
        <v>746</v>
      </c>
      <c r="Q1526">
        <v>2</v>
      </c>
      <c r="R1526" t="s">
        <v>893</v>
      </c>
      <c r="S1526">
        <v>3</v>
      </c>
      <c r="T1526" t="s">
        <v>892</v>
      </c>
      <c r="U1526" t="s">
        <v>892</v>
      </c>
      <c r="V1526">
        <v>3</v>
      </c>
      <c r="W1526">
        <v>180</v>
      </c>
      <c r="X1526">
        <v>2020</v>
      </c>
    </row>
    <row r="1527" spans="1:24" x14ac:dyDescent="0.25">
      <c r="A1527">
        <v>11546</v>
      </c>
      <c r="B1527" t="s">
        <v>22</v>
      </c>
      <c r="C1527">
        <v>28</v>
      </c>
      <c r="D1527" t="s">
        <v>250</v>
      </c>
      <c r="E1527">
        <v>1061</v>
      </c>
      <c r="F1527" t="s">
        <v>892</v>
      </c>
      <c r="G1527" t="s">
        <v>892</v>
      </c>
      <c r="H1527" t="s">
        <v>892</v>
      </c>
      <c r="I1527" t="s">
        <v>892</v>
      </c>
      <c r="J1527" t="s">
        <v>663</v>
      </c>
      <c r="K1527">
        <v>99</v>
      </c>
      <c r="L1527" t="s">
        <v>892</v>
      </c>
      <c r="M1527" t="s">
        <v>892</v>
      </c>
      <c r="N1527" t="s">
        <v>892</v>
      </c>
      <c r="O1527" t="s">
        <v>892</v>
      </c>
      <c r="P1527" t="s">
        <v>746</v>
      </c>
      <c r="Q1527">
        <v>2</v>
      </c>
      <c r="R1527" t="s">
        <v>893</v>
      </c>
      <c r="S1527">
        <v>3</v>
      </c>
      <c r="T1527" t="s">
        <v>892</v>
      </c>
      <c r="U1527" t="s">
        <v>892</v>
      </c>
      <c r="V1527">
        <v>3</v>
      </c>
      <c r="W1527">
        <v>180</v>
      </c>
      <c r="X1527">
        <v>2020</v>
      </c>
    </row>
    <row r="1528" spans="1:24" x14ac:dyDescent="0.25">
      <c r="A1528">
        <v>11545</v>
      </c>
      <c r="B1528" t="s">
        <v>22</v>
      </c>
      <c r="C1528">
        <v>28</v>
      </c>
      <c r="D1528" t="s">
        <v>250</v>
      </c>
      <c r="E1528">
        <v>1061</v>
      </c>
      <c r="F1528" t="s">
        <v>892</v>
      </c>
      <c r="G1528" t="s">
        <v>892</v>
      </c>
      <c r="H1528" t="s">
        <v>892</v>
      </c>
      <c r="I1528" t="s">
        <v>892</v>
      </c>
      <c r="J1528" t="s">
        <v>813</v>
      </c>
      <c r="K1528">
        <v>24</v>
      </c>
      <c r="L1528" t="s">
        <v>892</v>
      </c>
      <c r="M1528" t="s">
        <v>892</v>
      </c>
      <c r="N1528" t="s">
        <v>892</v>
      </c>
      <c r="O1528" t="s">
        <v>892</v>
      </c>
      <c r="P1528" t="s">
        <v>746</v>
      </c>
      <c r="Q1528">
        <v>2</v>
      </c>
      <c r="R1528" t="s">
        <v>893</v>
      </c>
      <c r="S1528">
        <v>3</v>
      </c>
      <c r="T1528" t="s">
        <v>892</v>
      </c>
      <c r="U1528" t="s">
        <v>892</v>
      </c>
      <c r="V1528">
        <v>3</v>
      </c>
      <c r="W1528">
        <v>180</v>
      </c>
      <c r="X1528">
        <v>2020</v>
      </c>
    </row>
    <row r="1529" spans="1:24" x14ac:dyDescent="0.25">
      <c r="A1529">
        <v>11544</v>
      </c>
      <c r="B1529" t="s">
        <v>22</v>
      </c>
      <c r="C1529">
        <v>28</v>
      </c>
      <c r="D1529" t="s">
        <v>42</v>
      </c>
      <c r="E1529">
        <v>1319</v>
      </c>
      <c r="F1529" t="s">
        <v>892</v>
      </c>
      <c r="G1529" t="s">
        <v>892</v>
      </c>
      <c r="H1529" t="s">
        <v>892</v>
      </c>
      <c r="I1529" t="s">
        <v>892</v>
      </c>
      <c r="J1529" t="s">
        <v>738</v>
      </c>
      <c r="K1529">
        <v>61</v>
      </c>
      <c r="L1529" t="s">
        <v>892</v>
      </c>
      <c r="M1529" t="s">
        <v>892</v>
      </c>
      <c r="N1529" t="s">
        <v>892</v>
      </c>
      <c r="O1529" t="s">
        <v>892</v>
      </c>
      <c r="P1529" t="s">
        <v>746</v>
      </c>
      <c r="Q1529">
        <v>2</v>
      </c>
      <c r="R1529" t="s">
        <v>893</v>
      </c>
      <c r="S1529">
        <v>3</v>
      </c>
      <c r="T1529" t="s">
        <v>892</v>
      </c>
      <c r="U1529" t="s">
        <v>892</v>
      </c>
      <c r="V1529">
        <v>3</v>
      </c>
      <c r="W1529">
        <v>180</v>
      </c>
      <c r="X1529">
        <v>2020</v>
      </c>
    </row>
    <row r="1530" spans="1:24" x14ac:dyDescent="0.25">
      <c r="A1530">
        <v>11543</v>
      </c>
      <c r="B1530" t="s">
        <v>22</v>
      </c>
      <c r="C1530">
        <v>28</v>
      </c>
      <c r="D1530" t="s">
        <v>42</v>
      </c>
      <c r="E1530">
        <v>1319</v>
      </c>
      <c r="F1530" t="s">
        <v>892</v>
      </c>
      <c r="G1530" t="s">
        <v>892</v>
      </c>
      <c r="H1530" t="s">
        <v>892</v>
      </c>
      <c r="I1530" t="s">
        <v>892</v>
      </c>
      <c r="J1530" t="s">
        <v>693</v>
      </c>
      <c r="K1530">
        <v>56</v>
      </c>
      <c r="L1530" t="s">
        <v>892</v>
      </c>
      <c r="M1530" t="s">
        <v>892</v>
      </c>
      <c r="N1530" t="s">
        <v>892</v>
      </c>
      <c r="O1530" t="s">
        <v>892</v>
      </c>
      <c r="P1530" t="s">
        <v>746</v>
      </c>
      <c r="Q1530">
        <v>2</v>
      </c>
      <c r="R1530" t="s">
        <v>893</v>
      </c>
      <c r="S1530">
        <v>3</v>
      </c>
      <c r="T1530" t="s">
        <v>892</v>
      </c>
      <c r="U1530" t="s">
        <v>892</v>
      </c>
      <c r="V1530">
        <v>3</v>
      </c>
      <c r="W1530">
        <v>180</v>
      </c>
      <c r="X1530">
        <v>2020</v>
      </c>
    </row>
    <row r="1531" spans="1:24" x14ac:dyDescent="0.25">
      <c r="A1531">
        <v>11542</v>
      </c>
      <c r="B1531" t="s">
        <v>22</v>
      </c>
      <c r="C1531">
        <v>28</v>
      </c>
      <c r="D1531" t="s">
        <v>43</v>
      </c>
      <c r="E1531">
        <v>1316</v>
      </c>
      <c r="F1531" t="s">
        <v>892</v>
      </c>
      <c r="G1531" t="s">
        <v>892</v>
      </c>
      <c r="H1531" t="s">
        <v>892</v>
      </c>
      <c r="I1531" t="s">
        <v>892</v>
      </c>
      <c r="J1531" t="s">
        <v>714</v>
      </c>
      <c r="K1531">
        <v>52</v>
      </c>
      <c r="L1531" t="s">
        <v>892</v>
      </c>
      <c r="M1531" t="s">
        <v>892</v>
      </c>
      <c r="N1531" t="s">
        <v>892</v>
      </c>
      <c r="O1531" t="s">
        <v>892</v>
      </c>
      <c r="P1531" t="s">
        <v>746</v>
      </c>
      <c r="Q1531">
        <v>2</v>
      </c>
      <c r="R1531" t="s">
        <v>893</v>
      </c>
      <c r="S1531">
        <v>3</v>
      </c>
      <c r="T1531" t="s">
        <v>892</v>
      </c>
      <c r="U1531" t="s">
        <v>892</v>
      </c>
      <c r="V1531">
        <v>3</v>
      </c>
      <c r="W1531">
        <v>180</v>
      </c>
      <c r="X1531">
        <v>2020</v>
      </c>
    </row>
    <row r="1532" spans="1:24" x14ac:dyDescent="0.25">
      <c r="A1532">
        <v>11541</v>
      </c>
      <c r="B1532" t="s">
        <v>22</v>
      </c>
      <c r="C1532">
        <v>28</v>
      </c>
      <c r="D1532" t="s">
        <v>43</v>
      </c>
      <c r="E1532">
        <v>1316</v>
      </c>
      <c r="F1532" t="s">
        <v>892</v>
      </c>
      <c r="G1532" t="s">
        <v>892</v>
      </c>
      <c r="H1532" t="s">
        <v>892</v>
      </c>
      <c r="I1532" t="s">
        <v>892</v>
      </c>
      <c r="J1532" t="s">
        <v>797</v>
      </c>
      <c r="K1532">
        <v>65</v>
      </c>
      <c r="L1532" t="s">
        <v>892</v>
      </c>
      <c r="M1532" t="s">
        <v>892</v>
      </c>
      <c r="N1532" t="s">
        <v>892</v>
      </c>
      <c r="O1532" t="s">
        <v>892</v>
      </c>
      <c r="P1532" t="s">
        <v>746</v>
      </c>
      <c r="Q1532">
        <v>2</v>
      </c>
      <c r="R1532" t="s">
        <v>893</v>
      </c>
      <c r="S1532">
        <v>3</v>
      </c>
      <c r="T1532" t="s">
        <v>892</v>
      </c>
      <c r="U1532" t="s">
        <v>892</v>
      </c>
      <c r="V1532">
        <v>3</v>
      </c>
      <c r="W1532">
        <v>180</v>
      </c>
      <c r="X1532">
        <v>2020</v>
      </c>
    </row>
    <row r="1533" spans="1:24" x14ac:dyDescent="0.25">
      <c r="A1533">
        <v>11540</v>
      </c>
      <c r="B1533" t="s">
        <v>22</v>
      </c>
      <c r="C1533">
        <v>28</v>
      </c>
      <c r="D1533" t="s">
        <v>43</v>
      </c>
      <c r="E1533">
        <v>1316</v>
      </c>
      <c r="F1533" t="s">
        <v>892</v>
      </c>
      <c r="G1533" t="s">
        <v>892</v>
      </c>
      <c r="H1533" t="s">
        <v>892</v>
      </c>
      <c r="I1533" t="s">
        <v>892</v>
      </c>
      <c r="J1533" t="s">
        <v>880</v>
      </c>
      <c r="K1533">
        <v>58</v>
      </c>
      <c r="L1533" t="s">
        <v>892</v>
      </c>
      <c r="M1533" t="s">
        <v>892</v>
      </c>
      <c r="N1533" t="s">
        <v>892</v>
      </c>
      <c r="O1533" t="s">
        <v>892</v>
      </c>
      <c r="P1533" t="s">
        <v>746</v>
      </c>
      <c r="Q1533">
        <v>2</v>
      </c>
      <c r="R1533" t="s">
        <v>893</v>
      </c>
      <c r="S1533">
        <v>3</v>
      </c>
      <c r="T1533" t="s">
        <v>892</v>
      </c>
      <c r="U1533" t="s">
        <v>892</v>
      </c>
      <c r="V1533">
        <v>3</v>
      </c>
      <c r="W1533">
        <v>180</v>
      </c>
      <c r="X1533">
        <v>2020</v>
      </c>
    </row>
    <row r="1534" spans="1:24" x14ac:dyDescent="0.25">
      <c r="A1534">
        <v>11539</v>
      </c>
      <c r="B1534" t="s">
        <v>22</v>
      </c>
      <c r="C1534">
        <v>28</v>
      </c>
      <c r="D1534" t="s">
        <v>43</v>
      </c>
      <c r="E1534">
        <v>1316</v>
      </c>
      <c r="F1534" t="s">
        <v>892</v>
      </c>
      <c r="G1534" t="s">
        <v>892</v>
      </c>
      <c r="H1534" t="s">
        <v>892</v>
      </c>
      <c r="I1534" t="s">
        <v>892</v>
      </c>
      <c r="J1534" t="s">
        <v>1236</v>
      </c>
      <c r="K1534">
        <v>60</v>
      </c>
      <c r="L1534" t="s">
        <v>892</v>
      </c>
      <c r="M1534" t="s">
        <v>892</v>
      </c>
      <c r="N1534" t="s">
        <v>892</v>
      </c>
      <c r="O1534" t="s">
        <v>892</v>
      </c>
      <c r="P1534" t="s">
        <v>746</v>
      </c>
      <c r="Q1534">
        <v>2</v>
      </c>
      <c r="R1534" t="s">
        <v>893</v>
      </c>
      <c r="S1534">
        <v>3</v>
      </c>
      <c r="T1534" t="s">
        <v>892</v>
      </c>
      <c r="U1534" t="s">
        <v>892</v>
      </c>
      <c r="V1534">
        <v>3</v>
      </c>
      <c r="W1534">
        <v>180</v>
      </c>
      <c r="X1534">
        <v>2020</v>
      </c>
    </row>
    <row r="1535" spans="1:24" x14ac:dyDescent="0.25">
      <c r="A1535">
        <v>11538</v>
      </c>
      <c r="B1535" t="s">
        <v>22</v>
      </c>
      <c r="C1535">
        <v>28</v>
      </c>
      <c r="D1535" t="s">
        <v>43</v>
      </c>
      <c r="E1535">
        <v>1316</v>
      </c>
      <c r="F1535" t="s">
        <v>892</v>
      </c>
      <c r="G1535" t="s">
        <v>892</v>
      </c>
      <c r="H1535" t="s">
        <v>892</v>
      </c>
      <c r="I1535" t="s">
        <v>892</v>
      </c>
      <c r="J1535" t="s">
        <v>897</v>
      </c>
      <c r="K1535">
        <v>3</v>
      </c>
      <c r="L1535" t="s">
        <v>892</v>
      </c>
      <c r="M1535" t="s">
        <v>892</v>
      </c>
      <c r="N1535" t="s">
        <v>892</v>
      </c>
      <c r="O1535" t="s">
        <v>892</v>
      </c>
      <c r="P1535" t="s">
        <v>746</v>
      </c>
      <c r="Q1535">
        <v>2</v>
      </c>
      <c r="R1535" t="s">
        <v>893</v>
      </c>
      <c r="S1535">
        <v>3</v>
      </c>
      <c r="T1535" t="s">
        <v>892</v>
      </c>
      <c r="U1535" t="s">
        <v>892</v>
      </c>
      <c r="V1535">
        <v>3</v>
      </c>
      <c r="W1535">
        <v>180</v>
      </c>
      <c r="X1535">
        <v>2020</v>
      </c>
    </row>
    <row r="1536" spans="1:24" x14ac:dyDescent="0.25">
      <c r="A1536">
        <v>11537</v>
      </c>
      <c r="B1536" t="s">
        <v>22</v>
      </c>
      <c r="C1536">
        <v>28</v>
      </c>
      <c r="D1536" t="s">
        <v>43</v>
      </c>
      <c r="E1536">
        <v>1316</v>
      </c>
      <c r="F1536" t="s">
        <v>892</v>
      </c>
      <c r="G1536" t="s">
        <v>892</v>
      </c>
      <c r="H1536" t="s">
        <v>892</v>
      </c>
      <c r="I1536" t="s">
        <v>892</v>
      </c>
      <c r="J1536" t="s">
        <v>767</v>
      </c>
      <c r="K1536">
        <v>44</v>
      </c>
      <c r="L1536" t="s">
        <v>892</v>
      </c>
      <c r="M1536" t="s">
        <v>892</v>
      </c>
      <c r="N1536" t="s">
        <v>892</v>
      </c>
      <c r="O1536" t="s">
        <v>892</v>
      </c>
      <c r="P1536" t="s">
        <v>746</v>
      </c>
      <c r="Q1536">
        <v>2</v>
      </c>
      <c r="R1536" t="s">
        <v>893</v>
      </c>
      <c r="S1536">
        <v>3</v>
      </c>
      <c r="T1536" t="s">
        <v>892</v>
      </c>
      <c r="U1536" t="s">
        <v>892</v>
      </c>
      <c r="V1536">
        <v>3</v>
      </c>
      <c r="W1536">
        <v>180</v>
      </c>
      <c r="X1536">
        <v>2020</v>
      </c>
    </row>
    <row r="1537" spans="1:24" x14ac:dyDescent="0.25">
      <c r="A1537">
        <v>11536</v>
      </c>
      <c r="B1537" t="s">
        <v>22</v>
      </c>
      <c r="C1537">
        <v>28</v>
      </c>
      <c r="D1537" t="s">
        <v>43</v>
      </c>
      <c r="E1537">
        <v>1316</v>
      </c>
      <c r="F1537" t="s">
        <v>892</v>
      </c>
      <c r="G1537" t="s">
        <v>892</v>
      </c>
      <c r="H1537" t="s">
        <v>892</v>
      </c>
      <c r="I1537" t="s">
        <v>892</v>
      </c>
      <c r="J1537" t="s">
        <v>851</v>
      </c>
      <c r="K1537">
        <v>43</v>
      </c>
      <c r="L1537" t="s">
        <v>892</v>
      </c>
      <c r="M1537" t="s">
        <v>892</v>
      </c>
      <c r="N1537" t="s">
        <v>892</v>
      </c>
      <c r="O1537" t="s">
        <v>892</v>
      </c>
      <c r="P1537" t="s">
        <v>746</v>
      </c>
      <c r="Q1537">
        <v>2</v>
      </c>
      <c r="R1537" t="s">
        <v>893</v>
      </c>
      <c r="S1537">
        <v>3</v>
      </c>
      <c r="T1537" t="s">
        <v>892</v>
      </c>
      <c r="U1537" t="s">
        <v>892</v>
      </c>
      <c r="V1537">
        <v>3</v>
      </c>
      <c r="W1537">
        <v>180</v>
      </c>
      <c r="X1537">
        <v>2020</v>
      </c>
    </row>
    <row r="1538" spans="1:24" x14ac:dyDescent="0.25">
      <c r="A1538">
        <v>11535</v>
      </c>
      <c r="B1538" t="s">
        <v>14</v>
      </c>
      <c r="C1538">
        <v>20</v>
      </c>
      <c r="D1538" t="s">
        <v>251</v>
      </c>
      <c r="E1538">
        <v>1059</v>
      </c>
      <c r="F1538" t="s">
        <v>892</v>
      </c>
      <c r="G1538" t="s">
        <v>892</v>
      </c>
      <c r="H1538" t="s">
        <v>892</v>
      </c>
      <c r="I1538" t="s">
        <v>892</v>
      </c>
      <c r="J1538" t="s">
        <v>864</v>
      </c>
      <c r="K1538">
        <v>14</v>
      </c>
      <c r="L1538" t="s">
        <v>892</v>
      </c>
      <c r="M1538" t="s">
        <v>892</v>
      </c>
      <c r="N1538" t="s">
        <v>892</v>
      </c>
      <c r="O1538" t="s">
        <v>892</v>
      </c>
      <c r="P1538" t="s">
        <v>746</v>
      </c>
      <c r="Q1538">
        <v>2</v>
      </c>
      <c r="R1538" t="s">
        <v>893</v>
      </c>
      <c r="S1538">
        <v>3</v>
      </c>
      <c r="T1538" t="s">
        <v>892</v>
      </c>
      <c r="U1538" t="s">
        <v>892</v>
      </c>
      <c r="V1538">
        <v>3</v>
      </c>
      <c r="W1538">
        <v>180</v>
      </c>
      <c r="X1538">
        <v>2020</v>
      </c>
    </row>
    <row r="1539" spans="1:24" x14ac:dyDescent="0.25">
      <c r="A1539">
        <v>11534</v>
      </c>
      <c r="B1539" t="s">
        <v>14</v>
      </c>
      <c r="C1539">
        <v>20</v>
      </c>
      <c r="D1539" t="s">
        <v>252</v>
      </c>
      <c r="E1539">
        <v>1058</v>
      </c>
      <c r="F1539" t="s">
        <v>892</v>
      </c>
      <c r="G1539" t="s">
        <v>892</v>
      </c>
      <c r="H1539" t="s">
        <v>892</v>
      </c>
      <c r="I1539" t="s">
        <v>892</v>
      </c>
      <c r="J1539" t="s">
        <v>864</v>
      </c>
      <c r="K1539">
        <v>14</v>
      </c>
      <c r="L1539" t="s">
        <v>892</v>
      </c>
      <c r="M1539" t="s">
        <v>892</v>
      </c>
      <c r="N1539" t="s">
        <v>892</v>
      </c>
      <c r="O1539" t="s">
        <v>892</v>
      </c>
      <c r="P1539" t="s">
        <v>746</v>
      </c>
      <c r="Q1539">
        <v>2</v>
      </c>
      <c r="R1539" t="s">
        <v>893</v>
      </c>
      <c r="S1539">
        <v>3</v>
      </c>
      <c r="T1539" t="s">
        <v>892</v>
      </c>
      <c r="U1539" t="s">
        <v>892</v>
      </c>
      <c r="V1539">
        <v>3</v>
      </c>
      <c r="W1539">
        <v>180</v>
      </c>
      <c r="X1539">
        <v>2020</v>
      </c>
    </row>
    <row r="1540" spans="1:24" x14ac:dyDescent="0.25">
      <c r="A1540">
        <v>11533</v>
      </c>
      <c r="B1540" t="s">
        <v>14</v>
      </c>
      <c r="C1540">
        <v>20</v>
      </c>
      <c r="D1540" t="s">
        <v>253</v>
      </c>
      <c r="E1540">
        <v>1057</v>
      </c>
      <c r="F1540" t="s">
        <v>892</v>
      </c>
      <c r="G1540" t="s">
        <v>892</v>
      </c>
      <c r="H1540" t="s">
        <v>892</v>
      </c>
      <c r="I1540" t="s">
        <v>892</v>
      </c>
      <c r="J1540" t="s">
        <v>679</v>
      </c>
      <c r="K1540">
        <v>32</v>
      </c>
      <c r="L1540" t="s">
        <v>892</v>
      </c>
      <c r="M1540" t="s">
        <v>892</v>
      </c>
      <c r="N1540" t="s">
        <v>892</v>
      </c>
      <c r="O1540" t="s">
        <v>892</v>
      </c>
      <c r="P1540" t="s">
        <v>746</v>
      </c>
      <c r="Q1540">
        <v>2</v>
      </c>
      <c r="R1540" t="s">
        <v>893</v>
      </c>
      <c r="S1540">
        <v>3</v>
      </c>
      <c r="T1540" t="s">
        <v>892</v>
      </c>
      <c r="U1540" t="s">
        <v>892</v>
      </c>
      <c r="V1540">
        <v>3</v>
      </c>
      <c r="W1540">
        <v>180</v>
      </c>
      <c r="X1540">
        <v>2020</v>
      </c>
    </row>
    <row r="1541" spans="1:24" x14ac:dyDescent="0.25">
      <c r="A1541">
        <v>11532</v>
      </c>
      <c r="B1541" t="s">
        <v>14</v>
      </c>
      <c r="C1541">
        <v>20</v>
      </c>
      <c r="D1541" t="s">
        <v>265</v>
      </c>
      <c r="E1541">
        <v>1045</v>
      </c>
      <c r="F1541" t="s">
        <v>892</v>
      </c>
      <c r="G1541" t="s">
        <v>892</v>
      </c>
      <c r="H1541" t="s">
        <v>892</v>
      </c>
      <c r="I1541" t="s">
        <v>892</v>
      </c>
      <c r="J1541" t="s">
        <v>894</v>
      </c>
      <c r="K1541">
        <v>18</v>
      </c>
      <c r="L1541" t="s">
        <v>892</v>
      </c>
      <c r="M1541" t="s">
        <v>892</v>
      </c>
      <c r="N1541" t="s">
        <v>892</v>
      </c>
      <c r="O1541" t="s">
        <v>892</v>
      </c>
      <c r="P1541" t="s">
        <v>746</v>
      </c>
      <c r="Q1541">
        <v>2</v>
      </c>
      <c r="R1541" t="s">
        <v>893</v>
      </c>
      <c r="S1541">
        <v>3</v>
      </c>
      <c r="T1541" t="s">
        <v>892</v>
      </c>
      <c r="U1541" t="s">
        <v>892</v>
      </c>
      <c r="V1541">
        <v>3</v>
      </c>
      <c r="W1541">
        <v>180</v>
      </c>
      <c r="X1541">
        <v>2020</v>
      </c>
    </row>
    <row r="1542" spans="1:24" x14ac:dyDescent="0.25">
      <c r="A1542">
        <v>11531</v>
      </c>
      <c r="B1542" t="s">
        <v>14</v>
      </c>
      <c r="C1542">
        <v>20</v>
      </c>
      <c r="D1542" t="s">
        <v>270</v>
      </c>
      <c r="E1542">
        <v>1040</v>
      </c>
      <c r="F1542" t="s">
        <v>892</v>
      </c>
      <c r="G1542" t="s">
        <v>892</v>
      </c>
      <c r="H1542" t="s">
        <v>892</v>
      </c>
      <c r="I1542" t="s">
        <v>892</v>
      </c>
      <c r="J1542" t="s">
        <v>894</v>
      </c>
      <c r="K1542">
        <v>18</v>
      </c>
      <c r="L1542" t="s">
        <v>892</v>
      </c>
      <c r="M1542" t="s">
        <v>892</v>
      </c>
      <c r="N1542" t="s">
        <v>892</v>
      </c>
      <c r="O1542" t="s">
        <v>892</v>
      </c>
      <c r="P1542" t="s">
        <v>746</v>
      </c>
      <c r="Q1542">
        <v>2</v>
      </c>
      <c r="R1542" t="s">
        <v>893</v>
      </c>
      <c r="S1542">
        <v>3</v>
      </c>
      <c r="T1542" t="s">
        <v>892</v>
      </c>
      <c r="U1542" t="s">
        <v>892</v>
      </c>
      <c r="V1542">
        <v>3</v>
      </c>
      <c r="W1542">
        <v>180</v>
      </c>
      <c r="X1542">
        <v>2020</v>
      </c>
    </row>
    <row r="1543" spans="1:24" x14ac:dyDescent="0.25">
      <c r="A1543">
        <v>11530</v>
      </c>
      <c r="B1543" t="s">
        <v>14</v>
      </c>
      <c r="C1543">
        <v>20</v>
      </c>
      <c r="D1543" t="s">
        <v>270</v>
      </c>
      <c r="E1543">
        <v>1040</v>
      </c>
      <c r="F1543" t="s">
        <v>892</v>
      </c>
      <c r="G1543" t="s">
        <v>892</v>
      </c>
      <c r="H1543" t="s">
        <v>892</v>
      </c>
      <c r="I1543" t="s">
        <v>892</v>
      </c>
      <c r="J1543" t="s">
        <v>691</v>
      </c>
      <c r="K1543">
        <v>21</v>
      </c>
      <c r="L1543" t="s">
        <v>892</v>
      </c>
      <c r="M1543" t="s">
        <v>892</v>
      </c>
      <c r="N1543" t="s">
        <v>892</v>
      </c>
      <c r="O1543" t="s">
        <v>892</v>
      </c>
      <c r="P1543" t="s">
        <v>746</v>
      </c>
      <c r="Q1543">
        <v>2</v>
      </c>
      <c r="R1543" t="s">
        <v>893</v>
      </c>
      <c r="S1543">
        <v>3</v>
      </c>
      <c r="T1543" t="s">
        <v>892</v>
      </c>
      <c r="U1543" t="s">
        <v>892</v>
      </c>
      <c r="V1543">
        <v>3</v>
      </c>
      <c r="W1543">
        <v>180</v>
      </c>
      <c r="X1543">
        <v>2020</v>
      </c>
    </row>
    <row r="1544" spans="1:24" x14ac:dyDescent="0.25">
      <c r="A1544">
        <v>11529</v>
      </c>
      <c r="B1544" t="s">
        <v>14</v>
      </c>
      <c r="C1544">
        <v>20</v>
      </c>
      <c r="D1544" t="s">
        <v>254</v>
      </c>
      <c r="E1544">
        <v>1056</v>
      </c>
      <c r="F1544" t="s">
        <v>892</v>
      </c>
      <c r="G1544" t="s">
        <v>892</v>
      </c>
      <c r="H1544" t="s">
        <v>892</v>
      </c>
      <c r="I1544" t="s">
        <v>892</v>
      </c>
      <c r="J1544" t="s">
        <v>807</v>
      </c>
      <c r="K1544">
        <v>25</v>
      </c>
      <c r="L1544" t="s">
        <v>892</v>
      </c>
      <c r="M1544" t="s">
        <v>892</v>
      </c>
      <c r="N1544" t="s">
        <v>892</v>
      </c>
      <c r="O1544" t="s">
        <v>892</v>
      </c>
      <c r="P1544" t="s">
        <v>746</v>
      </c>
      <c r="Q1544">
        <v>2</v>
      </c>
      <c r="R1544" t="s">
        <v>893</v>
      </c>
      <c r="S1544">
        <v>3</v>
      </c>
      <c r="T1544" t="s">
        <v>892</v>
      </c>
      <c r="U1544" t="s">
        <v>892</v>
      </c>
      <c r="V1544">
        <v>3</v>
      </c>
      <c r="W1544">
        <v>180</v>
      </c>
      <c r="X1544">
        <v>2020</v>
      </c>
    </row>
    <row r="1545" spans="1:24" x14ac:dyDescent="0.25">
      <c r="A1545">
        <v>11528</v>
      </c>
      <c r="B1545" t="s">
        <v>14</v>
      </c>
      <c r="C1545">
        <v>20</v>
      </c>
      <c r="D1545" t="s">
        <v>273</v>
      </c>
      <c r="E1545">
        <v>1037</v>
      </c>
      <c r="F1545" t="s">
        <v>892</v>
      </c>
      <c r="G1545" t="s">
        <v>892</v>
      </c>
      <c r="H1545" t="s">
        <v>892</v>
      </c>
      <c r="I1545" t="s">
        <v>892</v>
      </c>
      <c r="J1545" t="s">
        <v>807</v>
      </c>
      <c r="K1545">
        <v>25</v>
      </c>
      <c r="L1545" t="s">
        <v>892</v>
      </c>
      <c r="M1545" t="s">
        <v>892</v>
      </c>
      <c r="N1545" t="s">
        <v>892</v>
      </c>
      <c r="O1545" t="s">
        <v>892</v>
      </c>
      <c r="P1545" t="s">
        <v>746</v>
      </c>
      <c r="Q1545">
        <v>2</v>
      </c>
      <c r="R1545" t="s">
        <v>893</v>
      </c>
      <c r="S1545">
        <v>3</v>
      </c>
      <c r="T1545" t="s">
        <v>892</v>
      </c>
      <c r="U1545" t="s">
        <v>892</v>
      </c>
      <c r="V1545">
        <v>3</v>
      </c>
      <c r="W1545">
        <v>180</v>
      </c>
      <c r="X1545">
        <v>2020</v>
      </c>
    </row>
    <row r="1546" spans="1:24" x14ac:dyDescent="0.25">
      <c r="A1546">
        <v>11527</v>
      </c>
      <c r="B1546" t="s">
        <v>14</v>
      </c>
      <c r="C1546">
        <v>20</v>
      </c>
      <c r="D1546" t="s">
        <v>255</v>
      </c>
      <c r="E1546">
        <v>1055</v>
      </c>
      <c r="F1546" t="s">
        <v>892</v>
      </c>
      <c r="G1546" t="s">
        <v>892</v>
      </c>
      <c r="H1546" t="s">
        <v>892</v>
      </c>
      <c r="I1546" t="s">
        <v>892</v>
      </c>
      <c r="J1546" t="s">
        <v>736</v>
      </c>
      <c r="K1546">
        <v>8</v>
      </c>
      <c r="L1546" t="s">
        <v>892</v>
      </c>
      <c r="M1546" t="s">
        <v>892</v>
      </c>
      <c r="N1546" t="s">
        <v>892</v>
      </c>
      <c r="O1546" t="s">
        <v>892</v>
      </c>
      <c r="P1546" t="s">
        <v>746</v>
      </c>
      <c r="Q1546">
        <v>2</v>
      </c>
      <c r="R1546" t="s">
        <v>893</v>
      </c>
      <c r="S1546">
        <v>3</v>
      </c>
      <c r="T1546" t="s">
        <v>892</v>
      </c>
      <c r="U1546" t="s">
        <v>892</v>
      </c>
      <c r="V1546">
        <v>3</v>
      </c>
      <c r="W1546">
        <v>180</v>
      </c>
      <c r="X1546">
        <v>2020</v>
      </c>
    </row>
    <row r="1547" spans="1:24" x14ac:dyDescent="0.25">
      <c r="A1547">
        <v>11526</v>
      </c>
      <c r="B1547" t="s">
        <v>14</v>
      </c>
      <c r="C1547">
        <v>20</v>
      </c>
      <c r="D1547" t="s">
        <v>256</v>
      </c>
      <c r="E1547">
        <v>1054</v>
      </c>
      <c r="F1547" t="s">
        <v>892</v>
      </c>
      <c r="G1547" t="s">
        <v>892</v>
      </c>
      <c r="H1547" t="s">
        <v>892</v>
      </c>
      <c r="I1547" t="s">
        <v>892</v>
      </c>
      <c r="J1547" t="s">
        <v>663</v>
      </c>
      <c r="K1547">
        <v>99</v>
      </c>
      <c r="L1547" t="s">
        <v>892</v>
      </c>
      <c r="M1547" t="s">
        <v>892</v>
      </c>
      <c r="N1547" t="s">
        <v>892</v>
      </c>
      <c r="O1547" t="s">
        <v>892</v>
      </c>
      <c r="P1547" t="s">
        <v>746</v>
      </c>
      <c r="Q1547">
        <v>2</v>
      </c>
      <c r="R1547" t="s">
        <v>893</v>
      </c>
      <c r="S1547">
        <v>3</v>
      </c>
      <c r="T1547" t="s">
        <v>892</v>
      </c>
      <c r="U1547" t="s">
        <v>892</v>
      </c>
      <c r="V1547">
        <v>3</v>
      </c>
      <c r="W1547">
        <v>180</v>
      </c>
      <c r="X1547">
        <v>2020</v>
      </c>
    </row>
    <row r="1548" spans="1:24" x14ac:dyDescent="0.25">
      <c r="A1548">
        <v>11525</v>
      </c>
      <c r="B1548" t="s">
        <v>14</v>
      </c>
      <c r="C1548">
        <v>20</v>
      </c>
      <c r="D1548" t="s">
        <v>257</v>
      </c>
      <c r="E1548">
        <v>1053</v>
      </c>
      <c r="F1548" t="s">
        <v>892</v>
      </c>
      <c r="G1548" t="s">
        <v>892</v>
      </c>
      <c r="H1548" t="s">
        <v>892</v>
      </c>
      <c r="I1548" t="s">
        <v>892</v>
      </c>
      <c r="J1548" t="s">
        <v>663</v>
      </c>
      <c r="K1548">
        <v>99</v>
      </c>
      <c r="L1548" t="s">
        <v>892</v>
      </c>
      <c r="M1548" t="s">
        <v>892</v>
      </c>
      <c r="N1548" t="s">
        <v>892</v>
      </c>
      <c r="O1548" t="s">
        <v>892</v>
      </c>
      <c r="P1548" t="s">
        <v>746</v>
      </c>
      <c r="Q1548">
        <v>2</v>
      </c>
      <c r="R1548" t="s">
        <v>893</v>
      </c>
      <c r="S1548">
        <v>3</v>
      </c>
      <c r="T1548" t="s">
        <v>892</v>
      </c>
      <c r="U1548" t="s">
        <v>892</v>
      </c>
      <c r="V1548">
        <v>3</v>
      </c>
      <c r="W1548">
        <v>180</v>
      </c>
      <c r="X1548">
        <v>2020</v>
      </c>
    </row>
    <row r="1549" spans="1:24" x14ac:dyDescent="0.25">
      <c r="A1549">
        <v>11524</v>
      </c>
      <c r="B1549" t="s">
        <v>14</v>
      </c>
      <c r="C1549">
        <v>20</v>
      </c>
      <c r="D1549" t="s">
        <v>270</v>
      </c>
      <c r="E1549">
        <v>1040</v>
      </c>
      <c r="F1549" t="s">
        <v>892</v>
      </c>
      <c r="G1549" t="s">
        <v>892</v>
      </c>
      <c r="H1549" t="s">
        <v>892</v>
      </c>
      <c r="I1549" t="s">
        <v>892</v>
      </c>
      <c r="J1549" t="s">
        <v>703</v>
      </c>
      <c r="K1549">
        <v>16</v>
      </c>
      <c r="L1549" t="s">
        <v>892</v>
      </c>
      <c r="M1549" t="s">
        <v>892</v>
      </c>
      <c r="N1549" t="s">
        <v>892</v>
      </c>
      <c r="O1549" t="s">
        <v>892</v>
      </c>
      <c r="P1549" t="s">
        <v>746</v>
      </c>
      <c r="Q1549">
        <v>2</v>
      </c>
      <c r="R1549" t="s">
        <v>893</v>
      </c>
      <c r="S1549">
        <v>3</v>
      </c>
      <c r="T1549" t="s">
        <v>892</v>
      </c>
      <c r="U1549" t="s">
        <v>892</v>
      </c>
      <c r="V1549">
        <v>3</v>
      </c>
      <c r="W1549">
        <v>180</v>
      </c>
      <c r="X1549">
        <v>2020</v>
      </c>
    </row>
    <row r="1550" spans="1:24" x14ac:dyDescent="0.25">
      <c r="A1550">
        <v>11523</v>
      </c>
      <c r="B1550" t="s">
        <v>14</v>
      </c>
      <c r="C1550">
        <v>20</v>
      </c>
      <c r="D1550" t="s">
        <v>274</v>
      </c>
      <c r="E1550">
        <v>1036</v>
      </c>
      <c r="F1550" t="s">
        <v>892</v>
      </c>
      <c r="G1550" t="s">
        <v>892</v>
      </c>
      <c r="H1550" t="s">
        <v>892</v>
      </c>
      <c r="I1550" t="s">
        <v>892</v>
      </c>
      <c r="J1550" t="s">
        <v>703</v>
      </c>
      <c r="K1550">
        <v>16</v>
      </c>
      <c r="L1550" t="s">
        <v>892</v>
      </c>
      <c r="M1550" t="s">
        <v>892</v>
      </c>
      <c r="N1550" t="s">
        <v>892</v>
      </c>
      <c r="O1550" t="s">
        <v>892</v>
      </c>
      <c r="P1550" t="s">
        <v>746</v>
      </c>
      <c r="Q1550">
        <v>2</v>
      </c>
      <c r="R1550" t="s">
        <v>893</v>
      </c>
      <c r="S1550">
        <v>3</v>
      </c>
      <c r="T1550" t="s">
        <v>892</v>
      </c>
      <c r="U1550" t="s">
        <v>892</v>
      </c>
      <c r="V1550">
        <v>3</v>
      </c>
      <c r="W1550">
        <v>180</v>
      </c>
      <c r="X1550">
        <v>2020</v>
      </c>
    </row>
    <row r="1551" spans="1:24" x14ac:dyDescent="0.25">
      <c r="A1551">
        <v>11522</v>
      </c>
      <c r="B1551" t="s">
        <v>14</v>
      </c>
      <c r="C1551">
        <v>20</v>
      </c>
      <c r="D1551" t="s">
        <v>258</v>
      </c>
      <c r="E1551">
        <v>1052</v>
      </c>
      <c r="F1551" t="s">
        <v>892</v>
      </c>
      <c r="G1551" t="s">
        <v>892</v>
      </c>
      <c r="H1551" t="s">
        <v>892</v>
      </c>
      <c r="I1551" t="s">
        <v>892</v>
      </c>
      <c r="J1551" t="s">
        <v>703</v>
      </c>
      <c r="K1551">
        <v>16</v>
      </c>
      <c r="L1551" t="s">
        <v>892</v>
      </c>
      <c r="M1551" t="s">
        <v>892</v>
      </c>
      <c r="N1551" t="s">
        <v>892</v>
      </c>
      <c r="O1551" t="s">
        <v>892</v>
      </c>
      <c r="P1551" t="s">
        <v>746</v>
      </c>
      <c r="Q1551">
        <v>2</v>
      </c>
      <c r="R1551" t="s">
        <v>893</v>
      </c>
      <c r="S1551">
        <v>3</v>
      </c>
      <c r="T1551" t="s">
        <v>892</v>
      </c>
      <c r="U1551" t="s">
        <v>892</v>
      </c>
      <c r="V1551">
        <v>3</v>
      </c>
      <c r="W1551">
        <v>180</v>
      </c>
      <c r="X1551">
        <v>2020</v>
      </c>
    </row>
    <row r="1552" spans="1:24" x14ac:dyDescent="0.25">
      <c r="A1552">
        <v>11521</v>
      </c>
      <c r="B1552" t="s">
        <v>14</v>
      </c>
      <c r="C1552">
        <v>20</v>
      </c>
      <c r="D1552" t="s">
        <v>259</v>
      </c>
      <c r="E1552">
        <v>1051</v>
      </c>
      <c r="F1552" t="s">
        <v>892</v>
      </c>
      <c r="G1552" t="s">
        <v>892</v>
      </c>
      <c r="H1552" t="s">
        <v>892</v>
      </c>
      <c r="I1552" t="s">
        <v>892</v>
      </c>
      <c r="J1552" t="s">
        <v>885</v>
      </c>
      <c r="K1552">
        <v>1</v>
      </c>
      <c r="L1552" t="s">
        <v>892</v>
      </c>
      <c r="M1552" t="s">
        <v>892</v>
      </c>
      <c r="N1552" t="s">
        <v>892</v>
      </c>
      <c r="O1552" t="s">
        <v>892</v>
      </c>
      <c r="P1552" t="s">
        <v>746</v>
      </c>
      <c r="Q1552">
        <v>2</v>
      </c>
      <c r="R1552" t="s">
        <v>893</v>
      </c>
      <c r="S1552">
        <v>3</v>
      </c>
      <c r="T1552" t="s">
        <v>892</v>
      </c>
      <c r="U1552" t="s">
        <v>892</v>
      </c>
      <c r="V1552">
        <v>3</v>
      </c>
      <c r="W1552">
        <v>180</v>
      </c>
      <c r="X1552">
        <v>2020</v>
      </c>
    </row>
    <row r="1553" spans="1:24" x14ac:dyDescent="0.25">
      <c r="A1553">
        <v>11520</v>
      </c>
      <c r="B1553" t="s">
        <v>14</v>
      </c>
      <c r="C1553">
        <v>20</v>
      </c>
      <c r="D1553" t="s">
        <v>259</v>
      </c>
      <c r="E1553">
        <v>1051</v>
      </c>
      <c r="F1553" t="s">
        <v>892</v>
      </c>
      <c r="G1553" t="s">
        <v>892</v>
      </c>
      <c r="H1553" t="s">
        <v>892</v>
      </c>
      <c r="I1553" t="s">
        <v>892</v>
      </c>
      <c r="J1553" t="s">
        <v>676</v>
      </c>
      <c r="K1553">
        <v>4</v>
      </c>
      <c r="L1553" t="s">
        <v>892</v>
      </c>
      <c r="M1553" t="s">
        <v>892</v>
      </c>
      <c r="N1553" t="s">
        <v>892</v>
      </c>
      <c r="O1553" t="s">
        <v>892</v>
      </c>
      <c r="P1553" t="s">
        <v>746</v>
      </c>
      <c r="Q1553">
        <v>2</v>
      </c>
      <c r="R1553" t="s">
        <v>893</v>
      </c>
      <c r="S1553">
        <v>3</v>
      </c>
      <c r="T1553" t="s">
        <v>892</v>
      </c>
      <c r="U1553" t="s">
        <v>892</v>
      </c>
      <c r="V1553">
        <v>3</v>
      </c>
      <c r="W1553">
        <v>180</v>
      </c>
      <c r="X1553">
        <v>2020</v>
      </c>
    </row>
    <row r="1554" spans="1:24" x14ac:dyDescent="0.25">
      <c r="A1554">
        <v>11519</v>
      </c>
      <c r="B1554" t="s">
        <v>14</v>
      </c>
      <c r="C1554">
        <v>20</v>
      </c>
      <c r="D1554" t="s">
        <v>265</v>
      </c>
      <c r="E1554">
        <v>1045</v>
      </c>
      <c r="F1554" t="s">
        <v>892</v>
      </c>
      <c r="G1554" t="s">
        <v>892</v>
      </c>
      <c r="H1554" t="s">
        <v>892</v>
      </c>
      <c r="I1554" t="s">
        <v>892</v>
      </c>
      <c r="J1554" t="s">
        <v>802</v>
      </c>
      <c r="K1554">
        <v>12</v>
      </c>
      <c r="L1554" t="s">
        <v>892</v>
      </c>
      <c r="M1554" t="s">
        <v>892</v>
      </c>
      <c r="N1554" t="s">
        <v>892</v>
      </c>
      <c r="O1554" t="s">
        <v>892</v>
      </c>
      <c r="P1554" t="s">
        <v>746</v>
      </c>
      <c r="Q1554">
        <v>2</v>
      </c>
      <c r="R1554" t="s">
        <v>893</v>
      </c>
      <c r="S1554">
        <v>3</v>
      </c>
      <c r="T1554" t="s">
        <v>892</v>
      </c>
      <c r="U1554" t="s">
        <v>892</v>
      </c>
      <c r="V1554">
        <v>3</v>
      </c>
      <c r="W1554">
        <v>180</v>
      </c>
      <c r="X1554">
        <v>2020</v>
      </c>
    </row>
    <row r="1555" spans="1:24" x14ac:dyDescent="0.25">
      <c r="A1555">
        <v>11518</v>
      </c>
      <c r="B1555" t="s">
        <v>14</v>
      </c>
      <c r="C1555">
        <v>20</v>
      </c>
      <c r="D1555" t="s">
        <v>274</v>
      </c>
      <c r="E1555">
        <v>1036</v>
      </c>
      <c r="F1555" t="s">
        <v>892</v>
      </c>
      <c r="G1555" t="s">
        <v>892</v>
      </c>
      <c r="H1555" t="s">
        <v>892</v>
      </c>
      <c r="I1555" t="s">
        <v>892</v>
      </c>
      <c r="J1555" t="s">
        <v>802</v>
      </c>
      <c r="K1555">
        <v>12</v>
      </c>
      <c r="L1555" t="s">
        <v>892</v>
      </c>
      <c r="M1555" t="s">
        <v>892</v>
      </c>
      <c r="N1555" t="s">
        <v>892</v>
      </c>
      <c r="O1555" t="s">
        <v>892</v>
      </c>
      <c r="P1555" t="s">
        <v>746</v>
      </c>
      <c r="Q1555">
        <v>2</v>
      </c>
      <c r="R1555" t="s">
        <v>893</v>
      </c>
      <c r="S1555">
        <v>3</v>
      </c>
      <c r="T1555" t="s">
        <v>892</v>
      </c>
      <c r="U1555" t="s">
        <v>892</v>
      </c>
      <c r="V1555">
        <v>3</v>
      </c>
      <c r="W1555">
        <v>180</v>
      </c>
      <c r="X1555">
        <v>2020</v>
      </c>
    </row>
    <row r="1556" spans="1:24" x14ac:dyDescent="0.25">
      <c r="A1556">
        <v>11517</v>
      </c>
      <c r="B1556" t="s">
        <v>14</v>
      </c>
      <c r="C1556">
        <v>20</v>
      </c>
      <c r="D1556" t="s">
        <v>260</v>
      </c>
      <c r="E1556">
        <v>1050</v>
      </c>
      <c r="F1556" t="s">
        <v>892</v>
      </c>
      <c r="G1556" t="s">
        <v>892</v>
      </c>
      <c r="H1556" t="s">
        <v>892</v>
      </c>
      <c r="I1556" t="s">
        <v>892</v>
      </c>
      <c r="J1556" t="s">
        <v>802</v>
      </c>
      <c r="K1556">
        <v>12</v>
      </c>
      <c r="L1556" t="s">
        <v>892</v>
      </c>
      <c r="M1556" t="s">
        <v>892</v>
      </c>
      <c r="N1556" t="s">
        <v>892</v>
      </c>
      <c r="O1556" t="s">
        <v>892</v>
      </c>
      <c r="P1556" t="s">
        <v>746</v>
      </c>
      <c r="Q1556">
        <v>2</v>
      </c>
      <c r="R1556" t="s">
        <v>893</v>
      </c>
      <c r="S1556">
        <v>3</v>
      </c>
      <c r="T1556" t="s">
        <v>892</v>
      </c>
      <c r="U1556" t="s">
        <v>892</v>
      </c>
      <c r="V1556">
        <v>3</v>
      </c>
      <c r="W1556">
        <v>180</v>
      </c>
      <c r="X1556">
        <v>2020</v>
      </c>
    </row>
    <row r="1557" spans="1:24" x14ac:dyDescent="0.25">
      <c r="A1557">
        <v>11516</v>
      </c>
      <c r="B1557" t="s">
        <v>14</v>
      </c>
      <c r="C1557">
        <v>20</v>
      </c>
      <c r="D1557" t="s">
        <v>261</v>
      </c>
      <c r="E1557">
        <v>1049</v>
      </c>
      <c r="F1557" t="s">
        <v>892</v>
      </c>
      <c r="G1557" t="s">
        <v>892</v>
      </c>
      <c r="H1557" t="s">
        <v>892</v>
      </c>
      <c r="I1557" t="s">
        <v>892</v>
      </c>
      <c r="J1557" t="s">
        <v>742</v>
      </c>
      <c r="K1557">
        <v>48</v>
      </c>
      <c r="L1557" t="s">
        <v>892</v>
      </c>
      <c r="M1557" t="s">
        <v>892</v>
      </c>
      <c r="N1557" t="s">
        <v>892</v>
      </c>
      <c r="O1557" t="s">
        <v>892</v>
      </c>
      <c r="P1557" t="s">
        <v>746</v>
      </c>
      <c r="Q1557">
        <v>2</v>
      </c>
      <c r="R1557" t="s">
        <v>893</v>
      </c>
      <c r="S1557">
        <v>3</v>
      </c>
      <c r="T1557" t="s">
        <v>892</v>
      </c>
      <c r="U1557" t="s">
        <v>892</v>
      </c>
      <c r="V1557">
        <v>3</v>
      </c>
      <c r="W1557">
        <v>180</v>
      </c>
      <c r="X1557">
        <v>2020</v>
      </c>
    </row>
    <row r="1558" spans="1:24" x14ac:dyDescent="0.25">
      <c r="A1558">
        <v>11515</v>
      </c>
      <c r="B1558" t="s">
        <v>14</v>
      </c>
      <c r="C1558">
        <v>20</v>
      </c>
      <c r="D1558" t="s">
        <v>262</v>
      </c>
      <c r="E1558">
        <v>1048</v>
      </c>
      <c r="F1558" t="s">
        <v>892</v>
      </c>
      <c r="G1558" t="s">
        <v>892</v>
      </c>
      <c r="H1558" t="s">
        <v>892</v>
      </c>
      <c r="I1558" t="s">
        <v>892</v>
      </c>
      <c r="J1558" t="s">
        <v>896</v>
      </c>
      <c r="K1558">
        <v>7</v>
      </c>
      <c r="L1558" t="s">
        <v>892</v>
      </c>
      <c r="M1558" t="s">
        <v>892</v>
      </c>
      <c r="N1558" t="s">
        <v>892</v>
      </c>
      <c r="O1558" t="s">
        <v>892</v>
      </c>
      <c r="P1558" t="s">
        <v>746</v>
      </c>
      <c r="Q1558">
        <v>2</v>
      </c>
      <c r="R1558" t="s">
        <v>893</v>
      </c>
      <c r="S1558">
        <v>3</v>
      </c>
      <c r="T1558" t="s">
        <v>892</v>
      </c>
      <c r="U1558" t="s">
        <v>892</v>
      </c>
      <c r="V1558">
        <v>3</v>
      </c>
      <c r="W1558">
        <v>180</v>
      </c>
      <c r="X1558">
        <v>2020</v>
      </c>
    </row>
    <row r="1559" spans="1:24" x14ac:dyDescent="0.25">
      <c r="A1559">
        <v>11514</v>
      </c>
      <c r="B1559" t="s">
        <v>14</v>
      </c>
      <c r="C1559">
        <v>20</v>
      </c>
      <c r="D1559" t="s">
        <v>263</v>
      </c>
      <c r="E1559">
        <v>1047</v>
      </c>
      <c r="F1559" t="s">
        <v>892</v>
      </c>
      <c r="G1559" t="s">
        <v>892</v>
      </c>
      <c r="H1559" t="s">
        <v>892</v>
      </c>
      <c r="I1559" t="s">
        <v>892</v>
      </c>
      <c r="J1559" t="s">
        <v>792</v>
      </c>
      <c r="K1559">
        <v>6</v>
      </c>
      <c r="L1559" t="s">
        <v>892</v>
      </c>
      <c r="M1559" t="s">
        <v>892</v>
      </c>
      <c r="N1559" t="s">
        <v>892</v>
      </c>
      <c r="O1559" t="s">
        <v>892</v>
      </c>
      <c r="P1559" t="s">
        <v>746</v>
      </c>
      <c r="Q1559">
        <v>2</v>
      </c>
      <c r="R1559" t="s">
        <v>893</v>
      </c>
      <c r="S1559">
        <v>3</v>
      </c>
      <c r="T1559" t="s">
        <v>892</v>
      </c>
      <c r="U1559" t="s">
        <v>892</v>
      </c>
      <c r="V1559">
        <v>3</v>
      </c>
      <c r="W1559">
        <v>180</v>
      </c>
      <c r="X1559">
        <v>2020</v>
      </c>
    </row>
    <row r="1560" spans="1:24" x14ac:dyDescent="0.25">
      <c r="A1560">
        <v>11513</v>
      </c>
      <c r="B1560" t="s">
        <v>14</v>
      </c>
      <c r="C1560">
        <v>20</v>
      </c>
      <c r="D1560" t="s">
        <v>264</v>
      </c>
      <c r="E1560">
        <v>1046</v>
      </c>
      <c r="F1560" t="s">
        <v>892</v>
      </c>
      <c r="G1560" t="s">
        <v>892</v>
      </c>
      <c r="H1560" t="s">
        <v>892</v>
      </c>
      <c r="I1560" t="s">
        <v>892</v>
      </c>
      <c r="J1560" t="s">
        <v>726</v>
      </c>
      <c r="K1560">
        <v>2</v>
      </c>
      <c r="L1560" t="s">
        <v>892</v>
      </c>
      <c r="M1560" t="s">
        <v>892</v>
      </c>
      <c r="N1560" t="s">
        <v>892</v>
      </c>
      <c r="O1560" t="s">
        <v>892</v>
      </c>
      <c r="P1560" t="s">
        <v>746</v>
      </c>
      <c r="Q1560">
        <v>2</v>
      </c>
      <c r="R1560" t="s">
        <v>893</v>
      </c>
      <c r="S1560">
        <v>3</v>
      </c>
      <c r="T1560" t="s">
        <v>892</v>
      </c>
      <c r="U1560" t="s">
        <v>892</v>
      </c>
      <c r="V1560">
        <v>3</v>
      </c>
      <c r="W1560">
        <v>180</v>
      </c>
      <c r="X1560">
        <v>2020</v>
      </c>
    </row>
    <row r="1561" spans="1:24" x14ac:dyDescent="0.25">
      <c r="A1561">
        <v>11511</v>
      </c>
      <c r="B1561" t="s">
        <v>14</v>
      </c>
      <c r="C1561">
        <v>20</v>
      </c>
      <c r="D1561" t="s">
        <v>266</v>
      </c>
      <c r="E1561">
        <v>1044</v>
      </c>
      <c r="F1561" t="s">
        <v>892</v>
      </c>
      <c r="G1561" t="s">
        <v>892</v>
      </c>
      <c r="H1561" t="s">
        <v>892</v>
      </c>
      <c r="I1561" t="s">
        <v>892</v>
      </c>
      <c r="J1561" t="s">
        <v>866</v>
      </c>
      <c r="K1561">
        <v>9</v>
      </c>
      <c r="L1561" t="s">
        <v>892</v>
      </c>
      <c r="M1561" t="s">
        <v>892</v>
      </c>
      <c r="N1561" t="s">
        <v>892</v>
      </c>
      <c r="O1561" t="s">
        <v>892</v>
      </c>
      <c r="P1561" t="s">
        <v>746</v>
      </c>
      <c r="Q1561">
        <v>2</v>
      </c>
      <c r="R1561" t="s">
        <v>893</v>
      </c>
      <c r="S1561">
        <v>3</v>
      </c>
      <c r="T1561" t="s">
        <v>892</v>
      </c>
      <c r="U1561" t="s">
        <v>892</v>
      </c>
      <c r="V1561">
        <v>3</v>
      </c>
      <c r="W1561">
        <v>180</v>
      </c>
      <c r="X1561">
        <v>2020</v>
      </c>
    </row>
    <row r="1562" spans="1:24" x14ac:dyDescent="0.25">
      <c r="A1562">
        <v>11510</v>
      </c>
      <c r="B1562" t="s">
        <v>14</v>
      </c>
      <c r="C1562">
        <v>20</v>
      </c>
      <c r="D1562" t="s">
        <v>267</v>
      </c>
      <c r="E1562">
        <v>1043</v>
      </c>
      <c r="F1562" t="s">
        <v>892</v>
      </c>
      <c r="G1562" t="s">
        <v>892</v>
      </c>
      <c r="H1562" t="s">
        <v>892</v>
      </c>
      <c r="I1562" t="s">
        <v>892</v>
      </c>
      <c r="J1562" t="s">
        <v>684</v>
      </c>
      <c r="K1562">
        <v>22</v>
      </c>
      <c r="L1562" t="s">
        <v>892</v>
      </c>
      <c r="M1562" t="s">
        <v>892</v>
      </c>
      <c r="N1562" t="s">
        <v>892</v>
      </c>
      <c r="O1562" t="s">
        <v>892</v>
      </c>
      <c r="P1562" t="s">
        <v>746</v>
      </c>
      <c r="Q1562">
        <v>2</v>
      </c>
      <c r="R1562" t="s">
        <v>893</v>
      </c>
      <c r="S1562">
        <v>3</v>
      </c>
      <c r="T1562" t="s">
        <v>892</v>
      </c>
      <c r="U1562" t="s">
        <v>892</v>
      </c>
      <c r="V1562">
        <v>3</v>
      </c>
      <c r="W1562">
        <v>180</v>
      </c>
      <c r="X1562">
        <v>2020</v>
      </c>
    </row>
    <row r="1563" spans="1:24" x14ac:dyDescent="0.25">
      <c r="A1563">
        <v>11509</v>
      </c>
      <c r="B1563" t="s">
        <v>14</v>
      </c>
      <c r="C1563">
        <v>20</v>
      </c>
      <c r="D1563" t="s">
        <v>267</v>
      </c>
      <c r="E1563">
        <v>1043</v>
      </c>
      <c r="F1563" t="s">
        <v>892</v>
      </c>
      <c r="G1563" t="s">
        <v>892</v>
      </c>
      <c r="H1563" t="s">
        <v>892</v>
      </c>
      <c r="I1563" t="s">
        <v>892</v>
      </c>
      <c r="J1563" t="s">
        <v>868</v>
      </c>
      <c r="K1563">
        <v>23</v>
      </c>
      <c r="L1563" t="s">
        <v>892</v>
      </c>
      <c r="M1563" t="s">
        <v>892</v>
      </c>
      <c r="N1563" t="s">
        <v>892</v>
      </c>
      <c r="O1563" t="s">
        <v>892</v>
      </c>
      <c r="P1563" t="s">
        <v>746</v>
      </c>
      <c r="Q1563">
        <v>2</v>
      </c>
      <c r="R1563" t="s">
        <v>893</v>
      </c>
      <c r="S1563">
        <v>3</v>
      </c>
      <c r="T1563" t="s">
        <v>892</v>
      </c>
      <c r="U1563" t="s">
        <v>892</v>
      </c>
      <c r="V1563">
        <v>3</v>
      </c>
      <c r="W1563">
        <v>180</v>
      </c>
      <c r="X1563">
        <v>2020</v>
      </c>
    </row>
    <row r="1564" spans="1:24" x14ac:dyDescent="0.25">
      <c r="A1564">
        <v>11508</v>
      </c>
      <c r="B1564" t="s">
        <v>14</v>
      </c>
      <c r="C1564">
        <v>20</v>
      </c>
      <c r="D1564" t="s">
        <v>268</v>
      </c>
      <c r="E1564">
        <v>1042</v>
      </c>
      <c r="F1564" t="s">
        <v>892</v>
      </c>
      <c r="G1564" t="s">
        <v>892</v>
      </c>
      <c r="H1564" t="s">
        <v>892</v>
      </c>
      <c r="I1564" t="s">
        <v>892</v>
      </c>
      <c r="J1564" t="s">
        <v>819</v>
      </c>
      <c r="K1564">
        <v>101</v>
      </c>
      <c r="L1564" t="s">
        <v>892</v>
      </c>
      <c r="M1564" t="s">
        <v>892</v>
      </c>
      <c r="N1564" t="s">
        <v>892</v>
      </c>
      <c r="O1564" t="s">
        <v>892</v>
      </c>
      <c r="P1564" t="s">
        <v>746</v>
      </c>
      <c r="Q1564">
        <v>2</v>
      </c>
      <c r="R1564" t="s">
        <v>893</v>
      </c>
      <c r="S1564">
        <v>3</v>
      </c>
      <c r="T1564" t="s">
        <v>892</v>
      </c>
      <c r="U1564" t="s">
        <v>892</v>
      </c>
      <c r="V1564">
        <v>3</v>
      </c>
      <c r="W1564">
        <v>180</v>
      </c>
      <c r="X1564">
        <v>2020</v>
      </c>
    </row>
    <row r="1565" spans="1:24" x14ac:dyDescent="0.25">
      <c r="A1565">
        <v>11507</v>
      </c>
      <c r="B1565" t="s">
        <v>14</v>
      </c>
      <c r="C1565">
        <v>20</v>
      </c>
      <c r="D1565" t="s">
        <v>269</v>
      </c>
      <c r="E1565">
        <v>1041</v>
      </c>
      <c r="F1565" t="s">
        <v>892</v>
      </c>
      <c r="G1565" t="s">
        <v>892</v>
      </c>
      <c r="H1565" t="s">
        <v>892</v>
      </c>
      <c r="I1565" t="s">
        <v>892</v>
      </c>
      <c r="J1565" t="s">
        <v>65</v>
      </c>
      <c r="K1565">
        <v>15</v>
      </c>
      <c r="L1565" t="s">
        <v>892</v>
      </c>
      <c r="M1565" t="s">
        <v>892</v>
      </c>
      <c r="N1565" t="s">
        <v>892</v>
      </c>
      <c r="O1565" t="s">
        <v>892</v>
      </c>
      <c r="P1565" t="s">
        <v>746</v>
      </c>
      <c r="Q1565">
        <v>2</v>
      </c>
      <c r="R1565" t="s">
        <v>893</v>
      </c>
      <c r="S1565">
        <v>3</v>
      </c>
      <c r="T1565" t="s">
        <v>892</v>
      </c>
      <c r="U1565" t="s">
        <v>892</v>
      </c>
      <c r="V1565">
        <v>3</v>
      </c>
      <c r="W1565">
        <v>180</v>
      </c>
      <c r="X1565">
        <v>2020</v>
      </c>
    </row>
    <row r="1566" spans="1:24" x14ac:dyDescent="0.25">
      <c r="A1566">
        <v>11505</v>
      </c>
      <c r="B1566" t="s">
        <v>14</v>
      </c>
      <c r="C1566">
        <v>20</v>
      </c>
      <c r="D1566" t="s">
        <v>273</v>
      </c>
      <c r="E1566">
        <v>1037</v>
      </c>
      <c r="F1566" t="s">
        <v>892</v>
      </c>
      <c r="G1566" t="s">
        <v>892</v>
      </c>
      <c r="H1566" t="s">
        <v>892</v>
      </c>
      <c r="I1566" t="s">
        <v>892</v>
      </c>
      <c r="J1566" t="s">
        <v>294</v>
      </c>
      <c r="K1566">
        <v>31</v>
      </c>
      <c r="L1566" t="s">
        <v>892</v>
      </c>
      <c r="M1566" t="s">
        <v>892</v>
      </c>
      <c r="N1566" t="s">
        <v>892</v>
      </c>
      <c r="O1566" t="s">
        <v>892</v>
      </c>
      <c r="P1566" t="s">
        <v>746</v>
      </c>
      <c r="Q1566">
        <v>2</v>
      </c>
      <c r="R1566" t="s">
        <v>893</v>
      </c>
      <c r="S1566">
        <v>3</v>
      </c>
      <c r="T1566" t="s">
        <v>892</v>
      </c>
      <c r="U1566" t="s">
        <v>892</v>
      </c>
      <c r="V1566">
        <v>3</v>
      </c>
      <c r="W1566">
        <v>180</v>
      </c>
      <c r="X1566">
        <v>2020</v>
      </c>
    </row>
    <row r="1567" spans="1:24" x14ac:dyDescent="0.25">
      <c r="A1567">
        <v>11504</v>
      </c>
      <c r="B1567" t="s">
        <v>14</v>
      </c>
      <c r="C1567">
        <v>20</v>
      </c>
      <c r="D1567" t="s">
        <v>273</v>
      </c>
      <c r="E1567">
        <v>1037</v>
      </c>
      <c r="F1567" t="s">
        <v>892</v>
      </c>
      <c r="G1567" t="s">
        <v>892</v>
      </c>
      <c r="H1567" t="s">
        <v>892</v>
      </c>
      <c r="I1567" t="s">
        <v>892</v>
      </c>
      <c r="J1567" t="s">
        <v>295</v>
      </c>
      <c r="K1567">
        <v>30</v>
      </c>
      <c r="L1567" t="s">
        <v>892</v>
      </c>
      <c r="M1567" t="s">
        <v>892</v>
      </c>
      <c r="N1567" t="s">
        <v>892</v>
      </c>
      <c r="O1567" t="s">
        <v>892</v>
      </c>
      <c r="P1567" t="s">
        <v>746</v>
      </c>
      <c r="Q1567">
        <v>2</v>
      </c>
      <c r="R1567" t="s">
        <v>893</v>
      </c>
      <c r="S1567">
        <v>3</v>
      </c>
      <c r="T1567" t="s">
        <v>892</v>
      </c>
      <c r="U1567" t="s">
        <v>892</v>
      </c>
      <c r="V1567">
        <v>3</v>
      </c>
      <c r="W1567">
        <v>180</v>
      </c>
      <c r="X1567">
        <v>2020</v>
      </c>
    </row>
    <row r="1568" spans="1:24" x14ac:dyDescent="0.25">
      <c r="A1568">
        <v>11503</v>
      </c>
      <c r="B1568" t="s">
        <v>14</v>
      </c>
      <c r="C1568">
        <v>20</v>
      </c>
      <c r="D1568" t="s">
        <v>271</v>
      </c>
      <c r="E1568">
        <v>1039</v>
      </c>
      <c r="F1568" t="s">
        <v>892</v>
      </c>
      <c r="G1568" t="s">
        <v>892</v>
      </c>
      <c r="H1568" t="s">
        <v>892</v>
      </c>
      <c r="I1568" t="s">
        <v>892</v>
      </c>
      <c r="J1568" t="s">
        <v>897</v>
      </c>
      <c r="K1568">
        <v>3</v>
      </c>
      <c r="L1568" t="s">
        <v>892</v>
      </c>
      <c r="M1568" t="s">
        <v>892</v>
      </c>
      <c r="N1568" t="s">
        <v>892</v>
      </c>
      <c r="O1568" t="s">
        <v>892</v>
      </c>
      <c r="P1568" t="s">
        <v>746</v>
      </c>
      <c r="Q1568">
        <v>2</v>
      </c>
      <c r="R1568" t="s">
        <v>893</v>
      </c>
      <c r="S1568">
        <v>3</v>
      </c>
      <c r="T1568" t="s">
        <v>892</v>
      </c>
      <c r="U1568" t="s">
        <v>892</v>
      </c>
      <c r="V1568">
        <v>3</v>
      </c>
      <c r="W1568">
        <v>180</v>
      </c>
      <c r="X1568">
        <v>2020</v>
      </c>
    </row>
    <row r="1569" spans="1:24" x14ac:dyDescent="0.25">
      <c r="A1569">
        <v>11502</v>
      </c>
      <c r="B1569" t="s">
        <v>14</v>
      </c>
      <c r="C1569">
        <v>20</v>
      </c>
      <c r="D1569" t="s">
        <v>272</v>
      </c>
      <c r="E1569">
        <v>1038</v>
      </c>
      <c r="F1569" t="s">
        <v>892</v>
      </c>
      <c r="G1569" t="s">
        <v>892</v>
      </c>
      <c r="H1569" t="s">
        <v>892</v>
      </c>
      <c r="I1569" t="s">
        <v>892</v>
      </c>
      <c r="J1569" t="s">
        <v>831</v>
      </c>
      <c r="K1569">
        <v>5</v>
      </c>
      <c r="L1569" t="s">
        <v>892</v>
      </c>
      <c r="M1569" t="s">
        <v>892</v>
      </c>
      <c r="N1569" t="s">
        <v>892</v>
      </c>
      <c r="O1569" t="s">
        <v>892</v>
      </c>
      <c r="P1569" t="s">
        <v>746</v>
      </c>
      <c r="Q1569">
        <v>2</v>
      </c>
      <c r="R1569" t="s">
        <v>893</v>
      </c>
      <c r="S1569">
        <v>3</v>
      </c>
      <c r="T1569" t="s">
        <v>892</v>
      </c>
      <c r="U1569" t="s">
        <v>892</v>
      </c>
      <c r="V1569">
        <v>3</v>
      </c>
      <c r="W1569">
        <v>180</v>
      </c>
      <c r="X1569">
        <v>2020</v>
      </c>
    </row>
    <row r="1570" spans="1:24" x14ac:dyDescent="0.25">
      <c r="A1570">
        <v>11501</v>
      </c>
      <c r="B1570" t="s">
        <v>14</v>
      </c>
      <c r="C1570">
        <v>20</v>
      </c>
      <c r="D1570" t="s">
        <v>273</v>
      </c>
      <c r="E1570">
        <v>1037</v>
      </c>
      <c r="F1570" t="s">
        <v>892</v>
      </c>
      <c r="G1570" t="s">
        <v>892</v>
      </c>
      <c r="H1570" t="s">
        <v>892</v>
      </c>
      <c r="I1570" t="s">
        <v>892</v>
      </c>
      <c r="J1570" t="s">
        <v>955</v>
      </c>
      <c r="K1570">
        <v>29</v>
      </c>
      <c r="L1570" t="s">
        <v>892</v>
      </c>
      <c r="M1570" t="s">
        <v>892</v>
      </c>
      <c r="N1570" t="s">
        <v>892</v>
      </c>
      <c r="O1570" t="s">
        <v>892</v>
      </c>
      <c r="P1570" t="s">
        <v>746</v>
      </c>
      <c r="Q1570">
        <v>2</v>
      </c>
      <c r="R1570" t="s">
        <v>893</v>
      </c>
      <c r="S1570">
        <v>3</v>
      </c>
      <c r="T1570" t="s">
        <v>892</v>
      </c>
      <c r="U1570" t="s">
        <v>892</v>
      </c>
      <c r="V1570">
        <v>3</v>
      </c>
      <c r="W1570">
        <v>180</v>
      </c>
      <c r="X1570">
        <v>2020</v>
      </c>
    </row>
    <row r="1571" spans="1:24" x14ac:dyDescent="0.25">
      <c r="A1571">
        <v>11500</v>
      </c>
      <c r="B1571" t="s">
        <v>14</v>
      </c>
      <c r="C1571">
        <v>20</v>
      </c>
      <c r="D1571" t="s">
        <v>273</v>
      </c>
      <c r="E1571">
        <v>1037</v>
      </c>
      <c r="F1571" t="s">
        <v>892</v>
      </c>
      <c r="G1571" t="s">
        <v>892</v>
      </c>
      <c r="H1571" t="s">
        <v>892</v>
      </c>
      <c r="I1571" t="s">
        <v>892</v>
      </c>
      <c r="J1571" t="s">
        <v>813</v>
      </c>
      <c r="K1571">
        <v>24</v>
      </c>
      <c r="L1571" t="s">
        <v>892</v>
      </c>
      <c r="M1571" t="s">
        <v>892</v>
      </c>
      <c r="N1571" t="s">
        <v>892</v>
      </c>
      <c r="O1571" t="s">
        <v>892</v>
      </c>
      <c r="P1571" t="s">
        <v>746</v>
      </c>
      <c r="Q1571">
        <v>2</v>
      </c>
      <c r="R1571" t="s">
        <v>893</v>
      </c>
      <c r="S1571">
        <v>3</v>
      </c>
      <c r="T1571" t="s">
        <v>892</v>
      </c>
      <c r="U1571" t="s">
        <v>892</v>
      </c>
      <c r="V1571">
        <v>3</v>
      </c>
      <c r="W1571">
        <v>180</v>
      </c>
      <c r="X1571">
        <v>2020</v>
      </c>
    </row>
    <row r="1572" spans="1:24" x14ac:dyDescent="0.25">
      <c r="A1572">
        <v>11499</v>
      </c>
      <c r="B1572" t="s">
        <v>14</v>
      </c>
      <c r="C1572">
        <v>20</v>
      </c>
      <c r="D1572" t="s">
        <v>273</v>
      </c>
      <c r="E1572">
        <v>1037</v>
      </c>
      <c r="F1572" t="s">
        <v>892</v>
      </c>
      <c r="G1572" t="s">
        <v>892</v>
      </c>
      <c r="H1572" t="s">
        <v>892</v>
      </c>
      <c r="I1572" t="s">
        <v>892</v>
      </c>
      <c r="J1572" t="s">
        <v>299</v>
      </c>
      <c r="K1572">
        <v>27</v>
      </c>
      <c r="L1572" t="s">
        <v>892</v>
      </c>
      <c r="M1572" t="s">
        <v>892</v>
      </c>
      <c r="N1572" t="s">
        <v>892</v>
      </c>
      <c r="O1572" t="s">
        <v>892</v>
      </c>
      <c r="P1572" t="s">
        <v>746</v>
      </c>
      <c r="Q1572">
        <v>2</v>
      </c>
      <c r="R1572" t="s">
        <v>893</v>
      </c>
      <c r="S1572">
        <v>3</v>
      </c>
      <c r="T1572" t="s">
        <v>892</v>
      </c>
      <c r="U1572" t="s">
        <v>892</v>
      </c>
      <c r="V1572">
        <v>3</v>
      </c>
      <c r="W1572">
        <v>180</v>
      </c>
      <c r="X1572">
        <v>2020</v>
      </c>
    </row>
    <row r="1573" spans="1:24" x14ac:dyDescent="0.25">
      <c r="A1573">
        <v>11498</v>
      </c>
      <c r="B1573" t="s">
        <v>14</v>
      </c>
      <c r="C1573">
        <v>20</v>
      </c>
      <c r="D1573" t="s">
        <v>273</v>
      </c>
      <c r="E1573">
        <v>1037</v>
      </c>
      <c r="F1573" t="s">
        <v>892</v>
      </c>
      <c r="G1573" t="s">
        <v>892</v>
      </c>
      <c r="H1573" t="s">
        <v>892</v>
      </c>
      <c r="I1573" t="s">
        <v>892</v>
      </c>
      <c r="J1573" t="s">
        <v>1559</v>
      </c>
      <c r="K1573">
        <v>96</v>
      </c>
      <c r="L1573" t="s">
        <v>892</v>
      </c>
      <c r="M1573" t="s">
        <v>892</v>
      </c>
      <c r="N1573" t="s">
        <v>892</v>
      </c>
      <c r="O1573" t="s">
        <v>892</v>
      </c>
      <c r="P1573" t="s">
        <v>746</v>
      </c>
      <c r="Q1573">
        <v>2</v>
      </c>
      <c r="R1573" t="s">
        <v>893</v>
      </c>
      <c r="S1573">
        <v>3</v>
      </c>
      <c r="T1573" t="s">
        <v>892</v>
      </c>
      <c r="U1573" t="s">
        <v>892</v>
      </c>
      <c r="V1573">
        <v>3</v>
      </c>
      <c r="W1573">
        <v>180</v>
      </c>
      <c r="X1573">
        <v>2020</v>
      </c>
    </row>
    <row r="1574" spans="1:24" x14ac:dyDescent="0.25">
      <c r="A1574">
        <v>11497</v>
      </c>
      <c r="B1574" t="s">
        <v>14</v>
      </c>
      <c r="C1574">
        <v>20</v>
      </c>
      <c r="D1574" t="s">
        <v>265</v>
      </c>
      <c r="E1574">
        <v>1045</v>
      </c>
      <c r="F1574" t="s">
        <v>892</v>
      </c>
      <c r="G1574" t="s">
        <v>892</v>
      </c>
      <c r="H1574" t="s">
        <v>892</v>
      </c>
      <c r="I1574" t="s">
        <v>892</v>
      </c>
      <c r="J1574" t="s">
        <v>756</v>
      </c>
      <c r="K1574">
        <v>19</v>
      </c>
      <c r="L1574" t="s">
        <v>892</v>
      </c>
      <c r="M1574" t="s">
        <v>892</v>
      </c>
      <c r="N1574" t="s">
        <v>892</v>
      </c>
      <c r="O1574" t="s">
        <v>892</v>
      </c>
      <c r="P1574" t="s">
        <v>746</v>
      </c>
      <c r="Q1574">
        <v>2</v>
      </c>
      <c r="R1574" t="s">
        <v>893</v>
      </c>
      <c r="S1574">
        <v>3</v>
      </c>
      <c r="T1574" t="s">
        <v>892</v>
      </c>
      <c r="U1574" t="s">
        <v>892</v>
      </c>
      <c r="V1574">
        <v>3</v>
      </c>
      <c r="W1574">
        <v>180</v>
      </c>
      <c r="X1574">
        <v>2020</v>
      </c>
    </row>
    <row r="1575" spans="1:24" x14ac:dyDescent="0.25">
      <c r="A1575">
        <v>11496</v>
      </c>
      <c r="B1575" t="s">
        <v>14</v>
      </c>
      <c r="C1575">
        <v>20</v>
      </c>
      <c r="D1575" t="s">
        <v>274</v>
      </c>
      <c r="E1575">
        <v>1036</v>
      </c>
      <c r="F1575" t="s">
        <v>892</v>
      </c>
      <c r="G1575" t="s">
        <v>892</v>
      </c>
      <c r="H1575" t="s">
        <v>892</v>
      </c>
      <c r="I1575" t="s">
        <v>892</v>
      </c>
      <c r="J1575" t="s">
        <v>756</v>
      </c>
      <c r="K1575">
        <v>19</v>
      </c>
      <c r="L1575" t="s">
        <v>892</v>
      </c>
      <c r="M1575" t="s">
        <v>892</v>
      </c>
      <c r="N1575" t="s">
        <v>892</v>
      </c>
      <c r="O1575" t="s">
        <v>892</v>
      </c>
      <c r="P1575" t="s">
        <v>746</v>
      </c>
      <c r="Q1575">
        <v>2</v>
      </c>
      <c r="R1575" t="s">
        <v>893</v>
      </c>
      <c r="S1575">
        <v>3</v>
      </c>
      <c r="T1575" t="s">
        <v>892</v>
      </c>
      <c r="U1575" t="s">
        <v>892</v>
      </c>
      <c r="V1575">
        <v>3</v>
      </c>
      <c r="W1575">
        <v>180</v>
      </c>
      <c r="X1575">
        <v>2020</v>
      </c>
    </row>
    <row r="1576" spans="1:24" x14ac:dyDescent="0.25">
      <c r="A1576">
        <v>11495</v>
      </c>
      <c r="B1576" t="s">
        <v>20</v>
      </c>
      <c r="C1576">
        <v>14</v>
      </c>
      <c r="D1576" t="s">
        <v>19</v>
      </c>
      <c r="E1576">
        <v>1372</v>
      </c>
      <c r="F1576" t="s">
        <v>892</v>
      </c>
      <c r="G1576" t="s">
        <v>892</v>
      </c>
      <c r="H1576" t="s">
        <v>892</v>
      </c>
      <c r="I1576" t="s">
        <v>892</v>
      </c>
      <c r="J1576" t="s">
        <v>864</v>
      </c>
      <c r="K1576">
        <v>14</v>
      </c>
      <c r="L1576" t="s">
        <v>892</v>
      </c>
      <c r="M1576" t="s">
        <v>892</v>
      </c>
      <c r="N1576" t="s">
        <v>892</v>
      </c>
      <c r="O1576" t="s">
        <v>892</v>
      </c>
      <c r="P1576" t="s">
        <v>746</v>
      </c>
      <c r="Q1576">
        <v>2</v>
      </c>
      <c r="R1576" t="s">
        <v>893</v>
      </c>
      <c r="S1576">
        <v>3</v>
      </c>
      <c r="T1576" t="s">
        <v>892</v>
      </c>
      <c r="U1576" t="s">
        <v>892</v>
      </c>
      <c r="V1576">
        <v>3</v>
      </c>
      <c r="W1576">
        <v>180</v>
      </c>
      <c r="X1576">
        <v>2020</v>
      </c>
    </row>
    <row r="1577" spans="1:24" x14ac:dyDescent="0.25">
      <c r="A1577">
        <v>11494</v>
      </c>
      <c r="B1577" t="s">
        <v>20</v>
      </c>
      <c r="C1577">
        <v>14</v>
      </c>
      <c r="D1577" t="s">
        <v>19</v>
      </c>
      <c r="E1577">
        <v>1372</v>
      </c>
      <c r="F1577" t="s">
        <v>892</v>
      </c>
      <c r="G1577" t="s">
        <v>892</v>
      </c>
      <c r="H1577" t="s">
        <v>892</v>
      </c>
      <c r="I1577" t="s">
        <v>892</v>
      </c>
      <c r="J1577" t="s">
        <v>663</v>
      </c>
      <c r="K1577">
        <v>99</v>
      </c>
      <c r="L1577" t="s">
        <v>892</v>
      </c>
      <c r="M1577" t="s">
        <v>892</v>
      </c>
      <c r="N1577" t="s">
        <v>892</v>
      </c>
      <c r="O1577" t="s">
        <v>892</v>
      </c>
      <c r="P1577" t="s">
        <v>746</v>
      </c>
      <c r="Q1577">
        <v>2</v>
      </c>
      <c r="R1577" t="s">
        <v>893</v>
      </c>
      <c r="S1577">
        <v>3</v>
      </c>
      <c r="T1577" t="s">
        <v>892</v>
      </c>
      <c r="U1577" t="s">
        <v>892</v>
      </c>
      <c r="V1577">
        <v>3</v>
      </c>
      <c r="W1577">
        <v>180</v>
      </c>
      <c r="X1577">
        <v>2020</v>
      </c>
    </row>
    <row r="1578" spans="1:24" x14ac:dyDescent="0.25">
      <c r="A1578">
        <v>11493</v>
      </c>
      <c r="B1578" t="s">
        <v>18</v>
      </c>
      <c r="C1578">
        <v>31</v>
      </c>
      <c r="D1578" t="s">
        <v>275</v>
      </c>
      <c r="E1578">
        <v>1033</v>
      </c>
      <c r="F1578" t="s">
        <v>892</v>
      </c>
      <c r="G1578" t="s">
        <v>892</v>
      </c>
      <c r="H1578" t="s">
        <v>892</v>
      </c>
      <c r="I1578" t="s">
        <v>892</v>
      </c>
      <c r="J1578" t="s">
        <v>864</v>
      </c>
      <c r="K1578">
        <v>14</v>
      </c>
      <c r="L1578" t="s">
        <v>892</v>
      </c>
      <c r="M1578" t="s">
        <v>892</v>
      </c>
      <c r="N1578" t="s">
        <v>892</v>
      </c>
      <c r="O1578" t="s">
        <v>892</v>
      </c>
      <c r="P1578" t="s">
        <v>746</v>
      </c>
      <c r="Q1578">
        <v>2</v>
      </c>
      <c r="R1578" t="s">
        <v>893</v>
      </c>
      <c r="S1578">
        <v>3</v>
      </c>
      <c r="T1578" t="s">
        <v>892</v>
      </c>
      <c r="U1578" t="s">
        <v>892</v>
      </c>
      <c r="V1578">
        <v>3</v>
      </c>
      <c r="W1578">
        <v>180</v>
      </c>
      <c r="X1578">
        <v>2020</v>
      </c>
    </row>
    <row r="1579" spans="1:24" x14ac:dyDescent="0.25">
      <c r="A1579">
        <v>11492</v>
      </c>
      <c r="B1579" t="s">
        <v>18</v>
      </c>
      <c r="C1579">
        <v>31</v>
      </c>
      <c r="D1579" t="s">
        <v>276</v>
      </c>
      <c r="E1579">
        <v>1032</v>
      </c>
      <c r="F1579" t="s">
        <v>892</v>
      </c>
      <c r="G1579" t="s">
        <v>892</v>
      </c>
      <c r="H1579" t="s">
        <v>892</v>
      </c>
      <c r="I1579" t="s">
        <v>892</v>
      </c>
      <c r="J1579" t="s">
        <v>663</v>
      </c>
      <c r="K1579">
        <v>99</v>
      </c>
      <c r="L1579" t="s">
        <v>892</v>
      </c>
      <c r="M1579" t="s">
        <v>892</v>
      </c>
      <c r="N1579" t="s">
        <v>892</v>
      </c>
      <c r="O1579" t="s">
        <v>892</v>
      </c>
      <c r="P1579" t="s">
        <v>746</v>
      </c>
      <c r="Q1579">
        <v>2</v>
      </c>
      <c r="R1579" t="s">
        <v>893</v>
      </c>
      <c r="S1579">
        <v>3</v>
      </c>
      <c r="T1579" t="s">
        <v>892</v>
      </c>
      <c r="U1579" t="s">
        <v>892</v>
      </c>
      <c r="V1579">
        <v>3</v>
      </c>
      <c r="W1579">
        <v>180</v>
      </c>
      <c r="X1579">
        <v>2020</v>
      </c>
    </row>
    <row r="1580" spans="1:24" x14ac:dyDescent="0.25">
      <c r="A1580">
        <v>11491</v>
      </c>
      <c r="B1580" t="s">
        <v>18</v>
      </c>
      <c r="C1580">
        <v>31</v>
      </c>
      <c r="D1580" t="s">
        <v>277</v>
      </c>
      <c r="E1580">
        <v>1031</v>
      </c>
      <c r="F1580" t="s">
        <v>892</v>
      </c>
      <c r="G1580" t="s">
        <v>892</v>
      </c>
      <c r="H1580" t="s">
        <v>892</v>
      </c>
      <c r="I1580" t="s">
        <v>892</v>
      </c>
      <c r="J1580" t="s">
        <v>684</v>
      </c>
      <c r="K1580">
        <v>22</v>
      </c>
      <c r="L1580" t="s">
        <v>892</v>
      </c>
      <c r="M1580" t="s">
        <v>892</v>
      </c>
      <c r="N1580" t="s">
        <v>892</v>
      </c>
      <c r="O1580" t="s">
        <v>892</v>
      </c>
      <c r="P1580" t="s">
        <v>746</v>
      </c>
      <c r="Q1580">
        <v>2</v>
      </c>
      <c r="R1580" t="s">
        <v>893</v>
      </c>
      <c r="S1580">
        <v>3</v>
      </c>
      <c r="T1580" t="s">
        <v>892</v>
      </c>
      <c r="U1580" t="s">
        <v>892</v>
      </c>
      <c r="V1580">
        <v>3</v>
      </c>
      <c r="W1580">
        <v>180</v>
      </c>
      <c r="X1580">
        <v>2020</v>
      </c>
    </row>
    <row r="1581" spans="1:24" x14ac:dyDescent="0.25">
      <c r="A1581">
        <v>11490</v>
      </c>
      <c r="B1581" t="s">
        <v>18</v>
      </c>
      <c r="C1581">
        <v>31</v>
      </c>
      <c r="D1581" t="s">
        <v>277</v>
      </c>
      <c r="E1581">
        <v>1031</v>
      </c>
      <c r="F1581" t="s">
        <v>892</v>
      </c>
      <c r="G1581" t="s">
        <v>892</v>
      </c>
      <c r="H1581" t="s">
        <v>892</v>
      </c>
      <c r="I1581" t="s">
        <v>892</v>
      </c>
      <c r="J1581" t="s">
        <v>868</v>
      </c>
      <c r="K1581">
        <v>23</v>
      </c>
      <c r="L1581" t="s">
        <v>892</v>
      </c>
      <c r="M1581" t="s">
        <v>892</v>
      </c>
      <c r="N1581" t="s">
        <v>892</v>
      </c>
      <c r="O1581" t="s">
        <v>892</v>
      </c>
      <c r="P1581" t="s">
        <v>746</v>
      </c>
      <c r="Q1581">
        <v>2</v>
      </c>
      <c r="R1581" t="s">
        <v>893</v>
      </c>
      <c r="S1581">
        <v>3</v>
      </c>
      <c r="T1581" t="s">
        <v>892</v>
      </c>
      <c r="U1581" t="s">
        <v>892</v>
      </c>
      <c r="V1581">
        <v>3</v>
      </c>
      <c r="W1581">
        <v>180</v>
      </c>
      <c r="X1581">
        <v>2020</v>
      </c>
    </row>
    <row r="1582" spans="1:24" x14ac:dyDescent="0.25">
      <c r="A1582">
        <v>11489</v>
      </c>
      <c r="B1582" t="s">
        <v>18</v>
      </c>
      <c r="C1582">
        <v>31</v>
      </c>
      <c r="D1582" t="s">
        <v>278</v>
      </c>
      <c r="E1582">
        <v>1030</v>
      </c>
      <c r="F1582" t="s">
        <v>892</v>
      </c>
      <c r="G1582" t="s">
        <v>892</v>
      </c>
      <c r="H1582" t="s">
        <v>892</v>
      </c>
      <c r="I1582" t="s">
        <v>892</v>
      </c>
      <c r="J1582" t="s">
        <v>885</v>
      </c>
      <c r="K1582">
        <v>1</v>
      </c>
      <c r="L1582" t="s">
        <v>892</v>
      </c>
      <c r="M1582" t="s">
        <v>892</v>
      </c>
      <c r="N1582" t="s">
        <v>892</v>
      </c>
      <c r="O1582" t="s">
        <v>892</v>
      </c>
      <c r="P1582" t="s">
        <v>746</v>
      </c>
      <c r="Q1582">
        <v>2</v>
      </c>
      <c r="R1582" t="s">
        <v>893</v>
      </c>
      <c r="S1582">
        <v>3</v>
      </c>
      <c r="T1582" t="s">
        <v>892</v>
      </c>
      <c r="U1582" t="s">
        <v>892</v>
      </c>
      <c r="V1582">
        <v>3</v>
      </c>
      <c r="W1582">
        <v>180</v>
      </c>
      <c r="X1582">
        <v>2020</v>
      </c>
    </row>
    <row r="1583" spans="1:24" x14ac:dyDescent="0.25">
      <c r="A1583">
        <v>11488</v>
      </c>
      <c r="B1583" t="s">
        <v>18</v>
      </c>
      <c r="C1583">
        <v>31</v>
      </c>
      <c r="D1583" t="s">
        <v>279</v>
      </c>
      <c r="E1583">
        <v>1029</v>
      </c>
      <c r="F1583" t="s">
        <v>892</v>
      </c>
      <c r="G1583" t="s">
        <v>892</v>
      </c>
      <c r="H1583" t="s">
        <v>892</v>
      </c>
      <c r="I1583" t="s">
        <v>892</v>
      </c>
      <c r="J1583" t="s">
        <v>802</v>
      </c>
      <c r="K1583">
        <v>12</v>
      </c>
      <c r="L1583" t="s">
        <v>892</v>
      </c>
      <c r="M1583" t="s">
        <v>892</v>
      </c>
      <c r="N1583" t="s">
        <v>892</v>
      </c>
      <c r="O1583" t="s">
        <v>892</v>
      </c>
      <c r="P1583" t="s">
        <v>746</v>
      </c>
      <c r="Q1583">
        <v>2</v>
      </c>
      <c r="R1583" t="s">
        <v>893</v>
      </c>
      <c r="S1583">
        <v>3</v>
      </c>
      <c r="T1583" t="s">
        <v>892</v>
      </c>
      <c r="U1583" t="s">
        <v>892</v>
      </c>
      <c r="V1583">
        <v>3</v>
      </c>
      <c r="W1583">
        <v>180</v>
      </c>
      <c r="X1583">
        <v>2020</v>
      </c>
    </row>
    <row r="1584" spans="1:24" x14ac:dyDescent="0.25">
      <c r="A1584">
        <v>11487</v>
      </c>
      <c r="B1584" t="s">
        <v>18</v>
      </c>
      <c r="C1584">
        <v>31</v>
      </c>
      <c r="D1584" t="s">
        <v>280</v>
      </c>
      <c r="E1584">
        <v>1028</v>
      </c>
      <c r="F1584" t="s">
        <v>892</v>
      </c>
      <c r="G1584" t="s">
        <v>892</v>
      </c>
      <c r="H1584" t="s">
        <v>892</v>
      </c>
      <c r="I1584" t="s">
        <v>892</v>
      </c>
      <c r="J1584" t="s">
        <v>676</v>
      </c>
      <c r="K1584">
        <v>4</v>
      </c>
      <c r="L1584" t="s">
        <v>892</v>
      </c>
      <c r="M1584" t="s">
        <v>892</v>
      </c>
      <c r="N1584" t="s">
        <v>892</v>
      </c>
      <c r="O1584" t="s">
        <v>892</v>
      </c>
      <c r="P1584" t="s">
        <v>746</v>
      </c>
      <c r="Q1584">
        <v>2</v>
      </c>
      <c r="R1584" t="s">
        <v>893</v>
      </c>
      <c r="S1584">
        <v>3</v>
      </c>
      <c r="T1584" t="s">
        <v>892</v>
      </c>
      <c r="U1584" t="s">
        <v>892</v>
      </c>
      <c r="V1584">
        <v>3</v>
      </c>
      <c r="W1584">
        <v>180</v>
      </c>
      <c r="X1584">
        <v>2020</v>
      </c>
    </row>
    <row r="1585" spans="1:24" x14ac:dyDescent="0.25">
      <c r="A1585">
        <v>11486</v>
      </c>
      <c r="B1585" t="s">
        <v>18</v>
      </c>
      <c r="C1585">
        <v>31</v>
      </c>
      <c r="D1585" t="s">
        <v>281</v>
      </c>
      <c r="E1585">
        <v>1027</v>
      </c>
      <c r="F1585" t="s">
        <v>892</v>
      </c>
      <c r="G1585" t="s">
        <v>892</v>
      </c>
      <c r="H1585" t="s">
        <v>892</v>
      </c>
      <c r="I1585" t="s">
        <v>892</v>
      </c>
      <c r="J1585" t="s">
        <v>726</v>
      </c>
      <c r="K1585">
        <v>2</v>
      </c>
      <c r="L1585" t="s">
        <v>892</v>
      </c>
      <c r="M1585" t="s">
        <v>892</v>
      </c>
      <c r="N1585" t="s">
        <v>892</v>
      </c>
      <c r="O1585" t="s">
        <v>892</v>
      </c>
      <c r="P1585" t="s">
        <v>746</v>
      </c>
      <c r="Q1585">
        <v>2</v>
      </c>
      <c r="R1585" t="s">
        <v>893</v>
      </c>
      <c r="S1585">
        <v>3</v>
      </c>
      <c r="T1585" t="s">
        <v>892</v>
      </c>
      <c r="U1585" t="s">
        <v>892</v>
      </c>
      <c r="V1585">
        <v>3</v>
      </c>
      <c r="W1585">
        <v>180</v>
      </c>
      <c r="X1585">
        <v>2020</v>
      </c>
    </row>
    <row r="1586" spans="1:24" x14ac:dyDescent="0.25">
      <c r="A1586">
        <v>11485</v>
      </c>
      <c r="B1586" t="s">
        <v>18</v>
      </c>
      <c r="C1586">
        <v>31</v>
      </c>
      <c r="D1586" t="s">
        <v>282</v>
      </c>
      <c r="E1586">
        <v>1026</v>
      </c>
      <c r="F1586" t="s">
        <v>892</v>
      </c>
      <c r="G1586" t="s">
        <v>892</v>
      </c>
      <c r="H1586" t="s">
        <v>892</v>
      </c>
      <c r="I1586" t="s">
        <v>892</v>
      </c>
      <c r="J1586" t="s">
        <v>894</v>
      </c>
      <c r="K1586">
        <v>18</v>
      </c>
      <c r="L1586" t="s">
        <v>892</v>
      </c>
      <c r="M1586" t="s">
        <v>892</v>
      </c>
      <c r="N1586" t="s">
        <v>892</v>
      </c>
      <c r="O1586" t="s">
        <v>892</v>
      </c>
      <c r="P1586" t="s">
        <v>746</v>
      </c>
      <c r="Q1586">
        <v>2</v>
      </c>
      <c r="R1586" t="s">
        <v>893</v>
      </c>
      <c r="S1586">
        <v>3</v>
      </c>
      <c r="T1586" t="s">
        <v>892</v>
      </c>
      <c r="U1586" t="s">
        <v>892</v>
      </c>
      <c r="V1586">
        <v>3</v>
      </c>
      <c r="W1586">
        <v>180</v>
      </c>
      <c r="X1586">
        <v>2020</v>
      </c>
    </row>
    <row r="1587" spans="1:24" x14ac:dyDescent="0.25">
      <c r="A1587">
        <v>11484</v>
      </c>
      <c r="B1587" t="s">
        <v>18</v>
      </c>
      <c r="C1587">
        <v>31</v>
      </c>
      <c r="D1587" t="s">
        <v>282</v>
      </c>
      <c r="E1587">
        <v>1026</v>
      </c>
      <c r="F1587" t="s">
        <v>892</v>
      </c>
      <c r="G1587" t="s">
        <v>892</v>
      </c>
      <c r="H1587" t="s">
        <v>892</v>
      </c>
      <c r="I1587" t="s">
        <v>892</v>
      </c>
      <c r="J1587" t="s">
        <v>691</v>
      </c>
      <c r="K1587">
        <v>21</v>
      </c>
      <c r="L1587" t="s">
        <v>892</v>
      </c>
      <c r="M1587" t="s">
        <v>892</v>
      </c>
      <c r="N1587" t="s">
        <v>892</v>
      </c>
      <c r="O1587" t="s">
        <v>892</v>
      </c>
      <c r="P1587" t="s">
        <v>746</v>
      </c>
      <c r="Q1587">
        <v>2</v>
      </c>
      <c r="R1587" t="s">
        <v>893</v>
      </c>
      <c r="S1587">
        <v>3</v>
      </c>
      <c r="T1587" t="s">
        <v>892</v>
      </c>
      <c r="U1587" t="s">
        <v>892</v>
      </c>
      <c r="V1587">
        <v>3</v>
      </c>
      <c r="W1587">
        <v>180</v>
      </c>
      <c r="X1587">
        <v>2020</v>
      </c>
    </row>
    <row r="1588" spans="1:24" x14ac:dyDescent="0.25">
      <c r="A1588">
        <v>11483</v>
      </c>
      <c r="B1588" t="s">
        <v>18</v>
      </c>
      <c r="C1588">
        <v>31</v>
      </c>
      <c r="D1588" t="s">
        <v>282</v>
      </c>
      <c r="E1588">
        <v>1026</v>
      </c>
      <c r="F1588" t="s">
        <v>892</v>
      </c>
      <c r="G1588" t="s">
        <v>892</v>
      </c>
      <c r="H1588" t="s">
        <v>892</v>
      </c>
      <c r="I1588" t="s">
        <v>892</v>
      </c>
      <c r="J1588" t="s">
        <v>703</v>
      </c>
      <c r="K1588">
        <v>16</v>
      </c>
      <c r="L1588" t="s">
        <v>892</v>
      </c>
      <c r="M1588" t="s">
        <v>892</v>
      </c>
      <c r="N1588" t="s">
        <v>892</v>
      </c>
      <c r="O1588" t="s">
        <v>892</v>
      </c>
      <c r="P1588" t="s">
        <v>746</v>
      </c>
      <c r="Q1588">
        <v>2</v>
      </c>
      <c r="R1588" t="s">
        <v>893</v>
      </c>
      <c r="S1588">
        <v>3</v>
      </c>
      <c r="T1588" t="s">
        <v>892</v>
      </c>
      <c r="U1588" t="s">
        <v>892</v>
      </c>
      <c r="V1588">
        <v>3</v>
      </c>
      <c r="W1588">
        <v>180</v>
      </c>
      <c r="X1588">
        <v>2020</v>
      </c>
    </row>
    <row r="1589" spans="1:24" x14ac:dyDescent="0.25">
      <c r="A1589">
        <v>11482</v>
      </c>
      <c r="B1589" t="s">
        <v>18</v>
      </c>
      <c r="C1589">
        <v>31</v>
      </c>
      <c r="D1589" t="s">
        <v>282</v>
      </c>
      <c r="E1589">
        <v>1026</v>
      </c>
      <c r="F1589" t="s">
        <v>892</v>
      </c>
      <c r="G1589" t="s">
        <v>892</v>
      </c>
      <c r="H1589" t="s">
        <v>892</v>
      </c>
      <c r="I1589" t="s">
        <v>892</v>
      </c>
      <c r="J1589" t="s">
        <v>866</v>
      </c>
      <c r="K1589">
        <v>9</v>
      </c>
      <c r="L1589" t="s">
        <v>892</v>
      </c>
      <c r="M1589" t="s">
        <v>892</v>
      </c>
      <c r="N1589" t="s">
        <v>892</v>
      </c>
      <c r="O1589" t="s">
        <v>892</v>
      </c>
      <c r="P1589" t="s">
        <v>746</v>
      </c>
      <c r="Q1589">
        <v>2</v>
      </c>
      <c r="R1589" t="s">
        <v>893</v>
      </c>
      <c r="S1589">
        <v>3</v>
      </c>
      <c r="T1589" t="s">
        <v>892</v>
      </c>
      <c r="U1589" t="s">
        <v>892</v>
      </c>
      <c r="V1589">
        <v>3</v>
      </c>
      <c r="W1589">
        <v>180</v>
      </c>
      <c r="X1589">
        <v>2020</v>
      </c>
    </row>
    <row r="1590" spans="1:24" x14ac:dyDescent="0.25">
      <c r="A1590">
        <v>11481</v>
      </c>
      <c r="B1590" t="s">
        <v>18</v>
      </c>
      <c r="C1590">
        <v>31</v>
      </c>
      <c r="D1590" t="s">
        <v>283</v>
      </c>
      <c r="E1590">
        <v>1025</v>
      </c>
      <c r="F1590" t="s">
        <v>892</v>
      </c>
      <c r="G1590" t="s">
        <v>892</v>
      </c>
      <c r="H1590" t="s">
        <v>892</v>
      </c>
      <c r="I1590" t="s">
        <v>892</v>
      </c>
      <c r="J1590" t="s">
        <v>294</v>
      </c>
      <c r="K1590">
        <v>31</v>
      </c>
      <c r="L1590" t="s">
        <v>892</v>
      </c>
      <c r="M1590" t="s">
        <v>892</v>
      </c>
      <c r="N1590" t="s">
        <v>892</v>
      </c>
      <c r="O1590" t="s">
        <v>892</v>
      </c>
      <c r="P1590" t="s">
        <v>746</v>
      </c>
      <c r="Q1590">
        <v>2</v>
      </c>
      <c r="R1590" t="s">
        <v>893</v>
      </c>
      <c r="S1590">
        <v>3</v>
      </c>
      <c r="T1590" t="s">
        <v>892</v>
      </c>
      <c r="U1590" t="s">
        <v>892</v>
      </c>
      <c r="V1590">
        <v>3</v>
      </c>
      <c r="W1590">
        <v>180</v>
      </c>
      <c r="X1590">
        <v>2020</v>
      </c>
    </row>
    <row r="1591" spans="1:24" x14ac:dyDescent="0.25">
      <c r="A1591">
        <v>11480</v>
      </c>
      <c r="B1591" t="s">
        <v>18</v>
      </c>
      <c r="C1591">
        <v>31</v>
      </c>
      <c r="D1591" t="s">
        <v>283</v>
      </c>
      <c r="E1591">
        <v>1025</v>
      </c>
      <c r="F1591" t="s">
        <v>892</v>
      </c>
      <c r="G1591" t="s">
        <v>892</v>
      </c>
      <c r="H1591" t="s">
        <v>892</v>
      </c>
      <c r="I1591" t="s">
        <v>892</v>
      </c>
      <c r="J1591" t="s">
        <v>295</v>
      </c>
      <c r="K1591">
        <v>30</v>
      </c>
      <c r="L1591" t="s">
        <v>892</v>
      </c>
      <c r="M1591" t="s">
        <v>892</v>
      </c>
      <c r="N1591" t="s">
        <v>892</v>
      </c>
      <c r="O1591" t="s">
        <v>892</v>
      </c>
      <c r="P1591" t="s">
        <v>746</v>
      </c>
      <c r="Q1591">
        <v>2</v>
      </c>
      <c r="R1591" t="s">
        <v>893</v>
      </c>
      <c r="S1591">
        <v>3</v>
      </c>
      <c r="T1591" t="s">
        <v>892</v>
      </c>
      <c r="U1591" t="s">
        <v>892</v>
      </c>
      <c r="V1591">
        <v>3</v>
      </c>
      <c r="W1591">
        <v>180</v>
      </c>
      <c r="X1591">
        <v>2020</v>
      </c>
    </row>
    <row r="1592" spans="1:24" x14ac:dyDescent="0.25">
      <c r="A1592">
        <v>11479</v>
      </c>
      <c r="B1592" t="s">
        <v>18</v>
      </c>
      <c r="C1592">
        <v>31</v>
      </c>
      <c r="D1592" t="s">
        <v>283</v>
      </c>
      <c r="E1592">
        <v>1025</v>
      </c>
      <c r="F1592" t="s">
        <v>892</v>
      </c>
      <c r="G1592" t="s">
        <v>892</v>
      </c>
      <c r="H1592" t="s">
        <v>892</v>
      </c>
      <c r="I1592" t="s">
        <v>892</v>
      </c>
      <c r="J1592" t="s">
        <v>296</v>
      </c>
      <c r="K1592">
        <v>97</v>
      </c>
      <c r="L1592" t="s">
        <v>892</v>
      </c>
      <c r="M1592" t="s">
        <v>892</v>
      </c>
      <c r="N1592" t="s">
        <v>892</v>
      </c>
      <c r="O1592" t="s">
        <v>892</v>
      </c>
      <c r="P1592" t="s">
        <v>746</v>
      </c>
      <c r="Q1592">
        <v>2</v>
      </c>
      <c r="R1592" t="s">
        <v>893</v>
      </c>
      <c r="S1592">
        <v>3</v>
      </c>
      <c r="T1592" t="s">
        <v>892</v>
      </c>
      <c r="U1592" t="s">
        <v>892</v>
      </c>
      <c r="V1592">
        <v>3</v>
      </c>
      <c r="W1592">
        <v>180</v>
      </c>
      <c r="X1592">
        <v>2020</v>
      </c>
    </row>
    <row r="1593" spans="1:24" x14ac:dyDescent="0.25">
      <c r="A1593">
        <v>11478</v>
      </c>
      <c r="B1593" t="s">
        <v>18</v>
      </c>
      <c r="C1593">
        <v>31</v>
      </c>
      <c r="D1593" t="s">
        <v>283</v>
      </c>
      <c r="E1593">
        <v>1025</v>
      </c>
      <c r="F1593" t="s">
        <v>892</v>
      </c>
      <c r="G1593" t="s">
        <v>892</v>
      </c>
      <c r="H1593" t="s">
        <v>892</v>
      </c>
      <c r="I1593" t="s">
        <v>892</v>
      </c>
      <c r="J1593" t="s">
        <v>807</v>
      </c>
      <c r="K1593">
        <v>25</v>
      </c>
      <c r="L1593" t="s">
        <v>892</v>
      </c>
      <c r="M1593" t="s">
        <v>892</v>
      </c>
      <c r="N1593" t="s">
        <v>892</v>
      </c>
      <c r="O1593" t="s">
        <v>892</v>
      </c>
      <c r="P1593" t="s">
        <v>746</v>
      </c>
      <c r="Q1593">
        <v>2</v>
      </c>
      <c r="R1593" t="s">
        <v>893</v>
      </c>
      <c r="S1593">
        <v>3</v>
      </c>
      <c r="T1593" t="s">
        <v>892</v>
      </c>
      <c r="U1593" t="s">
        <v>892</v>
      </c>
      <c r="V1593">
        <v>3</v>
      </c>
      <c r="W1593">
        <v>180</v>
      </c>
      <c r="X1593">
        <v>2020</v>
      </c>
    </row>
    <row r="1594" spans="1:24" x14ac:dyDescent="0.25">
      <c r="A1594">
        <v>11477</v>
      </c>
      <c r="B1594" t="s">
        <v>18</v>
      </c>
      <c r="C1594">
        <v>31</v>
      </c>
      <c r="D1594" t="s">
        <v>283</v>
      </c>
      <c r="E1594">
        <v>1025</v>
      </c>
      <c r="F1594" t="s">
        <v>892</v>
      </c>
      <c r="G1594" t="s">
        <v>892</v>
      </c>
      <c r="H1594" t="s">
        <v>892</v>
      </c>
      <c r="I1594" t="s">
        <v>892</v>
      </c>
      <c r="J1594" t="s">
        <v>955</v>
      </c>
      <c r="K1594">
        <v>29</v>
      </c>
      <c r="L1594" t="s">
        <v>892</v>
      </c>
      <c r="M1594" t="s">
        <v>892</v>
      </c>
      <c r="N1594" t="s">
        <v>892</v>
      </c>
      <c r="O1594" t="s">
        <v>892</v>
      </c>
      <c r="P1594" t="s">
        <v>746</v>
      </c>
      <c r="Q1594">
        <v>2</v>
      </c>
      <c r="R1594" t="s">
        <v>893</v>
      </c>
      <c r="S1594">
        <v>3</v>
      </c>
      <c r="T1594" t="s">
        <v>892</v>
      </c>
      <c r="U1594" t="s">
        <v>892</v>
      </c>
      <c r="V1594">
        <v>3</v>
      </c>
      <c r="W1594">
        <v>180</v>
      </c>
      <c r="X1594">
        <v>2020</v>
      </c>
    </row>
    <row r="1595" spans="1:24" x14ac:dyDescent="0.25">
      <c r="A1595">
        <v>11476</v>
      </c>
      <c r="B1595" t="s">
        <v>18</v>
      </c>
      <c r="C1595">
        <v>31</v>
      </c>
      <c r="D1595" t="s">
        <v>283</v>
      </c>
      <c r="E1595">
        <v>1025</v>
      </c>
      <c r="F1595" t="s">
        <v>892</v>
      </c>
      <c r="G1595" t="s">
        <v>892</v>
      </c>
      <c r="H1595" t="s">
        <v>892</v>
      </c>
      <c r="I1595" t="s">
        <v>892</v>
      </c>
      <c r="J1595" t="s">
        <v>813</v>
      </c>
      <c r="K1595">
        <v>24</v>
      </c>
      <c r="L1595" t="s">
        <v>892</v>
      </c>
      <c r="M1595" t="s">
        <v>892</v>
      </c>
      <c r="N1595" t="s">
        <v>892</v>
      </c>
      <c r="O1595" t="s">
        <v>892</v>
      </c>
      <c r="P1595" t="s">
        <v>746</v>
      </c>
      <c r="Q1595">
        <v>2</v>
      </c>
      <c r="R1595" t="s">
        <v>893</v>
      </c>
      <c r="S1595">
        <v>3</v>
      </c>
      <c r="T1595" t="s">
        <v>892</v>
      </c>
      <c r="U1595" t="s">
        <v>892</v>
      </c>
      <c r="V1595">
        <v>3</v>
      </c>
      <c r="W1595">
        <v>180</v>
      </c>
      <c r="X1595">
        <v>2020</v>
      </c>
    </row>
    <row r="1596" spans="1:24" x14ac:dyDescent="0.25">
      <c r="A1596">
        <v>11475</v>
      </c>
      <c r="B1596" t="s">
        <v>18</v>
      </c>
      <c r="C1596">
        <v>31</v>
      </c>
      <c r="D1596" t="s">
        <v>283</v>
      </c>
      <c r="E1596">
        <v>1025</v>
      </c>
      <c r="F1596" t="s">
        <v>892</v>
      </c>
      <c r="G1596" t="s">
        <v>892</v>
      </c>
      <c r="H1596" t="s">
        <v>892</v>
      </c>
      <c r="I1596" t="s">
        <v>892</v>
      </c>
      <c r="J1596" t="s">
        <v>299</v>
      </c>
      <c r="K1596">
        <v>27</v>
      </c>
      <c r="L1596" t="s">
        <v>892</v>
      </c>
      <c r="M1596" t="s">
        <v>892</v>
      </c>
      <c r="N1596" t="s">
        <v>892</v>
      </c>
      <c r="O1596" t="s">
        <v>892</v>
      </c>
      <c r="P1596" t="s">
        <v>746</v>
      </c>
      <c r="Q1596">
        <v>2</v>
      </c>
      <c r="R1596" t="s">
        <v>893</v>
      </c>
      <c r="S1596">
        <v>3</v>
      </c>
      <c r="T1596" t="s">
        <v>892</v>
      </c>
      <c r="U1596" t="s">
        <v>892</v>
      </c>
      <c r="V1596">
        <v>3</v>
      </c>
      <c r="W1596">
        <v>180</v>
      </c>
      <c r="X1596">
        <v>2020</v>
      </c>
    </row>
    <row r="1597" spans="1:24" x14ac:dyDescent="0.25">
      <c r="A1597">
        <v>11474</v>
      </c>
      <c r="B1597" t="s">
        <v>18</v>
      </c>
      <c r="C1597">
        <v>31</v>
      </c>
      <c r="D1597" t="s">
        <v>283</v>
      </c>
      <c r="E1597">
        <v>1025</v>
      </c>
      <c r="F1597" t="s">
        <v>892</v>
      </c>
      <c r="G1597" t="s">
        <v>892</v>
      </c>
      <c r="H1597" t="s">
        <v>892</v>
      </c>
      <c r="I1597" t="s">
        <v>892</v>
      </c>
      <c r="J1597" t="s">
        <v>1559</v>
      </c>
      <c r="K1597">
        <v>96</v>
      </c>
      <c r="L1597" t="s">
        <v>892</v>
      </c>
      <c r="M1597" t="s">
        <v>892</v>
      </c>
      <c r="N1597" t="s">
        <v>892</v>
      </c>
      <c r="O1597" t="s">
        <v>892</v>
      </c>
      <c r="P1597" t="s">
        <v>746</v>
      </c>
      <c r="Q1597">
        <v>2</v>
      </c>
      <c r="R1597" t="s">
        <v>893</v>
      </c>
      <c r="S1597">
        <v>3</v>
      </c>
      <c r="T1597" t="s">
        <v>892</v>
      </c>
      <c r="U1597" t="s">
        <v>892</v>
      </c>
      <c r="V1597">
        <v>3</v>
      </c>
      <c r="W1597">
        <v>180</v>
      </c>
      <c r="X1597">
        <v>2020</v>
      </c>
    </row>
    <row r="1598" spans="1:24" x14ac:dyDescent="0.25">
      <c r="A1598">
        <v>11473</v>
      </c>
      <c r="B1598" t="s">
        <v>18</v>
      </c>
      <c r="C1598">
        <v>31</v>
      </c>
      <c r="D1598" t="s">
        <v>284</v>
      </c>
      <c r="E1598">
        <v>1024</v>
      </c>
      <c r="F1598" t="s">
        <v>892</v>
      </c>
      <c r="G1598" t="s">
        <v>892</v>
      </c>
      <c r="H1598" t="s">
        <v>892</v>
      </c>
      <c r="I1598" t="s">
        <v>892</v>
      </c>
      <c r="J1598" t="s">
        <v>65</v>
      </c>
      <c r="K1598">
        <v>15</v>
      </c>
      <c r="L1598" t="s">
        <v>892</v>
      </c>
      <c r="M1598" t="s">
        <v>892</v>
      </c>
      <c r="N1598" t="s">
        <v>892</v>
      </c>
      <c r="O1598" t="s">
        <v>892</v>
      </c>
      <c r="P1598" t="s">
        <v>746</v>
      </c>
      <c r="Q1598">
        <v>2</v>
      </c>
      <c r="R1598" t="s">
        <v>893</v>
      </c>
      <c r="S1598">
        <v>3</v>
      </c>
      <c r="T1598" t="s">
        <v>892</v>
      </c>
      <c r="U1598" t="s">
        <v>892</v>
      </c>
      <c r="V1598">
        <v>3</v>
      </c>
      <c r="W1598">
        <v>180</v>
      </c>
      <c r="X1598">
        <v>2020</v>
      </c>
    </row>
    <row r="1599" spans="1:24" x14ac:dyDescent="0.25">
      <c r="A1599">
        <v>11472</v>
      </c>
      <c r="B1599" t="s">
        <v>18</v>
      </c>
      <c r="C1599">
        <v>31</v>
      </c>
      <c r="D1599" t="s">
        <v>33</v>
      </c>
      <c r="E1599">
        <v>1348</v>
      </c>
      <c r="F1599" t="s">
        <v>892</v>
      </c>
      <c r="G1599" t="s">
        <v>892</v>
      </c>
      <c r="H1599" t="s">
        <v>892</v>
      </c>
      <c r="I1599" t="s">
        <v>892</v>
      </c>
      <c r="J1599" t="s">
        <v>736</v>
      </c>
      <c r="K1599">
        <v>8</v>
      </c>
      <c r="L1599" t="s">
        <v>892</v>
      </c>
      <c r="M1599" t="s">
        <v>892</v>
      </c>
      <c r="N1599" t="s">
        <v>892</v>
      </c>
      <c r="O1599" t="s">
        <v>892</v>
      </c>
      <c r="P1599" t="s">
        <v>746</v>
      </c>
      <c r="Q1599">
        <v>2</v>
      </c>
      <c r="R1599" t="s">
        <v>893</v>
      </c>
      <c r="S1599">
        <v>3</v>
      </c>
      <c r="T1599" t="s">
        <v>892</v>
      </c>
      <c r="U1599" t="s">
        <v>892</v>
      </c>
      <c r="V1599">
        <v>3</v>
      </c>
      <c r="W1599">
        <v>180</v>
      </c>
      <c r="X1599">
        <v>2020</v>
      </c>
    </row>
    <row r="1600" spans="1:24" x14ac:dyDescent="0.25">
      <c r="A1600">
        <v>11471</v>
      </c>
      <c r="B1600" t="s">
        <v>18</v>
      </c>
      <c r="C1600">
        <v>31</v>
      </c>
      <c r="D1600" t="s">
        <v>33</v>
      </c>
      <c r="E1600">
        <v>1348</v>
      </c>
      <c r="F1600" t="s">
        <v>892</v>
      </c>
      <c r="G1600" t="s">
        <v>892</v>
      </c>
      <c r="H1600" t="s">
        <v>892</v>
      </c>
      <c r="I1600" t="s">
        <v>892</v>
      </c>
      <c r="J1600" t="s">
        <v>896</v>
      </c>
      <c r="K1600">
        <v>7</v>
      </c>
      <c r="L1600" t="s">
        <v>892</v>
      </c>
      <c r="M1600" t="s">
        <v>892</v>
      </c>
      <c r="N1600" t="s">
        <v>892</v>
      </c>
      <c r="O1600" t="s">
        <v>892</v>
      </c>
      <c r="P1600" t="s">
        <v>746</v>
      </c>
      <c r="Q1600">
        <v>2</v>
      </c>
      <c r="R1600" t="s">
        <v>893</v>
      </c>
      <c r="S1600">
        <v>3</v>
      </c>
      <c r="T1600" t="s">
        <v>892</v>
      </c>
      <c r="U1600" t="s">
        <v>892</v>
      </c>
      <c r="V1600">
        <v>3</v>
      </c>
      <c r="W1600">
        <v>180</v>
      </c>
      <c r="X1600">
        <v>2020</v>
      </c>
    </row>
    <row r="1601" spans="1:24" x14ac:dyDescent="0.25">
      <c r="A1601">
        <v>11470</v>
      </c>
      <c r="B1601" t="s">
        <v>18</v>
      </c>
      <c r="C1601">
        <v>31</v>
      </c>
      <c r="D1601" t="s">
        <v>33</v>
      </c>
      <c r="E1601">
        <v>1348</v>
      </c>
      <c r="F1601" t="s">
        <v>892</v>
      </c>
      <c r="G1601" t="s">
        <v>892</v>
      </c>
      <c r="H1601" t="s">
        <v>892</v>
      </c>
      <c r="I1601" t="s">
        <v>892</v>
      </c>
      <c r="J1601" t="s">
        <v>792</v>
      </c>
      <c r="K1601">
        <v>6</v>
      </c>
      <c r="L1601" t="s">
        <v>892</v>
      </c>
      <c r="M1601" t="s">
        <v>892</v>
      </c>
      <c r="N1601" t="s">
        <v>892</v>
      </c>
      <c r="O1601" t="s">
        <v>892</v>
      </c>
      <c r="P1601" t="s">
        <v>746</v>
      </c>
      <c r="Q1601">
        <v>2</v>
      </c>
      <c r="R1601" t="s">
        <v>893</v>
      </c>
      <c r="S1601">
        <v>3</v>
      </c>
      <c r="T1601" t="s">
        <v>892</v>
      </c>
      <c r="U1601" t="s">
        <v>892</v>
      </c>
      <c r="V1601">
        <v>3</v>
      </c>
      <c r="W1601">
        <v>180</v>
      </c>
      <c r="X1601">
        <v>2020</v>
      </c>
    </row>
    <row r="1602" spans="1:24" x14ac:dyDescent="0.25">
      <c r="A1602">
        <v>11469</v>
      </c>
      <c r="B1602" t="s">
        <v>18</v>
      </c>
      <c r="C1602">
        <v>31</v>
      </c>
      <c r="D1602" t="s">
        <v>34</v>
      </c>
      <c r="E1602">
        <v>1345</v>
      </c>
      <c r="F1602" t="s">
        <v>892</v>
      </c>
      <c r="G1602" t="s">
        <v>892</v>
      </c>
      <c r="H1602" t="s">
        <v>892</v>
      </c>
      <c r="I1602" t="s">
        <v>892</v>
      </c>
      <c r="J1602" t="s">
        <v>897</v>
      </c>
      <c r="K1602">
        <v>3</v>
      </c>
      <c r="L1602" t="s">
        <v>892</v>
      </c>
      <c r="M1602" t="s">
        <v>892</v>
      </c>
      <c r="N1602" t="s">
        <v>892</v>
      </c>
      <c r="O1602" t="s">
        <v>892</v>
      </c>
      <c r="P1602" t="s">
        <v>746</v>
      </c>
      <c r="Q1602">
        <v>2</v>
      </c>
      <c r="R1602" t="s">
        <v>893</v>
      </c>
      <c r="S1602">
        <v>3</v>
      </c>
      <c r="T1602" t="s">
        <v>892</v>
      </c>
      <c r="U1602" t="s">
        <v>892</v>
      </c>
      <c r="V1602">
        <v>3</v>
      </c>
      <c r="W1602">
        <v>180</v>
      </c>
      <c r="X1602">
        <v>2020</v>
      </c>
    </row>
    <row r="1603" spans="1:24" x14ac:dyDescent="0.25">
      <c r="A1603">
        <v>11468</v>
      </c>
      <c r="B1603" t="s">
        <v>18</v>
      </c>
      <c r="C1603">
        <v>31</v>
      </c>
      <c r="D1603" t="s">
        <v>35</v>
      </c>
      <c r="E1603">
        <v>1342</v>
      </c>
      <c r="F1603" t="s">
        <v>892</v>
      </c>
      <c r="G1603" t="s">
        <v>892</v>
      </c>
      <c r="H1603" t="s">
        <v>892</v>
      </c>
      <c r="I1603" t="s">
        <v>892</v>
      </c>
      <c r="J1603" t="s">
        <v>831</v>
      </c>
      <c r="K1603">
        <v>5</v>
      </c>
      <c r="L1603" t="s">
        <v>892</v>
      </c>
      <c r="M1603" t="s">
        <v>892</v>
      </c>
      <c r="N1603" t="s">
        <v>892</v>
      </c>
      <c r="O1603" t="s">
        <v>892</v>
      </c>
      <c r="P1603" t="s">
        <v>746</v>
      </c>
      <c r="Q1603">
        <v>2</v>
      </c>
      <c r="R1603" t="s">
        <v>893</v>
      </c>
      <c r="S1603">
        <v>3</v>
      </c>
      <c r="T1603" t="s">
        <v>892</v>
      </c>
      <c r="U1603" t="s">
        <v>892</v>
      </c>
      <c r="V1603">
        <v>3</v>
      </c>
      <c r="W1603">
        <v>180</v>
      </c>
      <c r="X1603">
        <v>2020</v>
      </c>
    </row>
    <row r="1604" spans="1:24" x14ac:dyDescent="0.25">
      <c r="A1604">
        <v>11467</v>
      </c>
      <c r="B1604" t="s">
        <v>108</v>
      </c>
      <c r="C1604">
        <v>13</v>
      </c>
      <c r="D1604" t="s">
        <v>107</v>
      </c>
      <c r="E1604">
        <v>1193</v>
      </c>
      <c r="F1604" t="s">
        <v>892</v>
      </c>
      <c r="G1604" t="s">
        <v>892</v>
      </c>
      <c r="H1604" t="s">
        <v>892</v>
      </c>
      <c r="I1604" t="s">
        <v>892</v>
      </c>
      <c r="J1604" t="s">
        <v>864</v>
      </c>
      <c r="K1604">
        <v>14</v>
      </c>
      <c r="L1604" t="s">
        <v>892</v>
      </c>
      <c r="M1604" t="s">
        <v>892</v>
      </c>
      <c r="N1604" t="s">
        <v>892</v>
      </c>
      <c r="O1604" t="s">
        <v>892</v>
      </c>
      <c r="P1604" t="s">
        <v>746</v>
      </c>
      <c r="Q1604">
        <v>2</v>
      </c>
      <c r="R1604" t="s">
        <v>893</v>
      </c>
      <c r="S1604">
        <v>3</v>
      </c>
      <c r="T1604" t="s">
        <v>892</v>
      </c>
      <c r="U1604" t="s">
        <v>892</v>
      </c>
      <c r="V1604">
        <v>3</v>
      </c>
      <c r="W1604">
        <v>180</v>
      </c>
      <c r="X1604">
        <v>2020</v>
      </c>
    </row>
    <row r="1605" spans="1:24" x14ac:dyDescent="0.25">
      <c r="A1605">
        <v>11466</v>
      </c>
      <c r="B1605" t="s">
        <v>108</v>
      </c>
      <c r="C1605">
        <v>13</v>
      </c>
      <c r="D1605" t="s">
        <v>144</v>
      </c>
      <c r="E1605">
        <v>1022</v>
      </c>
      <c r="F1605" t="s">
        <v>892</v>
      </c>
      <c r="G1605" t="s">
        <v>892</v>
      </c>
      <c r="H1605" t="s">
        <v>892</v>
      </c>
      <c r="I1605" t="s">
        <v>892</v>
      </c>
      <c r="J1605" t="s">
        <v>802</v>
      </c>
      <c r="K1605">
        <v>12</v>
      </c>
      <c r="L1605" t="s">
        <v>892</v>
      </c>
      <c r="M1605" t="s">
        <v>892</v>
      </c>
      <c r="N1605" t="s">
        <v>892</v>
      </c>
      <c r="O1605" t="s">
        <v>892</v>
      </c>
      <c r="P1605" t="s">
        <v>746</v>
      </c>
      <c r="Q1605">
        <v>2</v>
      </c>
      <c r="R1605" t="s">
        <v>893</v>
      </c>
      <c r="S1605">
        <v>3</v>
      </c>
      <c r="T1605" t="s">
        <v>892</v>
      </c>
      <c r="U1605" t="s">
        <v>892</v>
      </c>
      <c r="V1605">
        <v>3</v>
      </c>
      <c r="W1605">
        <v>180</v>
      </c>
      <c r="X1605">
        <v>2020</v>
      </c>
    </row>
    <row r="1606" spans="1:24" x14ac:dyDescent="0.25">
      <c r="A1606">
        <v>11465</v>
      </c>
      <c r="B1606" t="s">
        <v>108</v>
      </c>
      <c r="C1606">
        <v>13</v>
      </c>
      <c r="D1606" t="s">
        <v>136</v>
      </c>
      <c r="E1606">
        <v>1021</v>
      </c>
      <c r="F1606" t="s">
        <v>892</v>
      </c>
      <c r="G1606" t="s">
        <v>892</v>
      </c>
      <c r="H1606" t="s">
        <v>892</v>
      </c>
      <c r="I1606" t="s">
        <v>892</v>
      </c>
      <c r="J1606" t="s">
        <v>663</v>
      </c>
      <c r="K1606">
        <v>99</v>
      </c>
      <c r="L1606" t="s">
        <v>892</v>
      </c>
      <c r="M1606" t="s">
        <v>892</v>
      </c>
      <c r="N1606" t="s">
        <v>892</v>
      </c>
      <c r="O1606" t="s">
        <v>892</v>
      </c>
      <c r="P1606" t="s">
        <v>746</v>
      </c>
      <c r="Q1606">
        <v>2</v>
      </c>
      <c r="R1606" t="s">
        <v>893</v>
      </c>
      <c r="S1606">
        <v>3</v>
      </c>
      <c r="T1606" t="s">
        <v>892</v>
      </c>
      <c r="U1606" t="s">
        <v>892</v>
      </c>
      <c r="V1606">
        <v>3</v>
      </c>
      <c r="W1606">
        <v>180</v>
      </c>
      <c r="X1606">
        <v>2020</v>
      </c>
    </row>
    <row r="1607" spans="1:24" x14ac:dyDescent="0.25">
      <c r="A1607">
        <v>11464</v>
      </c>
      <c r="B1607" t="s">
        <v>108</v>
      </c>
      <c r="C1607">
        <v>13</v>
      </c>
      <c r="D1607" t="s">
        <v>285</v>
      </c>
      <c r="E1607">
        <v>1020</v>
      </c>
      <c r="F1607" t="s">
        <v>892</v>
      </c>
      <c r="G1607" t="s">
        <v>892</v>
      </c>
      <c r="H1607" t="s">
        <v>892</v>
      </c>
      <c r="I1607" t="s">
        <v>892</v>
      </c>
      <c r="J1607" t="s">
        <v>299</v>
      </c>
      <c r="K1607">
        <v>27</v>
      </c>
      <c r="L1607" t="s">
        <v>892</v>
      </c>
      <c r="M1607" t="s">
        <v>892</v>
      </c>
      <c r="N1607" t="s">
        <v>892</v>
      </c>
      <c r="O1607" t="s">
        <v>892</v>
      </c>
      <c r="P1607" t="s">
        <v>746</v>
      </c>
      <c r="Q1607">
        <v>2</v>
      </c>
      <c r="R1607" t="s">
        <v>893</v>
      </c>
      <c r="S1607">
        <v>3</v>
      </c>
      <c r="T1607" t="s">
        <v>892</v>
      </c>
      <c r="U1607" t="s">
        <v>892</v>
      </c>
      <c r="V1607">
        <v>3</v>
      </c>
      <c r="W1607">
        <v>180</v>
      </c>
      <c r="X1607">
        <v>2020</v>
      </c>
    </row>
    <row r="1608" spans="1:24" x14ac:dyDescent="0.25">
      <c r="A1608">
        <v>11463</v>
      </c>
      <c r="B1608" t="s">
        <v>287</v>
      </c>
      <c r="C1608">
        <v>59</v>
      </c>
      <c r="D1608" t="s">
        <v>286</v>
      </c>
      <c r="E1608">
        <v>1019</v>
      </c>
      <c r="F1608" t="s">
        <v>892</v>
      </c>
      <c r="G1608" t="s">
        <v>892</v>
      </c>
      <c r="H1608" t="s">
        <v>892</v>
      </c>
      <c r="I1608" t="s">
        <v>892</v>
      </c>
      <c r="J1608" t="s">
        <v>65</v>
      </c>
      <c r="K1608">
        <v>15</v>
      </c>
      <c r="L1608" t="s">
        <v>892</v>
      </c>
      <c r="M1608" t="s">
        <v>892</v>
      </c>
      <c r="N1608" t="s">
        <v>892</v>
      </c>
      <c r="O1608" t="s">
        <v>892</v>
      </c>
      <c r="P1608" t="s">
        <v>746</v>
      </c>
      <c r="Q1608">
        <v>2</v>
      </c>
      <c r="R1608" t="s">
        <v>893</v>
      </c>
      <c r="S1608">
        <v>3</v>
      </c>
      <c r="T1608" t="s">
        <v>892</v>
      </c>
      <c r="U1608" t="s">
        <v>892</v>
      </c>
      <c r="V1608">
        <v>3</v>
      </c>
      <c r="W1608">
        <v>180</v>
      </c>
      <c r="X1608">
        <v>2020</v>
      </c>
    </row>
    <row r="1609" spans="1:24" x14ac:dyDescent="0.25">
      <c r="A1609">
        <v>11462</v>
      </c>
      <c r="B1609" t="s">
        <v>289</v>
      </c>
      <c r="C1609">
        <v>12</v>
      </c>
      <c r="D1609" t="s">
        <v>288</v>
      </c>
      <c r="E1609">
        <v>1018</v>
      </c>
      <c r="F1609" t="s">
        <v>892</v>
      </c>
      <c r="G1609" t="s">
        <v>892</v>
      </c>
      <c r="H1609" t="s">
        <v>892</v>
      </c>
      <c r="I1609" t="s">
        <v>892</v>
      </c>
      <c r="J1609" t="s">
        <v>894</v>
      </c>
      <c r="K1609">
        <v>18</v>
      </c>
      <c r="L1609" t="s">
        <v>892</v>
      </c>
      <c r="M1609" t="s">
        <v>892</v>
      </c>
      <c r="N1609" t="s">
        <v>892</v>
      </c>
      <c r="O1609" t="s">
        <v>892</v>
      </c>
      <c r="P1609" t="s">
        <v>746</v>
      </c>
      <c r="Q1609">
        <v>2</v>
      </c>
      <c r="R1609" t="s">
        <v>893</v>
      </c>
      <c r="S1609">
        <v>3</v>
      </c>
      <c r="T1609" t="s">
        <v>892</v>
      </c>
      <c r="U1609" t="s">
        <v>892</v>
      </c>
      <c r="V1609">
        <v>3</v>
      </c>
      <c r="W1609">
        <v>180</v>
      </c>
      <c r="X1609">
        <v>2020</v>
      </c>
    </row>
    <row r="1610" spans="1:24" x14ac:dyDescent="0.25">
      <c r="A1610">
        <v>11461</v>
      </c>
      <c r="B1610" t="s">
        <v>289</v>
      </c>
      <c r="C1610">
        <v>12</v>
      </c>
      <c r="D1610" t="s">
        <v>288</v>
      </c>
      <c r="E1610">
        <v>1018</v>
      </c>
      <c r="F1610" t="s">
        <v>892</v>
      </c>
      <c r="G1610" t="s">
        <v>892</v>
      </c>
      <c r="H1610" t="s">
        <v>892</v>
      </c>
      <c r="I1610" t="s">
        <v>892</v>
      </c>
      <c r="J1610" t="s">
        <v>691</v>
      </c>
      <c r="K1610">
        <v>21</v>
      </c>
      <c r="L1610" t="s">
        <v>892</v>
      </c>
      <c r="M1610" t="s">
        <v>892</v>
      </c>
      <c r="N1610" t="s">
        <v>892</v>
      </c>
      <c r="O1610" t="s">
        <v>892</v>
      </c>
      <c r="P1610" t="s">
        <v>746</v>
      </c>
      <c r="Q1610">
        <v>2</v>
      </c>
      <c r="R1610" t="s">
        <v>893</v>
      </c>
      <c r="S1610">
        <v>3</v>
      </c>
      <c r="T1610" t="s">
        <v>892</v>
      </c>
      <c r="U1610" t="s">
        <v>892</v>
      </c>
      <c r="V1610">
        <v>3</v>
      </c>
      <c r="W1610">
        <v>180</v>
      </c>
      <c r="X1610">
        <v>2020</v>
      </c>
    </row>
    <row r="1611" spans="1:24" x14ac:dyDescent="0.25">
      <c r="A1611">
        <v>11460</v>
      </c>
      <c r="B1611" t="s">
        <v>289</v>
      </c>
      <c r="C1611">
        <v>12</v>
      </c>
      <c r="D1611" t="s">
        <v>288</v>
      </c>
      <c r="E1611">
        <v>1018</v>
      </c>
      <c r="F1611" t="s">
        <v>892</v>
      </c>
      <c r="G1611" t="s">
        <v>892</v>
      </c>
      <c r="H1611" t="s">
        <v>892</v>
      </c>
      <c r="I1611" t="s">
        <v>892</v>
      </c>
      <c r="J1611" t="s">
        <v>682</v>
      </c>
      <c r="K1611">
        <v>20</v>
      </c>
      <c r="L1611" t="s">
        <v>892</v>
      </c>
      <c r="M1611" t="s">
        <v>892</v>
      </c>
      <c r="N1611" t="s">
        <v>892</v>
      </c>
      <c r="O1611" t="s">
        <v>892</v>
      </c>
      <c r="P1611" t="s">
        <v>746</v>
      </c>
      <c r="Q1611">
        <v>2</v>
      </c>
      <c r="R1611" t="s">
        <v>893</v>
      </c>
      <c r="S1611">
        <v>3</v>
      </c>
      <c r="T1611" t="s">
        <v>892</v>
      </c>
      <c r="U1611" t="s">
        <v>892</v>
      </c>
      <c r="V1611">
        <v>3</v>
      </c>
      <c r="W1611">
        <v>180</v>
      </c>
      <c r="X1611">
        <v>2020</v>
      </c>
    </row>
    <row r="1612" spans="1:24" x14ac:dyDescent="0.25">
      <c r="A1612">
        <v>11459</v>
      </c>
      <c r="B1612" t="s">
        <v>289</v>
      </c>
      <c r="C1612">
        <v>12</v>
      </c>
      <c r="D1612" t="s">
        <v>288</v>
      </c>
      <c r="E1612">
        <v>1018</v>
      </c>
      <c r="F1612" t="s">
        <v>892</v>
      </c>
      <c r="G1612" t="s">
        <v>892</v>
      </c>
      <c r="H1612" t="s">
        <v>892</v>
      </c>
      <c r="I1612" t="s">
        <v>892</v>
      </c>
      <c r="J1612" t="s">
        <v>703</v>
      </c>
      <c r="K1612">
        <v>16</v>
      </c>
      <c r="L1612" t="s">
        <v>892</v>
      </c>
      <c r="M1612" t="s">
        <v>892</v>
      </c>
      <c r="N1612" t="s">
        <v>892</v>
      </c>
      <c r="O1612" t="s">
        <v>892</v>
      </c>
      <c r="P1612" t="s">
        <v>746</v>
      </c>
      <c r="Q1612">
        <v>2</v>
      </c>
      <c r="R1612" t="s">
        <v>893</v>
      </c>
      <c r="S1612">
        <v>3</v>
      </c>
      <c r="T1612" t="s">
        <v>892</v>
      </c>
      <c r="U1612" t="s">
        <v>892</v>
      </c>
      <c r="V1612">
        <v>3</v>
      </c>
      <c r="W1612">
        <v>180</v>
      </c>
      <c r="X1612">
        <v>2020</v>
      </c>
    </row>
    <row r="1613" spans="1:24" x14ac:dyDescent="0.25">
      <c r="A1613">
        <v>11458</v>
      </c>
      <c r="B1613" t="s">
        <v>37</v>
      </c>
      <c r="C1613">
        <v>50</v>
      </c>
      <c r="D1613" t="s">
        <v>36</v>
      </c>
      <c r="E1613">
        <v>1336</v>
      </c>
      <c r="F1613" t="s">
        <v>892</v>
      </c>
      <c r="G1613" t="s">
        <v>892</v>
      </c>
      <c r="H1613" t="s">
        <v>892</v>
      </c>
      <c r="I1613" t="s">
        <v>892</v>
      </c>
      <c r="J1613" t="s">
        <v>738</v>
      </c>
      <c r="K1613">
        <v>61</v>
      </c>
      <c r="L1613" t="s">
        <v>892</v>
      </c>
      <c r="M1613" t="s">
        <v>892</v>
      </c>
      <c r="N1613" t="s">
        <v>892</v>
      </c>
      <c r="O1613" t="s">
        <v>892</v>
      </c>
      <c r="P1613" t="s">
        <v>746</v>
      </c>
      <c r="Q1613">
        <v>2</v>
      </c>
      <c r="R1613" t="s">
        <v>893</v>
      </c>
      <c r="S1613">
        <v>3</v>
      </c>
      <c r="T1613" t="s">
        <v>892</v>
      </c>
      <c r="U1613" t="s">
        <v>892</v>
      </c>
      <c r="V1613">
        <v>3</v>
      </c>
      <c r="W1613">
        <v>180</v>
      </c>
      <c r="X1613">
        <v>2020</v>
      </c>
    </row>
    <row r="1614" spans="1:24" x14ac:dyDescent="0.25">
      <c r="A1614">
        <v>11457</v>
      </c>
      <c r="B1614" t="s">
        <v>37</v>
      </c>
      <c r="C1614">
        <v>50</v>
      </c>
      <c r="D1614" t="s">
        <v>36</v>
      </c>
      <c r="E1614">
        <v>1336</v>
      </c>
      <c r="F1614" t="s">
        <v>892</v>
      </c>
      <c r="G1614" t="s">
        <v>892</v>
      </c>
      <c r="H1614" t="s">
        <v>892</v>
      </c>
      <c r="I1614" t="s">
        <v>892</v>
      </c>
      <c r="J1614" t="s">
        <v>693</v>
      </c>
      <c r="K1614">
        <v>56</v>
      </c>
      <c r="L1614" t="s">
        <v>892</v>
      </c>
      <c r="M1614" t="s">
        <v>892</v>
      </c>
      <c r="N1614" t="s">
        <v>892</v>
      </c>
      <c r="O1614" t="s">
        <v>892</v>
      </c>
      <c r="P1614" t="s">
        <v>746</v>
      </c>
      <c r="Q1614">
        <v>2</v>
      </c>
      <c r="R1614" t="s">
        <v>893</v>
      </c>
      <c r="S1614">
        <v>3</v>
      </c>
      <c r="T1614" t="s">
        <v>892</v>
      </c>
      <c r="U1614" t="s">
        <v>892</v>
      </c>
      <c r="V1614">
        <v>3</v>
      </c>
      <c r="W1614">
        <v>180</v>
      </c>
      <c r="X1614">
        <v>2020</v>
      </c>
    </row>
    <row r="1615" spans="1:24" x14ac:dyDescent="0.25">
      <c r="A1615">
        <v>11456</v>
      </c>
      <c r="B1615" t="s">
        <v>37</v>
      </c>
      <c r="C1615">
        <v>50</v>
      </c>
      <c r="D1615" t="s">
        <v>36</v>
      </c>
      <c r="E1615">
        <v>1336</v>
      </c>
      <c r="F1615" t="s">
        <v>892</v>
      </c>
      <c r="G1615" t="s">
        <v>892</v>
      </c>
      <c r="H1615" t="s">
        <v>892</v>
      </c>
      <c r="I1615" t="s">
        <v>892</v>
      </c>
      <c r="J1615" t="s">
        <v>1022</v>
      </c>
      <c r="K1615">
        <v>85</v>
      </c>
      <c r="L1615" t="s">
        <v>892</v>
      </c>
      <c r="M1615" t="s">
        <v>892</v>
      </c>
      <c r="N1615" t="s">
        <v>892</v>
      </c>
      <c r="O1615" t="s">
        <v>892</v>
      </c>
      <c r="P1615" t="s">
        <v>746</v>
      </c>
      <c r="Q1615">
        <v>2</v>
      </c>
      <c r="R1615" t="s">
        <v>893</v>
      </c>
      <c r="S1615">
        <v>3</v>
      </c>
      <c r="T1615" t="s">
        <v>892</v>
      </c>
      <c r="U1615" t="s">
        <v>892</v>
      </c>
      <c r="V1615">
        <v>3</v>
      </c>
      <c r="W1615">
        <v>180</v>
      </c>
      <c r="X1615">
        <v>2020</v>
      </c>
    </row>
    <row r="1616" spans="1:24" x14ac:dyDescent="0.25">
      <c r="A1616">
        <v>11455</v>
      </c>
      <c r="B1616" t="s">
        <v>37</v>
      </c>
      <c r="C1616">
        <v>50</v>
      </c>
      <c r="D1616" t="s">
        <v>36</v>
      </c>
      <c r="E1616">
        <v>1336</v>
      </c>
      <c r="F1616" t="s">
        <v>892</v>
      </c>
      <c r="G1616" t="s">
        <v>892</v>
      </c>
      <c r="H1616" t="s">
        <v>892</v>
      </c>
      <c r="I1616" t="s">
        <v>892</v>
      </c>
      <c r="J1616" t="s">
        <v>1514</v>
      </c>
      <c r="K1616">
        <v>47</v>
      </c>
      <c r="L1616" t="s">
        <v>892</v>
      </c>
      <c r="M1616" t="s">
        <v>892</v>
      </c>
      <c r="N1616" t="s">
        <v>892</v>
      </c>
      <c r="O1616" t="s">
        <v>892</v>
      </c>
      <c r="P1616" t="s">
        <v>746</v>
      </c>
      <c r="Q1616">
        <v>2</v>
      </c>
      <c r="R1616" t="s">
        <v>893</v>
      </c>
      <c r="S1616">
        <v>3</v>
      </c>
      <c r="T1616" t="s">
        <v>892</v>
      </c>
      <c r="U1616" t="s">
        <v>892</v>
      </c>
      <c r="V1616">
        <v>3</v>
      </c>
      <c r="W1616">
        <v>180</v>
      </c>
      <c r="X1616">
        <v>2020</v>
      </c>
    </row>
    <row r="1617" spans="1:24" x14ac:dyDescent="0.25">
      <c r="A1617">
        <v>11454</v>
      </c>
      <c r="B1617" t="s">
        <v>37</v>
      </c>
      <c r="C1617">
        <v>50</v>
      </c>
      <c r="D1617" t="s">
        <v>36</v>
      </c>
      <c r="E1617">
        <v>1336</v>
      </c>
      <c r="F1617" t="s">
        <v>892</v>
      </c>
      <c r="G1617" t="s">
        <v>892</v>
      </c>
      <c r="H1617" t="s">
        <v>892</v>
      </c>
      <c r="I1617" t="s">
        <v>892</v>
      </c>
      <c r="J1617" t="s">
        <v>710</v>
      </c>
      <c r="K1617">
        <v>53</v>
      </c>
      <c r="L1617" t="s">
        <v>892</v>
      </c>
      <c r="M1617" t="s">
        <v>892</v>
      </c>
      <c r="N1617" t="s">
        <v>892</v>
      </c>
      <c r="O1617" t="s">
        <v>892</v>
      </c>
      <c r="P1617" t="s">
        <v>746</v>
      </c>
      <c r="Q1617">
        <v>2</v>
      </c>
      <c r="R1617" t="s">
        <v>893</v>
      </c>
      <c r="S1617">
        <v>3</v>
      </c>
      <c r="T1617" t="s">
        <v>892</v>
      </c>
      <c r="U1617" t="s">
        <v>892</v>
      </c>
      <c r="V1617">
        <v>3</v>
      </c>
      <c r="W1617">
        <v>180</v>
      </c>
      <c r="X1617">
        <v>2020</v>
      </c>
    </row>
    <row r="1618" spans="1:24" x14ac:dyDescent="0.25">
      <c r="A1618">
        <v>11453</v>
      </c>
      <c r="B1618" t="s">
        <v>37</v>
      </c>
      <c r="C1618">
        <v>50</v>
      </c>
      <c r="D1618" t="s">
        <v>36</v>
      </c>
      <c r="E1618">
        <v>1336</v>
      </c>
      <c r="F1618" t="s">
        <v>892</v>
      </c>
      <c r="G1618" t="s">
        <v>892</v>
      </c>
      <c r="H1618" t="s">
        <v>892</v>
      </c>
      <c r="I1618" t="s">
        <v>892</v>
      </c>
      <c r="J1618" t="s">
        <v>714</v>
      </c>
      <c r="K1618">
        <v>52</v>
      </c>
      <c r="L1618" t="s">
        <v>892</v>
      </c>
      <c r="M1618" t="s">
        <v>892</v>
      </c>
      <c r="N1618" t="s">
        <v>892</v>
      </c>
      <c r="O1618" t="s">
        <v>892</v>
      </c>
      <c r="P1618" t="s">
        <v>746</v>
      </c>
      <c r="Q1618">
        <v>2</v>
      </c>
      <c r="R1618" t="s">
        <v>893</v>
      </c>
      <c r="S1618">
        <v>3</v>
      </c>
      <c r="T1618" t="s">
        <v>892</v>
      </c>
      <c r="U1618" t="s">
        <v>892</v>
      </c>
      <c r="V1618">
        <v>3</v>
      </c>
      <c r="W1618">
        <v>180</v>
      </c>
      <c r="X1618">
        <v>2020</v>
      </c>
    </row>
    <row r="1619" spans="1:24" x14ac:dyDescent="0.25">
      <c r="A1619">
        <v>11452</v>
      </c>
      <c r="B1619" t="s">
        <v>37</v>
      </c>
      <c r="C1619">
        <v>50</v>
      </c>
      <c r="D1619" t="s">
        <v>36</v>
      </c>
      <c r="E1619">
        <v>1336</v>
      </c>
      <c r="F1619" t="s">
        <v>892</v>
      </c>
      <c r="G1619" t="s">
        <v>892</v>
      </c>
      <c r="H1619" t="s">
        <v>892</v>
      </c>
      <c r="I1619" t="s">
        <v>892</v>
      </c>
      <c r="J1619" t="s">
        <v>767</v>
      </c>
      <c r="K1619">
        <v>44</v>
      </c>
      <c r="L1619" t="s">
        <v>892</v>
      </c>
      <c r="M1619" t="s">
        <v>892</v>
      </c>
      <c r="N1619" t="s">
        <v>892</v>
      </c>
      <c r="O1619" t="s">
        <v>892</v>
      </c>
      <c r="P1619" t="s">
        <v>746</v>
      </c>
      <c r="Q1619">
        <v>2</v>
      </c>
      <c r="R1619" t="s">
        <v>893</v>
      </c>
      <c r="S1619">
        <v>3</v>
      </c>
      <c r="T1619" t="s">
        <v>892</v>
      </c>
      <c r="U1619" t="s">
        <v>892</v>
      </c>
      <c r="V1619">
        <v>3</v>
      </c>
      <c r="W1619">
        <v>180</v>
      </c>
      <c r="X1619">
        <v>2020</v>
      </c>
    </row>
    <row r="1620" spans="1:24" x14ac:dyDescent="0.25">
      <c r="A1620">
        <v>11451</v>
      </c>
      <c r="B1620" t="s">
        <v>291</v>
      </c>
      <c r="C1620">
        <v>500</v>
      </c>
      <c r="D1620" t="s">
        <v>290</v>
      </c>
      <c r="E1620">
        <v>1014</v>
      </c>
      <c r="F1620" t="s">
        <v>892</v>
      </c>
      <c r="G1620" t="s">
        <v>892</v>
      </c>
      <c r="H1620" t="s">
        <v>892</v>
      </c>
      <c r="I1620" t="s">
        <v>892</v>
      </c>
      <c r="J1620" t="s">
        <v>868</v>
      </c>
      <c r="K1620">
        <v>23</v>
      </c>
      <c r="L1620" t="s">
        <v>892</v>
      </c>
      <c r="M1620" t="s">
        <v>892</v>
      </c>
      <c r="N1620" t="s">
        <v>892</v>
      </c>
      <c r="O1620" t="s">
        <v>892</v>
      </c>
      <c r="P1620" t="s">
        <v>746</v>
      </c>
      <c r="Q1620">
        <v>2</v>
      </c>
      <c r="R1620" t="s">
        <v>893</v>
      </c>
      <c r="S1620">
        <v>3</v>
      </c>
      <c r="T1620" t="s">
        <v>892</v>
      </c>
      <c r="U1620" t="s">
        <v>892</v>
      </c>
      <c r="V1620">
        <v>3</v>
      </c>
      <c r="W1620">
        <v>180</v>
      </c>
      <c r="X1620">
        <v>2020</v>
      </c>
    </row>
    <row r="1621" spans="1:24" x14ac:dyDescent="0.25">
      <c r="A1621">
        <v>11450</v>
      </c>
      <c r="B1621" t="s">
        <v>291</v>
      </c>
      <c r="C1621">
        <v>500</v>
      </c>
      <c r="D1621" t="s">
        <v>290</v>
      </c>
      <c r="E1621">
        <v>1014</v>
      </c>
      <c r="F1621" t="s">
        <v>892</v>
      </c>
      <c r="G1621" t="s">
        <v>892</v>
      </c>
      <c r="H1621" t="s">
        <v>892</v>
      </c>
      <c r="I1621" t="s">
        <v>892</v>
      </c>
      <c r="J1621" t="s">
        <v>839</v>
      </c>
      <c r="K1621">
        <v>89</v>
      </c>
      <c r="L1621" t="s">
        <v>892</v>
      </c>
      <c r="M1621" t="s">
        <v>892</v>
      </c>
      <c r="N1621" t="s">
        <v>892</v>
      </c>
      <c r="O1621" t="s">
        <v>892</v>
      </c>
      <c r="P1621" t="s">
        <v>746</v>
      </c>
      <c r="Q1621">
        <v>2</v>
      </c>
      <c r="R1621" t="s">
        <v>893</v>
      </c>
      <c r="S1621">
        <v>3</v>
      </c>
      <c r="T1621" t="s">
        <v>892</v>
      </c>
      <c r="U1621" t="s">
        <v>892</v>
      </c>
      <c r="V1621">
        <v>4</v>
      </c>
      <c r="W1621">
        <v>240</v>
      </c>
      <c r="X1621">
        <v>2020</v>
      </c>
    </row>
    <row r="1622" spans="1:24" x14ac:dyDescent="0.25">
      <c r="A1622">
        <v>11449</v>
      </c>
      <c r="B1622" t="s">
        <v>291</v>
      </c>
      <c r="C1622">
        <v>500</v>
      </c>
      <c r="D1622" t="s">
        <v>290</v>
      </c>
      <c r="E1622">
        <v>1014</v>
      </c>
      <c r="F1622" t="s">
        <v>892</v>
      </c>
      <c r="G1622" t="s">
        <v>892</v>
      </c>
      <c r="H1622" t="s">
        <v>892</v>
      </c>
      <c r="I1622" t="s">
        <v>892</v>
      </c>
      <c r="J1622" t="s">
        <v>885</v>
      </c>
      <c r="K1622">
        <v>1</v>
      </c>
      <c r="L1622" t="s">
        <v>892</v>
      </c>
      <c r="M1622" t="s">
        <v>892</v>
      </c>
      <c r="N1622" t="s">
        <v>892</v>
      </c>
      <c r="O1622" t="s">
        <v>892</v>
      </c>
      <c r="P1622" t="s">
        <v>746</v>
      </c>
      <c r="Q1622">
        <v>2</v>
      </c>
      <c r="R1622" t="s">
        <v>893</v>
      </c>
      <c r="S1622">
        <v>3</v>
      </c>
      <c r="T1622" t="s">
        <v>892</v>
      </c>
      <c r="U1622" t="s">
        <v>892</v>
      </c>
      <c r="V1622">
        <v>3</v>
      </c>
      <c r="W1622">
        <v>180</v>
      </c>
      <c r="X1622">
        <v>2020</v>
      </c>
    </row>
    <row r="1623" spans="1:24" x14ac:dyDescent="0.25">
      <c r="A1623">
        <v>11448</v>
      </c>
      <c r="B1623" t="s">
        <v>291</v>
      </c>
      <c r="C1623">
        <v>500</v>
      </c>
      <c r="D1623" t="s">
        <v>290</v>
      </c>
      <c r="E1623">
        <v>1014</v>
      </c>
      <c r="F1623" t="s">
        <v>892</v>
      </c>
      <c r="G1623" t="s">
        <v>892</v>
      </c>
      <c r="H1623" t="s">
        <v>892</v>
      </c>
      <c r="I1623" t="s">
        <v>892</v>
      </c>
      <c r="J1623" t="s">
        <v>802</v>
      </c>
      <c r="K1623">
        <v>12</v>
      </c>
      <c r="L1623" t="s">
        <v>892</v>
      </c>
      <c r="M1623" t="s">
        <v>892</v>
      </c>
      <c r="N1623" t="s">
        <v>892</v>
      </c>
      <c r="O1623" t="s">
        <v>892</v>
      </c>
      <c r="P1623" t="s">
        <v>746</v>
      </c>
      <c r="Q1623">
        <v>2</v>
      </c>
      <c r="R1623" t="s">
        <v>893</v>
      </c>
      <c r="S1623">
        <v>3</v>
      </c>
      <c r="T1623" t="s">
        <v>892</v>
      </c>
      <c r="U1623" t="s">
        <v>892</v>
      </c>
      <c r="V1623">
        <v>3</v>
      </c>
      <c r="W1623">
        <v>180</v>
      </c>
      <c r="X1623">
        <v>2020</v>
      </c>
    </row>
    <row r="1624" spans="1:24" x14ac:dyDescent="0.25">
      <c r="A1624">
        <v>11447</v>
      </c>
      <c r="B1624" t="s">
        <v>291</v>
      </c>
      <c r="C1624">
        <v>500</v>
      </c>
      <c r="D1624" t="s">
        <v>290</v>
      </c>
      <c r="E1624">
        <v>1014</v>
      </c>
      <c r="F1624" t="s">
        <v>892</v>
      </c>
      <c r="G1624" t="s">
        <v>892</v>
      </c>
      <c r="H1624" t="s">
        <v>892</v>
      </c>
      <c r="I1624" t="s">
        <v>892</v>
      </c>
      <c r="J1624" t="s">
        <v>738</v>
      </c>
      <c r="K1624">
        <v>61</v>
      </c>
      <c r="L1624" t="s">
        <v>892</v>
      </c>
      <c r="M1624" t="s">
        <v>892</v>
      </c>
      <c r="N1624" t="s">
        <v>892</v>
      </c>
      <c r="O1624" t="s">
        <v>892</v>
      </c>
      <c r="P1624" t="s">
        <v>746</v>
      </c>
      <c r="Q1624">
        <v>2</v>
      </c>
      <c r="R1624" t="s">
        <v>893</v>
      </c>
      <c r="S1624">
        <v>3</v>
      </c>
      <c r="T1624" t="s">
        <v>892</v>
      </c>
      <c r="U1624" t="s">
        <v>892</v>
      </c>
      <c r="V1624">
        <v>3</v>
      </c>
      <c r="W1624">
        <v>180</v>
      </c>
      <c r="X1624">
        <v>2020</v>
      </c>
    </row>
    <row r="1625" spans="1:24" x14ac:dyDescent="0.25">
      <c r="A1625">
        <v>11446</v>
      </c>
      <c r="B1625" t="s">
        <v>291</v>
      </c>
      <c r="C1625">
        <v>500</v>
      </c>
      <c r="D1625" t="s">
        <v>290</v>
      </c>
      <c r="E1625">
        <v>1014</v>
      </c>
      <c r="F1625" t="s">
        <v>892</v>
      </c>
      <c r="G1625" t="s">
        <v>892</v>
      </c>
      <c r="H1625" t="s">
        <v>892</v>
      </c>
      <c r="I1625" t="s">
        <v>892</v>
      </c>
      <c r="J1625" t="s">
        <v>1022</v>
      </c>
      <c r="K1625">
        <v>85</v>
      </c>
      <c r="L1625" t="s">
        <v>892</v>
      </c>
      <c r="M1625" t="s">
        <v>892</v>
      </c>
      <c r="N1625" t="s">
        <v>892</v>
      </c>
      <c r="O1625" t="s">
        <v>892</v>
      </c>
      <c r="P1625" t="s">
        <v>746</v>
      </c>
      <c r="Q1625">
        <v>2</v>
      </c>
      <c r="R1625" t="s">
        <v>893</v>
      </c>
      <c r="S1625">
        <v>3</v>
      </c>
      <c r="T1625" t="s">
        <v>892</v>
      </c>
      <c r="U1625" t="s">
        <v>892</v>
      </c>
      <c r="V1625">
        <v>3</v>
      </c>
      <c r="W1625">
        <v>180</v>
      </c>
      <c r="X1625">
        <v>2020</v>
      </c>
    </row>
    <row r="1626" spans="1:24" x14ac:dyDescent="0.25">
      <c r="A1626">
        <v>11445</v>
      </c>
      <c r="B1626" t="s">
        <v>291</v>
      </c>
      <c r="C1626">
        <v>500</v>
      </c>
      <c r="D1626" t="s">
        <v>290</v>
      </c>
      <c r="E1626">
        <v>1014</v>
      </c>
      <c r="F1626" t="s">
        <v>892</v>
      </c>
      <c r="G1626" t="s">
        <v>892</v>
      </c>
      <c r="H1626" t="s">
        <v>892</v>
      </c>
      <c r="I1626" t="s">
        <v>892</v>
      </c>
      <c r="J1626" t="s">
        <v>676</v>
      </c>
      <c r="K1626">
        <v>4</v>
      </c>
      <c r="L1626" t="s">
        <v>892</v>
      </c>
      <c r="M1626" t="s">
        <v>892</v>
      </c>
      <c r="N1626" t="s">
        <v>892</v>
      </c>
      <c r="O1626" t="s">
        <v>892</v>
      </c>
      <c r="P1626" t="s">
        <v>746</v>
      </c>
      <c r="Q1626">
        <v>2</v>
      </c>
      <c r="R1626" t="s">
        <v>893</v>
      </c>
      <c r="S1626">
        <v>3</v>
      </c>
      <c r="T1626" t="s">
        <v>892</v>
      </c>
      <c r="U1626" t="s">
        <v>892</v>
      </c>
      <c r="V1626">
        <v>3</v>
      </c>
      <c r="W1626">
        <v>180</v>
      </c>
      <c r="X1626">
        <v>2020</v>
      </c>
    </row>
    <row r="1627" spans="1:24" x14ac:dyDescent="0.25">
      <c r="A1627">
        <v>11444</v>
      </c>
      <c r="B1627" t="s">
        <v>291</v>
      </c>
      <c r="C1627">
        <v>500</v>
      </c>
      <c r="D1627" t="s">
        <v>290</v>
      </c>
      <c r="E1627">
        <v>1014</v>
      </c>
      <c r="F1627" t="s">
        <v>892</v>
      </c>
      <c r="G1627" t="s">
        <v>892</v>
      </c>
      <c r="H1627" t="s">
        <v>892</v>
      </c>
      <c r="I1627" t="s">
        <v>892</v>
      </c>
      <c r="J1627" t="s">
        <v>896</v>
      </c>
      <c r="K1627">
        <v>7</v>
      </c>
      <c r="L1627" t="s">
        <v>892</v>
      </c>
      <c r="M1627" t="s">
        <v>892</v>
      </c>
      <c r="N1627" t="s">
        <v>892</v>
      </c>
      <c r="O1627" t="s">
        <v>892</v>
      </c>
      <c r="P1627" t="s">
        <v>746</v>
      </c>
      <c r="Q1627">
        <v>2</v>
      </c>
      <c r="R1627" t="s">
        <v>893</v>
      </c>
      <c r="S1627">
        <v>3</v>
      </c>
      <c r="T1627" t="s">
        <v>892</v>
      </c>
      <c r="U1627" t="s">
        <v>892</v>
      </c>
      <c r="V1627">
        <v>3</v>
      </c>
      <c r="W1627">
        <v>180</v>
      </c>
      <c r="X1627">
        <v>2020</v>
      </c>
    </row>
    <row r="1628" spans="1:24" x14ac:dyDescent="0.25">
      <c r="A1628">
        <v>11443</v>
      </c>
      <c r="B1628" t="s">
        <v>291</v>
      </c>
      <c r="C1628">
        <v>500</v>
      </c>
      <c r="D1628" t="s">
        <v>290</v>
      </c>
      <c r="E1628">
        <v>1014</v>
      </c>
      <c r="F1628" t="s">
        <v>892</v>
      </c>
      <c r="G1628" t="s">
        <v>892</v>
      </c>
      <c r="H1628" t="s">
        <v>892</v>
      </c>
      <c r="I1628" t="s">
        <v>892</v>
      </c>
      <c r="J1628" t="s">
        <v>792</v>
      </c>
      <c r="K1628">
        <v>6</v>
      </c>
      <c r="L1628" t="s">
        <v>892</v>
      </c>
      <c r="M1628" t="s">
        <v>892</v>
      </c>
      <c r="N1628" t="s">
        <v>892</v>
      </c>
      <c r="O1628" t="s">
        <v>892</v>
      </c>
      <c r="P1628" t="s">
        <v>746</v>
      </c>
      <c r="Q1628">
        <v>2</v>
      </c>
      <c r="R1628" t="s">
        <v>893</v>
      </c>
      <c r="S1628">
        <v>3</v>
      </c>
      <c r="T1628" t="s">
        <v>892</v>
      </c>
      <c r="U1628" t="s">
        <v>892</v>
      </c>
      <c r="V1628">
        <v>3</v>
      </c>
      <c r="W1628">
        <v>180</v>
      </c>
      <c r="X1628">
        <v>2020</v>
      </c>
    </row>
    <row r="1629" spans="1:24" x14ac:dyDescent="0.25">
      <c r="A1629">
        <v>11442</v>
      </c>
      <c r="B1629" t="s">
        <v>291</v>
      </c>
      <c r="C1629">
        <v>500</v>
      </c>
      <c r="D1629" t="s">
        <v>290</v>
      </c>
      <c r="E1629">
        <v>1014</v>
      </c>
      <c r="F1629" t="s">
        <v>892</v>
      </c>
      <c r="G1629" t="s">
        <v>892</v>
      </c>
      <c r="H1629" t="s">
        <v>892</v>
      </c>
      <c r="I1629" t="s">
        <v>892</v>
      </c>
      <c r="J1629" t="s">
        <v>866</v>
      </c>
      <c r="K1629">
        <v>9</v>
      </c>
      <c r="L1629" t="s">
        <v>892</v>
      </c>
      <c r="M1629" t="s">
        <v>892</v>
      </c>
      <c r="N1629" t="s">
        <v>892</v>
      </c>
      <c r="O1629" t="s">
        <v>892</v>
      </c>
      <c r="P1629" t="s">
        <v>746</v>
      </c>
      <c r="Q1629">
        <v>2</v>
      </c>
      <c r="R1629" t="s">
        <v>893</v>
      </c>
      <c r="S1629">
        <v>3</v>
      </c>
      <c r="T1629" t="s">
        <v>892</v>
      </c>
      <c r="U1629" t="s">
        <v>892</v>
      </c>
      <c r="V1629">
        <v>3</v>
      </c>
      <c r="W1629">
        <v>180</v>
      </c>
      <c r="X1629">
        <v>2020</v>
      </c>
    </row>
    <row r="1630" spans="1:24" x14ac:dyDescent="0.25">
      <c r="A1630">
        <v>11441</v>
      </c>
      <c r="B1630" t="s">
        <v>291</v>
      </c>
      <c r="C1630">
        <v>500</v>
      </c>
      <c r="D1630" t="s">
        <v>290</v>
      </c>
      <c r="E1630">
        <v>1014</v>
      </c>
      <c r="F1630" t="s">
        <v>892</v>
      </c>
      <c r="G1630" t="s">
        <v>892</v>
      </c>
      <c r="H1630" t="s">
        <v>892</v>
      </c>
      <c r="I1630" t="s">
        <v>892</v>
      </c>
      <c r="J1630" t="s">
        <v>663</v>
      </c>
      <c r="K1630">
        <v>99</v>
      </c>
      <c r="L1630" t="s">
        <v>892</v>
      </c>
      <c r="M1630" t="s">
        <v>892</v>
      </c>
      <c r="N1630" t="s">
        <v>892</v>
      </c>
      <c r="O1630" t="s">
        <v>892</v>
      </c>
      <c r="P1630" t="s">
        <v>746</v>
      </c>
      <c r="Q1630">
        <v>2</v>
      </c>
      <c r="R1630" t="s">
        <v>893</v>
      </c>
      <c r="S1630">
        <v>3</v>
      </c>
      <c r="T1630" t="s">
        <v>892</v>
      </c>
      <c r="U1630" t="s">
        <v>892</v>
      </c>
      <c r="V1630">
        <v>3</v>
      </c>
      <c r="W1630">
        <v>180</v>
      </c>
      <c r="X1630">
        <v>2020</v>
      </c>
    </row>
    <row r="1631" spans="1:24" x14ac:dyDescent="0.25">
      <c r="A1631">
        <v>11440</v>
      </c>
      <c r="B1631" t="s">
        <v>291</v>
      </c>
      <c r="C1631">
        <v>500</v>
      </c>
      <c r="D1631" t="s">
        <v>290</v>
      </c>
      <c r="E1631">
        <v>1014</v>
      </c>
      <c r="F1631" t="s">
        <v>892</v>
      </c>
      <c r="G1631" t="s">
        <v>892</v>
      </c>
      <c r="H1631" t="s">
        <v>892</v>
      </c>
      <c r="I1631" t="s">
        <v>892</v>
      </c>
      <c r="J1631" t="s">
        <v>813</v>
      </c>
      <c r="K1631">
        <v>24</v>
      </c>
      <c r="L1631" t="s">
        <v>892</v>
      </c>
      <c r="M1631" t="s">
        <v>892</v>
      </c>
      <c r="N1631" t="s">
        <v>892</v>
      </c>
      <c r="O1631" t="s">
        <v>892</v>
      </c>
      <c r="P1631" t="s">
        <v>746</v>
      </c>
      <c r="Q1631">
        <v>2</v>
      </c>
      <c r="R1631" t="s">
        <v>893</v>
      </c>
      <c r="S1631">
        <v>3</v>
      </c>
      <c r="T1631" t="s">
        <v>892</v>
      </c>
      <c r="U1631" t="s">
        <v>892</v>
      </c>
      <c r="V1631">
        <v>3</v>
      </c>
      <c r="W1631">
        <v>180</v>
      </c>
      <c r="X1631">
        <v>2020</v>
      </c>
    </row>
    <row r="1632" spans="1:24" x14ac:dyDescent="0.25">
      <c r="A1632">
        <v>11439</v>
      </c>
      <c r="B1632" t="s">
        <v>291</v>
      </c>
      <c r="C1632">
        <v>500</v>
      </c>
      <c r="D1632" t="s">
        <v>290</v>
      </c>
      <c r="E1632">
        <v>1014</v>
      </c>
      <c r="F1632" t="s">
        <v>892</v>
      </c>
      <c r="G1632" t="s">
        <v>892</v>
      </c>
      <c r="H1632" t="s">
        <v>892</v>
      </c>
      <c r="I1632" t="s">
        <v>892</v>
      </c>
      <c r="J1632" t="s">
        <v>65</v>
      </c>
      <c r="K1632">
        <v>15</v>
      </c>
      <c r="L1632" t="s">
        <v>892</v>
      </c>
      <c r="M1632" t="s">
        <v>892</v>
      </c>
      <c r="N1632" t="s">
        <v>892</v>
      </c>
      <c r="O1632" t="s">
        <v>892</v>
      </c>
      <c r="P1632" t="s">
        <v>746</v>
      </c>
      <c r="Q1632">
        <v>2</v>
      </c>
      <c r="R1632" t="s">
        <v>893</v>
      </c>
      <c r="S1632">
        <v>3</v>
      </c>
      <c r="T1632" t="s">
        <v>892</v>
      </c>
      <c r="U1632" t="s">
        <v>892</v>
      </c>
      <c r="V1632">
        <v>3</v>
      </c>
      <c r="W1632">
        <v>180</v>
      </c>
      <c r="X1632">
        <v>2020</v>
      </c>
    </row>
    <row r="1633" spans="1:24" x14ac:dyDescent="0.25">
      <c r="A1633">
        <v>11438</v>
      </c>
      <c r="B1633" t="s">
        <v>291</v>
      </c>
      <c r="C1633">
        <v>500</v>
      </c>
      <c r="D1633" t="s">
        <v>290</v>
      </c>
      <c r="E1633">
        <v>1014</v>
      </c>
      <c r="F1633" t="s">
        <v>892</v>
      </c>
      <c r="G1633" t="s">
        <v>892</v>
      </c>
      <c r="H1633" t="s">
        <v>892</v>
      </c>
      <c r="I1633" t="s">
        <v>892</v>
      </c>
      <c r="J1633" t="s">
        <v>897</v>
      </c>
      <c r="K1633">
        <v>3</v>
      </c>
      <c r="L1633" t="s">
        <v>892</v>
      </c>
      <c r="M1633" t="s">
        <v>892</v>
      </c>
      <c r="N1633" t="s">
        <v>892</v>
      </c>
      <c r="O1633" t="s">
        <v>892</v>
      </c>
      <c r="P1633" t="s">
        <v>746</v>
      </c>
      <c r="Q1633">
        <v>2</v>
      </c>
      <c r="R1633" t="s">
        <v>893</v>
      </c>
      <c r="S1633">
        <v>3</v>
      </c>
      <c r="T1633" t="s">
        <v>892</v>
      </c>
      <c r="U1633" t="s">
        <v>892</v>
      </c>
      <c r="V1633">
        <v>3</v>
      </c>
      <c r="W1633">
        <v>180</v>
      </c>
      <c r="X1633">
        <v>2020</v>
      </c>
    </row>
    <row r="1634" spans="1:24" x14ac:dyDescent="0.25">
      <c r="A1634">
        <v>11437</v>
      </c>
      <c r="B1634" t="s">
        <v>291</v>
      </c>
      <c r="C1634">
        <v>500</v>
      </c>
      <c r="D1634" t="s">
        <v>290</v>
      </c>
      <c r="E1634">
        <v>1014</v>
      </c>
      <c r="F1634" t="s">
        <v>892</v>
      </c>
      <c r="G1634" t="s">
        <v>892</v>
      </c>
      <c r="H1634" t="s">
        <v>892</v>
      </c>
      <c r="I1634" t="s">
        <v>892</v>
      </c>
      <c r="J1634" t="s">
        <v>767</v>
      </c>
      <c r="K1634">
        <v>44</v>
      </c>
      <c r="L1634" t="s">
        <v>892</v>
      </c>
      <c r="M1634" t="s">
        <v>892</v>
      </c>
      <c r="N1634" t="s">
        <v>892</v>
      </c>
      <c r="O1634" t="s">
        <v>892</v>
      </c>
      <c r="P1634" t="s">
        <v>746</v>
      </c>
      <c r="Q1634">
        <v>2</v>
      </c>
      <c r="R1634" t="s">
        <v>893</v>
      </c>
      <c r="S1634">
        <v>3</v>
      </c>
      <c r="T1634" t="s">
        <v>892</v>
      </c>
      <c r="U1634" t="s">
        <v>892</v>
      </c>
      <c r="V1634">
        <v>3</v>
      </c>
      <c r="W1634">
        <v>180</v>
      </c>
      <c r="X1634">
        <v>2020</v>
      </c>
    </row>
    <row r="1635" spans="1:24" x14ac:dyDescent="0.25">
      <c r="A1635">
        <v>11436</v>
      </c>
      <c r="B1635" t="s">
        <v>291</v>
      </c>
      <c r="C1635">
        <v>500</v>
      </c>
      <c r="D1635" t="s">
        <v>290</v>
      </c>
      <c r="E1635">
        <v>1014</v>
      </c>
      <c r="F1635" t="s">
        <v>892</v>
      </c>
      <c r="G1635" t="s">
        <v>892</v>
      </c>
      <c r="H1635" t="s">
        <v>892</v>
      </c>
      <c r="I1635" t="s">
        <v>892</v>
      </c>
      <c r="J1635" t="s">
        <v>831</v>
      </c>
      <c r="K1635">
        <v>5</v>
      </c>
      <c r="L1635" t="s">
        <v>892</v>
      </c>
      <c r="M1635" t="s">
        <v>892</v>
      </c>
      <c r="N1635" t="s">
        <v>892</v>
      </c>
      <c r="O1635" t="s">
        <v>892</v>
      </c>
      <c r="P1635" t="s">
        <v>746</v>
      </c>
      <c r="Q1635">
        <v>2</v>
      </c>
      <c r="R1635" t="s">
        <v>893</v>
      </c>
      <c r="S1635">
        <v>3</v>
      </c>
      <c r="T1635" t="s">
        <v>892</v>
      </c>
      <c r="U1635" t="s">
        <v>892</v>
      </c>
      <c r="V1635">
        <v>3</v>
      </c>
      <c r="W1635">
        <v>180</v>
      </c>
      <c r="X1635">
        <v>2020</v>
      </c>
    </row>
    <row r="1636" spans="1:24" x14ac:dyDescent="0.25">
      <c r="A1636">
        <v>11435</v>
      </c>
      <c r="B1636" t="s">
        <v>293</v>
      </c>
      <c r="C1636">
        <v>52</v>
      </c>
      <c r="D1636" t="s">
        <v>292</v>
      </c>
      <c r="E1636">
        <v>1013</v>
      </c>
      <c r="F1636" t="s">
        <v>892</v>
      </c>
      <c r="G1636" t="s">
        <v>892</v>
      </c>
      <c r="H1636" t="s">
        <v>892</v>
      </c>
      <c r="I1636" t="s">
        <v>892</v>
      </c>
      <c r="J1636" t="s">
        <v>1071</v>
      </c>
      <c r="K1636">
        <v>94</v>
      </c>
      <c r="L1636" t="s">
        <v>892</v>
      </c>
      <c r="M1636" t="s">
        <v>892</v>
      </c>
      <c r="N1636" t="s">
        <v>892</v>
      </c>
      <c r="O1636" t="s">
        <v>892</v>
      </c>
      <c r="P1636" t="s">
        <v>746</v>
      </c>
      <c r="Q1636">
        <v>2</v>
      </c>
      <c r="R1636" t="s">
        <v>893</v>
      </c>
      <c r="S1636">
        <v>3</v>
      </c>
      <c r="T1636" t="s">
        <v>892</v>
      </c>
      <c r="U1636" t="s">
        <v>892</v>
      </c>
      <c r="V1636">
        <v>3</v>
      </c>
      <c r="W1636">
        <v>180</v>
      </c>
      <c r="X1636">
        <v>2020</v>
      </c>
    </row>
    <row r="1637" spans="1:24" x14ac:dyDescent="0.25">
      <c r="A1637">
        <v>11434</v>
      </c>
      <c r="B1637" t="s">
        <v>12</v>
      </c>
      <c r="C1637">
        <v>7</v>
      </c>
      <c r="D1637" t="s">
        <v>294</v>
      </c>
      <c r="E1637">
        <v>1012</v>
      </c>
      <c r="F1637" t="s">
        <v>892</v>
      </c>
      <c r="G1637" t="s">
        <v>892</v>
      </c>
      <c r="H1637" t="s">
        <v>892</v>
      </c>
      <c r="I1637" t="s">
        <v>892</v>
      </c>
      <c r="J1637" t="s">
        <v>294</v>
      </c>
      <c r="K1637">
        <v>31</v>
      </c>
      <c r="L1637" t="s">
        <v>892</v>
      </c>
      <c r="M1637" t="s">
        <v>892</v>
      </c>
      <c r="N1637" t="s">
        <v>892</v>
      </c>
      <c r="O1637" t="s">
        <v>892</v>
      </c>
      <c r="P1637" t="s">
        <v>746</v>
      </c>
      <c r="Q1637">
        <v>2</v>
      </c>
      <c r="R1637" t="s">
        <v>893</v>
      </c>
      <c r="S1637">
        <v>3</v>
      </c>
      <c r="T1637" t="s">
        <v>892</v>
      </c>
      <c r="U1637" t="s">
        <v>892</v>
      </c>
      <c r="V1637">
        <v>3</v>
      </c>
      <c r="W1637">
        <v>180</v>
      </c>
      <c r="X1637">
        <v>2020</v>
      </c>
    </row>
    <row r="1638" spans="1:24" x14ac:dyDescent="0.25">
      <c r="A1638">
        <v>11433</v>
      </c>
      <c r="B1638" t="s">
        <v>12</v>
      </c>
      <c r="C1638">
        <v>7</v>
      </c>
      <c r="D1638" t="s">
        <v>295</v>
      </c>
      <c r="E1638">
        <v>1011</v>
      </c>
      <c r="F1638" t="s">
        <v>892</v>
      </c>
      <c r="G1638" t="s">
        <v>892</v>
      </c>
      <c r="H1638" t="s">
        <v>892</v>
      </c>
      <c r="I1638" t="s">
        <v>892</v>
      </c>
      <c r="J1638" t="s">
        <v>295</v>
      </c>
      <c r="K1638">
        <v>30</v>
      </c>
      <c r="L1638" t="s">
        <v>892</v>
      </c>
      <c r="M1638" t="s">
        <v>892</v>
      </c>
      <c r="N1638" t="s">
        <v>892</v>
      </c>
      <c r="O1638" t="s">
        <v>892</v>
      </c>
      <c r="P1638" t="s">
        <v>746</v>
      </c>
      <c r="Q1638">
        <v>2</v>
      </c>
      <c r="R1638" t="s">
        <v>893</v>
      </c>
      <c r="S1638">
        <v>3</v>
      </c>
      <c r="T1638" t="s">
        <v>892</v>
      </c>
      <c r="U1638" t="s">
        <v>892</v>
      </c>
      <c r="V1638">
        <v>3</v>
      </c>
      <c r="W1638">
        <v>180</v>
      </c>
      <c r="X1638">
        <v>2020</v>
      </c>
    </row>
    <row r="1639" spans="1:24" x14ac:dyDescent="0.25">
      <c r="A1639">
        <v>11432</v>
      </c>
      <c r="B1639" t="s">
        <v>12</v>
      </c>
      <c r="C1639">
        <v>7</v>
      </c>
      <c r="D1639" t="s">
        <v>296</v>
      </c>
      <c r="E1639">
        <v>1010</v>
      </c>
      <c r="F1639" t="s">
        <v>892</v>
      </c>
      <c r="G1639" t="s">
        <v>892</v>
      </c>
      <c r="H1639" t="s">
        <v>892</v>
      </c>
      <c r="I1639" t="s">
        <v>892</v>
      </c>
      <c r="J1639" t="s">
        <v>296</v>
      </c>
      <c r="K1639">
        <v>97</v>
      </c>
      <c r="L1639" t="s">
        <v>892</v>
      </c>
      <c r="M1639" t="s">
        <v>892</v>
      </c>
      <c r="N1639" t="s">
        <v>892</v>
      </c>
      <c r="O1639" t="s">
        <v>892</v>
      </c>
      <c r="P1639" t="s">
        <v>746</v>
      </c>
      <c r="Q1639">
        <v>2</v>
      </c>
      <c r="R1639" t="s">
        <v>893</v>
      </c>
      <c r="S1639">
        <v>3</v>
      </c>
      <c r="T1639" t="s">
        <v>892</v>
      </c>
      <c r="U1639" t="s">
        <v>892</v>
      </c>
      <c r="V1639">
        <v>3</v>
      </c>
      <c r="W1639">
        <v>180</v>
      </c>
      <c r="X1639">
        <v>2020</v>
      </c>
    </row>
    <row r="1640" spans="1:24" x14ac:dyDescent="0.25">
      <c r="A1640">
        <v>11431</v>
      </c>
      <c r="B1640" t="s">
        <v>12</v>
      </c>
      <c r="C1640">
        <v>7</v>
      </c>
      <c r="D1640" t="s">
        <v>297</v>
      </c>
      <c r="E1640">
        <v>1009</v>
      </c>
      <c r="F1640" t="s">
        <v>892</v>
      </c>
      <c r="G1640" t="s">
        <v>892</v>
      </c>
      <c r="H1640" t="s">
        <v>892</v>
      </c>
      <c r="I1640" t="s">
        <v>892</v>
      </c>
      <c r="J1640" t="s">
        <v>807</v>
      </c>
      <c r="K1640">
        <v>25</v>
      </c>
      <c r="L1640" t="s">
        <v>892</v>
      </c>
      <c r="M1640" t="s">
        <v>892</v>
      </c>
      <c r="N1640" t="s">
        <v>892</v>
      </c>
      <c r="O1640" t="s">
        <v>892</v>
      </c>
      <c r="P1640" t="s">
        <v>746</v>
      </c>
      <c r="Q1640">
        <v>2</v>
      </c>
      <c r="R1640" t="s">
        <v>893</v>
      </c>
      <c r="S1640">
        <v>3</v>
      </c>
      <c r="T1640" t="s">
        <v>892</v>
      </c>
      <c r="U1640" t="s">
        <v>892</v>
      </c>
      <c r="V1640">
        <v>3</v>
      </c>
      <c r="W1640">
        <v>180</v>
      </c>
      <c r="X1640">
        <v>2020</v>
      </c>
    </row>
    <row r="1641" spans="1:24" x14ac:dyDescent="0.25">
      <c r="A1641">
        <v>11430</v>
      </c>
      <c r="B1641" t="s">
        <v>12</v>
      </c>
      <c r="C1641">
        <v>7</v>
      </c>
      <c r="D1641" t="s">
        <v>298</v>
      </c>
      <c r="E1641">
        <v>1008</v>
      </c>
      <c r="F1641" t="s">
        <v>892</v>
      </c>
      <c r="G1641" t="s">
        <v>892</v>
      </c>
      <c r="H1641" t="s">
        <v>892</v>
      </c>
      <c r="I1641" t="s">
        <v>892</v>
      </c>
      <c r="J1641" t="s">
        <v>955</v>
      </c>
      <c r="K1641">
        <v>29</v>
      </c>
      <c r="L1641" t="s">
        <v>892</v>
      </c>
      <c r="M1641" t="s">
        <v>892</v>
      </c>
      <c r="N1641" t="s">
        <v>892</v>
      </c>
      <c r="O1641" t="s">
        <v>892</v>
      </c>
      <c r="P1641" t="s">
        <v>746</v>
      </c>
      <c r="Q1641">
        <v>2</v>
      </c>
      <c r="R1641" t="s">
        <v>893</v>
      </c>
      <c r="S1641">
        <v>3</v>
      </c>
      <c r="T1641" t="s">
        <v>892</v>
      </c>
      <c r="U1641" t="s">
        <v>892</v>
      </c>
      <c r="V1641">
        <v>3</v>
      </c>
      <c r="W1641">
        <v>180</v>
      </c>
      <c r="X1641">
        <v>2020</v>
      </c>
    </row>
    <row r="1642" spans="1:24" x14ac:dyDescent="0.25">
      <c r="A1642">
        <v>11427</v>
      </c>
      <c r="B1642" t="s">
        <v>12</v>
      </c>
      <c r="C1642">
        <v>7</v>
      </c>
      <c r="D1642" t="s">
        <v>299</v>
      </c>
      <c r="E1642">
        <v>1006</v>
      </c>
      <c r="F1642" t="s">
        <v>892</v>
      </c>
      <c r="G1642" t="s">
        <v>892</v>
      </c>
      <c r="H1642" t="s">
        <v>892</v>
      </c>
      <c r="I1642" t="s">
        <v>892</v>
      </c>
      <c r="J1642" t="s">
        <v>299</v>
      </c>
      <c r="K1642">
        <v>27</v>
      </c>
      <c r="L1642" t="s">
        <v>892</v>
      </c>
      <c r="M1642" t="s">
        <v>892</v>
      </c>
      <c r="N1642" t="s">
        <v>892</v>
      </c>
      <c r="O1642" t="s">
        <v>892</v>
      </c>
      <c r="P1642" t="s">
        <v>746</v>
      </c>
      <c r="Q1642">
        <v>2</v>
      </c>
      <c r="R1642" t="s">
        <v>893</v>
      </c>
      <c r="S1642">
        <v>3</v>
      </c>
      <c r="T1642" t="s">
        <v>892</v>
      </c>
      <c r="U1642" t="s">
        <v>892</v>
      </c>
      <c r="V1642">
        <v>3</v>
      </c>
      <c r="W1642">
        <v>180</v>
      </c>
      <c r="X1642">
        <v>2020</v>
      </c>
    </row>
    <row r="1643" spans="1:24" x14ac:dyDescent="0.25">
      <c r="A1643">
        <v>11426</v>
      </c>
      <c r="B1643" t="s">
        <v>12</v>
      </c>
      <c r="C1643">
        <v>7</v>
      </c>
      <c r="D1643" t="s">
        <v>300</v>
      </c>
      <c r="E1643">
        <v>1005</v>
      </c>
      <c r="F1643" t="s">
        <v>892</v>
      </c>
      <c r="G1643" t="s">
        <v>892</v>
      </c>
      <c r="H1643" t="s">
        <v>892</v>
      </c>
      <c r="I1643" t="s">
        <v>892</v>
      </c>
      <c r="J1643" t="s">
        <v>1559</v>
      </c>
      <c r="K1643">
        <v>96</v>
      </c>
      <c r="L1643" t="s">
        <v>892</v>
      </c>
      <c r="M1643" t="s">
        <v>892</v>
      </c>
      <c r="N1643" t="s">
        <v>892</v>
      </c>
      <c r="O1643" t="s">
        <v>892</v>
      </c>
      <c r="P1643" t="s">
        <v>746</v>
      </c>
      <c r="Q1643">
        <v>2</v>
      </c>
      <c r="R1643" t="s">
        <v>893</v>
      </c>
      <c r="S1643">
        <v>3</v>
      </c>
      <c r="T1643" t="s">
        <v>892</v>
      </c>
      <c r="U1643" t="s">
        <v>892</v>
      </c>
      <c r="V1643">
        <v>3</v>
      </c>
      <c r="W1643">
        <v>180</v>
      </c>
      <c r="X1643">
        <v>2020</v>
      </c>
    </row>
    <row r="1644" spans="1:24" x14ac:dyDescent="0.25">
      <c r="A1644">
        <v>11425</v>
      </c>
      <c r="B1644" t="s">
        <v>12</v>
      </c>
      <c r="C1644">
        <v>7</v>
      </c>
      <c r="D1644" t="s">
        <v>301</v>
      </c>
      <c r="E1644">
        <v>1004</v>
      </c>
      <c r="F1644" t="s">
        <v>892</v>
      </c>
      <c r="G1644" t="s">
        <v>892</v>
      </c>
      <c r="H1644" t="s">
        <v>892</v>
      </c>
      <c r="I1644" t="s">
        <v>892</v>
      </c>
      <c r="J1644" t="s">
        <v>301</v>
      </c>
      <c r="K1644">
        <v>26</v>
      </c>
      <c r="L1644" t="s">
        <v>892</v>
      </c>
      <c r="M1644" t="s">
        <v>892</v>
      </c>
      <c r="N1644" t="s">
        <v>892</v>
      </c>
      <c r="O1644" t="s">
        <v>892</v>
      </c>
      <c r="P1644" t="s">
        <v>746</v>
      </c>
      <c r="Q1644">
        <v>2</v>
      </c>
      <c r="R1644" t="s">
        <v>893</v>
      </c>
      <c r="S1644">
        <v>3</v>
      </c>
      <c r="T1644" t="s">
        <v>892</v>
      </c>
      <c r="U1644" t="s">
        <v>892</v>
      </c>
      <c r="V1644">
        <v>3</v>
      </c>
      <c r="W1644">
        <v>180</v>
      </c>
      <c r="X1644">
        <v>2020</v>
      </c>
    </row>
    <row r="1645" spans="1:24" x14ac:dyDescent="0.25">
      <c r="A1645">
        <v>11424</v>
      </c>
      <c r="B1645" t="s">
        <v>303</v>
      </c>
      <c r="C1645">
        <v>53</v>
      </c>
      <c r="D1645" t="s">
        <v>302</v>
      </c>
      <c r="E1645">
        <v>1003</v>
      </c>
      <c r="F1645" t="s">
        <v>892</v>
      </c>
      <c r="G1645" t="s">
        <v>892</v>
      </c>
      <c r="H1645" t="s">
        <v>892</v>
      </c>
      <c r="I1645" t="s">
        <v>892</v>
      </c>
      <c r="J1645" t="s">
        <v>302</v>
      </c>
      <c r="K1645">
        <v>95</v>
      </c>
      <c r="L1645" t="s">
        <v>892</v>
      </c>
      <c r="M1645" t="s">
        <v>892</v>
      </c>
      <c r="N1645" t="s">
        <v>892</v>
      </c>
      <c r="O1645" t="s">
        <v>892</v>
      </c>
      <c r="P1645" t="s">
        <v>746</v>
      </c>
      <c r="Q1645">
        <v>2</v>
      </c>
      <c r="R1645" t="s">
        <v>893</v>
      </c>
      <c r="S1645">
        <v>3</v>
      </c>
      <c r="T1645" t="s">
        <v>892</v>
      </c>
      <c r="U1645" t="s">
        <v>892</v>
      </c>
      <c r="V1645">
        <v>3</v>
      </c>
      <c r="W1645">
        <v>180</v>
      </c>
      <c r="X1645">
        <v>2020</v>
      </c>
    </row>
    <row r="1646" spans="1:24" x14ac:dyDescent="0.25">
      <c r="A1646">
        <v>11423</v>
      </c>
      <c r="B1646" t="s">
        <v>303</v>
      </c>
      <c r="C1646">
        <v>53</v>
      </c>
      <c r="D1646" t="s">
        <v>65</v>
      </c>
      <c r="E1646">
        <v>1002</v>
      </c>
      <c r="F1646" t="s">
        <v>892</v>
      </c>
      <c r="G1646" t="s">
        <v>892</v>
      </c>
      <c r="H1646" t="s">
        <v>892</v>
      </c>
      <c r="I1646" t="s">
        <v>892</v>
      </c>
      <c r="J1646" t="s">
        <v>65</v>
      </c>
      <c r="K1646">
        <v>15</v>
      </c>
      <c r="L1646" t="s">
        <v>892</v>
      </c>
      <c r="M1646" t="s">
        <v>892</v>
      </c>
      <c r="N1646" t="s">
        <v>892</v>
      </c>
      <c r="O1646" t="s">
        <v>892</v>
      </c>
      <c r="P1646" t="s">
        <v>746</v>
      </c>
      <c r="Q1646">
        <v>2</v>
      </c>
      <c r="R1646" t="s">
        <v>893</v>
      </c>
      <c r="S1646">
        <v>3</v>
      </c>
      <c r="T1646" t="s">
        <v>892</v>
      </c>
      <c r="U1646" t="s">
        <v>892</v>
      </c>
      <c r="V1646">
        <v>3</v>
      </c>
      <c r="W1646">
        <v>180</v>
      </c>
      <c r="X1646">
        <v>2020</v>
      </c>
    </row>
    <row r="1647" spans="1:24" x14ac:dyDescent="0.25">
      <c r="A1647">
        <v>11422</v>
      </c>
      <c r="B1647" t="s">
        <v>305</v>
      </c>
      <c r="C1647">
        <v>22</v>
      </c>
      <c r="D1647" t="s">
        <v>304</v>
      </c>
      <c r="E1647">
        <v>1001</v>
      </c>
      <c r="F1647" t="s">
        <v>892</v>
      </c>
      <c r="G1647" t="s">
        <v>892</v>
      </c>
      <c r="H1647" t="s">
        <v>892</v>
      </c>
      <c r="I1647" t="s">
        <v>892</v>
      </c>
      <c r="J1647" t="s">
        <v>673</v>
      </c>
      <c r="K1647">
        <v>34</v>
      </c>
      <c r="L1647" t="s">
        <v>892</v>
      </c>
      <c r="M1647" t="s">
        <v>892</v>
      </c>
      <c r="N1647" t="s">
        <v>892</v>
      </c>
      <c r="O1647" t="s">
        <v>892</v>
      </c>
      <c r="P1647" t="s">
        <v>746</v>
      </c>
      <c r="Q1647">
        <v>2</v>
      </c>
      <c r="R1647" t="s">
        <v>893</v>
      </c>
      <c r="S1647">
        <v>3</v>
      </c>
      <c r="T1647" t="s">
        <v>892</v>
      </c>
      <c r="U1647" t="s">
        <v>892</v>
      </c>
      <c r="V1647">
        <v>3</v>
      </c>
      <c r="W1647">
        <v>180</v>
      </c>
      <c r="X1647">
        <v>2020</v>
      </c>
    </row>
    <row r="1648" spans="1:24" x14ac:dyDescent="0.25">
      <c r="A1648">
        <v>11421</v>
      </c>
      <c r="B1648" t="s">
        <v>93</v>
      </c>
      <c r="C1648">
        <v>48</v>
      </c>
      <c r="D1648" t="s">
        <v>92</v>
      </c>
      <c r="E1648">
        <v>1206</v>
      </c>
      <c r="F1648" t="s">
        <v>892</v>
      </c>
      <c r="G1648" t="s">
        <v>892</v>
      </c>
      <c r="H1648" t="s">
        <v>892</v>
      </c>
      <c r="I1648" t="s">
        <v>892</v>
      </c>
      <c r="J1648" t="s">
        <v>673</v>
      </c>
      <c r="K1648">
        <v>34</v>
      </c>
      <c r="L1648" t="s">
        <v>892</v>
      </c>
      <c r="M1648" t="s">
        <v>892</v>
      </c>
      <c r="N1648" t="s">
        <v>892</v>
      </c>
      <c r="O1648" t="s">
        <v>892</v>
      </c>
      <c r="P1648" t="s">
        <v>655</v>
      </c>
      <c r="Q1648">
        <v>1</v>
      </c>
      <c r="R1648" t="s">
        <v>893</v>
      </c>
      <c r="S1648">
        <v>3</v>
      </c>
      <c r="T1648" t="s">
        <v>892</v>
      </c>
      <c r="U1648" t="s">
        <v>892</v>
      </c>
      <c r="V1648">
        <v>3</v>
      </c>
      <c r="W1648">
        <v>180</v>
      </c>
      <c r="X1648">
        <v>2020</v>
      </c>
    </row>
    <row r="1649" spans="1:24" x14ac:dyDescent="0.25">
      <c r="A1649">
        <v>11420</v>
      </c>
      <c r="B1649" t="s">
        <v>93</v>
      </c>
      <c r="C1649">
        <v>48</v>
      </c>
      <c r="D1649" t="s">
        <v>172</v>
      </c>
      <c r="E1649">
        <v>1124</v>
      </c>
      <c r="F1649" t="s">
        <v>892</v>
      </c>
      <c r="G1649" t="s">
        <v>892</v>
      </c>
      <c r="H1649" t="s">
        <v>892</v>
      </c>
      <c r="I1649" t="s">
        <v>892</v>
      </c>
      <c r="J1649" t="s">
        <v>894</v>
      </c>
      <c r="K1649">
        <v>18</v>
      </c>
      <c r="L1649" t="s">
        <v>892</v>
      </c>
      <c r="M1649" t="s">
        <v>892</v>
      </c>
      <c r="N1649" t="s">
        <v>892</v>
      </c>
      <c r="O1649" t="s">
        <v>892</v>
      </c>
      <c r="P1649" t="s">
        <v>655</v>
      </c>
      <c r="Q1649">
        <v>1</v>
      </c>
      <c r="R1649" t="s">
        <v>893</v>
      </c>
      <c r="S1649">
        <v>3</v>
      </c>
      <c r="T1649" t="s">
        <v>892</v>
      </c>
      <c r="U1649" t="s">
        <v>892</v>
      </c>
      <c r="V1649">
        <v>3</v>
      </c>
      <c r="W1649">
        <v>180</v>
      </c>
      <c r="X1649">
        <v>2020</v>
      </c>
    </row>
    <row r="1650" spans="1:24" x14ac:dyDescent="0.25">
      <c r="A1650">
        <v>11419</v>
      </c>
      <c r="B1650" t="s">
        <v>93</v>
      </c>
      <c r="C1650">
        <v>48</v>
      </c>
      <c r="D1650" t="s">
        <v>170</v>
      </c>
      <c r="E1650">
        <v>1126</v>
      </c>
      <c r="F1650" t="s">
        <v>892</v>
      </c>
      <c r="G1650" t="s">
        <v>892</v>
      </c>
      <c r="H1650" t="s">
        <v>892</v>
      </c>
      <c r="I1650" t="s">
        <v>892</v>
      </c>
      <c r="J1650" t="s">
        <v>868</v>
      </c>
      <c r="K1650">
        <v>23</v>
      </c>
      <c r="L1650" t="s">
        <v>892</v>
      </c>
      <c r="M1650" t="s">
        <v>892</v>
      </c>
      <c r="N1650" t="s">
        <v>892</v>
      </c>
      <c r="O1650" t="s">
        <v>892</v>
      </c>
      <c r="P1650" t="s">
        <v>655</v>
      </c>
      <c r="Q1650">
        <v>1</v>
      </c>
      <c r="R1650" t="s">
        <v>893</v>
      </c>
      <c r="S1650">
        <v>3</v>
      </c>
      <c r="T1650" t="s">
        <v>892</v>
      </c>
      <c r="U1650" t="s">
        <v>892</v>
      </c>
      <c r="V1650">
        <v>3</v>
      </c>
      <c r="W1650">
        <v>180</v>
      </c>
      <c r="X1650">
        <v>2020</v>
      </c>
    </row>
    <row r="1651" spans="1:24" x14ac:dyDescent="0.25">
      <c r="A1651">
        <v>11418</v>
      </c>
      <c r="B1651" t="s">
        <v>224</v>
      </c>
      <c r="C1651">
        <v>46</v>
      </c>
      <c r="D1651" t="s">
        <v>223</v>
      </c>
      <c r="E1651">
        <v>1084</v>
      </c>
      <c r="F1651" t="s">
        <v>892</v>
      </c>
      <c r="G1651" t="s">
        <v>892</v>
      </c>
      <c r="H1651" t="s">
        <v>892</v>
      </c>
      <c r="I1651" t="s">
        <v>892</v>
      </c>
      <c r="J1651" t="s">
        <v>1538</v>
      </c>
      <c r="K1651">
        <v>36</v>
      </c>
      <c r="L1651" t="s">
        <v>892</v>
      </c>
      <c r="M1651" t="s">
        <v>892</v>
      </c>
      <c r="N1651" t="s">
        <v>892</v>
      </c>
      <c r="O1651" t="s">
        <v>892</v>
      </c>
      <c r="P1651" t="s">
        <v>655</v>
      </c>
      <c r="Q1651">
        <v>1</v>
      </c>
      <c r="R1651" t="s">
        <v>893</v>
      </c>
      <c r="S1651">
        <v>3</v>
      </c>
      <c r="T1651" t="s">
        <v>892</v>
      </c>
      <c r="U1651" t="s">
        <v>892</v>
      </c>
      <c r="V1651">
        <v>3</v>
      </c>
      <c r="W1651">
        <v>180</v>
      </c>
      <c r="X1651">
        <v>2020</v>
      </c>
    </row>
    <row r="1652" spans="1:24" x14ac:dyDescent="0.25">
      <c r="A1652">
        <v>11416</v>
      </c>
      <c r="B1652" t="s">
        <v>74</v>
      </c>
      <c r="C1652">
        <v>40</v>
      </c>
      <c r="D1652" t="s">
        <v>222</v>
      </c>
      <c r="E1652">
        <v>1085</v>
      </c>
      <c r="F1652" t="s">
        <v>892</v>
      </c>
      <c r="G1652" t="s">
        <v>892</v>
      </c>
      <c r="H1652" t="s">
        <v>892</v>
      </c>
      <c r="I1652" t="s">
        <v>892</v>
      </c>
      <c r="J1652" t="s">
        <v>880</v>
      </c>
      <c r="K1652">
        <v>58</v>
      </c>
      <c r="L1652" t="s">
        <v>892</v>
      </c>
      <c r="M1652" t="s">
        <v>892</v>
      </c>
      <c r="N1652" t="s">
        <v>892</v>
      </c>
      <c r="O1652" t="s">
        <v>892</v>
      </c>
      <c r="P1652" t="s">
        <v>655</v>
      </c>
      <c r="Q1652">
        <v>1</v>
      </c>
      <c r="R1652" t="s">
        <v>893</v>
      </c>
      <c r="S1652">
        <v>3</v>
      </c>
      <c r="T1652" t="s">
        <v>892</v>
      </c>
      <c r="U1652" t="s">
        <v>892</v>
      </c>
      <c r="V1652">
        <v>3</v>
      </c>
      <c r="W1652">
        <v>180</v>
      </c>
      <c r="X1652">
        <v>2020</v>
      </c>
    </row>
    <row r="1653" spans="1:24" x14ac:dyDescent="0.25">
      <c r="A1653">
        <v>11415</v>
      </c>
      <c r="B1653" t="s">
        <v>74</v>
      </c>
      <c r="C1653">
        <v>40</v>
      </c>
      <c r="D1653" t="s">
        <v>222</v>
      </c>
      <c r="E1653">
        <v>1085</v>
      </c>
      <c r="F1653" t="s">
        <v>892</v>
      </c>
      <c r="G1653" t="s">
        <v>892</v>
      </c>
      <c r="H1653" t="s">
        <v>892</v>
      </c>
      <c r="I1653" t="s">
        <v>892</v>
      </c>
      <c r="J1653" t="s">
        <v>710</v>
      </c>
      <c r="K1653">
        <v>53</v>
      </c>
      <c r="L1653" t="s">
        <v>892</v>
      </c>
      <c r="M1653" t="s">
        <v>892</v>
      </c>
      <c r="N1653" t="s">
        <v>892</v>
      </c>
      <c r="O1653" t="s">
        <v>892</v>
      </c>
      <c r="P1653" t="s">
        <v>655</v>
      </c>
      <c r="Q1653">
        <v>1</v>
      </c>
      <c r="R1653" t="s">
        <v>893</v>
      </c>
      <c r="S1653">
        <v>3</v>
      </c>
      <c r="T1653" t="s">
        <v>892</v>
      </c>
      <c r="U1653" t="s">
        <v>892</v>
      </c>
      <c r="V1653">
        <v>3</v>
      </c>
      <c r="W1653">
        <v>180</v>
      </c>
      <c r="X1653">
        <v>2020</v>
      </c>
    </row>
    <row r="1654" spans="1:24" x14ac:dyDescent="0.25">
      <c r="A1654">
        <v>11414</v>
      </c>
      <c r="B1654" t="s">
        <v>247</v>
      </c>
      <c r="C1654">
        <v>39</v>
      </c>
      <c r="D1654" t="s">
        <v>246</v>
      </c>
      <c r="E1654">
        <v>1063</v>
      </c>
      <c r="F1654" t="s">
        <v>892</v>
      </c>
      <c r="G1654" t="s">
        <v>892</v>
      </c>
      <c r="H1654" t="s">
        <v>892</v>
      </c>
      <c r="I1654" t="s">
        <v>892</v>
      </c>
      <c r="J1654" t="s">
        <v>679</v>
      </c>
      <c r="K1654">
        <v>32</v>
      </c>
      <c r="L1654" t="s">
        <v>892</v>
      </c>
      <c r="M1654" t="s">
        <v>892</v>
      </c>
      <c r="N1654" t="s">
        <v>892</v>
      </c>
      <c r="O1654" t="s">
        <v>892</v>
      </c>
      <c r="P1654" t="s">
        <v>655</v>
      </c>
      <c r="Q1654">
        <v>1</v>
      </c>
      <c r="R1654" t="s">
        <v>893</v>
      </c>
      <c r="S1654">
        <v>3</v>
      </c>
      <c r="T1654" t="s">
        <v>892</v>
      </c>
      <c r="U1654" t="s">
        <v>892</v>
      </c>
      <c r="V1654">
        <v>3</v>
      </c>
      <c r="W1654">
        <v>180</v>
      </c>
      <c r="X1654">
        <v>2020</v>
      </c>
    </row>
    <row r="1655" spans="1:24" x14ac:dyDescent="0.25">
      <c r="A1655">
        <v>11413</v>
      </c>
      <c r="B1655" t="s">
        <v>95</v>
      </c>
      <c r="C1655">
        <v>26</v>
      </c>
      <c r="D1655" t="s">
        <v>148</v>
      </c>
      <c r="E1655">
        <v>1149</v>
      </c>
      <c r="F1655" t="s">
        <v>892</v>
      </c>
      <c r="G1655" t="s">
        <v>892</v>
      </c>
      <c r="H1655" t="s">
        <v>892</v>
      </c>
      <c r="I1655" t="s">
        <v>892</v>
      </c>
      <c r="J1655" t="s">
        <v>792</v>
      </c>
      <c r="K1655">
        <v>6</v>
      </c>
      <c r="L1655" t="s">
        <v>892</v>
      </c>
      <c r="M1655" t="s">
        <v>892</v>
      </c>
      <c r="N1655" t="s">
        <v>892</v>
      </c>
      <c r="O1655" t="s">
        <v>892</v>
      </c>
      <c r="P1655" t="s">
        <v>655</v>
      </c>
      <c r="Q1655">
        <v>1</v>
      </c>
      <c r="R1655" t="s">
        <v>893</v>
      </c>
      <c r="S1655">
        <v>3</v>
      </c>
      <c r="T1655" t="s">
        <v>892</v>
      </c>
      <c r="U1655" t="s">
        <v>892</v>
      </c>
      <c r="V1655">
        <v>3</v>
      </c>
      <c r="W1655">
        <v>180</v>
      </c>
      <c r="X1655">
        <v>2020</v>
      </c>
    </row>
    <row r="1656" spans="1:24" x14ac:dyDescent="0.25">
      <c r="A1656">
        <v>11411</v>
      </c>
      <c r="B1656" t="s">
        <v>14</v>
      </c>
      <c r="C1656">
        <v>20</v>
      </c>
      <c r="D1656" t="s">
        <v>254</v>
      </c>
      <c r="E1656">
        <v>1056</v>
      </c>
      <c r="F1656" t="s">
        <v>892</v>
      </c>
      <c r="G1656" t="s">
        <v>892</v>
      </c>
      <c r="H1656" t="s">
        <v>892</v>
      </c>
      <c r="I1656" t="s">
        <v>892</v>
      </c>
      <c r="J1656" t="s">
        <v>682</v>
      </c>
      <c r="K1656">
        <v>20</v>
      </c>
      <c r="L1656" t="s">
        <v>892</v>
      </c>
      <c r="M1656" t="s">
        <v>892</v>
      </c>
      <c r="N1656" t="s">
        <v>892</v>
      </c>
      <c r="O1656" t="s">
        <v>892</v>
      </c>
      <c r="P1656" t="s">
        <v>655</v>
      </c>
      <c r="Q1656">
        <v>1</v>
      </c>
      <c r="R1656" t="s">
        <v>893</v>
      </c>
      <c r="S1656">
        <v>3</v>
      </c>
      <c r="T1656" t="s">
        <v>892</v>
      </c>
      <c r="U1656" t="s">
        <v>892</v>
      </c>
      <c r="V1656">
        <v>3</v>
      </c>
      <c r="W1656">
        <v>180</v>
      </c>
      <c r="X1656">
        <v>2020</v>
      </c>
    </row>
    <row r="1657" spans="1:24" x14ac:dyDescent="0.25">
      <c r="A1657">
        <v>11410</v>
      </c>
      <c r="B1657" t="s">
        <v>14</v>
      </c>
      <c r="C1657">
        <v>20</v>
      </c>
      <c r="D1657" t="s">
        <v>105</v>
      </c>
      <c r="E1657">
        <v>1195</v>
      </c>
      <c r="F1657" t="s">
        <v>892</v>
      </c>
      <c r="G1657" t="s">
        <v>892</v>
      </c>
      <c r="H1657" t="s">
        <v>892</v>
      </c>
      <c r="I1657" t="s">
        <v>892</v>
      </c>
      <c r="J1657" t="s">
        <v>868</v>
      </c>
      <c r="K1657">
        <v>23</v>
      </c>
      <c r="L1657" t="s">
        <v>892</v>
      </c>
      <c r="M1657" t="s">
        <v>892</v>
      </c>
      <c r="N1657" t="s">
        <v>892</v>
      </c>
      <c r="O1657" t="s">
        <v>892</v>
      </c>
      <c r="P1657" t="s">
        <v>655</v>
      </c>
      <c r="Q1657">
        <v>1</v>
      </c>
      <c r="R1657" t="s">
        <v>893</v>
      </c>
      <c r="S1657">
        <v>3</v>
      </c>
      <c r="T1657" t="s">
        <v>892</v>
      </c>
      <c r="U1657" t="s">
        <v>892</v>
      </c>
      <c r="V1657">
        <v>3</v>
      </c>
      <c r="W1657">
        <v>180</v>
      </c>
      <c r="X1657">
        <v>2020</v>
      </c>
    </row>
    <row r="1658" spans="1:24" x14ac:dyDescent="0.25">
      <c r="A1658">
        <v>11409</v>
      </c>
      <c r="B1658" t="s">
        <v>14</v>
      </c>
      <c r="C1658">
        <v>20</v>
      </c>
      <c r="D1658" t="s">
        <v>106</v>
      </c>
      <c r="E1658">
        <v>1194</v>
      </c>
      <c r="F1658" t="s">
        <v>892</v>
      </c>
      <c r="G1658" t="s">
        <v>892</v>
      </c>
      <c r="H1658" t="s">
        <v>892</v>
      </c>
      <c r="I1658" t="s">
        <v>892</v>
      </c>
      <c r="J1658" t="s">
        <v>868</v>
      </c>
      <c r="K1658">
        <v>23</v>
      </c>
      <c r="L1658" t="s">
        <v>892</v>
      </c>
      <c r="M1658" t="s">
        <v>892</v>
      </c>
      <c r="N1658" t="s">
        <v>892</v>
      </c>
      <c r="O1658" t="s">
        <v>892</v>
      </c>
      <c r="P1658" t="s">
        <v>655</v>
      </c>
      <c r="Q1658">
        <v>1</v>
      </c>
      <c r="R1658" t="s">
        <v>893</v>
      </c>
      <c r="S1658">
        <v>3</v>
      </c>
      <c r="T1658" t="s">
        <v>892</v>
      </c>
      <c r="U1658" t="s">
        <v>892</v>
      </c>
      <c r="V1658">
        <v>3</v>
      </c>
      <c r="W1658">
        <v>180</v>
      </c>
      <c r="X1658">
        <v>2020</v>
      </c>
    </row>
    <row r="1659" spans="1:24" x14ac:dyDescent="0.25">
      <c r="A1659">
        <v>11408</v>
      </c>
      <c r="B1659" t="s">
        <v>14</v>
      </c>
      <c r="C1659">
        <v>20</v>
      </c>
      <c r="D1659" t="s">
        <v>253</v>
      </c>
      <c r="E1659">
        <v>1057</v>
      </c>
      <c r="F1659" t="s">
        <v>892</v>
      </c>
      <c r="G1659" t="s">
        <v>892</v>
      </c>
      <c r="H1659" t="s">
        <v>892</v>
      </c>
      <c r="I1659" t="s">
        <v>892</v>
      </c>
      <c r="J1659" t="s">
        <v>1028</v>
      </c>
      <c r="K1659">
        <v>33</v>
      </c>
      <c r="L1659" t="s">
        <v>892</v>
      </c>
      <c r="M1659" t="s">
        <v>892</v>
      </c>
      <c r="N1659" t="s">
        <v>892</v>
      </c>
      <c r="O1659" t="s">
        <v>892</v>
      </c>
      <c r="P1659" t="s">
        <v>655</v>
      </c>
      <c r="Q1659">
        <v>1</v>
      </c>
      <c r="R1659" t="s">
        <v>893</v>
      </c>
      <c r="S1659">
        <v>3</v>
      </c>
      <c r="T1659" t="s">
        <v>892</v>
      </c>
      <c r="U1659" t="s">
        <v>892</v>
      </c>
      <c r="V1659">
        <v>3</v>
      </c>
      <c r="W1659">
        <v>180</v>
      </c>
      <c r="X1659">
        <v>2020</v>
      </c>
    </row>
    <row r="1660" spans="1:24" x14ac:dyDescent="0.25">
      <c r="A1660">
        <v>11407</v>
      </c>
      <c r="B1660" t="s">
        <v>218</v>
      </c>
      <c r="C1660">
        <v>17</v>
      </c>
      <c r="D1660" t="s">
        <v>217</v>
      </c>
      <c r="E1660">
        <v>1089</v>
      </c>
      <c r="F1660" t="s">
        <v>892</v>
      </c>
      <c r="G1660" t="s">
        <v>892</v>
      </c>
      <c r="H1660" t="s">
        <v>892</v>
      </c>
      <c r="I1660" t="s">
        <v>892</v>
      </c>
      <c r="J1660" t="s">
        <v>673</v>
      </c>
      <c r="K1660">
        <v>34</v>
      </c>
      <c r="L1660" t="s">
        <v>892</v>
      </c>
      <c r="M1660" t="s">
        <v>892</v>
      </c>
      <c r="N1660" t="s">
        <v>892</v>
      </c>
      <c r="O1660" t="s">
        <v>892</v>
      </c>
      <c r="P1660" t="s">
        <v>655</v>
      </c>
      <c r="Q1660">
        <v>1</v>
      </c>
      <c r="R1660" t="s">
        <v>893</v>
      </c>
      <c r="S1660">
        <v>3</v>
      </c>
      <c r="T1660" t="s">
        <v>892</v>
      </c>
      <c r="U1660" t="s">
        <v>892</v>
      </c>
      <c r="V1660">
        <v>3</v>
      </c>
      <c r="W1660">
        <v>180</v>
      </c>
      <c r="X1660">
        <v>2020</v>
      </c>
    </row>
    <row r="1661" spans="1:24" x14ac:dyDescent="0.25">
      <c r="A1661">
        <v>11406</v>
      </c>
      <c r="B1661" t="s">
        <v>226</v>
      </c>
      <c r="C1661">
        <v>1</v>
      </c>
      <c r="D1661" t="s">
        <v>225</v>
      </c>
      <c r="E1661">
        <v>1083</v>
      </c>
      <c r="F1661" t="s">
        <v>892</v>
      </c>
      <c r="G1661" t="s">
        <v>892</v>
      </c>
      <c r="H1661" t="s">
        <v>892</v>
      </c>
      <c r="I1661" t="s">
        <v>892</v>
      </c>
      <c r="J1661" t="s">
        <v>767</v>
      </c>
      <c r="K1661">
        <v>44</v>
      </c>
      <c r="L1661" t="s">
        <v>892</v>
      </c>
      <c r="M1661" t="s">
        <v>892</v>
      </c>
      <c r="N1661" t="s">
        <v>892</v>
      </c>
      <c r="O1661" t="s">
        <v>892</v>
      </c>
      <c r="P1661" t="s">
        <v>655</v>
      </c>
      <c r="Q1661">
        <v>1</v>
      </c>
      <c r="R1661" t="s">
        <v>893</v>
      </c>
      <c r="S1661">
        <v>3</v>
      </c>
      <c r="T1661" t="s">
        <v>892</v>
      </c>
      <c r="U1661" t="s">
        <v>892</v>
      </c>
      <c r="V1661">
        <v>3</v>
      </c>
      <c r="W1661">
        <v>180</v>
      </c>
      <c r="X1661">
        <v>2020</v>
      </c>
    </row>
    <row r="1662" spans="1:24" x14ac:dyDescent="0.25">
      <c r="A1662">
        <v>11405</v>
      </c>
      <c r="B1662" t="s">
        <v>226</v>
      </c>
      <c r="C1662">
        <v>1</v>
      </c>
      <c r="D1662" t="s">
        <v>232</v>
      </c>
      <c r="E1662">
        <v>1077</v>
      </c>
      <c r="F1662" t="s">
        <v>892</v>
      </c>
      <c r="G1662" t="s">
        <v>892</v>
      </c>
      <c r="H1662" t="s">
        <v>892</v>
      </c>
      <c r="I1662" t="s">
        <v>892</v>
      </c>
      <c r="J1662" t="s">
        <v>738</v>
      </c>
      <c r="K1662">
        <v>61</v>
      </c>
      <c r="L1662" t="s">
        <v>892</v>
      </c>
      <c r="M1662" t="s">
        <v>892</v>
      </c>
      <c r="N1662" t="s">
        <v>892</v>
      </c>
      <c r="O1662" t="s">
        <v>892</v>
      </c>
      <c r="P1662" t="s">
        <v>655</v>
      </c>
      <c r="Q1662">
        <v>1</v>
      </c>
      <c r="R1662" t="s">
        <v>893</v>
      </c>
      <c r="S1662">
        <v>3</v>
      </c>
      <c r="T1662" t="s">
        <v>892</v>
      </c>
      <c r="U1662" t="s">
        <v>892</v>
      </c>
      <c r="V1662">
        <v>3</v>
      </c>
      <c r="W1662">
        <v>180</v>
      </c>
      <c r="X1662">
        <v>2020</v>
      </c>
    </row>
    <row r="1663" spans="1:24" x14ac:dyDescent="0.25">
      <c r="A1663">
        <v>11404</v>
      </c>
      <c r="B1663" t="s">
        <v>30</v>
      </c>
      <c r="C1663">
        <v>18</v>
      </c>
      <c r="D1663" t="s">
        <v>29</v>
      </c>
      <c r="E1663">
        <v>1354</v>
      </c>
      <c r="F1663" t="s">
        <v>892</v>
      </c>
      <c r="G1663" t="s">
        <v>892</v>
      </c>
      <c r="H1663" t="s">
        <v>892</v>
      </c>
      <c r="I1663" t="s">
        <v>892</v>
      </c>
      <c r="J1663" t="s">
        <v>866</v>
      </c>
      <c r="K1663">
        <v>9</v>
      </c>
      <c r="L1663" t="s">
        <v>892</v>
      </c>
      <c r="M1663" t="s">
        <v>892</v>
      </c>
      <c r="N1663" t="s">
        <v>892</v>
      </c>
      <c r="O1663" t="s">
        <v>892</v>
      </c>
      <c r="P1663" t="s">
        <v>655</v>
      </c>
      <c r="Q1663">
        <v>1</v>
      </c>
      <c r="R1663" t="s">
        <v>893</v>
      </c>
      <c r="S1663">
        <v>3</v>
      </c>
      <c r="T1663" t="s">
        <v>892</v>
      </c>
      <c r="U1663" t="s">
        <v>892</v>
      </c>
      <c r="V1663">
        <v>3</v>
      </c>
      <c r="W1663">
        <v>180</v>
      </c>
      <c r="X1663">
        <v>2020</v>
      </c>
    </row>
    <row r="1664" spans="1:24" x14ac:dyDescent="0.25">
      <c r="A1664">
        <v>11403</v>
      </c>
      <c r="B1664" t="s">
        <v>30</v>
      </c>
      <c r="C1664">
        <v>18</v>
      </c>
      <c r="D1664" t="s">
        <v>29</v>
      </c>
      <c r="E1664">
        <v>1354</v>
      </c>
      <c r="F1664" t="s">
        <v>892</v>
      </c>
      <c r="G1664" t="s">
        <v>892</v>
      </c>
      <c r="H1664" t="s">
        <v>892</v>
      </c>
      <c r="I1664" t="s">
        <v>892</v>
      </c>
      <c r="J1664" t="s">
        <v>663</v>
      </c>
      <c r="K1664">
        <v>99</v>
      </c>
      <c r="L1664" t="s">
        <v>892</v>
      </c>
      <c r="M1664" t="s">
        <v>892</v>
      </c>
      <c r="N1664" t="s">
        <v>892</v>
      </c>
      <c r="O1664" t="s">
        <v>892</v>
      </c>
      <c r="P1664" t="s">
        <v>655</v>
      </c>
      <c r="Q1664">
        <v>1</v>
      </c>
      <c r="R1664" t="s">
        <v>893</v>
      </c>
      <c r="S1664">
        <v>3</v>
      </c>
      <c r="T1664" t="s">
        <v>892</v>
      </c>
      <c r="U1664" t="s">
        <v>892</v>
      </c>
      <c r="V1664">
        <v>3</v>
      </c>
      <c r="W1664">
        <v>180</v>
      </c>
      <c r="X1664">
        <v>2020</v>
      </c>
    </row>
    <row r="1665" spans="1:24" x14ac:dyDescent="0.25">
      <c r="A1665">
        <v>11402</v>
      </c>
      <c r="B1665" t="s">
        <v>30</v>
      </c>
      <c r="C1665">
        <v>18</v>
      </c>
      <c r="D1665" t="s">
        <v>29</v>
      </c>
      <c r="E1665">
        <v>1354</v>
      </c>
      <c r="F1665" t="s">
        <v>892</v>
      </c>
      <c r="G1665" t="s">
        <v>892</v>
      </c>
      <c r="H1665" t="s">
        <v>892</v>
      </c>
      <c r="I1665" t="s">
        <v>892</v>
      </c>
      <c r="J1665" t="s">
        <v>885</v>
      </c>
      <c r="K1665">
        <v>1</v>
      </c>
      <c r="L1665" t="s">
        <v>892</v>
      </c>
      <c r="M1665" t="s">
        <v>892</v>
      </c>
      <c r="N1665" t="s">
        <v>892</v>
      </c>
      <c r="O1665" t="s">
        <v>892</v>
      </c>
      <c r="P1665" t="s">
        <v>655</v>
      </c>
      <c r="Q1665">
        <v>1</v>
      </c>
      <c r="R1665" t="s">
        <v>893</v>
      </c>
      <c r="S1665">
        <v>3</v>
      </c>
      <c r="T1665" t="s">
        <v>892</v>
      </c>
      <c r="U1665" t="s">
        <v>892</v>
      </c>
      <c r="V1665">
        <v>3</v>
      </c>
      <c r="W1665">
        <v>180</v>
      </c>
      <c r="X1665">
        <v>2020</v>
      </c>
    </row>
    <row r="1666" spans="1:24" x14ac:dyDescent="0.25">
      <c r="A1666">
        <v>11401</v>
      </c>
      <c r="B1666" t="s">
        <v>30</v>
      </c>
      <c r="C1666">
        <v>18</v>
      </c>
      <c r="D1666" t="s">
        <v>29</v>
      </c>
      <c r="E1666">
        <v>1354</v>
      </c>
      <c r="F1666" t="s">
        <v>892</v>
      </c>
      <c r="G1666" t="s">
        <v>892</v>
      </c>
      <c r="H1666" t="s">
        <v>892</v>
      </c>
      <c r="I1666" t="s">
        <v>892</v>
      </c>
      <c r="J1666" t="s">
        <v>738</v>
      </c>
      <c r="K1666">
        <v>61</v>
      </c>
      <c r="L1666" t="s">
        <v>892</v>
      </c>
      <c r="M1666" t="s">
        <v>892</v>
      </c>
      <c r="N1666" t="s">
        <v>892</v>
      </c>
      <c r="O1666" t="s">
        <v>892</v>
      </c>
      <c r="P1666" t="s">
        <v>655</v>
      </c>
      <c r="Q1666">
        <v>1</v>
      </c>
      <c r="R1666" t="s">
        <v>893</v>
      </c>
      <c r="S1666">
        <v>3</v>
      </c>
      <c r="T1666" t="s">
        <v>892</v>
      </c>
      <c r="U1666" t="s">
        <v>892</v>
      </c>
      <c r="V1666">
        <v>3</v>
      </c>
      <c r="W1666">
        <v>180</v>
      </c>
      <c r="X1666">
        <v>2020</v>
      </c>
    </row>
    <row r="1667" spans="1:24" x14ac:dyDescent="0.25">
      <c r="A1667">
        <v>11400</v>
      </c>
      <c r="B1667" t="s">
        <v>30</v>
      </c>
      <c r="C1667">
        <v>18</v>
      </c>
      <c r="D1667" t="s">
        <v>29</v>
      </c>
      <c r="E1667">
        <v>1354</v>
      </c>
      <c r="F1667" t="s">
        <v>892</v>
      </c>
      <c r="G1667" t="s">
        <v>892</v>
      </c>
      <c r="H1667" t="s">
        <v>892</v>
      </c>
      <c r="I1667" t="s">
        <v>892</v>
      </c>
      <c r="J1667" t="s">
        <v>730</v>
      </c>
      <c r="K1667">
        <v>66</v>
      </c>
      <c r="L1667" t="s">
        <v>892</v>
      </c>
      <c r="M1667" t="s">
        <v>892</v>
      </c>
      <c r="N1667" t="s">
        <v>892</v>
      </c>
      <c r="O1667" t="s">
        <v>892</v>
      </c>
      <c r="P1667" t="s">
        <v>655</v>
      </c>
      <c r="Q1667">
        <v>1</v>
      </c>
      <c r="R1667" t="s">
        <v>893</v>
      </c>
      <c r="S1667">
        <v>3</v>
      </c>
      <c r="T1667" t="s">
        <v>892</v>
      </c>
      <c r="U1667" t="s">
        <v>892</v>
      </c>
      <c r="V1667">
        <v>3</v>
      </c>
      <c r="W1667">
        <v>180</v>
      </c>
      <c r="X1667">
        <v>2020</v>
      </c>
    </row>
    <row r="1668" spans="1:24" x14ac:dyDescent="0.25">
      <c r="A1668">
        <v>11399</v>
      </c>
      <c r="B1668" t="s">
        <v>30</v>
      </c>
      <c r="C1668">
        <v>18</v>
      </c>
      <c r="D1668" t="s">
        <v>29</v>
      </c>
      <c r="E1668">
        <v>1354</v>
      </c>
      <c r="F1668" t="s">
        <v>892</v>
      </c>
      <c r="G1668" t="s">
        <v>892</v>
      </c>
      <c r="H1668" t="s">
        <v>892</v>
      </c>
      <c r="I1668" t="s">
        <v>892</v>
      </c>
      <c r="J1668" t="s">
        <v>693</v>
      </c>
      <c r="K1668">
        <v>56</v>
      </c>
      <c r="L1668" t="s">
        <v>892</v>
      </c>
      <c r="M1668" t="s">
        <v>892</v>
      </c>
      <c r="N1668" t="s">
        <v>892</v>
      </c>
      <c r="O1668" t="s">
        <v>892</v>
      </c>
      <c r="P1668" t="s">
        <v>655</v>
      </c>
      <c r="Q1668">
        <v>1</v>
      </c>
      <c r="R1668" t="s">
        <v>893</v>
      </c>
      <c r="S1668">
        <v>3</v>
      </c>
      <c r="T1668" t="s">
        <v>892</v>
      </c>
      <c r="U1668" t="s">
        <v>892</v>
      </c>
      <c r="V1668">
        <v>3</v>
      </c>
      <c r="W1668">
        <v>180</v>
      </c>
      <c r="X1668">
        <v>2020</v>
      </c>
    </row>
    <row r="1669" spans="1:24" x14ac:dyDescent="0.25">
      <c r="A1669">
        <v>11398</v>
      </c>
      <c r="B1669" t="s">
        <v>30</v>
      </c>
      <c r="C1669">
        <v>18</v>
      </c>
      <c r="D1669" t="s">
        <v>29</v>
      </c>
      <c r="E1669">
        <v>1354</v>
      </c>
      <c r="F1669" t="s">
        <v>892</v>
      </c>
      <c r="G1669" t="s">
        <v>892</v>
      </c>
      <c r="H1669" t="s">
        <v>892</v>
      </c>
      <c r="I1669" t="s">
        <v>892</v>
      </c>
      <c r="J1669" t="s">
        <v>714</v>
      </c>
      <c r="K1669">
        <v>52</v>
      </c>
      <c r="L1669" t="s">
        <v>892</v>
      </c>
      <c r="M1669" t="s">
        <v>892</v>
      </c>
      <c r="N1669" t="s">
        <v>892</v>
      </c>
      <c r="O1669" t="s">
        <v>892</v>
      </c>
      <c r="P1669" t="s">
        <v>655</v>
      </c>
      <c r="Q1669">
        <v>1</v>
      </c>
      <c r="R1669" t="s">
        <v>893</v>
      </c>
      <c r="S1669">
        <v>3</v>
      </c>
      <c r="T1669" t="s">
        <v>892</v>
      </c>
      <c r="U1669" t="s">
        <v>892</v>
      </c>
      <c r="V1669">
        <v>3</v>
      </c>
      <c r="W1669">
        <v>180</v>
      </c>
      <c r="X1669">
        <v>2020</v>
      </c>
    </row>
    <row r="1670" spans="1:24" x14ac:dyDescent="0.25">
      <c r="A1670">
        <v>11397</v>
      </c>
      <c r="B1670" t="s">
        <v>30</v>
      </c>
      <c r="C1670">
        <v>18</v>
      </c>
      <c r="D1670" t="s">
        <v>29</v>
      </c>
      <c r="E1670">
        <v>1354</v>
      </c>
      <c r="F1670" t="s">
        <v>892</v>
      </c>
      <c r="G1670" t="s">
        <v>892</v>
      </c>
      <c r="H1670" t="s">
        <v>892</v>
      </c>
      <c r="I1670" t="s">
        <v>892</v>
      </c>
      <c r="J1670" t="s">
        <v>848</v>
      </c>
      <c r="K1670">
        <v>62</v>
      </c>
      <c r="L1670" t="s">
        <v>892</v>
      </c>
      <c r="M1670" t="s">
        <v>892</v>
      </c>
      <c r="N1670" t="s">
        <v>892</v>
      </c>
      <c r="O1670" t="s">
        <v>892</v>
      </c>
      <c r="P1670" t="s">
        <v>655</v>
      </c>
      <c r="Q1670">
        <v>1</v>
      </c>
      <c r="R1670" t="s">
        <v>893</v>
      </c>
      <c r="S1670">
        <v>3</v>
      </c>
      <c r="T1670" t="s">
        <v>892</v>
      </c>
      <c r="U1670" t="s">
        <v>892</v>
      </c>
      <c r="V1670">
        <v>3</v>
      </c>
      <c r="W1670">
        <v>180</v>
      </c>
      <c r="X1670">
        <v>2020</v>
      </c>
    </row>
    <row r="1671" spans="1:24" x14ac:dyDescent="0.25">
      <c r="A1671">
        <v>11396</v>
      </c>
      <c r="B1671" t="s">
        <v>30</v>
      </c>
      <c r="C1671">
        <v>18</v>
      </c>
      <c r="D1671" t="s">
        <v>29</v>
      </c>
      <c r="E1671">
        <v>1354</v>
      </c>
      <c r="F1671" t="s">
        <v>892</v>
      </c>
      <c r="G1671" t="s">
        <v>892</v>
      </c>
      <c r="H1671" t="s">
        <v>892</v>
      </c>
      <c r="I1671" t="s">
        <v>892</v>
      </c>
      <c r="J1671" t="s">
        <v>1236</v>
      </c>
      <c r="K1671">
        <v>60</v>
      </c>
      <c r="L1671" t="s">
        <v>892</v>
      </c>
      <c r="M1671" t="s">
        <v>892</v>
      </c>
      <c r="N1671" t="s">
        <v>892</v>
      </c>
      <c r="O1671" t="s">
        <v>892</v>
      </c>
      <c r="P1671" t="s">
        <v>655</v>
      </c>
      <c r="Q1671">
        <v>1</v>
      </c>
      <c r="R1671" t="s">
        <v>893</v>
      </c>
      <c r="S1671">
        <v>3</v>
      </c>
      <c r="T1671" t="s">
        <v>892</v>
      </c>
      <c r="U1671" t="s">
        <v>892</v>
      </c>
      <c r="V1671">
        <v>3</v>
      </c>
      <c r="W1671">
        <v>180</v>
      </c>
      <c r="X1671">
        <v>2020</v>
      </c>
    </row>
    <row r="1672" spans="1:24" x14ac:dyDescent="0.25">
      <c r="A1672">
        <v>11395</v>
      </c>
      <c r="B1672" t="s">
        <v>30</v>
      </c>
      <c r="C1672">
        <v>18</v>
      </c>
      <c r="D1672" t="s">
        <v>29</v>
      </c>
      <c r="E1672">
        <v>1354</v>
      </c>
      <c r="F1672" t="s">
        <v>892</v>
      </c>
      <c r="G1672" t="s">
        <v>892</v>
      </c>
      <c r="H1672" t="s">
        <v>892</v>
      </c>
      <c r="I1672" t="s">
        <v>892</v>
      </c>
      <c r="J1672" t="s">
        <v>710</v>
      </c>
      <c r="K1672">
        <v>53</v>
      </c>
      <c r="L1672" t="s">
        <v>892</v>
      </c>
      <c r="M1672" t="s">
        <v>892</v>
      </c>
      <c r="N1672" t="s">
        <v>892</v>
      </c>
      <c r="O1672" t="s">
        <v>892</v>
      </c>
      <c r="P1672" t="s">
        <v>655</v>
      </c>
      <c r="Q1672">
        <v>1</v>
      </c>
      <c r="R1672" t="s">
        <v>893</v>
      </c>
      <c r="S1672">
        <v>3</v>
      </c>
      <c r="T1672" t="s">
        <v>892</v>
      </c>
      <c r="U1672" t="s">
        <v>892</v>
      </c>
      <c r="V1672">
        <v>3</v>
      </c>
      <c r="W1672">
        <v>180</v>
      </c>
      <c r="X1672">
        <v>2020</v>
      </c>
    </row>
    <row r="1673" spans="1:24" x14ac:dyDescent="0.25">
      <c r="A1673">
        <v>11394</v>
      </c>
      <c r="B1673" t="s">
        <v>30</v>
      </c>
      <c r="C1673">
        <v>18</v>
      </c>
      <c r="D1673" t="s">
        <v>29</v>
      </c>
      <c r="E1673">
        <v>1354</v>
      </c>
      <c r="F1673" t="s">
        <v>892</v>
      </c>
      <c r="G1673" t="s">
        <v>892</v>
      </c>
      <c r="H1673" t="s">
        <v>892</v>
      </c>
      <c r="I1673" t="s">
        <v>892</v>
      </c>
      <c r="J1673" t="s">
        <v>1022</v>
      </c>
      <c r="K1673">
        <v>85</v>
      </c>
      <c r="L1673" t="s">
        <v>892</v>
      </c>
      <c r="M1673" t="s">
        <v>892</v>
      </c>
      <c r="N1673" t="s">
        <v>892</v>
      </c>
      <c r="O1673" t="s">
        <v>892</v>
      </c>
      <c r="P1673" t="s">
        <v>655</v>
      </c>
      <c r="Q1673">
        <v>1</v>
      </c>
      <c r="R1673" t="s">
        <v>893</v>
      </c>
      <c r="S1673">
        <v>3</v>
      </c>
      <c r="T1673" t="s">
        <v>892</v>
      </c>
      <c r="U1673" t="s">
        <v>892</v>
      </c>
      <c r="V1673">
        <v>3</v>
      </c>
      <c r="W1673">
        <v>180</v>
      </c>
      <c r="X1673">
        <v>2020</v>
      </c>
    </row>
    <row r="1674" spans="1:24" x14ac:dyDescent="0.25">
      <c r="A1674">
        <v>11393</v>
      </c>
      <c r="B1674" t="s">
        <v>30</v>
      </c>
      <c r="C1674">
        <v>18</v>
      </c>
      <c r="D1674" t="s">
        <v>29</v>
      </c>
      <c r="E1674">
        <v>1354</v>
      </c>
      <c r="F1674" t="s">
        <v>892</v>
      </c>
      <c r="G1674" t="s">
        <v>892</v>
      </c>
      <c r="H1674" t="s">
        <v>892</v>
      </c>
      <c r="I1674" t="s">
        <v>892</v>
      </c>
      <c r="J1674" t="s">
        <v>797</v>
      </c>
      <c r="K1674">
        <v>65</v>
      </c>
      <c r="L1674" t="s">
        <v>892</v>
      </c>
      <c r="M1674" t="s">
        <v>892</v>
      </c>
      <c r="N1674" t="s">
        <v>892</v>
      </c>
      <c r="O1674" t="s">
        <v>892</v>
      </c>
      <c r="P1674" t="s">
        <v>655</v>
      </c>
      <c r="Q1674">
        <v>1</v>
      </c>
      <c r="R1674" t="s">
        <v>893</v>
      </c>
      <c r="S1674">
        <v>3</v>
      </c>
      <c r="T1674" t="s">
        <v>892</v>
      </c>
      <c r="U1674" t="s">
        <v>892</v>
      </c>
      <c r="V1674">
        <v>3</v>
      </c>
      <c r="W1674">
        <v>180</v>
      </c>
      <c r="X1674">
        <v>2020</v>
      </c>
    </row>
    <row r="1675" spans="1:24" x14ac:dyDescent="0.25">
      <c r="A1675">
        <v>11392</v>
      </c>
      <c r="B1675" t="s">
        <v>30</v>
      </c>
      <c r="C1675">
        <v>18</v>
      </c>
      <c r="D1675" t="s">
        <v>29</v>
      </c>
      <c r="E1675">
        <v>1354</v>
      </c>
      <c r="F1675" t="s">
        <v>892</v>
      </c>
      <c r="G1675" t="s">
        <v>892</v>
      </c>
      <c r="H1675" t="s">
        <v>892</v>
      </c>
      <c r="I1675" t="s">
        <v>892</v>
      </c>
      <c r="J1675" t="s">
        <v>767</v>
      </c>
      <c r="K1675">
        <v>44</v>
      </c>
      <c r="L1675" t="s">
        <v>892</v>
      </c>
      <c r="M1675" t="s">
        <v>892</v>
      </c>
      <c r="N1675" t="s">
        <v>892</v>
      </c>
      <c r="O1675" t="s">
        <v>892</v>
      </c>
      <c r="P1675" t="s">
        <v>655</v>
      </c>
      <c r="Q1675">
        <v>1</v>
      </c>
      <c r="R1675" t="s">
        <v>893</v>
      </c>
      <c r="S1675">
        <v>3</v>
      </c>
      <c r="T1675" t="s">
        <v>892</v>
      </c>
      <c r="U1675" t="s">
        <v>892</v>
      </c>
      <c r="V1675">
        <v>3</v>
      </c>
      <c r="W1675">
        <v>180</v>
      </c>
      <c r="X1675">
        <v>2020</v>
      </c>
    </row>
    <row r="1676" spans="1:24" x14ac:dyDescent="0.25">
      <c r="A1676">
        <v>11391</v>
      </c>
      <c r="B1676" t="s">
        <v>30</v>
      </c>
      <c r="C1676">
        <v>18</v>
      </c>
      <c r="D1676" t="s">
        <v>29</v>
      </c>
      <c r="E1676">
        <v>1354</v>
      </c>
      <c r="F1676" t="s">
        <v>892</v>
      </c>
      <c r="G1676" t="s">
        <v>892</v>
      </c>
      <c r="H1676" t="s">
        <v>892</v>
      </c>
      <c r="I1676" t="s">
        <v>892</v>
      </c>
      <c r="J1676" t="s">
        <v>1538</v>
      </c>
      <c r="K1676">
        <v>36</v>
      </c>
      <c r="L1676" t="s">
        <v>892</v>
      </c>
      <c r="M1676" t="s">
        <v>892</v>
      </c>
      <c r="N1676" t="s">
        <v>892</v>
      </c>
      <c r="O1676" t="s">
        <v>892</v>
      </c>
      <c r="P1676" t="s">
        <v>655</v>
      </c>
      <c r="Q1676">
        <v>1</v>
      </c>
      <c r="R1676" t="s">
        <v>893</v>
      </c>
      <c r="S1676">
        <v>3</v>
      </c>
      <c r="T1676" t="s">
        <v>892</v>
      </c>
      <c r="U1676" t="s">
        <v>892</v>
      </c>
      <c r="V1676">
        <v>3</v>
      </c>
      <c r="W1676">
        <v>180</v>
      </c>
      <c r="X1676">
        <v>2020</v>
      </c>
    </row>
    <row r="1677" spans="1:24" x14ac:dyDescent="0.25">
      <c r="A1677">
        <v>11390</v>
      </c>
      <c r="B1677" t="s">
        <v>110</v>
      </c>
      <c r="C1677">
        <v>2</v>
      </c>
      <c r="D1677" t="s">
        <v>109</v>
      </c>
      <c r="E1677">
        <v>1182</v>
      </c>
      <c r="F1677" t="s">
        <v>892</v>
      </c>
      <c r="G1677" t="s">
        <v>892</v>
      </c>
      <c r="H1677" t="s">
        <v>892</v>
      </c>
      <c r="I1677" t="s">
        <v>892</v>
      </c>
      <c r="J1677" t="s">
        <v>738</v>
      </c>
      <c r="K1677">
        <v>61</v>
      </c>
      <c r="L1677" t="s">
        <v>892</v>
      </c>
      <c r="M1677" t="s">
        <v>892</v>
      </c>
      <c r="N1677" t="s">
        <v>892</v>
      </c>
      <c r="O1677" t="s">
        <v>892</v>
      </c>
      <c r="P1677" t="s">
        <v>655</v>
      </c>
      <c r="Q1677">
        <v>1</v>
      </c>
      <c r="R1677" t="s">
        <v>893</v>
      </c>
      <c r="S1677">
        <v>3</v>
      </c>
      <c r="T1677" t="s">
        <v>892</v>
      </c>
      <c r="U1677" t="s">
        <v>892</v>
      </c>
      <c r="V1677">
        <v>3</v>
      </c>
      <c r="W1677">
        <v>180</v>
      </c>
      <c r="X1677">
        <v>2020</v>
      </c>
    </row>
    <row r="1678" spans="1:24" x14ac:dyDescent="0.25">
      <c r="A1678">
        <v>11389</v>
      </c>
      <c r="B1678" t="s">
        <v>110</v>
      </c>
      <c r="C1678">
        <v>2</v>
      </c>
      <c r="D1678" t="s">
        <v>109</v>
      </c>
      <c r="E1678">
        <v>1182</v>
      </c>
      <c r="F1678" t="s">
        <v>892</v>
      </c>
      <c r="G1678" t="s">
        <v>892</v>
      </c>
      <c r="H1678" t="s">
        <v>892</v>
      </c>
      <c r="I1678" t="s">
        <v>892</v>
      </c>
      <c r="J1678" t="s">
        <v>693</v>
      </c>
      <c r="K1678">
        <v>56</v>
      </c>
      <c r="L1678" t="s">
        <v>892</v>
      </c>
      <c r="M1678" t="s">
        <v>892</v>
      </c>
      <c r="N1678" t="s">
        <v>892</v>
      </c>
      <c r="O1678" t="s">
        <v>892</v>
      </c>
      <c r="P1678" t="s">
        <v>655</v>
      </c>
      <c r="Q1678">
        <v>1</v>
      </c>
      <c r="R1678" t="s">
        <v>893</v>
      </c>
      <c r="S1678">
        <v>3</v>
      </c>
      <c r="T1678" t="s">
        <v>892</v>
      </c>
      <c r="U1678" t="s">
        <v>892</v>
      </c>
      <c r="V1678">
        <v>3</v>
      </c>
      <c r="W1678">
        <v>180</v>
      </c>
      <c r="X1678">
        <v>2020</v>
      </c>
    </row>
    <row r="1679" spans="1:24" x14ac:dyDescent="0.25">
      <c r="A1679">
        <v>11388</v>
      </c>
      <c r="B1679" t="s">
        <v>110</v>
      </c>
      <c r="C1679">
        <v>2</v>
      </c>
      <c r="D1679" t="s">
        <v>109</v>
      </c>
      <c r="E1679">
        <v>1182</v>
      </c>
      <c r="F1679" t="s">
        <v>892</v>
      </c>
      <c r="G1679" t="s">
        <v>892</v>
      </c>
      <c r="H1679" t="s">
        <v>892</v>
      </c>
      <c r="I1679" t="s">
        <v>892</v>
      </c>
      <c r="J1679" t="s">
        <v>714</v>
      </c>
      <c r="K1679">
        <v>52</v>
      </c>
      <c r="L1679" t="s">
        <v>892</v>
      </c>
      <c r="M1679" t="s">
        <v>892</v>
      </c>
      <c r="N1679" t="s">
        <v>892</v>
      </c>
      <c r="O1679" t="s">
        <v>892</v>
      </c>
      <c r="P1679" t="s">
        <v>655</v>
      </c>
      <c r="Q1679">
        <v>1</v>
      </c>
      <c r="R1679" t="s">
        <v>893</v>
      </c>
      <c r="S1679">
        <v>3</v>
      </c>
      <c r="T1679" t="s">
        <v>892</v>
      </c>
      <c r="U1679" t="s">
        <v>892</v>
      </c>
      <c r="V1679">
        <v>3</v>
      </c>
      <c r="W1679">
        <v>180</v>
      </c>
      <c r="X1679">
        <v>2020</v>
      </c>
    </row>
    <row r="1680" spans="1:24" x14ac:dyDescent="0.25">
      <c r="A1680">
        <v>11387</v>
      </c>
      <c r="B1680" t="s">
        <v>110</v>
      </c>
      <c r="C1680">
        <v>2</v>
      </c>
      <c r="D1680" t="s">
        <v>109</v>
      </c>
      <c r="E1680">
        <v>1182</v>
      </c>
      <c r="F1680" t="s">
        <v>892</v>
      </c>
      <c r="G1680" t="s">
        <v>892</v>
      </c>
      <c r="H1680" t="s">
        <v>892</v>
      </c>
      <c r="I1680" t="s">
        <v>892</v>
      </c>
      <c r="J1680" t="s">
        <v>1022</v>
      </c>
      <c r="K1680">
        <v>85</v>
      </c>
      <c r="L1680" t="s">
        <v>892</v>
      </c>
      <c r="M1680" t="s">
        <v>892</v>
      </c>
      <c r="N1680" t="s">
        <v>892</v>
      </c>
      <c r="O1680" t="s">
        <v>892</v>
      </c>
      <c r="P1680" t="s">
        <v>655</v>
      </c>
      <c r="Q1680">
        <v>1</v>
      </c>
      <c r="R1680" t="s">
        <v>893</v>
      </c>
      <c r="S1680">
        <v>3</v>
      </c>
      <c r="T1680" t="s">
        <v>892</v>
      </c>
      <c r="U1680" t="s">
        <v>892</v>
      </c>
      <c r="V1680">
        <v>3</v>
      </c>
      <c r="W1680">
        <v>180</v>
      </c>
      <c r="X1680">
        <v>2020</v>
      </c>
    </row>
    <row r="1681" spans="1:24" x14ac:dyDescent="0.25">
      <c r="A1681">
        <v>11386</v>
      </c>
      <c r="B1681" t="s">
        <v>112</v>
      </c>
      <c r="C1681">
        <v>29</v>
      </c>
      <c r="D1681" t="s">
        <v>114</v>
      </c>
      <c r="E1681">
        <v>1178</v>
      </c>
      <c r="F1681" t="s">
        <v>892</v>
      </c>
      <c r="G1681" t="s">
        <v>892</v>
      </c>
      <c r="H1681" t="s">
        <v>892</v>
      </c>
      <c r="I1681" t="s">
        <v>892</v>
      </c>
      <c r="J1681" t="s">
        <v>730</v>
      </c>
      <c r="K1681">
        <v>66</v>
      </c>
      <c r="L1681" t="s">
        <v>892</v>
      </c>
      <c r="M1681" t="s">
        <v>892</v>
      </c>
      <c r="N1681" t="s">
        <v>892</v>
      </c>
      <c r="O1681" t="s">
        <v>892</v>
      </c>
      <c r="P1681" t="s">
        <v>655</v>
      </c>
      <c r="Q1681">
        <v>1</v>
      </c>
      <c r="R1681" t="s">
        <v>893</v>
      </c>
      <c r="S1681">
        <v>3</v>
      </c>
      <c r="T1681" t="s">
        <v>892</v>
      </c>
      <c r="U1681" t="s">
        <v>892</v>
      </c>
      <c r="V1681">
        <v>3</v>
      </c>
      <c r="W1681">
        <v>180</v>
      </c>
      <c r="X1681">
        <v>2020</v>
      </c>
    </row>
    <row r="1682" spans="1:24" x14ac:dyDescent="0.25">
      <c r="A1682">
        <v>11385</v>
      </c>
      <c r="B1682" t="s">
        <v>112</v>
      </c>
      <c r="C1682">
        <v>29</v>
      </c>
      <c r="D1682" t="s">
        <v>111</v>
      </c>
      <c r="E1682">
        <v>1181</v>
      </c>
      <c r="F1682" t="s">
        <v>892</v>
      </c>
      <c r="G1682" t="s">
        <v>892</v>
      </c>
      <c r="H1682" t="s">
        <v>892</v>
      </c>
      <c r="I1682" t="s">
        <v>892</v>
      </c>
      <c r="J1682" t="s">
        <v>738</v>
      </c>
      <c r="K1682">
        <v>61</v>
      </c>
      <c r="L1682" t="s">
        <v>892</v>
      </c>
      <c r="M1682" t="s">
        <v>892</v>
      </c>
      <c r="N1682" t="s">
        <v>892</v>
      </c>
      <c r="O1682" t="s">
        <v>892</v>
      </c>
      <c r="P1682" t="s">
        <v>655</v>
      </c>
      <c r="Q1682">
        <v>1</v>
      </c>
      <c r="R1682" t="s">
        <v>893</v>
      </c>
      <c r="S1682">
        <v>3</v>
      </c>
      <c r="T1682" t="s">
        <v>892</v>
      </c>
      <c r="U1682" t="s">
        <v>892</v>
      </c>
      <c r="V1682">
        <v>3</v>
      </c>
      <c r="W1682">
        <v>180</v>
      </c>
      <c r="X1682">
        <v>2020</v>
      </c>
    </row>
    <row r="1683" spans="1:24" x14ac:dyDescent="0.25">
      <c r="A1683">
        <v>11384</v>
      </c>
      <c r="B1683" t="s">
        <v>112</v>
      </c>
      <c r="C1683">
        <v>29</v>
      </c>
      <c r="D1683" t="s">
        <v>115</v>
      </c>
      <c r="E1683">
        <v>1177</v>
      </c>
      <c r="F1683" t="s">
        <v>892</v>
      </c>
      <c r="G1683" t="s">
        <v>892</v>
      </c>
      <c r="H1683" t="s">
        <v>892</v>
      </c>
      <c r="I1683" t="s">
        <v>892</v>
      </c>
      <c r="J1683" t="s">
        <v>738</v>
      </c>
      <c r="K1683">
        <v>61</v>
      </c>
      <c r="L1683" t="s">
        <v>892</v>
      </c>
      <c r="M1683" t="s">
        <v>892</v>
      </c>
      <c r="N1683" t="s">
        <v>892</v>
      </c>
      <c r="O1683" t="s">
        <v>892</v>
      </c>
      <c r="P1683" t="s">
        <v>655</v>
      </c>
      <c r="Q1683">
        <v>1</v>
      </c>
      <c r="R1683" t="s">
        <v>893</v>
      </c>
      <c r="S1683">
        <v>3</v>
      </c>
      <c r="T1683" t="s">
        <v>892</v>
      </c>
      <c r="U1683" t="s">
        <v>892</v>
      </c>
      <c r="V1683">
        <v>3</v>
      </c>
      <c r="W1683">
        <v>180</v>
      </c>
      <c r="X1683">
        <v>2020</v>
      </c>
    </row>
    <row r="1684" spans="1:24" x14ac:dyDescent="0.25">
      <c r="A1684">
        <v>11383</v>
      </c>
      <c r="B1684" t="s">
        <v>112</v>
      </c>
      <c r="C1684">
        <v>29</v>
      </c>
      <c r="D1684" t="s">
        <v>111</v>
      </c>
      <c r="E1684">
        <v>1181</v>
      </c>
      <c r="F1684" t="s">
        <v>892</v>
      </c>
      <c r="G1684" t="s">
        <v>892</v>
      </c>
      <c r="H1684" t="s">
        <v>892</v>
      </c>
      <c r="I1684" t="s">
        <v>892</v>
      </c>
      <c r="J1684" t="s">
        <v>1236</v>
      </c>
      <c r="K1684">
        <v>60</v>
      </c>
      <c r="L1684" t="s">
        <v>892</v>
      </c>
      <c r="M1684" t="s">
        <v>892</v>
      </c>
      <c r="N1684" t="s">
        <v>892</v>
      </c>
      <c r="O1684" t="s">
        <v>892</v>
      </c>
      <c r="P1684" t="s">
        <v>655</v>
      </c>
      <c r="Q1684">
        <v>1</v>
      </c>
      <c r="R1684" t="s">
        <v>893</v>
      </c>
      <c r="S1684">
        <v>3</v>
      </c>
      <c r="T1684" t="s">
        <v>892</v>
      </c>
      <c r="U1684" t="s">
        <v>892</v>
      </c>
      <c r="V1684">
        <v>3</v>
      </c>
      <c r="W1684">
        <v>180</v>
      </c>
      <c r="X1684">
        <v>2020</v>
      </c>
    </row>
    <row r="1685" spans="1:24" x14ac:dyDescent="0.25">
      <c r="A1685">
        <v>11382</v>
      </c>
      <c r="B1685" t="s">
        <v>112</v>
      </c>
      <c r="C1685">
        <v>29</v>
      </c>
      <c r="D1685" t="s">
        <v>113</v>
      </c>
      <c r="E1685">
        <v>1180</v>
      </c>
      <c r="F1685" t="s">
        <v>892</v>
      </c>
      <c r="G1685" t="s">
        <v>892</v>
      </c>
      <c r="H1685" t="s">
        <v>892</v>
      </c>
      <c r="I1685" t="s">
        <v>892</v>
      </c>
      <c r="J1685" t="s">
        <v>1236</v>
      </c>
      <c r="K1685">
        <v>60</v>
      </c>
      <c r="L1685" t="s">
        <v>892</v>
      </c>
      <c r="M1685" t="s">
        <v>892</v>
      </c>
      <c r="N1685" t="s">
        <v>892</v>
      </c>
      <c r="O1685" t="s">
        <v>892</v>
      </c>
      <c r="P1685" t="s">
        <v>655</v>
      </c>
      <c r="Q1685">
        <v>1</v>
      </c>
      <c r="R1685" t="s">
        <v>893</v>
      </c>
      <c r="S1685">
        <v>3</v>
      </c>
      <c r="T1685" t="s">
        <v>892</v>
      </c>
      <c r="U1685" t="s">
        <v>892</v>
      </c>
      <c r="V1685">
        <v>3</v>
      </c>
      <c r="W1685">
        <v>180</v>
      </c>
      <c r="X1685">
        <v>2020</v>
      </c>
    </row>
    <row r="1686" spans="1:24" x14ac:dyDescent="0.25">
      <c r="A1686">
        <v>11381</v>
      </c>
      <c r="B1686" t="s">
        <v>112</v>
      </c>
      <c r="C1686">
        <v>29</v>
      </c>
      <c r="D1686" t="s">
        <v>121</v>
      </c>
      <c r="E1686">
        <v>1171</v>
      </c>
      <c r="F1686" t="s">
        <v>892</v>
      </c>
      <c r="G1686" t="s">
        <v>892</v>
      </c>
      <c r="H1686" t="s">
        <v>892</v>
      </c>
      <c r="I1686" t="s">
        <v>892</v>
      </c>
      <c r="J1686" t="s">
        <v>1236</v>
      </c>
      <c r="K1686">
        <v>60</v>
      </c>
      <c r="L1686" t="s">
        <v>892</v>
      </c>
      <c r="M1686" t="s">
        <v>892</v>
      </c>
      <c r="N1686" t="s">
        <v>892</v>
      </c>
      <c r="O1686" t="s">
        <v>892</v>
      </c>
      <c r="P1686" t="s">
        <v>655</v>
      </c>
      <c r="Q1686">
        <v>1</v>
      </c>
      <c r="R1686" t="s">
        <v>893</v>
      </c>
      <c r="S1686">
        <v>3</v>
      </c>
      <c r="T1686" t="s">
        <v>892</v>
      </c>
      <c r="U1686" t="s">
        <v>892</v>
      </c>
      <c r="V1686">
        <v>3</v>
      </c>
      <c r="W1686">
        <v>180</v>
      </c>
      <c r="X1686">
        <v>2020</v>
      </c>
    </row>
    <row r="1687" spans="1:24" x14ac:dyDescent="0.25">
      <c r="A1687">
        <v>11380</v>
      </c>
      <c r="B1687" t="s">
        <v>112</v>
      </c>
      <c r="C1687">
        <v>29</v>
      </c>
      <c r="D1687" t="s">
        <v>114</v>
      </c>
      <c r="E1687">
        <v>1178</v>
      </c>
      <c r="F1687" t="s">
        <v>892</v>
      </c>
      <c r="G1687" t="s">
        <v>892</v>
      </c>
      <c r="H1687" t="s">
        <v>892</v>
      </c>
      <c r="I1687" t="s">
        <v>892</v>
      </c>
      <c r="J1687" t="s">
        <v>693</v>
      </c>
      <c r="K1687">
        <v>56</v>
      </c>
      <c r="L1687" t="s">
        <v>892</v>
      </c>
      <c r="M1687" t="s">
        <v>892</v>
      </c>
      <c r="N1687" t="s">
        <v>892</v>
      </c>
      <c r="O1687" t="s">
        <v>892</v>
      </c>
      <c r="P1687" t="s">
        <v>655</v>
      </c>
      <c r="Q1687">
        <v>1</v>
      </c>
      <c r="R1687" t="s">
        <v>893</v>
      </c>
      <c r="S1687">
        <v>3</v>
      </c>
      <c r="T1687" t="s">
        <v>892</v>
      </c>
      <c r="U1687" t="s">
        <v>892</v>
      </c>
      <c r="V1687">
        <v>3</v>
      </c>
      <c r="W1687">
        <v>180</v>
      </c>
      <c r="X1687">
        <v>2020</v>
      </c>
    </row>
    <row r="1688" spans="1:24" x14ac:dyDescent="0.25">
      <c r="A1688">
        <v>11379</v>
      </c>
      <c r="B1688" t="s">
        <v>112</v>
      </c>
      <c r="C1688">
        <v>29</v>
      </c>
      <c r="D1688" t="s">
        <v>115</v>
      </c>
      <c r="E1688">
        <v>1177</v>
      </c>
      <c r="F1688" t="s">
        <v>892</v>
      </c>
      <c r="G1688" t="s">
        <v>892</v>
      </c>
      <c r="H1688" t="s">
        <v>892</v>
      </c>
      <c r="I1688" t="s">
        <v>892</v>
      </c>
      <c r="J1688" t="s">
        <v>693</v>
      </c>
      <c r="K1688">
        <v>56</v>
      </c>
      <c r="L1688" t="s">
        <v>892</v>
      </c>
      <c r="M1688" t="s">
        <v>892</v>
      </c>
      <c r="N1688" t="s">
        <v>892</v>
      </c>
      <c r="O1688" t="s">
        <v>892</v>
      </c>
      <c r="P1688" t="s">
        <v>655</v>
      </c>
      <c r="Q1688">
        <v>1</v>
      </c>
      <c r="R1688" t="s">
        <v>893</v>
      </c>
      <c r="S1688">
        <v>3</v>
      </c>
      <c r="T1688" t="s">
        <v>892</v>
      </c>
      <c r="U1688" t="s">
        <v>892</v>
      </c>
      <c r="V1688">
        <v>3</v>
      </c>
      <c r="W1688">
        <v>180</v>
      </c>
      <c r="X1688">
        <v>2020</v>
      </c>
    </row>
    <row r="1689" spans="1:24" x14ac:dyDescent="0.25">
      <c r="A1689">
        <v>11378</v>
      </c>
      <c r="B1689" t="s">
        <v>112</v>
      </c>
      <c r="C1689">
        <v>29</v>
      </c>
      <c r="D1689" t="s">
        <v>116</v>
      </c>
      <c r="E1689">
        <v>1176</v>
      </c>
      <c r="F1689" t="s">
        <v>892</v>
      </c>
      <c r="G1689" t="s">
        <v>892</v>
      </c>
      <c r="H1689" t="s">
        <v>892</v>
      </c>
      <c r="I1689" t="s">
        <v>892</v>
      </c>
      <c r="J1689" t="s">
        <v>710</v>
      </c>
      <c r="K1689">
        <v>53</v>
      </c>
      <c r="L1689" t="s">
        <v>892</v>
      </c>
      <c r="M1689" t="s">
        <v>892</v>
      </c>
      <c r="N1689" t="s">
        <v>892</v>
      </c>
      <c r="O1689" t="s">
        <v>892</v>
      </c>
      <c r="P1689" t="s">
        <v>655</v>
      </c>
      <c r="Q1689">
        <v>1</v>
      </c>
      <c r="R1689" t="s">
        <v>893</v>
      </c>
      <c r="S1689">
        <v>3</v>
      </c>
      <c r="T1689" t="s">
        <v>892</v>
      </c>
      <c r="U1689" t="s">
        <v>892</v>
      </c>
      <c r="V1689">
        <v>3</v>
      </c>
      <c r="W1689">
        <v>180</v>
      </c>
      <c r="X1689">
        <v>2020</v>
      </c>
    </row>
    <row r="1690" spans="1:24" x14ac:dyDescent="0.25">
      <c r="A1690">
        <v>11377</v>
      </c>
      <c r="B1690" t="s">
        <v>112</v>
      </c>
      <c r="C1690">
        <v>29</v>
      </c>
      <c r="D1690" t="s">
        <v>117</v>
      </c>
      <c r="E1690">
        <v>1175</v>
      </c>
      <c r="F1690" t="s">
        <v>892</v>
      </c>
      <c r="G1690" t="s">
        <v>892</v>
      </c>
      <c r="H1690" t="s">
        <v>892</v>
      </c>
      <c r="I1690" t="s">
        <v>892</v>
      </c>
      <c r="J1690" t="s">
        <v>695</v>
      </c>
      <c r="K1690">
        <v>54</v>
      </c>
      <c r="L1690" t="s">
        <v>892</v>
      </c>
      <c r="M1690" t="s">
        <v>892</v>
      </c>
      <c r="N1690" t="s">
        <v>892</v>
      </c>
      <c r="O1690" t="s">
        <v>892</v>
      </c>
      <c r="P1690" t="s">
        <v>655</v>
      </c>
      <c r="Q1690">
        <v>1</v>
      </c>
      <c r="R1690" t="s">
        <v>893</v>
      </c>
      <c r="S1690">
        <v>3</v>
      </c>
      <c r="T1690" t="s">
        <v>892</v>
      </c>
      <c r="U1690" t="s">
        <v>892</v>
      </c>
      <c r="V1690">
        <v>3</v>
      </c>
      <c r="W1690">
        <v>180</v>
      </c>
      <c r="X1690">
        <v>2020</v>
      </c>
    </row>
    <row r="1691" spans="1:24" x14ac:dyDescent="0.25">
      <c r="A1691">
        <v>11376</v>
      </c>
      <c r="B1691" t="s">
        <v>112</v>
      </c>
      <c r="C1691">
        <v>29</v>
      </c>
      <c r="D1691" t="s">
        <v>117</v>
      </c>
      <c r="E1691">
        <v>1175</v>
      </c>
      <c r="F1691" t="s">
        <v>892</v>
      </c>
      <c r="G1691" t="s">
        <v>892</v>
      </c>
      <c r="H1691" t="s">
        <v>892</v>
      </c>
      <c r="I1691" t="s">
        <v>892</v>
      </c>
      <c r="J1691" t="s">
        <v>714</v>
      </c>
      <c r="K1691">
        <v>52</v>
      </c>
      <c r="L1691" t="s">
        <v>892</v>
      </c>
      <c r="M1691" t="s">
        <v>892</v>
      </c>
      <c r="N1691" t="s">
        <v>892</v>
      </c>
      <c r="O1691" t="s">
        <v>892</v>
      </c>
      <c r="P1691" t="s">
        <v>655</v>
      </c>
      <c r="Q1691">
        <v>1</v>
      </c>
      <c r="R1691" t="s">
        <v>893</v>
      </c>
      <c r="S1691">
        <v>3</v>
      </c>
      <c r="T1691" t="s">
        <v>892</v>
      </c>
      <c r="U1691" t="s">
        <v>892</v>
      </c>
      <c r="V1691">
        <v>3</v>
      </c>
      <c r="W1691">
        <v>180</v>
      </c>
      <c r="X1691">
        <v>2020</v>
      </c>
    </row>
    <row r="1692" spans="1:24" x14ac:dyDescent="0.25">
      <c r="A1692">
        <v>11375</v>
      </c>
      <c r="B1692" t="s">
        <v>112</v>
      </c>
      <c r="C1692">
        <v>29</v>
      </c>
      <c r="D1692" t="s">
        <v>118</v>
      </c>
      <c r="E1692">
        <v>1174</v>
      </c>
      <c r="F1692" t="s">
        <v>892</v>
      </c>
      <c r="G1692" t="s">
        <v>892</v>
      </c>
      <c r="H1692" t="s">
        <v>892</v>
      </c>
      <c r="I1692" t="s">
        <v>892</v>
      </c>
      <c r="J1692" t="s">
        <v>1022</v>
      </c>
      <c r="K1692">
        <v>85</v>
      </c>
      <c r="L1692" t="s">
        <v>892</v>
      </c>
      <c r="M1692" t="s">
        <v>892</v>
      </c>
      <c r="N1692" t="s">
        <v>892</v>
      </c>
      <c r="O1692" t="s">
        <v>892</v>
      </c>
      <c r="P1692" t="s">
        <v>655</v>
      </c>
      <c r="Q1692">
        <v>1</v>
      </c>
      <c r="R1692" t="s">
        <v>893</v>
      </c>
      <c r="S1692">
        <v>3</v>
      </c>
      <c r="T1692" t="s">
        <v>892</v>
      </c>
      <c r="U1692" t="s">
        <v>892</v>
      </c>
      <c r="V1692">
        <v>3</v>
      </c>
      <c r="W1692">
        <v>180</v>
      </c>
      <c r="X1692">
        <v>2020</v>
      </c>
    </row>
    <row r="1693" spans="1:24" x14ac:dyDescent="0.25">
      <c r="A1693">
        <v>11374</v>
      </c>
      <c r="B1693" t="s">
        <v>112</v>
      </c>
      <c r="C1693">
        <v>29</v>
      </c>
      <c r="D1693" t="s">
        <v>119</v>
      </c>
      <c r="E1693">
        <v>1173</v>
      </c>
      <c r="F1693" t="s">
        <v>892</v>
      </c>
      <c r="G1693" t="s">
        <v>892</v>
      </c>
      <c r="H1693" t="s">
        <v>892</v>
      </c>
      <c r="I1693" t="s">
        <v>892</v>
      </c>
      <c r="J1693" t="s">
        <v>1022</v>
      </c>
      <c r="K1693">
        <v>85</v>
      </c>
      <c r="L1693" t="s">
        <v>892</v>
      </c>
      <c r="M1693" t="s">
        <v>892</v>
      </c>
      <c r="N1693" t="s">
        <v>892</v>
      </c>
      <c r="O1693" t="s">
        <v>892</v>
      </c>
      <c r="P1693" t="s">
        <v>655</v>
      </c>
      <c r="Q1693">
        <v>1</v>
      </c>
      <c r="R1693" t="s">
        <v>893</v>
      </c>
      <c r="S1693">
        <v>3</v>
      </c>
      <c r="T1693" t="s">
        <v>892</v>
      </c>
      <c r="U1693" t="s">
        <v>892</v>
      </c>
      <c r="V1693">
        <v>3</v>
      </c>
      <c r="W1693">
        <v>180</v>
      </c>
      <c r="X1693">
        <v>2020</v>
      </c>
    </row>
    <row r="1694" spans="1:24" x14ac:dyDescent="0.25">
      <c r="A1694">
        <v>11373</v>
      </c>
      <c r="B1694" t="s">
        <v>112</v>
      </c>
      <c r="C1694">
        <v>29</v>
      </c>
      <c r="D1694" t="s">
        <v>114</v>
      </c>
      <c r="E1694">
        <v>1178</v>
      </c>
      <c r="F1694" t="s">
        <v>892</v>
      </c>
      <c r="G1694" t="s">
        <v>892</v>
      </c>
      <c r="H1694" t="s">
        <v>892</v>
      </c>
      <c r="I1694" t="s">
        <v>892</v>
      </c>
      <c r="J1694" t="s">
        <v>742</v>
      </c>
      <c r="K1694">
        <v>48</v>
      </c>
      <c r="L1694" t="s">
        <v>892</v>
      </c>
      <c r="M1694" t="s">
        <v>892</v>
      </c>
      <c r="N1694" t="s">
        <v>892</v>
      </c>
      <c r="O1694" t="s">
        <v>892</v>
      </c>
      <c r="P1694" t="s">
        <v>655</v>
      </c>
      <c r="Q1694">
        <v>1</v>
      </c>
      <c r="R1694" t="s">
        <v>893</v>
      </c>
      <c r="S1694">
        <v>3</v>
      </c>
      <c r="T1694" t="s">
        <v>892</v>
      </c>
      <c r="U1694" t="s">
        <v>892</v>
      </c>
      <c r="V1694">
        <v>3</v>
      </c>
      <c r="W1694">
        <v>180</v>
      </c>
      <c r="X1694">
        <v>2020</v>
      </c>
    </row>
    <row r="1695" spans="1:24" x14ac:dyDescent="0.25">
      <c r="A1695">
        <v>11372</v>
      </c>
      <c r="B1695" t="s">
        <v>112</v>
      </c>
      <c r="C1695">
        <v>29</v>
      </c>
      <c r="D1695" t="s">
        <v>121</v>
      </c>
      <c r="E1695">
        <v>1171</v>
      </c>
      <c r="F1695" t="s">
        <v>892</v>
      </c>
      <c r="G1695" t="s">
        <v>892</v>
      </c>
      <c r="H1695" t="s">
        <v>892</v>
      </c>
      <c r="I1695" t="s">
        <v>892</v>
      </c>
      <c r="J1695" t="s">
        <v>742</v>
      </c>
      <c r="K1695">
        <v>48</v>
      </c>
      <c r="L1695" t="s">
        <v>892</v>
      </c>
      <c r="M1695" t="s">
        <v>892</v>
      </c>
      <c r="N1695" t="s">
        <v>892</v>
      </c>
      <c r="O1695" t="s">
        <v>892</v>
      </c>
      <c r="P1695" t="s">
        <v>655</v>
      </c>
      <c r="Q1695">
        <v>1</v>
      </c>
      <c r="R1695" t="s">
        <v>893</v>
      </c>
      <c r="S1695">
        <v>3</v>
      </c>
      <c r="T1695" t="s">
        <v>892</v>
      </c>
      <c r="U1695" t="s">
        <v>892</v>
      </c>
      <c r="V1695">
        <v>3</v>
      </c>
      <c r="W1695">
        <v>180</v>
      </c>
      <c r="X1695">
        <v>2020</v>
      </c>
    </row>
    <row r="1696" spans="1:24" x14ac:dyDescent="0.25">
      <c r="A1696">
        <v>11371</v>
      </c>
      <c r="B1696" t="s">
        <v>112</v>
      </c>
      <c r="C1696">
        <v>29</v>
      </c>
      <c r="D1696" t="s">
        <v>120</v>
      </c>
      <c r="E1696">
        <v>1172</v>
      </c>
      <c r="F1696" t="s">
        <v>892</v>
      </c>
      <c r="G1696" t="s">
        <v>892</v>
      </c>
      <c r="H1696" t="s">
        <v>892</v>
      </c>
      <c r="I1696" t="s">
        <v>892</v>
      </c>
      <c r="J1696" t="s">
        <v>797</v>
      </c>
      <c r="K1696">
        <v>65</v>
      </c>
      <c r="L1696" t="s">
        <v>892</v>
      </c>
      <c r="M1696" t="s">
        <v>892</v>
      </c>
      <c r="N1696" t="s">
        <v>892</v>
      </c>
      <c r="O1696" t="s">
        <v>892</v>
      </c>
      <c r="P1696" t="s">
        <v>655</v>
      </c>
      <c r="Q1696">
        <v>1</v>
      </c>
      <c r="R1696" t="s">
        <v>893</v>
      </c>
      <c r="S1696">
        <v>3</v>
      </c>
      <c r="T1696" t="s">
        <v>892</v>
      </c>
      <c r="U1696" t="s">
        <v>892</v>
      </c>
      <c r="V1696">
        <v>3</v>
      </c>
      <c r="W1696">
        <v>180</v>
      </c>
      <c r="X1696">
        <v>2020</v>
      </c>
    </row>
    <row r="1697" spans="1:24" x14ac:dyDescent="0.25">
      <c r="A1697">
        <v>11370</v>
      </c>
      <c r="B1697" t="s">
        <v>112</v>
      </c>
      <c r="C1697">
        <v>29</v>
      </c>
      <c r="D1697" t="s">
        <v>120</v>
      </c>
      <c r="E1697">
        <v>1172</v>
      </c>
      <c r="F1697" t="s">
        <v>892</v>
      </c>
      <c r="G1697" t="s">
        <v>892</v>
      </c>
      <c r="H1697" t="s">
        <v>892</v>
      </c>
      <c r="I1697" t="s">
        <v>892</v>
      </c>
      <c r="J1697" t="s">
        <v>767</v>
      </c>
      <c r="K1697">
        <v>44</v>
      </c>
      <c r="L1697" t="s">
        <v>892</v>
      </c>
      <c r="M1697" t="s">
        <v>892</v>
      </c>
      <c r="N1697" t="s">
        <v>892</v>
      </c>
      <c r="O1697" t="s">
        <v>892</v>
      </c>
      <c r="P1697" t="s">
        <v>655</v>
      </c>
      <c r="Q1697">
        <v>1</v>
      </c>
      <c r="R1697" t="s">
        <v>893</v>
      </c>
      <c r="S1697">
        <v>3</v>
      </c>
      <c r="T1697" t="s">
        <v>892</v>
      </c>
      <c r="U1697" t="s">
        <v>892</v>
      </c>
      <c r="V1697">
        <v>3</v>
      </c>
      <c r="W1697">
        <v>180</v>
      </c>
      <c r="X1697">
        <v>2020</v>
      </c>
    </row>
    <row r="1698" spans="1:24" x14ac:dyDescent="0.25">
      <c r="A1698">
        <v>11369</v>
      </c>
      <c r="B1698" t="s">
        <v>112</v>
      </c>
      <c r="C1698">
        <v>29</v>
      </c>
      <c r="D1698" t="s">
        <v>121</v>
      </c>
      <c r="E1698">
        <v>1171</v>
      </c>
      <c r="F1698" t="s">
        <v>892</v>
      </c>
      <c r="G1698" t="s">
        <v>892</v>
      </c>
      <c r="H1698" t="s">
        <v>892</v>
      </c>
      <c r="I1698" t="s">
        <v>892</v>
      </c>
      <c r="J1698" t="s">
        <v>848</v>
      </c>
      <c r="K1698">
        <v>62</v>
      </c>
      <c r="L1698" t="s">
        <v>892</v>
      </c>
      <c r="M1698" t="s">
        <v>892</v>
      </c>
      <c r="N1698" t="s">
        <v>892</v>
      </c>
      <c r="O1698" t="s">
        <v>892</v>
      </c>
      <c r="P1698" t="s">
        <v>655</v>
      </c>
      <c r="Q1698">
        <v>1</v>
      </c>
      <c r="R1698" t="s">
        <v>893</v>
      </c>
      <c r="S1698">
        <v>3</v>
      </c>
      <c r="T1698" t="s">
        <v>892</v>
      </c>
      <c r="U1698" t="s">
        <v>892</v>
      </c>
      <c r="V1698">
        <v>3</v>
      </c>
      <c r="W1698">
        <v>180</v>
      </c>
      <c r="X1698">
        <v>2020</v>
      </c>
    </row>
    <row r="1699" spans="1:24" x14ac:dyDescent="0.25">
      <c r="A1699">
        <v>11368</v>
      </c>
      <c r="B1699" t="s">
        <v>112</v>
      </c>
      <c r="C1699">
        <v>29</v>
      </c>
      <c r="D1699" t="s">
        <v>121</v>
      </c>
      <c r="E1699">
        <v>1171</v>
      </c>
      <c r="F1699" t="s">
        <v>892</v>
      </c>
      <c r="G1699" t="s">
        <v>892</v>
      </c>
      <c r="H1699" t="s">
        <v>892</v>
      </c>
      <c r="I1699" t="s">
        <v>892</v>
      </c>
      <c r="J1699" t="s">
        <v>897</v>
      </c>
      <c r="K1699">
        <v>3</v>
      </c>
      <c r="L1699" t="s">
        <v>892</v>
      </c>
      <c r="M1699" t="s">
        <v>892</v>
      </c>
      <c r="N1699" t="s">
        <v>892</v>
      </c>
      <c r="O1699" t="s">
        <v>892</v>
      </c>
      <c r="P1699" t="s">
        <v>655</v>
      </c>
      <c r="Q1699">
        <v>1</v>
      </c>
      <c r="R1699" t="s">
        <v>893</v>
      </c>
      <c r="S1699">
        <v>3</v>
      </c>
      <c r="T1699" t="s">
        <v>892</v>
      </c>
      <c r="U1699" t="s">
        <v>892</v>
      </c>
      <c r="V1699">
        <v>3</v>
      </c>
      <c r="W1699">
        <v>180</v>
      </c>
      <c r="X1699">
        <v>2020</v>
      </c>
    </row>
    <row r="1700" spans="1:24" x14ac:dyDescent="0.25">
      <c r="A1700">
        <v>11367</v>
      </c>
      <c r="B1700" t="s">
        <v>123</v>
      </c>
      <c r="C1700">
        <v>8</v>
      </c>
      <c r="D1700" t="s">
        <v>122</v>
      </c>
      <c r="E1700">
        <v>1170</v>
      </c>
      <c r="F1700" t="s">
        <v>892</v>
      </c>
      <c r="G1700" t="s">
        <v>892</v>
      </c>
      <c r="H1700" t="s">
        <v>892</v>
      </c>
      <c r="I1700" t="s">
        <v>892</v>
      </c>
      <c r="J1700" t="s">
        <v>673</v>
      </c>
      <c r="K1700">
        <v>34</v>
      </c>
      <c r="L1700" t="s">
        <v>892</v>
      </c>
      <c r="M1700" t="s">
        <v>892</v>
      </c>
      <c r="N1700" t="s">
        <v>892</v>
      </c>
      <c r="O1700" t="s">
        <v>892</v>
      </c>
      <c r="P1700" t="s">
        <v>655</v>
      </c>
      <c r="Q1700">
        <v>1</v>
      </c>
      <c r="R1700" t="s">
        <v>893</v>
      </c>
      <c r="S1700">
        <v>3</v>
      </c>
      <c r="T1700" t="s">
        <v>892</v>
      </c>
      <c r="U1700" t="s">
        <v>892</v>
      </c>
      <c r="V1700">
        <v>3</v>
      </c>
      <c r="W1700">
        <v>180</v>
      </c>
      <c r="X1700">
        <v>2020</v>
      </c>
    </row>
    <row r="1701" spans="1:24" x14ac:dyDescent="0.25">
      <c r="A1701">
        <v>11366</v>
      </c>
      <c r="B1701" t="s">
        <v>125</v>
      </c>
      <c r="C1701">
        <v>11</v>
      </c>
      <c r="D1701" t="s">
        <v>124</v>
      </c>
      <c r="E1701">
        <v>1169</v>
      </c>
      <c r="F1701" t="s">
        <v>892</v>
      </c>
      <c r="G1701" t="s">
        <v>892</v>
      </c>
      <c r="H1701" t="s">
        <v>892</v>
      </c>
      <c r="I1701" t="s">
        <v>892</v>
      </c>
      <c r="J1701" t="s">
        <v>819</v>
      </c>
      <c r="K1701">
        <v>101</v>
      </c>
      <c r="L1701" t="s">
        <v>892</v>
      </c>
      <c r="M1701" t="s">
        <v>892</v>
      </c>
      <c r="N1701" t="s">
        <v>892</v>
      </c>
      <c r="O1701" t="s">
        <v>892</v>
      </c>
      <c r="P1701" t="s">
        <v>655</v>
      </c>
      <c r="Q1701">
        <v>1</v>
      </c>
      <c r="R1701" t="s">
        <v>893</v>
      </c>
      <c r="S1701">
        <v>3</v>
      </c>
      <c r="T1701" t="s">
        <v>892</v>
      </c>
      <c r="U1701" t="s">
        <v>892</v>
      </c>
      <c r="V1701">
        <v>3</v>
      </c>
      <c r="W1701">
        <v>180</v>
      </c>
      <c r="X1701">
        <v>2020</v>
      </c>
    </row>
    <row r="1702" spans="1:24" x14ac:dyDescent="0.25">
      <c r="A1702">
        <v>11365</v>
      </c>
      <c r="B1702" t="s">
        <v>127</v>
      </c>
      <c r="C1702">
        <v>9</v>
      </c>
      <c r="D1702" t="s">
        <v>126</v>
      </c>
      <c r="E1702">
        <v>1168</v>
      </c>
      <c r="F1702" t="s">
        <v>892</v>
      </c>
      <c r="G1702" t="s">
        <v>892</v>
      </c>
      <c r="H1702" t="s">
        <v>892</v>
      </c>
      <c r="I1702" t="s">
        <v>892</v>
      </c>
      <c r="J1702" t="s">
        <v>659</v>
      </c>
      <c r="K1702">
        <v>35</v>
      </c>
      <c r="L1702" t="s">
        <v>892</v>
      </c>
      <c r="M1702" t="s">
        <v>892</v>
      </c>
      <c r="N1702" t="s">
        <v>892</v>
      </c>
      <c r="O1702" t="s">
        <v>892</v>
      </c>
      <c r="P1702" t="s">
        <v>655</v>
      </c>
      <c r="Q1702">
        <v>1</v>
      </c>
      <c r="R1702" t="s">
        <v>893</v>
      </c>
      <c r="S1702">
        <v>3</v>
      </c>
      <c r="T1702" t="s">
        <v>892</v>
      </c>
      <c r="U1702" t="s">
        <v>892</v>
      </c>
      <c r="V1702">
        <v>3</v>
      </c>
      <c r="W1702">
        <v>180</v>
      </c>
      <c r="X1702">
        <v>2020</v>
      </c>
    </row>
    <row r="1703" spans="1:24" x14ac:dyDescent="0.25">
      <c r="A1703">
        <v>11364</v>
      </c>
      <c r="B1703" t="s">
        <v>129</v>
      </c>
      <c r="C1703">
        <v>10</v>
      </c>
      <c r="D1703" t="s">
        <v>128</v>
      </c>
      <c r="E1703">
        <v>1167</v>
      </c>
      <c r="F1703" t="s">
        <v>892</v>
      </c>
      <c r="G1703" t="s">
        <v>892</v>
      </c>
      <c r="H1703" t="s">
        <v>892</v>
      </c>
      <c r="I1703" t="s">
        <v>892</v>
      </c>
      <c r="J1703" t="s">
        <v>679</v>
      </c>
      <c r="K1703">
        <v>32</v>
      </c>
      <c r="L1703" t="s">
        <v>892</v>
      </c>
      <c r="M1703" t="s">
        <v>892</v>
      </c>
      <c r="N1703" t="s">
        <v>892</v>
      </c>
      <c r="O1703" t="s">
        <v>892</v>
      </c>
      <c r="P1703" t="s">
        <v>655</v>
      </c>
      <c r="Q1703">
        <v>1</v>
      </c>
      <c r="R1703" t="s">
        <v>893</v>
      </c>
      <c r="S1703">
        <v>3</v>
      </c>
      <c r="T1703" t="s">
        <v>892</v>
      </c>
      <c r="U1703" t="s">
        <v>892</v>
      </c>
      <c r="V1703">
        <v>3</v>
      </c>
      <c r="W1703">
        <v>180</v>
      </c>
      <c r="X1703">
        <v>2020</v>
      </c>
    </row>
    <row r="1704" spans="1:24" x14ac:dyDescent="0.25">
      <c r="A1704">
        <v>11363</v>
      </c>
      <c r="B1704" t="s">
        <v>129</v>
      </c>
      <c r="C1704">
        <v>10</v>
      </c>
      <c r="D1704" t="s">
        <v>128</v>
      </c>
      <c r="E1704">
        <v>1167</v>
      </c>
      <c r="F1704" t="s">
        <v>892</v>
      </c>
      <c r="G1704" t="s">
        <v>892</v>
      </c>
      <c r="H1704" t="s">
        <v>892</v>
      </c>
      <c r="I1704" t="s">
        <v>892</v>
      </c>
      <c r="J1704" t="s">
        <v>1028</v>
      </c>
      <c r="K1704">
        <v>33</v>
      </c>
      <c r="L1704" t="s">
        <v>892</v>
      </c>
      <c r="M1704" t="s">
        <v>892</v>
      </c>
      <c r="N1704" t="s">
        <v>892</v>
      </c>
      <c r="O1704" t="s">
        <v>892</v>
      </c>
      <c r="P1704" t="s">
        <v>655</v>
      </c>
      <c r="Q1704">
        <v>1</v>
      </c>
      <c r="R1704" t="s">
        <v>893</v>
      </c>
      <c r="S1704">
        <v>3</v>
      </c>
      <c r="T1704" t="s">
        <v>892</v>
      </c>
      <c r="U1704" t="s">
        <v>892</v>
      </c>
      <c r="V1704">
        <v>3</v>
      </c>
      <c r="W1704">
        <v>180</v>
      </c>
      <c r="X1704">
        <v>2020</v>
      </c>
    </row>
    <row r="1705" spans="1:24" x14ac:dyDescent="0.25">
      <c r="A1705">
        <v>11362</v>
      </c>
      <c r="B1705" t="s">
        <v>131</v>
      </c>
      <c r="C1705">
        <v>51</v>
      </c>
      <c r="D1705" t="s">
        <v>130</v>
      </c>
      <c r="E1705">
        <v>1166</v>
      </c>
      <c r="F1705" t="s">
        <v>892</v>
      </c>
      <c r="G1705" t="s">
        <v>892</v>
      </c>
      <c r="H1705" t="s">
        <v>892</v>
      </c>
      <c r="I1705" t="s">
        <v>892</v>
      </c>
      <c r="J1705" t="s">
        <v>785</v>
      </c>
      <c r="K1705">
        <v>93</v>
      </c>
      <c r="L1705" t="s">
        <v>892</v>
      </c>
      <c r="M1705" t="s">
        <v>892</v>
      </c>
      <c r="N1705" t="s">
        <v>892</v>
      </c>
      <c r="O1705" t="s">
        <v>892</v>
      </c>
      <c r="P1705" t="s">
        <v>655</v>
      </c>
      <c r="Q1705">
        <v>1</v>
      </c>
      <c r="R1705" t="s">
        <v>893</v>
      </c>
      <c r="S1705">
        <v>3</v>
      </c>
      <c r="T1705" t="s">
        <v>892</v>
      </c>
      <c r="U1705" t="s">
        <v>892</v>
      </c>
      <c r="V1705">
        <v>3</v>
      </c>
      <c r="W1705">
        <v>180</v>
      </c>
      <c r="X1705">
        <v>2020</v>
      </c>
    </row>
    <row r="1706" spans="1:24" x14ac:dyDescent="0.25">
      <c r="A1706">
        <v>11361</v>
      </c>
      <c r="B1706" t="s">
        <v>131</v>
      </c>
      <c r="C1706">
        <v>51</v>
      </c>
      <c r="D1706" t="s">
        <v>130</v>
      </c>
      <c r="E1706">
        <v>1166</v>
      </c>
      <c r="F1706" t="s">
        <v>892</v>
      </c>
      <c r="G1706" t="s">
        <v>892</v>
      </c>
      <c r="H1706" t="s">
        <v>892</v>
      </c>
      <c r="I1706" t="s">
        <v>892</v>
      </c>
      <c r="J1706" t="s">
        <v>1071</v>
      </c>
      <c r="K1706">
        <v>94</v>
      </c>
      <c r="L1706" t="s">
        <v>892</v>
      </c>
      <c r="M1706" t="s">
        <v>892</v>
      </c>
      <c r="N1706" t="s">
        <v>892</v>
      </c>
      <c r="O1706" t="s">
        <v>892</v>
      </c>
      <c r="P1706" t="s">
        <v>655</v>
      </c>
      <c r="Q1706">
        <v>1</v>
      </c>
      <c r="R1706" t="s">
        <v>893</v>
      </c>
      <c r="S1706">
        <v>3</v>
      </c>
      <c r="T1706" t="s">
        <v>892</v>
      </c>
      <c r="U1706" t="s">
        <v>892</v>
      </c>
      <c r="V1706">
        <v>3</v>
      </c>
      <c r="W1706">
        <v>180</v>
      </c>
      <c r="X1706">
        <v>2020</v>
      </c>
    </row>
    <row r="1707" spans="1:24" x14ac:dyDescent="0.25">
      <c r="A1707">
        <v>11360</v>
      </c>
      <c r="B1707" t="s">
        <v>104</v>
      </c>
      <c r="C1707">
        <v>25</v>
      </c>
      <c r="D1707" t="s">
        <v>132</v>
      </c>
      <c r="E1707">
        <v>1165</v>
      </c>
      <c r="F1707" t="s">
        <v>892</v>
      </c>
      <c r="G1707" t="s">
        <v>892</v>
      </c>
      <c r="H1707" t="s">
        <v>892</v>
      </c>
      <c r="I1707" t="s">
        <v>892</v>
      </c>
      <c r="J1707" t="s">
        <v>738</v>
      </c>
      <c r="K1707">
        <v>61</v>
      </c>
      <c r="L1707" t="s">
        <v>892</v>
      </c>
      <c r="M1707" t="s">
        <v>892</v>
      </c>
      <c r="N1707" t="s">
        <v>892</v>
      </c>
      <c r="O1707" t="s">
        <v>892</v>
      </c>
      <c r="P1707" t="s">
        <v>655</v>
      </c>
      <c r="Q1707">
        <v>1</v>
      </c>
      <c r="R1707" t="s">
        <v>893</v>
      </c>
      <c r="S1707">
        <v>3</v>
      </c>
      <c r="T1707" t="s">
        <v>892</v>
      </c>
      <c r="U1707" t="s">
        <v>892</v>
      </c>
      <c r="V1707">
        <v>3</v>
      </c>
      <c r="W1707">
        <v>180</v>
      </c>
      <c r="X1707">
        <v>2020</v>
      </c>
    </row>
    <row r="1708" spans="1:24" x14ac:dyDescent="0.25">
      <c r="A1708">
        <v>11359</v>
      </c>
      <c r="B1708" t="s">
        <v>69</v>
      </c>
      <c r="C1708">
        <v>36</v>
      </c>
      <c r="D1708" t="s">
        <v>133</v>
      </c>
      <c r="E1708">
        <v>1164</v>
      </c>
      <c r="F1708" t="s">
        <v>892</v>
      </c>
      <c r="G1708" t="s">
        <v>892</v>
      </c>
      <c r="H1708" t="s">
        <v>892</v>
      </c>
      <c r="I1708" t="s">
        <v>892</v>
      </c>
      <c r="J1708" t="s">
        <v>819</v>
      </c>
      <c r="K1708">
        <v>101</v>
      </c>
      <c r="L1708" t="s">
        <v>892</v>
      </c>
      <c r="M1708" t="s">
        <v>892</v>
      </c>
      <c r="N1708" t="s">
        <v>892</v>
      </c>
      <c r="O1708" t="s">
        <v>892</v>
      </c>
      <c r="P1708" t="s">
        <v>655</v>
      </c>
      <c r="Q1708">
        <v>1</v>
      </c>
      <c r="R1708" t="s">
        <v>893</v>
      </c>
      <c r="S1708">
        <v>3</v>
      </c>
      <c r="T1708" t="s">
        <v>892</v>
      </c>
      <c r="U1708" t="s">
        <v>892</v>
      </c>
      <c r="V1708">
        <v>3</v>
      </c>
      <c r="W1708">
        <v>180</v>
      </c>
      <c r="X1708">
        <v>2020</v>
      </c>
    </row>
    <row r="1709" spans="1:24" x14ac:dyDescent="0.25">
      <c r="A1709">
        <v>11356</v>
      </c>
      <c r="B1709" t="s">
        <v>69</v>
      </c>
      <c r="C1709">
        <v>36</v>
      </c>
      <c r="D1709" t="s">
        <v>15</v>
      </c>
      <c r="E1709">
        <v>1163</v>
      </c>
      <c r="F1709" t="s">
        <v>892</v>
      </c>
      <c r="G1709" t="s">
        <v>892</v>
      </c>
      <c r="H1709" t="s">
        <v>892</v>
      </c>
      <c r="I1709" t="s">
        <v>892</v>
      </c>
      <c r="J1709" t="s">
        <v>693</v>
      </c>
      <c r="K1709">
        <v>56</v>
      </c>
      <c r="L1709" t="s">
        <v>892</v>
      </c>
      <c r="M1709" t="s">
        <v>892</v>
      </c>
      <c r="N1709" t="s">
        <v>892</v>
      </c>
      <c r="O1709" t="s">
        <v>892</v>
      </c>
      <c r="P1709" t="s">
        <v>655</v>
      </c>
      <c r="Q1709">
        <v>1</v>
      </c>
      <c r="R1709" t="s">
        <v>893</v>
      </c>
      <c r="S1709">
        <v>3</v>
      </c>
      <c r="T1709" t="s">
        <v>892</v>
      </c>
      <c r="U1709" t="s">
        <v>892</v>
      </c>
      <c r="V1709">
        <v>3</v>
      </c>
      <c r="W1709">
        <v>180</v>
      </c>
      <c r="X1709">
        <v>2020</v>
      </c>
    </row>
    <row r="1710" spans="1:24" x14ac:dyDescent="0.25">
      <c r="A1710">
        <v>11355</v>
      </c>
      <c r="B1710" t="s">
        <v>69</v>
      </c>
      <c r="C1710">
        <v>36</v>
      </c>
      <c r="D1710" t="s">
        <v>15</v>
      </c>
      <c r="E1710">
        <v>1163</v>
      </c>
      <c r="F1710" t="s">
        <v>892</v>
      </c>
      <c r="G1710" t="s">
        <v>892</v>
      </c>
      <c r="H1710" t="s">
        <v>892</v>
      </c>
      <c r="I1710" t="s">
        <v>892</v>
      </c>
      <c r="J1710" t="s">
        <v>710</v>
      </c>
      <c r="K1710">
        <v>53</v>
      </c>
      <c r="L1710" t="s">
        <v>892</v>
      </c>
      <c r="M1710" t="s">
        <v>892</v>
      </c>
      <c r="N1710" t="s">
        <v>892</v>
      </c>
      <c r="O1710" t="s">
        <v>892</v>
      </c>
      <c r="P1710" t="s">
        <v>655</v>
      </c>
      <c r="Q1710">
        <v>1</v>
      </c>
      <c r="R1710" t="s">
        <v>893</v>
      </c>
      <c r="S1710">
        <v>3</v>
      </c>
      <c r="T1710" t="s">
        <v>892</v>
      </c>
      <c r="U1710" t="s">
        <v>892</v>
      </c>
      <c r="V1710">
        <v>3</v>
      </c>
      <c r="W1710">
        <v>180</v>
      </c>
      <c r="X1710">
        <v>2020</v>
      </c>
    </row>
    <row r="1711" spans="1:24" x14ac:dyDescent="0.25">
      <c r="A1711">
        <v>11354</v>
      </c>
      <c r="B1711" t="s">
        <v>69</v>
      </c>
      <c r="C1711">
        <v>36</v>
      </c>
      <c r="D1711" t="s">
        <v>15</v>
      </c>
      <c r="E1711">
        <v>1163</v>
      </c>
      <c r="F1711" t="s">
        <v>892</v>
      </c>
      <c r="G1711" t="s">
        <v>892</v>
      </c>
      <c r="H1711" t="s">
        <v>892</v>
      </c>
      <c r="I1711" t="s">
        <v>892</v>
      </c>
      <c r="J1711" t="s">
        <v>1236</v>
      </c>
      <c r="K1711">
        <v>60</v>
      </c>
      <c r="L1711" t="s">
        <v>892</v>
      </c>
      <c r="M1711" t="s">
        <v>892</v>
      </c>
      <c r="N1711" t="s">
        <v>892</v>
      </c>
      <c r="O1711" t="s">
        <v>892</v>
      </c>
      <c r="P1711" t="s">
        <v>655</v>
      </c>
      <c r="Q1711">
        <v>1</v>
      </c>
      <c r="R1711" t="s">
        <v>893</v>
      </c>
      <c r="S1711">
        <v>3</v>
      </c>
      <c r="T1711" t="s">
        <v>892</v>
      </c>
      <c r="U1711" t="s">
        <v>892</v>
      </c>
      <c r="V1711">
        <v>3</v>
      </c>
      <c r="W1711">
        <v>180</v>
      </c>
      <c r="X1711">
        <v>2020</v>
      </c>
    </row>
    <row r="1712" spans="1:24" x14ac:dyDescent="0.25">
      <c r="A1712">
        <v>11352</v>
      </c>
      <c r="B1712" t="s">
        <v>69</v>
      </c>
      <c r="C1712">
        <v>36</v>
      </c>
      <c r="D1712" t="s">
        <v>134</v>
      </c>
      <c r="E1712">
        <v>1162</v>
      </c>
      <c r="F1712" t="s">
        <v>892</v>
      </c>
      <c r="G1712" t="s">
        <v>892</v>
      </c>
      <c r="H1712" t="s">
        <v>892</v>
      </c>
      <c r="I1712" t="s">
        <v>892</v>
      </c>
      <c r="J1712" t="s">
        <v>707</v>
      </c>
      <c r="K1712">
        <v>59</v>
      </c>
      <c r="L1712" t="s">
        <v>892</v>
      </c>
      <c r="M1712" t="s">
        <v>892</v>
      </c>
      <c r="N1712" t="s">
        <v>892</v>
      </c>
      <c r="O1712" t="s">
        <v>892</v>
      </c>
      <c r="P1712" t="s">
        <v>655</v>
      </c>
      <c r="Q1712">
        <v>1</v>
      </c>
      <c r="R1712" t="s">
        <v>893</v>
      </c>
      <c r="S1712">
        <v>3</v>
      </c>
      <c r="T1712" t="s">
        <v>892</v>
      </c>
      <c r="U1712" t="s">
        <v>892</v>
      </c>
      <c r="V1712">
        <v>3</v>
      </c>
      <c r="W1712">
        <v>180</v>
      </c>
      <c r="X1712">
        <v>2020</v>
      </c>
    </row>
    <row r="1713" spans="1:24" x14ac:dyDescent="0.25">
      <c r="A1713">
        <v>11351</v>
      </c>
      <c r="B1713" t="s">
        <v>69</v>
      </c>
      <c r="C1713">
        <v>36</v>
      </c>
      <c r="D1713" t="s">
        <v>135</v>
      </c>
      <c r="E1713">
        <v>1161</v>
      </c>
      <c r="F1713" t="s">
        <v>892</v>
      </c>
      <c r="G1713" t="s">
        <v>892</v>
      </c>
      <c r="H1713" t="s">
        <v>892</v>
      </c>
      <c r="I1713" t="s">
        <v>892</v>
      </c>
      <c r="J1713" t="s">
        <v>676</v>
      </c>
      <c r="K1713">
        <v>4</v>
      </c>
      <c r="L1713" t="s">
        <v>892</v>
      </c>
      <c r="M1713" t="s">
        <v>892</v>
      </c>
      <c r="N1713" t="s">
        <v>892</v>
      </c>
      <c r="O1713" t="s">
        <v>892</v>
      </c>
      <c r="P1713" t="s">
        <v>655</v>
      </c>
      <c r="Q1713">
        <v>1</v>
      </c>
      <c r="R1713" t="s">
        <v>893</v>
      </c>
      <c r="S1713">
        <v>3</v>
      </c>
      <c r="T1713" t="s">
        <v>892</v>
      </c>
      <c r="U1713" t="s">
        <v>892</v>
      </c>
      <c r="V1713">
        <v>3</v>
      </c>
      <c r="W1713">
        <v>180</v>
      </c>
      <c r="X1713">
        <v>2020</v>
      </c>
    </row>
    <row r="1714" spans="1:24" x14ac:dyDescent="0.25">
      <c r="A1714">
        <v>11350</v>
      </c>
      <c r="B1714" t="s">
        <v>69</v>
      </c>
      <c r="C1714">
        <v>36</v>
      </c>
      <c r="D1714" t="s">
        <v>136</v>
      </c>
      <c r="E1714">
        <v>1160</v>
      </c>
      <c r="F1714" t="s">
        <v>892</v>
      </c>
      <c r="G1714" t="s">
        <v>892</v>
      </c>
      <c r="H1714" t="s">
        <v>892</v>
      </c>
      <c r="I1714" t="s">
        <v>892</v>
      </c>
      <c r="J1714" t="s">
        <v>663</v>
      </c>
      <c r="K1714">
        <v>99</v>
      </c>
      <c r="L1714" t="s">
        <v>892</v>
      </c>
      <c r="M1714" t="s">
        <v>892</v>
      </c>
      <c r="N1714" t="s">
        <v>892</v>
      </c>
      <c r="O1714" t="s">
        <v>892</v>
      </c>
      <c r="P1714" t="s">
        <v>655</v>
      </c>
      <c r="Q1714">
        <v>1</v>
      </c>
      <c r="R1714" t="s">
        <v>893</v>
      </c>
      <c r="S1714">
        <v>3</v>
      </c>
      <c r="T1714" t="s">
        <v>892</v>
      </c>
      <c r="U1714" t="s">
        <v>892</v>
      </c>
      <c r="V1714">
        <v>3</v>
      </c>
      <c r="W1714">
        <v>180</v>
      </c>
      <c r="X1714">
        <v>2020</v>
      </c>
    </row>
    <row r="1715" spans="1:24" x14ac:dyDescent="0.25">
      <c r="A1715">
        <v>11349</v>
      </c>
      <c r="B1715" t="s">
        <v>138</v>
      </c>
      <c r="C1715">
        <v>35</v>
      </c>
      <c r="D1715" t="s">
        <v>137</v>
      </c>
      <c r="E1715">
        <v>1159</v>
      </c>
      <c r="F1715" t="s">
        <v>892</v>
      </c>
      <c r="G1715" t="s">
        <v>892</v>
      </c>
      <c r="H1715" t="s">
        <v>892</v>
      </c>
      <c r="I1715" t="s">
        <v>892</v>
      </c>
      <c r="J1715" t="s">
        <v>1055</v>
      </c>
      <c r="K1715">
        <v>69</v>
      </c>
      <c r="L1715" t="s">
        <v>892</v>
      </c>
      <c r="M1715" t="s">
        <v>892</v>
      </c>
      <c r="N1715" t="s">
        <v>892</v>
      </c>
      <c r="O1715" t="s">
        <v>892</v>
      </c>
      <c r="P1715" t="s">
        <v>655</v>
      </c>
      <c r="Q1715">
        <v>1</v>
      </c>
      <c r="R1715" t="s">
        <v>893</v>
      </c>
      <c r="S1715">
        <v>3</v>
      </c>
      <c r="T1715" t="s">
        <v>892</v>
      </c>
      <c r="U1715" t="s">
        <v>892</v>
      </c>
      <c r="V1715">
        <v>3</v>
      </c>
      <c r="W1715">
        <v>180</v>
      </c>
      <c r="X1715">
        <v>2020</v>
      </c>
    </row>
    <row r="1716" spans="1:24" x14ac:dyDescent="0.25">
      <c r="A1716">
        <v>11348</v>
      </c>
      <c r="B1716" t="s">
        <v>138</v>
      </c>
      <c r="C1716">
        <v>35</v>
      </c>
      <c r="D1716" t="s">
        <v>137</v>
      </c>
      <c r="E1716">
        <v>1159</v>
      </c>
      <c r="F1716" t="s">
        <v>892</v>
      </c>
      <c r="G1716" t="s">
        <v>892</v>
      </c>
      <c r="H1716" t="s">
        <v>892</v>
      </c>
      <c r="I1716" t="s">
        <v>892</v>
      </c>
      <c r="J1716" t="s">
        <v>693</v>
      </c>
      <c r="K1716">
        <v>56</v>
      </c>
      <c r="L1716" t="s">
        <v>892</v>
      </c>
      <c r="M1716" t="s">
        <v>892</v>
      </c>
      <c r="N1716" t="s">
        <v>892</v>
      </c>
      <c r="O1716" t="s">
        <v>892</v>
      </c>
      <c r="P1716" t="s">
        <v>655</v>
      </c>
      <c r="Q1716">
        <v>1</v>
      </c>
      <c r="R1716" t="s">
        <v>893</v>
      </c>
      <c r="S1716">
        <v>3</v>
      </c>
      <c r="T1716" t="s">
        <v>892</v>
      </c>
      <c r="U1716" t="s">
        <v>892</v>
      </c>
      <c r="V1716">
        <v>3</v>
      </c>
      <c r="W1716">
        <v>180</v>
      </c>
      <c r="X1716">
        <v>2020</v>
      </c>
    </row>
    <row r="1717" spans="1:24" x14ac:dyDescent="0.25">
      <c r="A1717">
        <v>11347</v>
      </c>
      <c r="B1717" t="s">
        <v>138</v>
      </c>
      <c r="C1717">
        <v>35</v>
      </c>
      <c r="D1717" t="s">
        <v>137</v>
      </c>
      <c r="E1717">
        <v>1159</v>
      </c>
      <c r="F1717" t="s">
        <v>892</v>
      </c>
      <c r="G1717" t="s">
        <v>892</v>
      </c>
      <c r="H1717" t="s">
        <v>892</v>
      </c>
      <c r="I1717" t="s">
        <v>892</v>
      </c>
      <c r="J1717" t="s">
        <v>714</v>
      </c>
      <c r="K1717">
        <v>52</v>
      </c>
      <c r="L1717" t="s">
        <v>892</v>
      </c>
      <c r="M1717" t="s">
        <v>892</v>
      </c>
      <c r="N1717" t="s">
        <v>892</v>
      </c>
      <c r="O1717" t="s">
        <v>892</v>
      </c>
      <c r="P1717" t="s">
        <v>655</v>
      </c>
      <c r="Q1717">
        <v>1</v>
      </c>
      <c r="R1717" t="s">
        <v>893</v>
      </c>
      <c r="S1717">
        <v>3</v>
      </c>
      <c r="T1717" t="s">
        <v>892</v>
      </c>
      <c r="U1717" t="s">
        <v>892</v>
      </c>
      <c r="V1717">
        <v>3</v>
      </c>
      <c r="W1717">
        <v>180</v>
      </c>
      <c r="X1717">
        <v>2020</v>
      </c>
    </row>
    <row r="1718" spans="1:24" x14ac:dyDescent="0.25">
      <c r="A1718">
        <v>11346</v>
      </c>
      <c r="B1718" t="s">
        <v>138</v>
      </c>
      <c r="C1718">
        <v>35</v>
      </c>
      <c r="D1718" t="s">
        <v>137</v>
      </c>
      <c r="E1718">
        <v>1159</v>
      </c>
      <c r="F1718" t="s">
        <v>892</v>
      </c>
      <c r="G1718" t="s">
        <v>892</v>
      </c>
      <c r="H1718" t="s">
        <v>892</v>
      </c>
      <c r="I1718" t="s">
        <v>892</v>
      </c>
      <c r="J1718" t="s">
        <v>797</v>
      </c>
      <c r="K1718">
        <v>65</v>
      </c>
      <c r="L1718" t="s">
        <v>892</v>
      </c>
      <c r="M1718" t="s">
        <v>892</v>
      </c>
      <c r="N1718" t="s">
        <v>892</v>
      </c>
      <c r="O1718" t="s">
        <v>892</v>
      </c>
      <c r="P1718" t="s">
        <v>655</v>
      </c>
      <c r="Q1718">
        <v>1</v>
      </c>
      <c r="R1718" t="s">
        <v>893</v>
      </c>
      <c r="S1718">
        <v>3</v>
      </c>
      <c r="T1718" t="s">
        <v>892</v>
      </c>
      <c r="U1718" t="s">
        <v>892</v>
      </c>
      <c r="V1718">
        <v>3</v>
      </c>
      <c r="W1718">
        <v>180</v>
      </c>
      <c r="X1718">
        <v>2020</v>
      </c>
    </row>
    <row r="1719" spans="1:24" x14ac:dyDescent="0.25">
      <c r="A1719">
        <v>11345</v>
      </c>
      <c r="B1719" t="s">
        <v>140</v>
      </c>
      <c r="C1719">
        <v>34</v>
      </c>
      <c r="D1719" t="s">
        <v>139</v>
      </c>
      <c r="E1719">
        <v>1158</v>
      </c>
      <c r="F1719" t="s">
        <v>892</v>
      </c>
      <c r="G1719" t="s">
        <v>892</v>
      </c>
      <c r="H1719" t="s">
        <v>892</v>
      </c>
      <c r="I1719" t="s">
        <v>892</v>
      </c>
      <c r="J1719" t="s">
        <v>693</v>
      </c>
      <c r="K1719">
        <v>56</v>
      </c>
      <c r="L1719" t="s">
        <v>892</v>
      </c>
      <c r="M1719" t="s">
        <v>892</v>
      </c>
      <c r="N1719" t="s">
        <v>892</v>
      </c>
      <c r="O1719" t="s">
        <v>892</v>
      </c>
      <c r="P1719" t="s">
        <v>655</v>
      </c>
      <c r="Q1719">
        <v>1</v>
      </c>
      <c r="R1719" t="s">
        <v>893</v>
      </c>
      <c r="S1719">
        <v>3</v>
      </c>
      <c r="T1719" t="s">
        <v>892</v>
      </c>
      <c r="U1719" t="s">
        <v>892</v>
      </c>
      <c r="V1719">
        <v>3</v>
      </c>
      <c r="W1719">
        <v>180</v>
      </c>
      <c r="X1719">
        <v>2020</v>
      </c>
    </row>
    <row r="1720" spans="1:24" x14ac:dyDescent="0.25">
      <c r="A1720">
        <v>11344</v>
      </c>
      <c r="B1720" t="s">
        <v>140</v>
      </c>
      <c r="C1720">
        <v>34</v>
      </c>
      <c r="D1720" t="s">
        <v>139</v>
      </c>
      <c r="E1720">
        <v>1158</v>
      </c>
      <c r="F1720" t="s">
        <v>892</v>
      </c>
      <c r="G1720" t="s">
        <v>892</v>
      </c>
      <c r="H1720" t="s">
        <v>892</v>
      </c>
      <c r="I1720" t="s">
        <v>892</v>
      </c>
      <c r="J1720" t="s">
        <v>695</v>
      </c>
      <c r="K1720">
        <v>54</v>
      </c>
      <c r="L1720" t="s">
        <v>892</v>
      </c>
      <c r="M1720" t="s">
        <v>892</v>
      </c>
      <c r="N1720" t="s">
        <v>892</v>
      </c>
      <c r="O1720" t="s">
        <v>892</v>
      </c>
      <c r="P1720" t="s">
        <v>655</v>
      </c>
      <c r="Q1720">
        <v>1</v>
      </c>
      <c r="R1720" t="s">
        <v>893</v>
      </c>
      <c r="S1720">
        <v>3</v>
      </c>
      <c r="T1720" t="s">
        <v>892</v>
      </c>
      <c r="U1720" t="s">
        <v>892</v>
      </c>
      <c r="V1720">
        <v>3</v>
      </c>
      <c r="W1720">
        <v>180</v>
      </c>
      <c r="X1720">
        <v>2020</v>
      </c>
    </row>
    <row r="1721" spans="1:24" x14ac:dyDescent="0.25">
      <c r="A1721">
        <v>11343</v>
      </c>
      <c r="B1721" t="s">
        <v>140</v>
      </c>
      <c r="C1721">
        <v>34</v>
      </c>
      <c r="D1721" t="s">
        <v>139</v>
      </c>
      <c r="E1721">
        <v>1158</v>
      </c>
      <c r="F1721" t="s">
        <v>892</v>
      </c>
      <c r="G1721" t="s">
        <v>892</v>
      </c>
      <c r="H1721" t="s">
        <v>892</v>
      </c>
      <c r="I1721" t="s">
        <v>892</v>
      </c>
      <c r="J1721" t="s">
        <v>714</v>
      </c>
      <c r="K1721">
        <v>52</v>
      </c>
      <c r="L1721" t="s">
        <v>892</v>
      </c>
      <c r="M1721" t="s">
        <v>892</v>
      </c>
      <c r="N1721" t="s">
        <v>892</v>
      </c>
      <c r="O1721" t="s">
        <v>892</v>
      </c>
      <c r="P1721" t="s">
        <v>655</v>
      </c>
      <c r="Q1721">
        <v>1</v>
      </c>
      <c r="R1721" t="s">
        <v>893</v>
      </c>
      <c r="S1721">
        <v>3</v>
      </c>
      <c r="T1721" t="s">
        <v>892</v>
      </c>
      <c r="U1721" t="s">
        <v>892</v>
      </c>
      <c r="V1721">
        <v>3</v>
      </c>
      <c r="W1721">
        <v>180</v>
      </c>
      <c r="X1721">
        <v>2020</v>
      </c>
    </row>
    <row r="1722" spans="1:24" x14ac:dyDescent="0.25">
      <c r="A1722">
        <v>11342</v>
      </c>
      <c r="B1722" t="s">
        <v>140</v>
      </c>
      <c r="C1722">
        <v>34</v>
      </c>
      <c r="D1722" t="s">
        <v>139</v>
      </c>
      <c r="E1722">
        <v>1158</v>
      </c>
      <c r="F1722" t="s">
        <v>892</v>
      </c>
      <c r="G1722" t="s">
        <v>892</v>
      </c>
      <c r="H1722" t="s">
        <v>892</v>
      </c>
      <c r="I1722" t="s">
        <v>892</v>
      </c>
      <c r="J1722" t="s">
        <v>909</v>
      </c>
      <c r="K1722">
        <v>39</v>
      </c>
      <c r="L1722" t="s">
        <v>892</v>
      </c>
      <c r="M1722" t="s">
        <v>892</v>
      </c>
      <c r="N1722" t="s">
        <v>892</v>
      </c>
      <c r="O1722" t="s">
        <v>892</v>
      </c>
      <c r="P1722" t="s">
        <v>655</v>
      </c>
      <c r="Q1722">
        <v>1</v>
      </c>
      <c r="R1722" t="s">
        <v>893</v>
      </c>
      <c r="S1722">
        <v>3</v>
      </c>
      <c r="T1722" t="s">
        <v>892</v>
      </c>
      <c r="U1722" t="s">
        <v>892</v>
      </c>
      <c r="V1722">
        <v>3</v>
      </c>
      <c r="W1722">
        <v>180</v>
      </c>
      <c r="X1722">
        <v>2020</v>
      </c>
    </row>
    <row r="1723" spans="1:24" x14ac:dyDescent="0.25">
      <c r="A1723">
        <v>11341</v>
      </c>
      <c r="B1723" t="s">
        <v>140</v>
      </c>
      <c r="C1723">
        <v>34</v>
      </c>
      <c r="D1723" t="s">
        <v>141</v>
      </c>
      <c r="E1723">
        <v>1157</v>
      </c>
      <c r="F1723" t="s">
        <v>892</v>
      </c>
      <c r="G1723" t="s">
        <v>892</v>
      </c>
      <c r="H1723" t="s">
        <v>892</v>
      </c>
      <c r="I1723" t="s">
        <v>892</v>
      </c>
      <c r="J1723" t="s">
        <v>839</v>
      </c>
      <c r="K1723">
        <v>89</v>
      </c>
      <c r="L1723" t="s">
        <v>892</v>
      </c>
      <c r="M1723" t="s">
        <v>892</v>
      </c>
      <c r="N1723" t="s">
        <v>892</v>
      </c>
      <c r="O1723" t="s">
        <v>892</v>
      </c>
      <c r="P1723" t="s">
        <v>655</v>
      </c>
      <c r="Q1723">
        <v>1</v>
      </c>
      <c r="R1723" t="s">
        <v>893</v>
      </c>
      <c r="S1723">
        <v>3</v>
      </c>
      <c r="T1723" t="s">
        <v>892</v>
      </c>
      <c r="U1723" t="s">
        <v>892</v>
      </c>
      <c r="V1723">
        <v>4</v>
      </c>
      <c r="W1723">
        <v>240</v>
      </c>
      <c r="X1723">
        <v>2020</v>
      </c>
    </row>
    <row r="1724" spans="1:24" x14ac:dyDescent="0.25">
      <c r="A1724">
        <v>11340</v>
      </c>
      <c r="B1724" t="s">
        <v>140</v>
      </c>
      <c r="C1724">
        <v>34</v>
      </c>
      <c r="D1724" t="s">
        <v>141</v>
      </c>
      <c r="E1724">
        <v>1157</v>
      </c>
      <c r="F1724" t="s">
        <v>892</v>
      </c>
      <c r="G1724" t="s">
        <v>892</v>
      </c>
      <c r="H1724" t="s">
        <v>892</v>
      </c>
      <c r="I1724" t="s">
        <v>892</v>
      </c>
      <c r="J1724" t="s">
        <v>831</v>
      </c>
      <c r="K1724">
        <v>5</v>
      </c>
      <c r="L1724" t="s">
        <v>892</v>
      </c>
      <c r="M1724" t="s">
        <v>892</v>
      </c>
      <c r="N1724" t="s">
        <v>892</v>
      </c>
      <c r="O1724" t="s">
        <v>892</v>
      </c>
      <c r="P1724" t="s">
        <v>655</v>
      </c>
      <c r="Q1724">
        <v>1</v>
      </c>
      <c r="R1724" t="s">
        <v>893</v>
      </c>
      <c r="S1724">
        <v>3</v>
      </c>
      <c r="T1724" t="s">
        <v>892</v>
      </c>
      <c r="U1724" t="s">
        <v>892</v>
      </c>
      <c r="V1724">
        <v>3</v>
      </c>
      <c r="W1724">
        <v>180</v>
      </c>
      <c r="X1724">
        <v>2020</v>
      </c>
    </row>
    <row r="1725" spans="1:24" x14ac:dyDescent="0.25">
      <c r="A1725">
        <v>11339</v>
      </c>
      <c r="B1725" t="s">
        <v>140</v>
      </c>
      <c r="C1725">
        <v>34</v>
      </c>
      <c r="D1725" t="s">
        <v>142</v>
      </c>
      <c r="E1725">
        <v>1156</v>
      </c>
      <c r="F1725" t="s">
        <v>892</v>
      </c>
      <c r="G1725" t="s">
        <v>892</v>
      </c>
      <c r="H1725" t="s">
        <v>892</v>
      </c>
      <c r="I1725" t="s">
        <v>892</v>
      </c>
      <c r="J1725" t="s">
        <v>813</v>
      </c>
      <c r="K1725">
        <v>24</v>
      </c>
      <c r="L1725" t="s">
        <v>892</v>
      </c>
      <c r="M1725" t="s">
        <v>892</v>
      </c>
      <c r="N1725" t="s">
        <v>892</v>
      </c>
      <c r="O1725" t="s">
        <v>892</v>
      </c>
      <c r="P1725" t="s">
        <v>655</v>
      </c>
      <c r="Q1725">
        <v>1</v>
      </c>
      <c r="R1725" t="s">
        <v>893</v>
      </c>
      <c r="S1725">
        <v>3</v>
      </c>
      <c r="T1725" t="s">
        <v>892</v>
      </c>
      <c r="U1725" t="s">
        <v>892</v>
      </c>
      <c r="V1725">
        <v>3</v>
      </c>
      <c r="W1725">
        <v>180</v>
      </c>
      <c r="X1725">
        <v>2020</v>
      </c>
    </row>
    <row r="1726" spans="1:24" x14ac:dyDescent="0.25">
      <c r="A1726">
        <v>11338</v>
      </c>
      <c r="B1726" t="s">
        <v>140</v>
      </c>
      <c r="C1726">
        <v>34</v>
      </c>
      <c r="D1726" t="s">
        <v>143</v>
      </c>
      <c r="E1726">
        <v>1155</v>
      </c>
      <c r="F1726" t="s">
        <v>892</v>
      </c>
      <c r="G1726" t="s">
        <v>892</v>
      </c>
      <c r="H1726" t="s">
        <v>892</v>
      </c>
      <c r="I1726" t="s">
        <v>892</v>
      </c>
      <c r="J1726" t="s">
        <v>703</v>
      </c>
      <c r="K1726">
        <v>16</v>
      </c>
      <c r="L1726" t="s">
        <v>892</v>
      </c>
      <c r="M1726" t="s">
        <v>892</v>
      </c>
      <c r="N1726" t="s">
        <v>892</v>
      </c>
      <c r="O1726" t="s">
        <v>892</v>
      </c>
      <c r="P1726" t="s">
        <v>655</v>
      </c>
      <c r="Q1726">
        <v>1</v>
      </c>
      <c r="R1726" t="s">
        <v>893</v>
      </c>
      <c r="S1726">
        <v>3</v>
      </c>
      <c r="T1726" t="s">
        <v>892</v>
      </c>
      <c r="U1726" t="s">
        <v>892</v>
      </c>
      <c r="V1726">
        <v>3</v>
      </c>
      <c r="W1726">
        <v>180</v>
      </c>
      <c r="X1726">
        <v>2020</v>
      </c>
    </row>
    <row r="1727" spans="1:24" x14ac:dyDescent="0.25">
      <c r="A1727">
        <v>11337</v>
      </c>
      <c r="B1727" t="s">
        <v>140</v>
      </c>
      <c r="C1727">
        <v>34</v>
      </c>
      <c r="D1727" t="s">
        <v>144</v>
      </c>
      <c r="E1727">
        <v>1154</v>
      </c>
      <c r="F1727" t="s">
        <v>892</v>
      </c>
      <c r="G1727" t="s">
        <v>892</v>
      </c>
      <c r="H1727" t="s">
        <v>892</v>
      </c>
      <c r="I1727" t="s">
        <v>892</v>
      </c>
      <c r="J1727" t="s">
        <v>802</v>
      </c>
      <c r="K1727">
        <v>12</v>
      </c>
      <c r="L1727" t="s">
        <v>892</v>
      </c>
      <c r="M1727" t="s">
        <v>892</v>
      </c>
      <c r="N1727" t="s">
        <v>892</v>
      </c>
      <c r="O1727" t="s">
        <v>892</v>
      </c>
      <c r="P1727" t="s">
        <v>655</v>
      </c>
      <c r="Q1727">
        <v>1</v>
      </c>
      <c r="R1727" t="s">
        <v>893</v>
      </c>
      <c r="S1727">
        <v>3</v>
      </c>
      <c r="T1727" t="s">
        <v>892</v>
      </c>
      <c r="U1727" t="s">
        <v>892</v>
      </c>
      <c r="V1727">
        <v>3</v>
      </c>
      <c r="W1727">
        <v>180</v>
      </c>
      <c r="X1727">
        <v>2020</v>
      </c>
    </row>
    <row r="1728" spans="1:24" x14ac:dyDescent="0.25">
      <c r="A1728">
        <v>11336</v>
      </c>
      <c r="B1728" t="s">
        <v>140</v>
      </c>
      <c r="C1728">
        <v>34</v>
      </c>
      <c r="D1728" t="s">
        <v>145</v>
      </c>
      <c r="E1728">
        <v>1153</v>
      </c>
      <c r="F1728" t="s">
        <v>892</v>
      </c>
      <c r="G1728" t="s">
        <v>892</v>
      </c>
      <c r="H1728" t="s">
        <v>892</v>
      </c>
      <c r="I1728" t="s">
        <v>892</v>
      </c>
      <c r="J1728" t="s">
        <v>792</v>
      </c>
      <c r="K1728">
        <v>6</v>
      </c>
      <c r="L1728" t="s">
        <v>892</v>
      </c>
      <c r="M1728" t="s">
        <v>892</v>
      </c>
      <c r="N1728" t="s">
        <v>892</v>
      </c>
      <c r="O1728" t="s">
        <v>892</v>
      </c>
      <c r="P1728" t="s">
        <v>655</v>
      </c>
      <c r="Q1728">
        <v>1</v>
      </c>
      <c r="R1728" t="s">
        <v>893</v>
      </c>
      <c r="S1728">
        <v>3</v>
      </c>
      <c r="T1728" t="s">
        <v>892</v>
      </c>
      <c r="U1728" t="s">
        <v>892</v>
      </c>
      <c r="V1728">
        <v>3</v>
      </c>
      <c r="W1728">
        <v>180</v>
      </c>
      <c r="X1728">
        <v>2020</v>
      </c>
    </row>
    <row r="1729" spans="1:24" x14ac:dyDescent="0.25">
      <c r="A1729">
        <v>11335</v>
      </c>
      <c r="B1729" t="s">
        <v>140</v>
      </c>
      <c r="C1729">
        <v>34</v>
      </c>
      <c r="D1729" t="s">
        <v>146</v>
      </c>
      <c r="E1729">
        <v>1152</v>
      </c>
      <c r="F1729" t="s">
        <v>892</v>
      </c>
      <c r="G1729" t="s">
        <v>892</v>
      </c>
      <c r="H1729" t="s">
        <v>892</v>
      </c>
      <c r="I1729" t="s">
        <v>892</v>
      </c>
      <c r="J1729" t="s">
        <v>663</v>
      </c>
      <c r="K1729">
        <v>99</v>
      </c>
      <c r="L1729" t="s">
        <v>892</v>
      </c>
      <c r="M1729" t="s">
        <v>892</v>
      </c>
      <c r="N1729" t="s">
        <v>892</v>
      </c>
      <c r="O1729" t="s">
        <v>892</v>
      </c>
      <c r="P1729" t="s">
        <v>655</v>
      </c>
      <c r="Q1729">
        <v>1</v>
      </c>
      <c r="R1729" t="s">
        <v>893</v>
      </c>
      <c r="S1729">
        <v>3</v>
      </c>
      <c r="T1729" t="s">
        <v>892</v>
      </c>
      <c r="U1729" t="s">
        <v>892</v>
      </c>
      <c r="V1729">
        <v>3</v>
      </c>
      <c r="W1729">
        <v>180</v>
      </c>
      <c r="X1729">
        <v>2020</v>
      </c>
    </row>
    <row r="1730" spans="1:24" x14ac:dyDescent="0.25">
      <c r="A1730">
        <v>11334</v>
      </c>
      <c r="B1730" t="s">
        <v>95</v>
      </c>
      <c r="C1730">
        <v>26</v>
      </c>
      <c r="D1730" t="s">
        <v>97</v>
      </c>
      <c r="E1730">
        <v>1202</v>
      </c>
      <c r="F1730" t="s">
        <v>892</v>
      </c>
      <c r="G1730" t="s">
        <v>892</v>
      </c>
      <c r="H1730" t="s">
        <v>892</v>
      </c>
      <c r="I1730" t="s">
        <v>892</v>
      </c>
      <c r="J1730" t="s">
        <v>864</v>
      </c>
      <c r="K1730">
        <v>14</v>
      </c>
      <c r="L1730" t="s">
        <v>892</v>
      </c>
      <c r="M1730" t="s">
        <v>892</v>
      </c>
      <c r="N1730" t="s">
        <v>892</v>
      </c>
      <c r="O1730" t="s">
        <v>892</v>
      </c>
      <c r="P1730" t="s">
        <v>655</v>
      </c>
      <c r="Q1730">
        <v>1</v>
      </c>
      <c r="R1730" t="s">
        <v>893</v>
      </c>
      <c r="S1730">
        <v>3</v>
      </c>
      <c r="T1730" t="s">
        <v>892</v>
      </c>
      <c r="U1730" t="s">
        <v>892</v>
      </c>
      <c r="V1730">
        <v>3</v>
      </c>
      <c r="W1730">
        <v>180</v>
      </c>
      <c r="X1730">
        <v>2020</v>
      </c>
    </row>
    <row r="1731" spans="1:24" x14ac:dyDescent="0.25">
      <c r="A1731">
        <v>11333</v>
      </c>
      <c r="B1731" t="s">
        <v>95</v>
      </c>
      <c r="C1731">
        <v>26</v>
      </c>
      <c r="D1731" t="s">
        <v>147</v>
      </c>
      <c r="E1731">
        <v>1151</v>
      </c>
      <c r="F1731" t="s">
        <v>892</v>
      </c>
      <c r="G1731" t="s">
        <v>892</v>
      </c>
      <c r="H1731" t="s">
        <v>892</v>
      </c>
      <c r="I1731" t="s">
        <v>892</v>
      </c>
      <c r="J1731" t="s">
        <v>703</v>
      </c>
      <c r="K1731">
        <v>16</v>
      </c>
      <c r="L1731" t="s">
        <v>892</v>
      </c>
      <c r="M1731" t="s">
        <v>892</v>
      </c>
      <c r="N1731" t="s">
        <v>892</v>
      </c>
      <c r="O1731" t="s">
        <v>892</v>
      </c>
      <c r="P1731" t="s">
        <v>655</v>
      </c>
      <c r="Q1731">
        <v>1</v>
      </c>
      <c r="R1731" t="s">
        <v>893</v>
      </c>
      <c r="S1731">
        <v>3</v>
      </c>
      <c r="T1731" t="s">
        <v>892</v>
      </c>
      <c r="U1731" t="s">
        <v>892</v>
      </c>
      <c r="V1731">
        <v>3</v>
      </c>
      <c r="W1731">
        <v>180</v>
      </c>
      <c r="X1731">
        <v>2020</v>
      </c>
    </row>
    <row r="1732" spans="1:24" x14ac:dyDescent="0.25">
      <c r="A1732">
        <v>11332</v>
      </c>
      <c r="B1732" t="s">
        <v>95</v>
      </c>
      <c r="C1732">
        <v>26</v>
      </c>
      <c r="D1732" t="s">
        <v>94</v>
      </c>
      <c r="E1732">
        <v>1204</v>
      </c>
      <c r="F1732" t="s">
        <v>892</v>
      </c>
      <c r="G1732" t="s">
        <v>892</v>
      </c>
      <c r="H1732" t="s">
        <v>892</v>
      </c>
      <c r="I1732" t="s">
        <v>892</v>
      </c>
      <c r="J1732" t="s">
        <v>295</v>
      </c>
      <c r="K1732">
        <v>30</v>
      </c>
      <c r="L1732" t="s">
        <v>892</v>
      </c>
      <c r="M1732" t="s">
        <v>892</v>
      </c>
      <c r="N1732" t="s">
        <v>892</v>
      </c>
      <c r="O1732" t="s">
        <v>892</v>
      </c>
      <c r="P1732" t="s">
        <v>655</v>
      </c>
      <c r="Q1732">
        <v>1</v>
      </c>
      <c r="R1732" t="s">
        <v>893</v>
      </c>
      <c r="S1732">
        <v>3</v>
      </c>
      <c r="T1732" t="s">
        <v>892</v>
      </c>
      <c r="U1732" t="s">
        <v>892</v>
      </c>
      <c r="V1732">
        <v>3</v>
      </c>
      <c r="W1732">
        <v>180</v>
      </c>
      <c r="X1732">
        <v>2020</v>
      </c>
    </row>
    <row r="1733" spans="1:24" x14ac:dyDescent="0.25">
      <c r="A1733">
        <v>11331</v>
      </c>
      <c r="B1733" t="s">
        <v>95</v>
      </c>
      <c r="C1733">
        <v>26</v>
      </c>
      <c r="D1733" t="s">
        <v>147</v>
      </c>
      <c r="E1733">
        <v>1151</v>
      </c>
      <c r="F1733" t="s">
        <v>892</v>
      </c>
      <c r="G1733" t="s">
        <v>892</v>
      </c>
      <c r="H1733" t="s">
        <v>892</v>
      </c>
      <c r="I1733" t="s">
        <v>892</v>
      </c>
      <c r="J1733" t="s">
        <v>802</v>
      </c>
      <c r="K1733">
        <v>12</v>
      </c>
      <c r="L1733" t="s">
        <v>892</v>
      </c>
      <c r="M1733" t="s">
        <v>892</v>
      </c>
      <c r="N1733" t="s">
        <v>892</v>
      </c>
      <c r="O1733" t="s">
        <v>892</v>
      </c>
      <c r="P1733" t="s">
        <v>655</v>
      </c>
      <c r="Q1733">
        <v>1</v>
      </c>
      <c r="R1733" t="s">
        <v>893</v>
      </c>
      <c r="S1733">
        <v>3</v>
      </c>
      <c r="T1733" t="s">
        <v>892</v>
      </c>
      <c r="U1733" t="s">
        <v>892</v>
      </c>
      <c r="V1733">
        <v>3</v>
      </c>
      <c r="W1733">
        <v>180</v>
      </c>
      <c r="X1733">
        <v>2020</v>
      </c>
    </row>
    <row r="1734" spans="1:24" x14ac:dyDescent="0.25">
      <c r="A1734">
        <v>11330</v>
      </c>
      <c r="B1734" t="s">
        <v>95</v>
      </c>
      <c r="C1734">
        <v>26</v>
      </c>
      <c r="D1734" t="s">
        <v>94</v>
      </c>
      <c r="E1734">
        <v>1204</v>
      </c>
      <c r="F1734" t="s">
        <v>892</v>
      </c>
      <c r="G1734" t="s">
        <v>892</v>
      </c>
      <c r="H1734" t="s">
        <v>892</v>
      </c>
      <c r="I1734" t="s">
        <v>892</v>
      </c>
      <c r="J1734" t="s">
        <v>807</v>
      </c>
      <c r="K1734">
        <v>25</v>
      </c>
      <c r="L1734" t="s">
        <v>892</v>
      </c>
      <c r="M1734" t="s">
        <v>892</v>
      </c>
      <c r="N1734" t="s">
        <v>892</v>
      </c>
      <c r="O1734" t="s">
        <v>892</v>
      </c>
      <c r="P1734" t="s">
        <v>655</v>
      </c>
      <c r="Q1734">
        <v>1</v>
      </c>
      <c r="R1734" t="s">
        <v>893</v>
      </c>
      <c r="S1734">
        <v>3</v>
      </c>
      <c r="T1734" t="s">
        <v>892</v>
      </c>
      <c r="U1734" t="s">
        <v>892</v>
      </c>
      <c r="V1734">
        <v>3</v>
      </c>
      <c r="W1734">
        <v>180</v>
      </c>
      <c r="X1734">
        <v>2020</v>
      </c>
    </row>
    <row r="1735" spans="1:24" x14ac:dyDescent="0.25">
      <c r="A1735">
        <v>11329</v>
      </c>
      <c r="B1735" t="s">
        <v>95</v>
      </c>
      <c r="C1735">
        <v>26</v>
      </c>
      <c r="D1735" t="s">
        <v>98</v>
      </c>
      <c r="E1735">
        <v>1201</v>
      </c>
      <c r="F1735" t="s">
        <v>892</v>
      </c>
      <c r="G1735" t="s">
        <v>892</v>
      </c>
      <c r="H1735" t="s">
        <v>892</v>
      </c>
      <c r="I1735" t="s">
        <v>892</v>
      </c>
      <c r="J1735" t="s">
        <v>663</v>
      </c>
      <c r="K1735">
        <v>99</v>
      </c>
      <c r="L1735" t="s">
        <v>892</v>
      </c>
      <c r="M1735" t="s">
        <v>892</v>
      </c>
      <c r="N1735" t="s">
        <v>892</v>
      </c>
      <c r="O1735" t="s">
        <v>892</v>
      </c>
      <c r="P1735" t="s">
        <v>655</v>
      </c>
      <c r="Q1735">
        <v>1</v>
      </c>
      <c r="R1735" t="s">
        <v>893</v>
      </c>
      <c r="S1735">
        <v>3</v>
      </c>
      <c r="T1735" t="s">
        <v>892</v>
      </c>
      <c r="U1735" t="s">
        <v>892</v>
      </c>
      <c r="V1735">
        <v>3</v>
      </c>
      <c r="W1735">
        <v>180</v>
      </c>
      <c r="X1735">
        <v>2020</v>
      </c>
    </row>
    <row r="1736" spans="1:24" x14ac:dyDescent="0.25">
      <c r="A1736">
        <v>11328</v>
      </c>
      <c r="B1736" t="s">
        <v>95</v>
      </c>
      <c r="C1736">
        <v>26</v>
      </c>
      <c r="D1736" t="s">
        <v>94</v>
      </c>
      <c r="E1736">
        <v>1204</v>
      </c>
      <c r="F1736" t="s">
        <v>892</v>
      </c>
      <c r="G1736" t="s">
        <v>892</v>
      </c>
      <c r="H1736" t="s">
        <v>892</v>
      </c>
      <c r="I1736" t="s">
        <v>892</v>
      </c>
      <c r="J1736" t="s">
        <v>955</v>
      </c>
      <c r="K1736">
        <v>29</v>
      </c>
      <c r="L1736" t="s">
        <v>892</v>
      </c>
      <c r="M1736" t="s">
        <v>892</v>
      </c>
      <c r="N1736" t="s">
        <v>892</v>
      </c>
      <c r="O1736" t="s">
        <v>892</v>
      </c>
      <c r="P1736" t="s">
        <v>655</v>
      </c>
      <c r="Q1736">
        <v>1</v>
      </c>
      <c r="R1736" t="s">
        <v>893</v>
      </c>
      <c r="S1736">
        <v>3</v>
      </c>
      <c r="T1736" t="s">
        <v>892</v>
      </c>
      <c r="U1736" t="s">
        <v>892</v>
      </c>
      <c r="V1736">
        <v>3</v>
      </c>
      <c r="W1736">
        <v>180</v>
      </c>
      <c r="X1736">
        <v>2020</v>
      </c>
    </row>
    <row r="1737" spans="1:24" x14ac:dyDescent="0.25">
      <c r="A1737">
        <v>11327</v>
      </c>
      <c r="B1737" t="s">
        <v>95</v>
      </c>
      <c r="C1737">
        <v>26</v>
      </c>
      <c r="D1737" t="s">
        <v>94</v>
      </c>
      <c r="E1737">
        <v>1204</v>
      </c>
      <c r="F1737" t="s">
        <v>892</v>
      </c>
      <c r="G1737" t="s">
        <v>892</v>
      </c>
      <c r="H1737" t="s">
        <v>892</v>
      </c>
      <c r="I1737" t="s">
        <v>892</v>
      </c>
      <c r="J1737" t="s">
        <v>813</v>
      </c>
      <c r="K1737">
        <v>24</v>
      </c>
      <c r="L1737" t="s">
        <v>892</v>
      </c>
      <c r="M1737" t="s">
        <v>892</v>
      </c>
      <c r="N1737" t="s">
        <v>892</v>
      </c>
      <c r="O1737" t="s">
        <v>892</v>
      </c>
      <c r="P1737" t="s">
        <v>655</v>
      </c>
      <c r="Q1737">
        <v>1</v>
      </c>
      <c r="R1737" t="s">
        <v>893</v>
      </c>
      <c r="S1737">
        <v>3</v>
      </c>
      <c r="T1737" t="s">
        <v>892</v>
      </c>
      <c r="U1737" t="s">
        <v>892</v>
      </c>
      <c r="V1737">
        <v>3</v>
      </c>
      <c r="W1737">
        <v>180</v>
      </c>
      <c r="X1737">
        <v>2020</v>
      </c>
    </row>
    <row r="1738" spans="1:24" x14ac:dyDescent="0.25">
      <c r="A1738">
        <v>11326</v>
      </c>
      <c r="B1738" t="s">
        <v>95</v>
      </c>
      <c r="C1738">
        <v>26</v>
      </c>
      <c r="D1738" t="s">
        <v>96</v>
      </c>
      <c r="E1738">
        <v>1203</v>
      </c>
      <c r="F1738" t="s">
        <v>892</v>
      </c>
      <c r="G1738" t="s">
        <v>892</v>
      </c>
      <c r="H1738" t="s">
        <v>892</v>
      </c>
      <c r="I1738" t="s">
        <v>892</v>
      </c>
      <c r="J1738" t="s">
        <v>65</v>
      </c>
      <c r="K1738">
        <v>15</v>
      </c>
      <c r="L1738" t="s">
        <v>892</v>
      </c>
      <c r="M1738" t="s">
        <v>892</v>
      </c>
      <c r="N1738" t="s">
        <v>892</v>
      </c>
      <c r="O1738" t="s">
        <v>892</v>
      </c>
      <c r="P1738" t="s">
        <v>655</v>
      </c>
      <c r="Q1738">
        <v>1</v>
      </c>
      <c r="R1738" t="s">
        <v>893</v>
      </c>
      <c r="S1738">
        <v>3</v>
      </c>
      <c r="T1738" t="s">
        <v>892</v>
      </c>
      <c r="U1738" t="s">
        <v>892</v>
      </c>
      <c r="V1738">
        <v>3</v>
      </c>
      <c r="W1738">
        <v>180</v>
      </c>
      <c r="X1738">
        <v>2020</v>
      </c>
    </row>
    <row r="1739" spans="1:24" x14ac:dyDescent="0.25">
      <c r="A1739">
        <v>11325</v>
      </c>
      <c r="B1739" t="s">
        <v>95</v>
      </c>
      <c r="C1739">
        <v>26</v>
      </c>
      <c r="D1739" t="s">
        <v>94</v>
      </c>
      <c r="E1739">
        <v>1204</v>
      </c>
      <c r="F1739" t="s">
        <v>892</v>
      </c>
      <c r="G1739" t="s">
        <v>892</v>
      </c>
      <c r="H1739" t="s">
        <v>892</v>
      </c>
      <c r="I1739" t="s">
        <v>892</v>
      </c>
      <c r="J1739" t="s">
        <v>299</v>
      </c>
      <c r="K1739">
        <v>27</v>
      </c>
      <c r="L1739" t="s">
        <v>892</v>
      </c>
      <c r="M1739" t="s">
        <v>892</v>
      </c>
      <c r="N1739" t="s">
        <v>892</v>
      </c>
      <c r="O1739" t="s">
        <v>892</v>
      </c>
      <c r="P1739" t="s">
        <v>655</v>
      </c>
      <c r="Q1739">
        <v>1</v>
      </c>
      <c r="R1739" t="s">
        <v>893</v>
      </c>
      <c r="S1739">
        <v>3</v>
      </c>
      <c r="T1739" t="s">
        <v>892</v>
      </c>
      <c r="U1739" t="s">
        <v>892</v>
      </c>
      <c r="V1739">
        <v>3</v>
      </c>
      <c r="W1739">
        <v>180</v>
      </c>
      <c r="X1739">
        <v>2020</v>
      </c>
    </row>
    <row r="1740" spans="1:24" x14ac:dyDescent="0.25">
      <c r="A1740">
        <v>11324</v>
      </c>
      <c r="B1740" t="s">
        <v>95</v>
      </c>
      <c r="C1740">
        <v>26</v>
      </c>
      <c r="D1740" t="s">
        <v>94</v>
      </c>
      <c r="E1740">
        <v>1204</v>
      </c>
      <c r="F1740" t="s">
        <v>892</v>
      </c>
      <c r="G1740" t="s">
        <v>892</v>
      </c>
      <c r="H1740" t="s">
        <v>892</v>
      </c>
      <c r="I1740" t="s">
        <v>892</v>
      </c>
      <c r="J1740" t="s">
        <v>1559</v>
      </c>
      <c r="K1740">
        <v>96</v>
      </c>
      <c r="L1740" t="s">
        <v>892</v>
      </c>
      <c r="M1740" t="s">
        <v>892</v>
      </c>
      <c r="N1740" t="s">
        <v>892</v>
      </c>
      <c r="O1740" t="s">
        <v>892</v>
      </c>
      <c r="P1740" t="s">
        <v>655</v>
      </c>
      <c r="Q1740">
        <v>1</v>
      </c>
      <c r="R1740" t="s">
        <v>893</v>
      </c>
      <c r="S1740">
        <v>3</v>
      </c>
      <c r="T1740" t="s">
        <v>892</v>
      </c>
      <c r="U1740" t="s">
        <v>892</v>
      </c>
      <c r="V1740">
        <v>3</v>
      </c>
      <c r="W1740">
        <v>180</v>
      </c>
      <c r="X1740">
        <v>2020</v>
      </c>
    </row>
    <row r="1741" spans="1:24" x14ac:dyDescent="0.25">
      <c r="A1741">
        <v>11323</v>
      </c>
      <c r="B1741" t="s">
        <v>95</v>
      </c>
      <c r="C1741">
        <v>26</v>
      </c>
      <c r="D1741" t="s">
        <v>102</v>
      </c>
      <c r="E1741">
        <v>1197</v>
      </c>
      <c r="F1741" t="s">
        <v>892</v>
      </c>
      <c r="G1741" t="s">
        <v>892</v>
      </c>
      <c r="H1741" t="s">
        <v>892</v>
      </c>
      <c r="I1741" t="s">
        <v>892</v>
      </c>
      <c r="J1741" t="s">
        <v>716</v>
      </c>
      <c r="K1741">
        <v>68</v>
      </c>
      <c r="L1741" t="s">
        <v>892</v>
      </c>
      <c r="M1741" t="s">
        <v>892</v>
      </c>
      <c r="N1741" t="s">
        <v>892</v>
      </c>
      <c r="O1741" t="s">
        <v>892</v>
      </c>
      <c r="P1741" t="s">
        <v>655</v>
      </c>
      <c r="Q1741">
        <v>1</v>
      </c>
      <c r="R1741" t="s">
        <v>893</v>
      </c>
      <c r="S1741">
        <v>3</v>
      </c>
      <c r="T1741" t="s">
        <v>892</v>
      </c>
      <c r="U1741" t="s">
        <v>892</v>
      </c>
      <c r="V1741">
        <v>3</v>
      </c>
      <c r="W1741">
        <v>180</v>
      </c>
      <c r="X1741">
        <v>2020</v>
      </c>
    </row>
    <row r="1742" spans="1:24" x14ac:dyDescent="0.25">
      <c r="A1742">
        <v>11322</v>
      </c>
      <c r="B1742" t="s">
        <v>95</v>
      </c>
      <c r="C1742">
        <v>26</v>
      </c>
      <c r="D1742" t="s">
        <v>100</v>
      </c>
      <c r="E1742">
        <v>1199</v>
      </c>
      <c r="F1742" t="s">
        <v>892</v>
      </c>
      <c r="G1742" t="s">
        <v>892</v>
      </c>
      <c r="H1742" t="s">
        <v>892</v>
      </c>
      <c r="I1742" t="s">
        <v>892</v>
      </c>
      <c r="J1742" t="s">
        <v>738</v>
      </c>
      <c r="K1742">
        <v>61</v>
      </c>
      <c r="L1742" t="s">
        <v>892</v>
      </c>
      <c r="M1742" t="s">
        <v>892</v>
      </c>
      <c r="N1742" t="s">
        <v>892</v>
      </c>
      <c r="O1742" t="s">
        <v>892</v>
      </c>
      <c r="P1742" t="s">
        <v>655</v>
      </c>
      <c r="Q1742">
        <v>1</v>
      </c>
      <c r="R1742" t="s">
        <v>893</v>
      </c>
      <c r="S1742">
        <v>3</v>
      </c>
      <c r="T1742" t="s">
        <v>892</v>
      </c>
      <c r="U1742" t="s">
        <v>892</v>
      </c>
      <c r="V1742">
        <v>3</v>
      </c>
      <c r="W1742">
        <v>180</v>
      </c>
      <c r="X1742">
        <v>2020</v>
      </c>
    </row>
    <row r="1743" spans="1:24" x14ac:dyDescent="0.25">
      <c r="A1743">
        <v>11321</v>
      </c>
      <c r="B1743" t="s">
        <v>95</v>
      </c>
      <c r="C1743">
        <v>26</v>
      </c>
      <c r="D1743" t="s">
        <v>100</v>
      </c>
      <c r="E1743">
        <v>1199</v>
      </c>
      <c r="F1743" t="s">
        <v>892</v>
      </c>
      <c r="G1743" t="s">
        <v>892</v>
      </c>
      <c r="H1743" t="s">
        <v>892</v>
      </c>
      <c r="I1743" t="s">
        <v>892</v>
      </c>
      <c r="J1743" t="s">
        <v>693</v>
      </c>
      <c r="K1743">
        <v>56</v>
      </c>
      <c r="L1743" t="s">
        <v>892</v>
      </c>
      <c r="M1743" t="s">
        <v>892</v>
      </c>
      <c r="N1743" t="s">
        <v>892</v>
      </c>
      <c r="O1743" t="s">
        <v>892</v>
      </c>
      <c r="P1743" t="s">
        <v>655</v>
      </c>
      <c r="Q1743">
        <v>1</v>
      </c>
      <c r="R1743" t="s">
        <v>893</v>
      </c>
      <c r="S1743">
        <v>3</v>
      </c>
      <c r="T1743" t="s">
        <v>892</v>
      </c>
      <c r="U1743" t="s">
        <v>892</v>
      </c>
      <c r="V1743">
        <v>3</v>
      </c>
      <c r="W1743">
        <v>180</v>
      </c>
      <c r="X1743">
        <v>2020</v>
      </c>
    </row>
    <row r="1744" spans="1:24" x14ac:dyDescent="0.25">
      <c r="A1744">
        <v>11320</v>
      </c>
      <c r="B1744" t="s">
        <v>95</v>
      </c>
      <c r="C1744">
        <v>26</v>
      </c>
      <c r="D1744" t="s">
        <v>101</v>
      </c>
      <c r="E1744">
        <v>1198</v>
      </c>
      <c r="F1744" t="s">
        <v>892</v>
      </c>
      <c r="G1744" t="s">
        <v>892</v>
      </c>
      <c r="H1744" t="s">
        <v>892</v>
      </c>
      <c r="I1744" t="s">
        <v>892</v>
      </c>
      <c r="J1744" t="s">
        <v>695</v>
      </c>
      <c r="K1744">
        <v>54</v>
      </c>
      <c r="L1744" t="s">
        <v>892</v>
      </c>
      <c r="M1744" t="s">
        <v>892</v>
      </c>
      <c r="N1744" t="s">
        <v>892</v>
      </c>
      <c r="O1744" t="s">
        <v>892</v>
      </c>
      <c r="P1744" t="s">
        <v>655</v>
      </c>
      <c r="Q1744">
        <v>1</v>
      </c>
      <c r="R1744" t="s">
        <v>893</v>
      </c>
      <c r="S1744">
        <v>3</v>
      </c>
      <c r="T1744" t="s">
        <v>892</v>
      </c>
      <c r="U1744" t="s">
        <v>892</v>
      </c>
      <c r="V1744">
        <v>3</v>
      </c>
      <c r="W1744">
        <v>180</v>
      </c>
      <c r="X1744">
        <v>2020</v>
      </c>
    </row>
    <row r="1745" spans="1:24" x14ac:dyDescent="0.25">
      <c r="A1745">
        <v>11319</v>
      </c>
      <c r="B1745" t="s">
        <v>95</v>
      </c>
      <c r="C1745">
        <v>26</v>
      </c>
      <c r="D1745" t="s">
        <v>101</v>
      </c>
      <c r="E1745">
        <v>1198</v>
      </c>
      <c r="F1745" t="s">
        <v>892</v>
      </c>
      <c r="G1745" t="s">
        <v>892</v>
      </c>
      <c r="H1745" t="s">
        <v>892</v>
      </c>
      <c r="I1745" t="s">
        <v>892</v>
      </c>
      <c r="J1745" t="s">
        <v>714</v>
      </c>
      <c r="K1745">
        <v>52</v>
      </c>
      <c r="L1745" t="s">
        <v>892</v>
      </c>
      <c r="M1745" t="s">
        <v>892</v>
      </c>
      <c r="N1745" t="s">
        <v>892</v>
      </c>
      <c r="O1745" t="s">
        <v>892</v>
      </c>
      <c r="P1745" t="s">
        <v>655</v>
      </c>
      <c r="Q1745">
        <v>1</v>
      </c>
      <c r="R1745" t="s">
        <v>893</v>
      </c>
      <c r="S1745">
        <v>3</v>
      </c>
      <c r="T1745" t="s">
        <v>892</v>
      </c>
      <c r="U1745" t="s">
        <v>892</v>
      </c>
      <c r="V1745">
        <v>3</v>
      </c>
      <c r="W1745">
        <v>180</v>
      </c>
      <c r="X1745">
        <v>2020</v>
      </c>
    </row>
    <row r="1746" spans="1:24" x14ac:dyDescent="0.25">
      <c r="A1746">
        <v>11318</v>
      </c>
      <c r="B1746" t="s">
        <v>95</v>
      </c>
      <c r="C1746">
        <v>26</v>
      </c>
      <c r="D1746" t="s">
        <v>102</v>
      </c>
      <c r="E1746">
        <v>1197</v>
      </c>
      <c r="F1746" t="s">
        <v>892</v>
      </c>
      <c r="G1746" t="s">
        <v>892</v>
      </c>
      <c r="H1746" t="s">
        <v>892</v>
      </c>
      <c r="I1746" t="s">
        <v>892</v>
      </c>
      <c r="J1746" t="s">
        <v>797</v>
      </c>
      <c r="K1746">
        <v>65</v>
      </c>
      <c r="L1746" t="s">
        <v>892</v>
      </c>
      <c r="M1746" t="s">
        <v>892</v>
      </c>
      <c r="N1746" t="s">
        <v>892</v>
      </c>
      <c r="O1746" t="s">
        <v>892</v>
      </c>
      <c r="P1746" t="s">
        <v>655</v>
      </c>
      <c r="Q1746">
        <v>1</v>
      </c>
      <c r="R1746" t="s">
        <v>893</v>
      </c>
      <c r="S1746">
        <v>3</v>
      </c>
      <c r="T1746" t="s">
        <v>892</v>
      </c>
      <c r="U1746" t="s">
        <v>892</v>
      </c>
      <c r="V1746">
        <v>3</v>
      </c>
      <c r="W1746">
        <v>180</v>
      </c>
      <c r="X1746">
        <v>2020</v>
      </c>
    </row>
    <row r="1747" spans="1:24" x14ac:dyDescent="0.25">
      <c r="A1747">
        <v>11317</v>
      </c>
      <c r="B1747" t="s">
        <v>95</v>
      </c>
      <c r="C1747">
        <v>26</v>
      </c>
      <c r="D1747" t="s">
        <v>100</v>
      </c>
      <c r="E1747">
        <v>1199</v>
      </c>
      <c r="F1747" t="s">
        <v>892</v>
      </c>
      <c r="G1747" t="s">
        <v>892</v>
      </c>
      <c r="H1747" t="s">
        <v>892</v>
      </c>
      <c r="I1747" t="s">
        <v>892</v>
      </c>
      <c r="J1747" t="s">
        <v>1236</v>
      </c>
      <c r="K1747">
        <v>60</v>
      </c>
      <c r="L1747" t="s">
        <v>892</v>
      </c>
      <c r="M1747" t="s">
        <v>892</v>
      </c>
      <c r="N1747" t="s">
        <v>892</v>
      </c>
      <c r="O1747" t="s">
        <v>892</v>
      </c>
      <c r="P1747" t="s">
        <v>655</v>
      </c>
      <c r="Q1747">
        <v>1</v>
      </c>
      <c r="R1747" t="s">
        <v>893</v>
      </c>
      <c r="S1747">
        <v>3</v>
      </c>
      <c r="T1747" t="s">
        <v>892</v>
      </c>
      <c r="U1747" t="s">
        <v>892</v>
      </c>
      <c r="V1747">
        <v>3</v>
      </c>
      <c r="W1747">
        <v>180</v>
      </c>
      <c r="X1747">
        <v>2020</v>
      </c>
    </row>
    <row r="1748" spans="1:24" x14ac:dyDescent="0.25">
      <c r="A1748">
        <v>11316</v>
      </c>
      <c r="B1748" t="s">
        <v>95</v>
      </c>
      <c r="C1748">
        <v>26</v>
      </c>
      <c r="D1748" t="s">
        <v>99</v>
      </c>
      <c r="E1748">
        <v>1200</v>
      </c>
      <c r="F1748" t="s">
        <v>892</v>
      </c>
      <c r="G1748" t="s">
        <v>892</v>
      </c>
      <c r="H1748" t="s">
        <v>892</v>
      </c>
      <c r="I1748" t="s">
        <v>892</v>
      </c>
      <c r="J1748" t="s">
        <v>794</v>
      </c>
      <c r="K1748">
        <v>40</v>
      </c>
      <c r="L1748" t="s">
        <v>892</v>
      </c>
      <c r="M1748" t="s">
        <v>892</v>
      </c>
      <c r="N1748" t="s">
        <v>892</v>
      </c>
      <c r="O1748" t="s">
        <v>892</v>
      </c>
      <c r="P1748" t="s">
        <v>655</v>
      </c>
      <c r="Q1748">
        <v>1</v>
      </c>
      <c r="R1748" t="s">
        <v>893</v>
      </c>
      <c r="S1748">
        <v>3</v>
      </c>
      <c r="T1748" t="s">
        <v>892</v>
      </c>
      <c r="U1748" t="s">
        <v>892</v>
      </c>
      <c r="V1748">
        <v>3</v>
      </c>
      <c r="W1748">
        <v>180</v>
      </c>
      <c r="X1748">
        <v>2020</v>
      </c>
    </row>
    <row r="1749" spans="1:24" x14ac:dyDescent="0.25">
      <c r="A1749">
        <v>11315</v>
      </c>
      <c r="B1749" t="s">
        <v>95</v>
      </c>
      <c r="C1749">
        <v>26</v>
      </c>
      <c r="D1749" t="s">
        <v>102</v>
      </c>
      <c r="E1749">
        <v>1197</v>
      </c>
      <c r="F1749" t="s">
        <v>892</v>
      </c>
      <c r="G1749" t="s">
        <v>892</v>
      </c>
      <c r="H1749" t="s">
        <v>892</v>
      </c>
      <c r="I1749" t="s">
        <v>892</v>
      </c>
      <c r="J1749" t="s">
        <v>767</v>
      </c>
      <c r="K1749">
        <v>44</v>
      </c>
      <c r="L1749" t="s">
        <v>892</v>
      </c>
      <c r="M1749" t="s">
        <v>892</v>
      </c>
      <c r="N1749" t="s">
        <v>892</v>
      </c>
      <c r="O1749" t="s">
        <v>892</v>
      </c>
      <c r="P1749" t="s">
        <v>655</v>
      </c>
      <c r="Q1749">
        <v>1</v>
      </c>
      <c r="R1749" t="s">
        <v>893</v>
      </c>
      <c r="S1749">
        <v>3</v>
      </c>
      <c r="T1749" t="s">
        <v>892</v>
      </c>
      <c r="U1749" t="s">
        <v>892</v>
      </c>
      <c r="V1749">
        <v>3</v>
      </c>
      <c r="W1749">
        <v>180</v>
      </c>
      <c r="X1749">
        <v>2020</v>
      </c>
    </row>
    <row r="1750" spans="1:24" x14ac:dyDescent="0.25">
      <c r="A1750">
        <v>11314</v>
      </c>
      <c r="B1750" t="s">
        <v>95</v>
      </c>
      <c r="C1750">
        <v>26</v>
      </c>
      <c r="D1750" t="s">
        <v>99</v>
      </c>
      <c r="E1750">
        <v>1200</v>
      </c>
      <c r="F1750" t="s">
        <v>892</v>
      </c>
      <c r="G1750" t="s">
        <v>892</v>
      </c>
      <c r="H1750" t="s">
        <v>892</v>
      </c>
      <c r="I1750" t="s">
        <v>892</v>
      </c>
      <c r="J1750" t="s">
        <v>909</v>
      </c>
      <c r="K1750">
        <v>39</v>
      </c>
      <c r="L1750" t="s">
        <v>892</v>
      </c>
      <c r="M1750" t="s">
        <v>892</v>
      </c>
      <c r="N1750" t="s">
        <v>892</v>
      </c>
      <c r="O1750" t="s">
        <v>892</v>
      </c>
      <c r="P1750" t="s">
        <v>655</v>
      </c>
      <c r="Q1750">
        <v>1</v>
      </c>
      <c r="R1750" t="s">
        <v>893</v>
      </c>
      <c r="S1750">
        <v>3</v>
      </c>
      <c r="T1750" t="s">
        <v>892</v>
      </c>
      <c r="U1750" t="s">
        <v>892</v>
      </c>
      <c r="V1750">
        <v>3</v>
      </c>
      <c r="W1750">
        <v>180</v>
      </c>
      <c r="X1750">
        <v>2020</v>
      </c>
    </row>
    <row r="1751" spans="1:24" x14ac:dyDescent="0.25">
      <c r="A1751">
        <v>11313</v>
      </c>
      <c r="B1751" t="s">
        <v>95</v>
      </c>
      <c r="C1751">
        <v>26</v>
      </c>
      <c r="D1751" t="s">
        <v>148</v>
      </c>
      <c r="E1751">
        <v>1149</v>
      </c>
      <c r="F1751" t="s">
        <v>892</v>
      </c>
      <c r="G1751" t="s">
        <v>892</v>
      </c>
      <c r="H1751" t="s">
        <v>892</v>
      </c>
      <c r="I1751" t="s">
        <v>892</v>
      </c>
      <c r="J1751" t="s">
        <v>885</v>
      </c>
      <c r="K1751">
        <v>1</v>
      </c>
      <c r="L1751" t="s">
        <v>892</v>
      </c>
      <c r="M1751" t="s">
        <v>892</v>
      </c>
      <c r="N1751" t="s">
        <v>892</v>
      </c>
      <c r="O1751" t="s">
        <v>892</v>
      </c>
      <c r="P1751" t="s">
        <v>655</v>
      </c>
      <c r="Q1751">
        <v>1</v>
      </c>
      <c r="R1751" t="s">
        <v>893</v>
      </c>
      <c r="S1751">
        <v>3</v>
      </c>
      <c r="T1751" t="s">
        <v>892</v>
      </c>
      <c r="U1751" t="s">
        <v>892</v>
      </c>
      <c r="V1751">
        <v>3</v>
      </c>
      <c r="W1751">
        <v>180</v>
      </c>
      <c r="X1751">
        <v>2020</v>
      </c>
    </row>
    <row r="1752" spans="1:24" x14ac:dyDescent="0.25">
      <c r="A1752">
        <v>11312</v>
      </c>
      <c r="B1752" t="s">
        <v>95</v>
      </c>
      <c r="C1752">
        <v>26</v>
      </c>
      <c r="D1752" t="s">
        <v>148</v>
      </c>
      <c r="E1752">
        <v>1149</v>
      </c>
      <c r="F1752" t="s">
        <v>892</v>
      </c>
      <c r="G1752" t="s">
        <v>892</v>
      </c>
      <c r="H1752" t="s">
        <v>892</v>
      </c>
      <c r="I1752" t="s">
        <v>892</v>
      </c>
      <c r="J1752" t="s">
        <v>676</v>
      </c>
      <c r="K1752">
        <v>4</v>
      </c>
      <c r="L1752" t="s">
        <v>892</v>
      </c>
      <c r="M1752" t="s">
        <v>892</v>
      </c>
      <c r="N1752" t="s">
        <v>892</v>
      </c>
      <c r="O1752" t="s">
        <v>892</v>
      </c>
      <c r="P1752" t="s">
        <v>655</v>
      </c>
      <c r="Q1752">
        <v>1</v>
      </c>
      <c r="R1752" t="s">
        <v>893</v>
      </c>
      <c r="S1752">
        <v>3</v>
      </c>
      <c r="T1752" t="s">
        <v>892</v>
      </c>
      <c r="U1752" t="s">
        <v>892</v>
      </c>
      <c r="V1752">
        <v>3</v>
      </c>
      <c r="W1752">
        <v>180</v>
      </c>
      <c r="X1752">
        <v>2020</v>
      </c>
    </row>
    <row r="1753" spans="1:24" x14ac:dyDescent="0.25">
      <c r="A1753">
        <v>11311</v>
      </c>
      <c r="B1753" t="s">
        <v>95</v>
      </c>
      <c r="C1753">
        <v>26</v>
      </c>
      <c r="D1753" t="s">
        <v>148</v>
      </c>
      <c r="E1753">
        <v>1149</v>
      </c>
      <c r="F1753" t="s">
        <v>892</v>
      </c>
      <c r="G1753" t="s">
        <v>892</v>
      </c>
      <c r="H1753" t="s">
        <v>892</v>
      </c>
      <c r="I1753" t="s">
        <v>892</v>
      </c>
      <c r="J1753" t="s">
        <v>726</v>
      </c>
      <c r="K1753">
        <v>2</v>
      </c>
      <c r="L1753" t="s">
        <v>892</v>
      </c>
      <c r="M1753" t="s">
        <v>892</v>
      </c>
      <c r="N1753" t="s">
        <v>892</v>
      </c>
      <c r="O1753" t="s">
        <v>892</v>
      </c>
      <c r="P1753" t="s">
        <v>655</v>
      </c>
      <c r="Q1753">
        <v>1</v>
      </c>
      <c r="R1753" t="s">
        <v>893</v>
      </c>
      <c r="S1753">
        <v>3</v>
      </c>
      <c r="T1753" t="s">
        <v>892</v>
      </c>
      <c r="U1753" t="s">
        <v>892</v>
      </c>
      <c r="V1753">
        <v>3</v>
      </c>
      <c r="W1753">
        <v>180</v>
      </c>
      <c r="X1753">
        <v>2020</v>
      </c>
    </row>
    <row r="1754" spans="1:24" x14ac:dyDescent="0.25">
      <c r="A1754">
        <v>11310</v>
      </c>
      <c r="B1754" t="s">
        <v>95</v>
      </c>
      <c r="C1754">
        <v>26</v>
      </c>
      <c r="D1754" t="s">
        <v>148</v>
      </c>
      <c r="E1754">
        <v>1149</v>
      </c>
      <c r="F1754" t="s">
        <v>892</v>
      </c>
      <c r="G1754" t="s">
        <v>892</v>
      </c>
      <c r="H1754" t="s">
        <v>892</v>
      </c>
      <c r="I1754" t="s">
        <v>892</v>
      </c>
      <c r="J1754" t="s">
        <v>897</v>
      </c>
      <c r="K1754">
        <v>3</v>
      </c>
      <c r="L1754" t="s">
        <v>892</v>
      </c>
      <c r="M1754" t="s">
        <v>892</v>
      </c>
      <c r="N1754" t="s">
        <v>892</v>
      </c>
      <c r="O1754" t="s">
        <v>892</v>
      </c>
      <c r="P1754" t="s">
        <v>655</v>
      </c>
      <c r="Q1754">
        <v>1</v>
      </c>
      <c r="R1754" t="s">
        <v>893</v>
      </c>
      <c r="S1754">
        <v>3</v>
      </c>
      <c r="T1754" t="s">
        <v>892</v>
      </c>
      <c r="U1754" t="s">
        <v>892</v>
      </c>
      <c r="V1754">
        <v>3</v>
      </c>
      <c r="W1754">
        <v>180</v>
      </c>
      <c r="X1754">
        <v>2020</v>
      </c>
    </row>
    <row r="1755" spans="1:24" x14ac:dyDescent="0.25">
      <c r="A1755">
        <v>11309</v>
      </c>
      <c r="B1755" t="s">
        <v>16</v>
      </c>
      <c r="C1755">
        <v>5</v>
      </c>
      <c r="D1755" t="s">
        <v>149</v>
      </c>
      <c r="E1755">
        <v>1148</v>
      </c>
      <c r="F1755" t="s">
        <v>892</v>
      </c>
      <c r="G1755" t="s">
        <v>892</v>
      </c>
      <c r="H1755" t="s">
        <v>892</v>
      </c>
      <c r="I1755" t="s">
        <v>892</v>
      </c>
      <c r="J1755" t="s">
        <v>736</v>
      </c>
      <c r="K1755">
        <v>8</v>
      </c>
      <c r="L1755" t="s">
        <v>892</v>
      </c>
      <c r="M1755" t="s">
        <v>892</v>
      </c>
      <c r="N1755" t="s">
        <v>892</v>
      </c>
      <c r="O1755" t="s">
        <v>892</v>
      </c>
      <c r="P1755" t="s">
        <v>655</v>
      </c>
      <c r="Q1755">
        <v>1</v>
      </c>
      <c r="R1755" t="s">
        <v>893</v>
      </c>
      <c r="S1755">
        <v>3</v>
      </c>
      <c r="T1755" t="s">
        <v>892</v>
      </c>
      <c r="U1755" t="s">
        <v>892</v>
      </c>
      <c r="V1755">
        <v>3</v>
      </c>
      <c r="W1755">
        <v>180</v>
      </c>
      <c r="X1755">
        <v>2020</v>
      </c>
    </row>
    <row r="1756" spans="1:24" x14ac:dyDescent="0.25">
      <c r="A1756">
        <v>11308</v>
      </c>
      <c r="B1756" t="s">
        <v>16</v>
      </c>
      <c r="C1756">
        <v>5</v>
      </c>
      <c r="D1756" t="s">
        <v>150</v>
      </c>
      <c r="E1756">
        <v>1147</v>
      </c>
      <c r="F1756" t="s">
        <v>892</v>
      </c>
      <c r="G1756" t="s">
        <v>892</v>
      </c>
      <c r="H1756" t="s">
        <v>892</v>
      </c>
      <c r="I1756" t="s">
        <v>892</v>
      </c>
      <c r="J1756" t="s">
        <v>691</v>
      </c>
      <c r="K1756">
        <v>21</v>
      </c>
      <c r="L1756" t="s">
        <v>892</v>
      </c>
      <c r="M1756" t="s">
        <v>892</v>
      </c>
      <c r="N1756" t="s">
        <v>892</v>
      </c>
      <c r="O1756" t="s">
        <v>892</v>
      </c>
      <c r="P1756" t="s">
        <v>655</v>
      </c>
      <c r="Q1756">
        <v>1</v>
      </c>
      <c r="R1756" t="s">
        <v>893</v>
      </c>
      <c r="S1756">
        <v>3</v>
      </c>
      <c r="T1756" t="s">
        <v>892</v>
      </c>
      <c r="U1756" t="s">
        <v>892</v>
      </c>
      <c r="V1756">
        <v>3</v>
      </c>
      <c r="W1756">
        <v>180</v>
      </c>
      <c r="X1756">
        <v>2020</v>
      </c>
    </row>
    <row r="1757" spans="1:24" x14ac:dyDescent="0.25">
      <c r="A1757">
        <v>11307</v>
      </c>
      <c r="B1757" t="s">
        <v>16</v>
      </c>
      <c r="C1757">
        <v>5</v>
      </c>
      <c r="D1757" t="s">
        <v>151</v>
      </c>
      <c r="E1757">
        <v>1146</v>
      </c>
      <c r="F1757" t="s">
        <v>892</v>
      </c>
      <c r="G1757" t="s">
        <v>892</v>
      </c>
      <c r="H1757" t="s">
        <v>892</v>
      </c>
      <c r="I1757" t="s">
        <v>892</v>
      </c>
      <c r="J1757" t="s">
        <v>703</v>
      </c>
      <c r="K1757">
        <v>16</v>
      </c>
      <c r="L1757" t="s">
        <v>892</v>
      </c>
      <c r="M1757" t="s">
        <v>892</v>
      </c>
      <c r="N1757" t="s">
        <v>892</v>
      </c>
      <c r="O1757" t="s">
        <v>892</v>
      </c>
      <c r="P1757" t="s">
        <v>655</v>
      </c>
      <c r="Q1757">
        <v>1</v>
      </c>
      <c r="R1757" t="s">
        <v>893</v>
      </c>
      <c r="S1757">
        <v>3</v>
      </c>
      <c r="T1757" t="s">
        <v>892</v>
      </c>
      <c r="U1757" t="s">
        <v>892</v>
      </c>
      <c r="V1757">
        <v>3</v>
      </c>
      <c r="W1757">
        <v>180</v>
      </c>
      <c r="X1757">
        <v>2020</v>
      </c>
    </row>
    <row r="1758" spans="1:24" x14ac:dyDescent="0.25">
      <c r="A1758">
        <v>11306</v>
      </c>
      <c r="B1758" t="s">
        <v>16</v>
      </c>
      <c r="C1758">
        <v>5</v>
      </c>
      <c r="D1758" t="s">
        <v>152</v>
      </c>
      <c r="E1758">
        <v>1145</v>
      </c>
      <c r="F1758" t="s">
        <v>892</v>
      </c>
      <c r="G1758" t="s">
        <v>892</v>
      </c>
      <c r="H1758" t="s">
        <v>892</v>
      </c>
      <c r="I1758" t="s">
        <v>892</v>
      </c>
      <c r="J1758" t="s">
        <v>885</v>
      </c>
      <c r="K1758">
        <v>1</v>
      </c>
      <c r="L1758" t="s">
        <v>892</v>
      </c>
      <c r="M1758" t="s">
        <v>892</v>
      </c>
      <c r="N1758" t="s">
        <v>892</v>
      </c>
      <c r="O1758" t="s">
        <v>892</v>
      </c>
      <c r="P1758" t="s">
        <v>655</v>
      </c>
      <c r="Q1758">
        <v>1</v>
      </c>
      <c r="R1758" t="s">
        <v>893</v>
      </c>
      <c r="S1758">
        <v>3</v>
      </c>
      <c r="T1758" t="s">
        <v>892</v>
      </c>
      <c r="U1758" t="s">
        <v>892</v>
      </c>
      <c r="V1758">
        <v>3</v>
      </c>
      <c r="W1758">
        <v>180</v>
      </c>
      <c r="X1758">
        <v>2020</v>
      </c>
    </row>
    <row r="1759" spans="1:24" x14ac:dyDescent="0.25">
      <c r="A1759">
        <v>11305</v>
      </c>
      <c r="B1759" t="s">
        <v>16</v>
      </c>
      <c r="C1759">
        <v>5</v>
      </c>
      <c r="D1759" t="s">
        <v>153</v>
      </c>
      <c r="E1759">
        <v>1144</v>
      </c>
      <c r="F1759" t="s">
        <v>892</v>
      </c>
      <c r="G1759" t="s">
        <v>892</v>
      </c>
      <c r="H1759" t="s">
        <v>892</v>
      </c>
      <c r="I1759" t="s">
        <v>892</v>
      </c>
      <c r="J1759" t="s">
        <v>802</v>
      </c>
      <c r="K1759">
        <v>12</v>
      </c>
      <c r="L1759" t="s">
        <v>892</v>
      </c>
      <c r="M1759" t="s">
        <v>892</v>
      </c>
      <c r="N1759" t="s">
        <v>892</v>
      </c>
      <c r="O1759" t="s">
        <v>892</v>
      </c>
      <c r="P1759" t="s">
        <v>655</v>
      </c>
      <c r="Q1759">
        <v>1</v>
      </c>
      <c r="R1759" t="s">
        <v>893</v>
      </c>
      <c r="S1759">
        <v>3</v>
      </c>
      <c r="T1759" t="s">
        <v>892</v>
      </c>
      <c r="U1759" t="s">
        <v>892</v>
      </c>
      <c r="V1759">
        <v>3</v>
      </c>
      <c r="W1759">
        <v>180</v>
      </c>
      <c r="X1759">
        <v>2020</v>
      </c>
    </row>
    <row r="1760" spans="1:24" x14ac:dyDescent="0.25">
      <c r="A1760">
        <v>11304</v>
      </c>
      <c r="B1760" t="s">
        <v>16</v>
      </c>
      <c r="C1760">
        <v>5</v>
      </c>
      <c r="D1760" t="s">
        <v>154</v>
      </c>
      <c r="E1760">
        <v>1143</v>
      </c>
      <c r="F1760" t="s">
        <v>892</v>
      </c>
      <c r="G1760" t="s">
        <v>892</v>
      </c>
      <c r="H1760" t="s">
        <v>892</v>
      </c>
      <c r="I1760" t="s">
        <v>892</v>
      </c>
      <c r="J1760" t="s">
        <v>676</v>
      </c>
      <c r="K1760">
        <v>4</v>
      </c>
      <c r="L1760" t="s">
        <v>892</v>
      </c>
      <c r="M1760" t="s">
        <v>892</v>
      </c>
      <c r="N1760" t="s">
        <v>892</v>
      </c>
      <c r="O1760" t="s">
        <v>892</v>
      </c>
      <c r="P1760" t="s">
        <v>655</v>
      </c>
      <c r="Q1760">
        <v>1</v>
      </c>
      <c r="R1760" t="s">
        <v>893</v>
      </c>
      <c r="S1760">
        <v>3</v>
      </c>
      <c r="T1760" t="s">
        <v>892</v>
      </c>
      <c r="U1760" t="s">
        <v>892</v>
      </c>
      <c r="V1760">
        <v>3</v>
      </c>
      <c r="W1760">
        <v>180</v>
      </c>
      <c r="X1760">
        <v>2020</v>
      </c>
    </row>
    <row r="1761" spans="1:24" x14ac:dyDescent="0.25">
      <c r="A1761">
        <v>11303</v>
      </c>
      <c r="B1761" t="s">
        <v>16</v>
      </c>
      <c r="C1761">
        <v>5</v>
      </c>
      <c r="D1761" t="s">
        <v>155</v>
      </c>
      <c r="E1761">
        <v>1142</v>
      </c>
      <c r="F1761" t="s">
        <v>892</v>
      </c>
      <c r="G1761" t="s">
        <v>892</v>
      </c>
      <c r="H1761" t="s">
        <v>892</v>
      </c>
      <c r="I1761" t="s">
        <v>892</v>
      </c>
      <c r="J1761" t="s">
        <v>896</v>
      </c>
      <c r="K1761">
        <v>7</v>
      </c>
      <c r="L1761" t="s">
        <v>892</v>
      </c>
      <c r="M1761" t="s">
        <v>892</v>
      </c>
      <c r="N1761" t="s">
        <v>892</v>
      </c>
      <c r="O1761" t="s">
        <v>892</v>
      </c>
      <c r="P1761" t="s">
        <v>655</v>
      </c>
      <c r="Q1761">
        <v>1</v>
      </c>
      <c r="R1761" t="s">
        <v>893</v>
      </c>
      <c r="S1761">
        <v>3</v>
      </c>
      <c r="T1761" t="s">
        <v>892</v>
      </c>
      <c r="U1761" t="s">
        <v>892</v>
      </c>
      <c r="V1761">
        <v>3</v>
      </c>
      <c r="W1761">
        <v>180</v>
      </c>
      <c r="X1761">
        <v>2020</v>
      </c>
    </row>
    <row r="1762" spans="1:24" x14ac:dyDescent="0.25">
      <c r="A1762">
        <v>11302</v>
      </c>
      <c r="B1762" t="s">
        <v>16</v>
      </c>
      <c r="C1762">
        <v>5</v>
      </c>
      <c r="D1762" t="s">
        <v>156</v>
      </c>
      <c r="E1762">
        <v>1141</v>
      </c>
      <c r="F1762" t="s">
        <v>892</v>
      </c>
      <c r="G1762" t="s">
        <v>892</v>
      </c>
      <c r="H1762" t="s">
        <v>892</v>
      </c>
      <c r="I1762" t="s">
        <v>892</v>
      </c>
      <c r="J1762" t="s">
        <v>866</v>
      </c>
      <c r="K1762">
        <v>9</v>
      </c>
      <c r="L1762" t="s">
        <v>892</v>
      </c>
      <c r="M1762" t="s">
        <v>892</v>
      </c>
      <c r="N1762" t="s">
        <v>892</v>
      </c>
      <c r="O1762" t="s">
        <v>892</v>
      </c>
      <c r="P1762" t="s">
        <v>655</v>
      </c>
      <c r="Q1762">
        <v>1</v>
      </c>
      <c r="R1762" t="s">
        <v>893</v>
      </c>
      <c r="S1762">
        <v>3</v>
      </c>
      <c r="T1762" t="s">
        <v>892</v>
      </c>
      <c r="U1762" t="s">
        <v>892</v>
      </c>
      <c r="V1762">
        <v>3</v>
      </c>
      <c r="W1762">
        <v>180</v>
      </c>
      <c r="X1762">
        <v>2020</v>
      </c>
    </row>
    <row r="1763" spans="1:24" x14ac:dyDescent="0.25">
      <c r="A1763">
        <v>11301</v>
      </c>
      <c r="B1763" t="s">
        <v>16</v>
      </c>
      <c r="C1763">
        <v>5</v>
      </c>
      <c r="D1763" t="s">
        <v>157</v>
      </c>
      <c r="E1763">
        <v>1140</v>
      </c>
      <c r="F1763" t="s">
        <v>892</v>
      </c>
      <c r="G1763" t="s">
        <v>892</v>
      </c>
      <c r="H1763" t="s">
        <v>892</v>
      </c>
      <c r="I1763" t="s">
        <v>892</v>
      </c>
      <c r="J1763" t="s">
        <v>684</v>
      </c>
      <c r="K1763">
        <v>22</v>
      </c>
      <c r="L1763" t="s">
        <v>892</v>
      </c>
      <c r="M1763" t="s">
        <v>892</v>
      </c>
      <c r="N1763" t="s">
        <v>892</v>
      </c>
      <c r="O1763" t="s">
        <v>892</v>
      </c>
      <c r="P1763" t="s">
        <v>655</v>
      </c>
      <c r="Q1763">
        <v>1</v>
      </c>
      <c r="R1763" t="s">
        <v>893</v>
      </c>
      <c r="S1763">
        <v>3</v>
      </c>
      <c r="T1763" t="s">
        <v>892</v>
      </c>
      <c r="U1763" t="s">
        <v>892</v>
      </c>
      <c r="V1763">
        <v>3</v>
      </c>
      <c r="W1763">
        <v>180</v>
      </c>
      <c r="X1763">
        <v>2020</v>
      </c>
    </row>
    <row r="1764" spans="1:24" x14ac:dyDescent="0.25">
      <c r="A1764">
        <v>11300</v>
      </c>
      <c r="B1764" t="s">
        <v>16</v>
      </c>
      <c r="C1764">
        <v>5</v>
      </c>
      <c r="D1764" t="s">
        <v>157</v>
      </c>
      <c r="E1764">
        <v>1140</v>
      </c>
      <c r="F1764" t="s">
        <v>892</v>
      </c>
      <c r="G1764" t="s">
        <v>892</v>
      </c>
      <c r="H1764" t="s">
        <v>892</v>
      </c>
      <c r="I1764" t="s">
        <v>892</v>
      </c>
      <c r="J1764" t="s">
        <v>868</v>
      </c>
      <c r="K1764">
        <v>23</v>
      </c>
      <c r="L1764" t="s">
        <v>892</v>
      </c>
      <c r="M1764" t="s">
        <v>892</v>
      </c>
      <c r="N1764" t="s">
        <v>892</v>
      </c>
      <c r="O1764" t="s">
        <v>892</v>
      </c>
      <c r="P1764" t="s">
        <v>655</v>
      </c>
      <c r="Q1764">
        <v>1</v>
      </c>
      <c r="R1764" t="s">
        <v>893</v>
      </c>
      <c r="S1764">
        <v>3</v>
      </c>
      <c r="T1764" t="s">
        <v>892</v>
      </c>
      <c r="U1764" t="s">
        <v>892</v>
      </c>
      <c r="V1764">
        <v>3</v>
      </c>
      <c r="W1764">
        <v>180</v>
      </c>
      <c r="X1764">
        <v>2020</v>
      </c>
    </row>
    <row r="1765" spans="1:24" x14ac:dyDescent="0.25">
      <c r="A1765">
        <v>11299</v>
      </c>
      <c r="B1765" t="s">
        <v>16</v>
      </c>
      <c r="C1765">
        <v>5</v>
      </c>
      <c r="D1765" t="s">
        <v>158</v>
      </c>
      <c r="E1765">
        <v>1139</v>
      </c>
      <c r="F1765" t="s">
        <v>892</v>
      </c>
      <c r="G1765" t="s">
        <v>892</v>
      </c>
      <c r="H1765" t="s">
        <v>892</v>
      </c>
      <c r="I1765" t="s">
        <v>892</v>
      </c>
      <c r="J1765" t="s">
        <v>897</v>
      </c>
      <c r="K1765">
        <v>3</v>
      </c>
      <c r="L1765" t="s">
        <v>892</v>
      </c>
      <c r="M1765" t="s">
        <v>892</v>
      </c>
      <c r="N1765" t="s">
        <v>892</v>
      </c>
      <c r="O1765" t="s">
        <v>892</v>
      </c>
      <c r="P1765" t="s">
        <v>655</v>
      </c>
      <c r="Q1765">
        <v>1</v>
      </c>
      <c r="R1765" t="s">
        <v>893</v>
      </c>
      <c r="S1765">
        <v>3</v>
      </c>
      <c r="T1765" t="s">
        <v>892</v>
      </c>
      <c r="U1765" t="s">
        <v>892</v>
      </c>
      <c r="V1765">
        <v>3</v>
      </c>
      <c r="W1765">
        <v>180</v>
      </c>
      <c r="X1765">
        <v>2020</v>
      </c>
    </row>
    <row r="1766" spans="1:24" x14ac:dyDescent="0.25">
      <c r="A1766">
        <v>11298</v>
      </c>
      <c r="B1766" t="s">
        <v>16</v>
      </c>
      <c r="C1766">
        <v>5</v>
      </c>
      <c r="D1766" t="s">
        <v>159</v>
      </c>
      <c r="E1766">
        <v>1137</v>
      </c>
      <c r="F1766" t="s">
        <v>892</v>
      </c>
      <c r="G1766" t="s">
        <v>892</v>
      </c>
      <c r="H1766" t="s">
        <v>892</v>
      </c>
      <c r="I1766" t="s">
        <v>892</v>
      </c>
      <c r="J1766" t="s">
        <v>864</v>
      </c>
      <c r="K1766">
        <v>14</v>
      </c>
      <c r="L1766" t="s">
        <v>892</v>
      </c>
      <c r="M1766" t="s">
        <v>892</v>
      </c>
      <c r="N1766" t="s">
        <v>892</v>
      </c>
      <c r="O1766" t="s">
        <v>892</v>
      </c>
      <c r="P1766" t="s">
        <v>655</v>
      </c>
      <c r="Q1766">
        <v>1</v>
      </c>
      <c r="R1766" t="s">
        <v>893</v>
      </c>
      <c r="S1766">
        <v>3</v>
      </c>
      <c r="T1766" t="s">
        <v>892</v>
      </c>
      <c r="U1766" t="s">
        <v>892</v>
      </c>
      <c r="V1766">
        <v>3</v>
      </c>
      <c r="W1766">
        <v>180</v>
      </c>
      <c r="X1766">
        <v>2020</v>
      </c>
    </row>
    <row r="1767" spans="1:24" x14ac:dyDescent="0.25">
      <c r="A1767">
        <v>11297</v>
      </c>
      <c r="B1767" t="s">
        <v>16</v>
      </c>
      <c r="C1767">
        <v>5</v>
      </c>
      <c r="D1767" t="s">
        <v>160</v>
      </c>
      <c r="E1767">
        <v>1136</v>
      </c>
      <c r="F1767" t="s">
        <v>892</v>
      </c>
      <c r="G1767" t="s">
        <v>892</v>
      </c>
      <c r="H1767" t="s">
        <v>892</v>
      </c>
      <c r="I1767" t="s">
        <v>892</v>
      </c>
      <c r="J1767" t="s">
        <v>864</v>
      </c>
      <c r="K1767">
        <v>14</v>
      </c>
      <c r="L1767" t="s">
        <v>892</v>
      </c>
      <c r="M1767" t="s">
        <v>892</v>
      </c>
      <c r="N1767" t="s">
        <v>892</v>
      </c>
      <c r="O1767" t="s">
        <v>892</v>
      </c>
      <c r="P1767" t="s">
        <v>655</v>
      </c>
      <c r="Q1767">
        <v>1</v>
      </c>
      <c r="R1767" t="s">
        <v>893</v>
      </c>
      <c r="S1767">
        <v>3</v>
      </c>
      <c r="T1767" t="s">
        <v>892</v>
      </c>
      <c r="U1767" t="s">
        <v>892</v>
      </c>
      <c r="V1767">
        <v>3</v>
      </c>
      <c r="W1767">
        <v>180</v>
      </c>
      <c r="X1767">
        <v>2020</v>
      </c>
    </row>
    <row r="1768" spans="1:24" x14ac:dyDescent="0.25">
      <c r="A1768">
        <v>11296</v>
      </c>
      <c r="B1768" t="s">
        <v>16</v>
      </c>
      <c r="C1768">
        <v>5</v>
      </c>
      <c r="D1768" t="s">
        <v>161</v>
      </c>
      <c r="E1768">
        <v>1135</v>
      </c>
      <c r="F1768" t="s">
        <v>892</v>
      </c>
      <c r="G1768" t="s">
        <v>892</v>
      </c>
      <c r="H1768" t="s">
        <v>892</v>
      </c>
      <c r="I1768" t="s">
        <v>892</v>
      </c>
      <c r="J1768" t="s">
        <v>663</v>
      </c>
      <c r="K1768">
        <v>99</v>
      </c>
      <c r="L1768" t="s">
        <v>892</v>
      </c>
      <c r="M1768" t="s">
        <v>892</v>
      </c>
      <c r="N1768" t="s">
        <v>892</v>
      </c>
      <c r="O1768" t="s">
        <v>892</v>
      </c>
      <c r="P1768" t="s">
        <v>655</v>
      </c>
      <c r="Q1768">
        <v>1</v>
      </c>
      <c r="R1768" t="s">
        <v>893</v>
      </c>
      <c r="S1768">
        <v>3</v>
      </c>
      <c r="T1768" t="s">
        <v>892</v>
      </c>
      <c r="U1768" t="s">
        <v>892</v>
      </c>
      <c r="V1768">
        <v>3</v>
      </c>
      <c r="W1768">
        <v>180</v>
      </c>
      <c r="X1768">
        <v>2020</v>
      </c>
    </row>
    <row r="1769" spans="1:24" x14ac:dyDescent="0.25">
      <c r="A1769">
        <v>11295</v>
      </c>
      <c r="B1769" t="s">
        <v>16</v>
      </c>
      <c r="C1769">
        <v>5</v>
      </c>
      <c r="D1769" t="s">
        <v>162</v>
      </c>
      <c r="E1769">
        <v>1134</v>
      </c>
      <c r="F1769" t="s">
        <v>892</v>
      </c>
      <c r="G1769" t="s">
        <v>892</v>
      </c>
      <c r="H1769" t="s">
        <v>892</v>
      </c>
      <c r="I1769" t="s">
        <v>892</v>
      </c>
      <c r="J1769" t="s">
        <v>663</v>
      </c>
      <c r="K1769">
        <v>99</v>
      </c>
      <c r="L1769" t="s">
        <v>892</v>
      </c>
      <c r="M1769" t="s">
        <v>892</v>
      </c>
      <c r="N1769" t="s">
        <v>892</v>
      </c>
      <c r="O1769" t="s">
        <v>892</v>
      </c>
      <c r="P1769" t="s">
        <v>655</v>
      </c>
      <c r="Q1769">
        <v>1</v>
      </c>
      <c r="R1769" t="s">
        <v>893</v>
      </c>
      <c r="S1769">
        <v>3</v>
      </c>
      <c r="T1769" t="s">
        <v>892</v>
      </c>
      <c r="U1769" t="s">
        <v>892</v>
      </c>
      <c r="V1769">
        <v>3</v>
      </c>
      <c r="W1769">
        <v>180</v>
      </c>
      <c r="X1769">
        <v>2020</v>
      </c>
    </row>
    <row r="1770" spans="1:24" x14ac:dyDescent="0.25">
      <c r="A1770">
        <v>11294</v>
      </c>
      <c r="B1770" t="s">
        <v>16</v>
      </c>
      <c r="C1770">
        <v>5</v>
      </c>
      <c r="D1770" t="s">
        <v>163</v>
      </c>
      <c r="E1770">
        <v>1133</v>
      </c>
      <c r="F1770" t="s">
        <v>892</v>
      </c>
      <c r="G1770" t="s">
        <v>892</v>
      </c>
      <c r="H1770" t="s">
        <v>892</v>
      </c>
      <c r="I1770" t="s">
        <v>892</v>
      </c>
      <c r="J1770" t="s">
        <v>663</v>
      </c>
      <c r="K1770">
        <v>99</v>
      </c>
      <c r="L1770" t="s">
        <v>892</v>
      </c>
      <c r="M1770" t="s">
        <v>892</v>
      </c>
      <c r="N1770" t="s">
        <v>892</v>
      </c>
      <c r="O1770" t="s">
        <v>892</v>
      </c>
      <c r="P1770" t="s">
        <v>655</v>
      </c>
      <c r="Q1770">
        <v>1</v>
      </c>
      <c r="R1770" t="s">
        <v>893</v>
      </c>
      <c r="S1770">
        <v>3</v>
      </c>
      <c r="T1770" t="s">
        <v>892</v>
      </c>
      <c r="U1770" t="s">
        <v>892</v>
      </c>
      <c r="V1770">
        <v>3</v>
      </c>
      <c r="W1770">
        <v>180</v>
      </c>
      <c r="X1770">
        <v>2020</v>
      </c>
    </row>
    <row r="1771" spans="1:24" x14ac:dyDescent="0.25">
      <c r="A1771">
        <v>11293</v>
      </c>
      <c r="B1771" t="s">
        <v>16</v>
      </c>
      <c r="C1771">
        <v>5</v>
      </c>
      <c r="D1771" t="s">
        <v>164</v>
      </c>
      <c r="E1771">
        <v>1132</v>
      </c>
      <c r="F1771" t="s">
        <v>892</v>
      </c>
      <c r="G1771" t="s">
        <v>892</v>
      </c>
      <c r="H1771" t="s">
        <v>892</v>
      </c>
      <c r="I1771" t="s">
        <v>892</v>
      </c>
      <c r="J1771" t="s">
        <v>663</v>
      </c>
      <c r="K1771">
        <v>99</v>
      </c>
      <c r="L1771" t="s">
        <v>892</v>
      </c>
      <c r="M1771" t="s">
        <v>892</v>
      </c>
      <c r="N1771" t="s">
        <v>892</v>
      </c>
      <c r="O1771" t="s">
        <v>892</v>
      </c>
      <c r="P1771" t="s">
        <v>655</v>
      </c>
      <c r="Q1771">
        <v>1</v>
      </c>
      <c r="R1771" t="s">
        <v>893</v>
      </c>
      <c r="S1771">
        <v>3</v>
      </c>
      <c r="T1771" t="s">
        <v>892</v>
      </c>
      <c r="U1771" t="s">
        <v>892</v>
      </c>
      <c r="V1771">
        <v>3</v>
      </c>
      <c r="W1771">
        <v>180</v>
      </c>
      <c r="X1771">
        <v>2020</v>
      </c>
    </row>
    <row r="1772" spans="1:24" x14ac:dyDescent="0.25">
      <c r="A1772">
        <v>11292</v>
      </c>
      <c r="B1772" t="s">
        <v>16</v>
      </c>
      <c r="C1772">
        <v>5</v>
      </c>
      <c r="D1772" t="s">
        <v>165</v>
      </c>
      <c r="E1772">
        <v>1131</v>
      </c>
      <c r="F1772" t="s">
        <v>892</v>
      </c>
      <c r="G1772" t="s">
        <v>892</v>
      </c>
      <c r="H1772" t="s">
        <v>892</v>
      </c>
      <c r="I1772" t="s">
        <v>892</v>
      </c>
      <c r="J1772" t="s">
        <v>894</v>
      </c>
      <c r="K1772">
        <v>18</v>
      </c>
      <c r="L1772" t="s">
        <v>892</v>
      </c>
      <c r="M1772" t="s">
        <v>892</v>
      </c>
      <c r="N1772" t="s">
        <v>892</v>
      </c>
      <c r="O1772" t="s">
        <v>892</v>
      </c>
      <c r="P1772" t="s">
        <v>655</v>
      </c>
      <c r="Q1772">
        <v>1</v>
      </c>
      <c r="R1772" t="s">
        <v>893</v>
      </c>
      <c r="S1772">
        <v>3</v>
      </c>
      <c r="T1772" t="s">
        <v>892</v>
      </c>
      <c r="U1772" t="s">
        <v>892</v>
      </c>
      <c r="V1772">
        <v>3</v>
      </c>
      <c r="W1772">
        <v>180</v>
      </c>
      <c r="X1772">
        <v>2020</v>
      </c>
    </row>
    <row r="1773" spans="1:24" x14ac:dyDescent="0.25">
      <c r="A1773">
        <v>11291</v>
      </c>
      <c r="B1773" t="s">
        <v>16</v>
      </c>
      <c r="C1773">
        <v>5</v>
      </c>
      <c r="D1773" t="s">
        <v>166</v>
      </c>
      <c r="E1773">
        <v>1130</v>
      </c>
      <c r="F1773" t="s">
        <v>892</v>
      </c>
      <c r="G1773" t="s">
        <v>892</v>
      </c>
      <c r="H1773" t="s">
        <v>892</v>
      </c>
      <c r="I1773" t="s">
        <v>892</v>
      </c>
      <c r="J1773" t="s">
        <v>726</v>
      </c>
      <c r="K1773">
        <v>2</v>
      </c>
      <c r="L1773" t="s">
        <v>892</v>
      </c>
      <c r="M1773" t="s">
        <v>892</v>
      </c>
      <c r="N1773" t="s">
        <v>892</v>
      </c>
      <c r="O1773" t="s">
        <v>892</v>
      </c>
      <c r="P1773" t="s">
        <v>655</v>
      </c>
      <c r="Q1773">
        <v>1</v>
      </c>
      <c r="R1773" t="s">
        <v>893</v>
      </c>
      <c r="S1773">
        <v>3</v>
      </c>
      <c r="T1773" t="s">
        <v>892</v>
      </c>
      <c r="U1773" t="s">
        <v>892</v>
      </c>
      <c r="V1773">
        <v>3</v>
      </c>
      <c r="W1773">
        <v>180</v>
      </c>
      <c r="X1773">
        <v>2020</v>
      </c>
    </row>
    <row r="1774" spans="1:24" x14ac:dyDescent="0.25">
      <c r="A1774">
        <v>11290</v>
      </c>
      <c r="B1774" t="s">
        <v>16</v>
      </c>
      <c r="C1774">
        <v>5</v>
      </c>
      <c r="D1774" t="s">
        <v>167</v>
      </c>
      <c r="E1774">
        <v>1129</v>
      </c>
      <c r="F1774" t="s">
        <v>892</v>
      </c>
      <c r="G1774" t="s">
        <v>892</v>
      </c>
      <c r="H1774" t="s">
        <v>892</v>
      </c>
      <c r="I1774" t="s">
        <v>892</v>
      </c>
      <c r="J1774" t="s">
        <v>831</v>
      </c>
      <c r="K1774">
        <v>5</v>
      </c>
      <c r="L1774" t="s">
        <v>892</v>
      </c>
      <c r="M1774" t="s">
        <v>892</v>
      </c>
      <c r="N1774" t="s">
        <v>892</v>
      </c>
      <c r="O1774" t="s">
        <v>892</v>
      </c>
      <c r="P1774" t="s">
        <v>655</v>
      </c>
      <c r="Q1774">
        <v>1</v>
      </c>
      <c r="R1774" t="s">
        <v>893</v>
      </c>
      <c r="S1774">
        <v>3</v>
      </c>
      <c r="T1774" t="s">
        <v>892</v>
      </c>
      <c r="U1774" t="s">
        <v>892</v>
      </c>
      <c r="V1774">
        <v>3</v>
      </c>
      <c r="W1774">
        <v>180</v>
      </c>
      <c r="X1774">
        <v>2020</v>
      </c>
    </row>
    <row r="1775" spans="1:24" x14ac:dyDescent="0.25">
      <c r="A1775">
        <v>11289</v>
      </c>
      <c r="B1775" t="s">
        <v>16</v>
      </c>
      <c r="C1775">
        <v>5</v>
      </c>
      <c r="D1775" t="s">
        <v>168</v>
      </c>
      <c r="E1775">
        <v>1128</v>
      </c>
      <c r="F1775" t="s">
        <v>892</v>
      </c>
      <c r="G1775" t="s">
        <v>892</v>
      </c>
      <c r="H1775" t="s">
        <v>892</v>
      </c>
      <c r="I1775" t="s">
        <v>892</v>
      </c>
      <c r="J1775" t="s">
        <v>792</v>
      </c>
      <c r="K1775">
        <v>6</v>
      </c>
      <c r="L1775" t="s">
        <v>892</v>
      </c>
      <c r="M1775" t="s">
        <v>892</v>
      </c>
      <c r="N1775" t="s">
        <v>892</v>
      </c>
      <c r="O1775" t="s">
        <v>892</v>
      </c>
      <c r="P1775" t="s">
        <v>655</v>
      </c>
      <c r="Q1775">
        <v>1</v>
      </c>
      <c r="R1775" t="s">
        <v>893</v>
      </c>
      <c r="S1775">
        <v>3</v>
      </c>
      <c r="T1775" t="s">
        <v>892</v>
      </c>
      <c r="U1775" t="s">
        <v>892</v>
      </c>
      <c r="V1775">
        <v>3</v>
      </c>
      <c r="W1775">
        <v>180</v>
      </c>
      <c r="X1775">
        <v>2020</v>
      </c>
    </row>
    <row r="1776" spans="1:24" x14ac:dyDescent="0.25">
      <c r="A1776">
        <v>11288</v>
      </c>
      <c r="B1776" t="s">
        <v>16</v>
      </c>
      <c r="C1776">
        <v>5</v>
      </c>
      <c r="D1776" t="s">
        <v>169</v>
      </c>
      <c r="E1776">
        <v>1127</v>
      </c>
      <c r="F1776" t="s">
        <v>892</v>
      </c>
      <c r="G1776" t="s">
        <v>892</v>
      </c>
      <c r="H1776" t="s">
        <v>892</v>
      </c>
      <c r="I1776" t="s">
        <v>892</v>
      </c>
      <c r="J1776" t="s">
        <v>65</v>
      </c>
      <c r="K1776">
        <v>15</v>
      </c>
      <c r="L1776" t="s">
        <v>892</v>
      </c>
      <c r="M1776" t="s">
        <v>892</v>
      </c>
      <c r="N1776" t="s">
        <v>892</v>
      </c>
      <c r="O1776" t="s">
        <v>892</v>
      </c>
      <c r="P1776" t="s">
        <v>655</v>
      </c>
      <c r="Q1776">
        <v>1</v>
      </c>
      <c r="R1776" t="s">
        <v>893</v>
      </c>
      <c r="S1776">
        <v>3</v>
      </c>
      <c r="T1776" t="s">
        <v>892</v>
      </c>
      <c r="U1776" t="s">
        <v>892</v>
      </c>
      <c r="V1776">
        <v>3</v>
      </c>
      <c r="W1776">
        <v>180</v>
      </c>
      <c r="X1776">
        <v>2020</v>
      </c>
    </row>
    <row r="1777" spans="1:24" x14ac:dyDescent="0.25">
      <c r="A1777">
        <v>11287</v>
      </c>
      <c r="B1777" t="s">
        <v>93</v>
      </c>
      <c r="C1777">
        <v>48</v>
      </c>
      <c r="D1777" t="s">
        <v>171</v>
      </c>
      <c r="E1777">
        <v>1125</v>
      </c>
      <c r="F1777" t="s">
        <v>892</v>
      </c>
      <c r="G1777" t="s">
        <v>892</v>
      </c>
      <c r="H1777" t="s">
        <v>892</v>
      </c>
      <c r="I1777" t="s">
        <v>892</v>
      </c>
      <c r="J1777" t="s">
        <v>802</v>
      </c>
      <c r="K1777">
        <v>12</v>
      </c>
      <c r="L1777" t="s">
        <v>892</v>
      </c>
      <c r="M1777" t="s">
        <v>892</v>
      </c>
      <c r="N1777" t="s">
        <v>892</v>
      </c>
      <c r="O1777" t="s">
        <v>892</v>
      </c>
      <c r="P1777" t="s">
        <v>655</v>
      </c>
      <c r="Q1777">
        <v>1</v>
      </c>
      <c r="R1777" t="s">
        <v>893</v>
      </c>
      <c r="S1777">
        <v>3</v>
      </c>
      <c r="T1777" t="s">
        <v>892</v>
      </c>
      <c r="U1777" t="s">
        <v>892</v>
      </c>
      <c r="V1777">
        <v>3</v>
      </c>
      <c r="W1777">
        <v>180</v>
      </c>
      <c r="X1777">
        <v>2020</v>
      </c>
    </row>
    <row r="1778" spans="1:24" x14ac:dyDescent="0.25">
      <c r="A1778">
        <v>11286</v>
      </c>
      <c r="B1778" t="s">
        <v>93</v>
      </c>
      <c r="C1778">
        <v>48</v>
      </c>
      <c r="D1778" t="s">
        <v>171</v>
      </c>
      <c r="E1778">
        <v>1125</v>
      </c>
      <c r="F1778" t="s">
        <v>892</v>
      </c>
      <c r="G1778" t="s">
        <v>892</v>
      </c>
      <c r="H1778" t="s">
        <v>892</v>
      </c>
      <c r="I1778" t="s">
        <v>892</v>
      </c>
      <c r="J1778" t="s">
        <v>663</v>
      </c>
      <c r="K1778">
        <v>99</v>
      </c>
      <c r="L1778" t="s">
        <v>892</v>
      </c>
      <c r="M1778" t="s">
        <v>892</v>
      </c>
      <c r="N1778" t="s">
        <v>892</v>
      </c>
      <c r="O1778" t="s">
        <v>892</v>
      </c>
      <c r="P1778" t="s">
        <v>655</v>
      </c>
      <c r="Q1778">
        <v>1</v>
      </c>
      <c r="R1778" t="s">
        <v>893</v>
      </c>
      <c r="S1778">
        <v>3</v>
      </c>
      <c r="T1778" t="s">
        <v>892</v>
      </c>
      <c r="U1778" t="s">
        <v>892</v>
      </c>
      <c r="V1778">
        <v>3</v>
      </c>
      <c r="W1778">
        <v>180</v>
      </c>
      <c r="X1778">
        <v>2020</v>
      </c>
    </row>
    <row r="1779" spans="1:24" x14ac:dyDescent="0.25">
      <c r="A1779">
        <v>11285</v>
      </c>
      <c r="B1779" t="s">
        <v>93</v>
      </c>
      <c r="C1779">
        <v>48</v>
      </c>
      <c r="D1779" t="s">
        <v>172</v>
      </c>
      <c r="E1779">
        <v>1124</v>
      </c>
      <c r="F1779" t="s">
        <v>892</v>
      </c>
      <c r="G1779" t="s">
        <v>892</v>
      </c>
      <c r="H1779" t="s">
        <v>892</v>
      </c>
      <c r="I1779" t="s">
        <v>892</v>
      </c>
      <c r="J1779" t="s">
        <v>703</v>
      </c>
      <c r="K1779">
        <v>16</v>
      </c>
      <c r="L1779" t="s">
        <v>892</v>
      </c>
      <c r="M1779" t="s">
        <v>892</v>
      </c>
      <c r="N1779" t="s">
        <v>892</v>
      </c>
      <c r="O1779" t="s">
        <v>892</v>
      </c>
      <c r="P1779" t="s">
        <v>655</v>
      </c>
      <c r="Q1779">
        <v>1</v>
      </c>
      <c r="R1779" t="s">
        <v>893</v>
      </c>
      <c r="S1779">
        <v>3</v>
      </c>
      <c r="T1779" t="s">
        <v>892</v>
      </c>
      <c r="U1779" t="s">
        <v>892</v>
      </c>
      <c r="V1779">
        <v>3</v>
      </c>
      <c r="W1779">
        <v>180</v>
      </c>
      <c r="X1779">
        <v>2020</v>
      </c>
    </row>
    <row r="1780" spans="1:24" x14ac:dyDescent="0.25">
      <c r="A1780">
        <v>11284</v>
      </c>
      <c r="B1780" t="s">
        <v>93</v>
      </c>
      <c r="C1780">
        <v>48</v>
      </c>
      <c r="D1780" t="s">
        <v>172</v>
      </c>
      <c r="E1780">
        <v>1124</v>
      </c>
      <c r="F1780" t="s">
        <v>892</v>
      </c>
      <c r="G1780" t="s">
        <v>892</v>
      </c>
      <c r="H1780" t="s">
        <v>892</v>
      </c>
      <c r="I1780" t="s">
        <v>892</v>
      </c>
      <c r="J1780" t="s">
        <v>866</v>
      </c>
      <c r="K1780">
        <v>9</v>
      </c>
      <c r="L1780" t="s">
        <v>892</v>
      </c>
      <c r="M1780" t="s">
        <v>892</v>
      </c>
      <c r="N1780" t="s">
        <v>892</v>
      </c>
      <c r="O1780" t="s">
        <v>892</v>
      </c>
      <c r="P1780" t="s">
        <v>655</v>
      </c>
      <c r="Q1780">
        <v>1</v>
      </c>
      <c r="R1780" t="s">
        <v>893</v>
      </c>
      <c r="S1780">
        <v>3</v>
      </c>
      <c r="T1780" t="s">
        <v>892</v>
      </c>
      <c r="U1780" t="s">
        <v>892</v>
      </c>
      <c r="V1780">
        <v>3</v>
      </c>
      <c r="W1780">
        <v>180</v>
      </c>
      <c r="X1780">
        <v>2020</v>
      </c>
    </row>
    <row r="1781" spans="1:24" x14ac:dyDescent="0.25">
      <c r="A1781">
        <v>11283</v>
      </c>
      <c r="B1781" t="s">
        <v>93</v>
      </c>
      <c r="C1781">
        <v>48</v>
      </c>
      <c r="D1781" t="s">
        <v>31</v>
      </c>
      <c r="E1781">
        <v>1123</v>
      </c>
      <c r="F1781" t="s">
        <v>892</v>
      </c>
      <c r="G1781" t="s">
        <v>892</v>
      </c>
      <c r="H1781" t="s">
        <v>892</v>
      </c>
      <c r="I1781" t="s">
        <v>892</v>
      </c>
      <c r="J1781" t="s">
        <v>885</v>
      </c>
      <c r="K1781">
        <v>1</v>
      </c>
      <c r="L1781" t="s">
        <v>892</v>
      </c>
      <c r="M1781" t="s">
        <v>892</v>
      </c>
      <c r="N1781" t="s">
        <v>892</v>
      </c>
      <c r="O1781" t="s">
        <v>892</v>
      </c>
      <c r="P1781" t="s">
        <v>655</v>
      </c>
      <c r="Q1781">
        <v>1</v>
      </c>
      <c r="R1781" t="s">
        <v>893</v>
      </c>
      <c r="S1781">
        <v>3</v>
      </c>
      <c r="T1781" t="s">
        <v>892</v>
      </c>
      <c r="U1781" t="s">
        <v>892</v>
      </c>
      <c r="V1781">
        <v>3</v>
      </c>
      <c r="W1781">
        <v>180</v>
      </c>
      <c r="X1781">
        <v>2020</v>
      </c>
    </row>
    <row r="1782" spans="1:24" x14ac:dyDescent="0.25">
      <c r="A1782">
        <v>11282</v>
      </c>
      <c r="B1782" t="s">
        <v>93</v>
      </c>
      <c r="C1782">
        <v>48</v>
      </c>
      <c r="D1782" t="s">
        <v>173</v>
      </c>
      <c r="E1782">
        <v>1122</v>
      </c>
      <c r="F1782" t="s">
        <v>892</v>
      </c>
      <c r="G1782" t="s">
        <v>892</v>
      </c>
      <c r="H1782" t="s">
        <v>892</v>
      </c>
      <c r="I1782" t="s">
        <v>892</v>
      </c>
      <c r="J1782" t="s">
        <v>676</v>
      </c>
      <c r="K1782">
        <v>4</v>
      </c>
      <c r="L1782" t="s">
        <v>892</v>
      </c>
      <c r="M1782" t="s">
        <v>892</v>
      </c>
      <c r="N1782" t="s">
        <v>892</v>
      </c>
      <c r="O1782" t="s">
        <v>892</v>
      </c>
      <c r="P1782" t="s">
        <v>655</v>
      </c>
      <c r="Q1782">
        <v>1</v>
      </c>
      <c r="R1782" t="s">
        <v>893</v>
      </c>
      <c r="S1782">
        <v>3</v>
      </c>
      <c r="T1782" t="s">
        <v>892</v>
      </c>
      <c r="U1782" t="s">
        <v>892</v>
      </c>
      <c r="V1782">
        <v>3</v>
      </c>
      <c r="W1782">
        <v>180</v>
      </c>
      <c r="X1782">
        <v>2020</v>
      </c>
    </row>
    <row r="1783" spans="1:24" x14ac:dyDescent="0.25">
      <c r="A1783">
        <v>11281</v>
      </c>
      <c r="B1783" t="s">
        <v>93</v>
      </c>
      <c r="C1783">
        <v>48</v>
      </c>
      <c r="D1783" t="s">
        <v>145</v>
      </c>
      <c r="E1783">
        <v>1121</v>
      </c>
      <c r="F1783" t="s">
        <v>892</v>
      </c>
      <c r="G1783" t="s">
        <v>892</v>
      </c>
      <c r="H1783" t="s">
        <v>892</v>
      </c>
      <c r="I1783" t="s">
        <v>892</v>
      </c>
      <c r="J1783" t="s">
        <v>792</v>
      </c>
      <c r="K1783">
        <v>6</v>
      </c>
      <c r="L1783" t="s">
        <v>892</v>
      </c>
      <c r="M1783" t="s">
        <v>892</v>
      </c>
      <c r="N1783" t="s">
        <v>892</v>
      </c>
      <c r="O1783" t="s">
        <v>892</v>
      </c>
      <c r="P1783" t="s">
        <v>655</v>
      </c>
      <c r="Q1783">
        <v>1</v>
      </c>
      <c r="R1783" t="s">
        <v>893</v>
      </c>
      <c r="S1783">
        <v>3</v>
      </c>
      <c r="T1783" t="s">
        <v>892</v>
      </c>
      <c r="U1783" t="s">
        <v>892</v>
      </c>
      <c r="V1783">
        <v>3</v>
      </c>
      <c r="W1783">
        <v>180</v>
      </c>
      <c r="X1783">
        <v>2020</v>
      </c>
    </row>
    <row r="1784" spans="1:24" x14ac:dyDescent="0.25">
      <c r="A1784">
        <v>11280</v>
      </c>
      <c r="B1784" t="s">
        <v>93</v>
      </c>
      <c r="C1784">
        <v>48</v>
      </c>
      <c r="D1784" t="s">
        <v>174</v>
      </c>
      <c r="E1784">
        <v>1120</v>
      </c>
      <c r="F1784" t="s">
        <v>892</v>
      </c>
      <c r="G1784" t="s">
        <v>892</v>
      </c>
      <c r="H1784" t="s">
        <v>892</v>
      </c>
      <c r="I1784" t="s">
        <v>892</v>
      </c>
      <c r="J1784" t="s">
        <v>726</v>
      </c>
      <c r="K1784">
        <v>2</v>
      </c>
      <c r="L1784" t="s">
        <v>892</v>
      </c>
      <c r="M1784" t="s">
        <v>892</v>
      </c>
      <c r="N1784" t="s">
        <v>892</v>
      </c>
      <c r="O1784" t="s">
        <v>892</v>
      </c>
      <c r="P1784" t="s">
        <v>655</v>
      </c>
      <c r="Q1784">
        <v>1</v>
      </c>
      <c r="R1784" t="s">
        <v>893</v>
      </c>
      <c r="S1784">
        <v>3</v>
      </c>
      <c r="T1784" t="s">
        <v>892</v>
      </c>
      <c r="U1784" t="s">
        <v>892</v>
      </c>
      <c r="V1784">
        <v>3</v>
      </c>
      <c r="W1784">
        <v>180</v>
      </c>
      <c r="X1784">
        <v>2020</v>
      </c>
    </row>
    <row r="1785" spans="1:24" x14ac:dyDescent="0.25">
      <c r="A1785">
        <v>11279</v>
      </c>
      <c r="B1785" t="s">
        <v>93</v>
      </c>
      <c r="C1785">
        <v>48</v>
      </c>
      <c r="D1785" t="s">
        <v>175</v>
      </c>
      <c r="E1785">
        <v>1119</v>
      </c>
      <c r="F1785" t="s">
        <v>892</v>
      </c>
      <c r="G1785" t="s">
        <v>892</v>
      </c>
      <c r="H1785" t="s">
        <v>892</v>
      </c>
      <c r="I1785" t="s">
        <v>892</v>
      </c>
      <c r="J1785" t="s">
        <v>65</v>
      </c>
      <c r="K1785">
        <v>15</v>
      </c>
      <c r="L1785" t="s">
        <v>892</v>
      </c>
      <c r="M1785" t="s">
        <v>892</v>
      </c>
      <c r="N1785" t="s">
        <v>892</v>
      </c>
      <c r="O1785" t="s">
        <v>892</v>
      </c>
      <c r="P1785" t="s">
        <v>655</v>
      </c>
      <c r="Q1785">
        <v>1</v>
      </c>
      <c r="R1785" t="s">
        <v>893</v>
      </c>
      <c r="S1785">
        <v>3</v>
      </c>
      <c r="T1785" t="s">
        <v>892</v>
      </c>
      <c r="U1785" t="s">
        <v>892</v>
      </c>
      <c r="V1785">
        <v>3</v>
      </c>
      <c r="W1785">
        <v>180</v>
      </c>
      <c r="X1785">
        <v>2020</v>
      </c>
    </row>
    <row r="1786" spans="1:24" x14ac:dyDescent="0.25">
      <c r="A1786">
        <v>11278</v>
      </c>
      <c r="B1786" t="s">
        <v>93</v>
      </c>
      <c r="C1786">
        <v>48</v>
      </c>
      <c r="D1786" t="s">
        <v>176</v>
      </c>
      <c r="E1786">
        <v>1118</v>
      </c>
      <c r="F1786" t="s">
        <v>892</v>
      </c>
      <c r="G1786" t="s">
        <v>892</v>
      </c>
      <c r="H1786" t="s">
        <v>892</v>
      </c>
      <c r="I1786" t="s">
        <v>892</v>
      </c>
      <c r="J1786" t="s">
        <v>897</v>
      </c>
      <c r="K1786">
        <v>3</v>
      </c>
      <c r="L1786" t="s">
        <v>892</v>
      </c>
      <c r="M1786" t="s">
        <v>892</v>
      </c>
      <c r="N1786" t="s">
        <v>892</v>
      </c>
      <c r="O1786" t="s">
        <v>892</v>
      </c>
      <c r="P1786" t="s">
        <v>655</v>
      </c>
      <c r="Q1786">
        <v>1</v>
      </c>
      <c r="R1786" t="s">
        <v>893</v>
      </c>
      <c r="S1786">
        <v>3</v>
      </c>
      <c r="T1786" t="s">
        <v>892</v>
      </c>
      <c r="U1786" t="s">
        <v>892</v>
      </c>
      <c r="V1786">
        <v>3</v>
      </c>
      <c r="W1786">
        <v>180</v>
      </c>
      <c r="X1786">
        <v>2020</v>
      </c>
    </row>
    <row r="1787" spans="1:24" x14ac:dyDescent="0.25">
      <c r="A1787">
        <v>11277</v>
      </c>
      <c r="B1787" t="s">
        <v>93</v>
      </c>
      <c r="C1787">
        <v>48</v>
      </c>
      <c r="D1787" t="s">
        <v>177</v>
      </c>
      <c r="E1787">
        <v>1117</v>
      </c>
      <c r="F1787" t="s">
        <v>892</v>
      </c>
      <c r="G1787" t="s">
        <v>892</v>
      </c>
      <c r="H1787" t="s">
        <v>892</v>
      </c>
      <c r="I1787" t="s">
        <v>892</v>
      </c>
      <c r="J1787" t="s">
        <v>659</v>
      </c>
      <c r="K1787">
        <v>35</v>
      </c>
      <c r="L1787" t="s">
        <v>892</v>
      </c>
      <c r="M1787" t="s">
        <v>892</v>
      </c>
      <c r="N1787" t="s">
        <v>892</v>
      </c>
      <c r="O1787" t="s">
        <v>892</v>
      </c>
      <c r="P1787" t="s">
        <v>655</v>
      </c>
      <c r="Q1787">
        <v>1</v>
      </c>
      <c r="R1787" t="s">
        <v>893</v>
      </c>
      <c r="S1787">
        <v>3</v>
      </c>
      <c r="T1787" t="s">
        <v>892</v>
      </c>
      <c r="U1787" t="s">
        <v>892</v>
      </c>
      <c r="V1787">
        <v>3</v>
      </c>
      <c r="W1787">
        <v>180</v>
      </c>
      <c r="X1787">
        <v>2020</v>
      </c>
    </row>
    <row r="1788" spans="1:24" x14ac:dyDescent="0.25">
      <c r="A1788">
        <v>11276</v>
      </c>
      <c r="B1788" t="s">
        <v>93</v>
      </c>
      <c r="C1788">
        <v>48</v>
      </c>
      <c r="D1788" t="s">
        <v>178</v>
      </c>
      <c r="E1788">
        <v>1116</v>
      </c>
      <c r="F1788" t="s">
        <v>892</v>
      </c>
      <c r="G1788" t="s">
        <v>892</v>
      </c>
      <c r="H1788" t="s">
        <v>892</v>
      </c>
      <c r="I1788" t="s">
        <v>892</v>
      </c>
      <c r="J1788" t="s">
        <v>294</v>
      </c>
      <c r="K1788">
        <v>31</v>
      </c>
      <c r="L1788" t="s">
        <v>892</v>
      </c>
      <c r="M1788" t="s">
        <v>892</v>
      </c>
      <c r="N1788" t="s">
        <v>892</v>
      </c>
      <c r="O1788" t="s">
        <v>892</v>
      </c>
      <c r="P1788" t="s">
        <v>655</v>
      </c>
      <c r="Q1788">
        <v>1</v>
      </c>
      <c r="R1788" t="s">
        <v>893</v>
      </c>
      <c r="S1788">
        <v>3</v>
      </c>
      <c r="T1788" t="s">
        <v>892</v>
      </c>
      <c r="U1788" t="s">
        <v>892</v>
      </c>
      <c r="V1788">
        <v>3</v>
      </c>
      <c r="W1788">
        <v>180</v>
      </c>
      <c r="X1788">
        <v>2020</v>
      </c>
    </row>
    <row r="1789" spans="1:24" x14ac:dyDescent="0.25">
      <c r="A1789">
        <v>11275</v>
      </c>
      <c r="B1789" t="s">
        <v>93</v>
      </c>
      <c r="C1789">
        <v>48</v>
      </c>
      <c r="D1789" t="s">
        <v>178</v>
      </c>
      <c r="E1789">
        <v>1116</v>
      </c>
      <c r="F1789" t="s">
        <v>892</v>
      </c>
      <c r="G1789" t="s">
        <v>892</v>
      </c>
      <c r="H1789" t="s">
        <v>892</v>
      </c>
      <c r="I1789" t="s">
        <v>892</v>
      </c>
      <c r="J1789" t="s">
        <v>295</v>
      </c>
      <c r="K1789">
        <v>30</v>
      </c>
      <c r="L1789" t="s">
        <v>892</v>
      </c>
      <c r="M1789" t="s">
        <v>892</v>
      </c>
      <c r="N1789" t="s">
        <v>892</v>
      </c>
      <c r="O1789" t="s">
        <v>892</v>
      </c>
      <c r="P1789" t="s">
        <v>655</v>
      </c>
      <c r="Q1789">
        <v>1</v>
      </c>
      <c r="R1789" t="s">
        <v>893</v>
      </c>
      <c r="S1789">
        <v>3</v>
      </c>
      <c r="T1789" t="s">
        <v>892</v>
      </c>
      <c r="U1789" t="s">
        <v>892</v>
      </c>
      <c r="V1789">
        <v>3</v>
      </c>
      <c r="W1789">
        <v>180</v>
      </c>
      <c r="X1789">
        <v>2020</v>
      </c>
    </row>
    <row r="1790" spans="1:24" x14ac:dyDescent="0.25">
      <c r="A1790">
        <v>11274</v>
      </c>
      <c r="B1790" t="s">
        <v>93</v>
      </c>
      <c r="C1790">
        <v>48</v>
      </c>
      <c r="D1790" t="s">
        <v>178</v>
      </c>
      <c r="E1790">
        <v>1116</v>
      </c>
      <c r="F1790" t="s">
        <v>892</v>
      </c>
      <c r="G1790" t="s">
        <v>892</v>
      </c>
      <c r="H1790" t="s">
        <v>892</v>
      </c>
      <c r="I1790" t="s">
        <v>892</v>
      </c>
      <c r="J1790" t="s">
        <v>807</v>
      </c>
      <c r="K1790">
        <v>25</v>
      </c>
      <c r="L1790" t="s">
        <v>892</v>
      </c>
      <c r="M1790" t="s">
        <v>892</v>
      </c>
      <c r="N1790" t="s">
        <v>892</v>
      </c>
      <c r="O1790" t="s">
        <v>892</v>
      </c>
      <c r="P1790" t="s">
        <v>655</v>
      </c>
      <c r="Q1790">
        <v>1</v>
      </c>
      <c r="R1790" t="s">
        <v>893</v>
      </c>
      <c r="S1790">
        <v>3</v>
      </c>
      <c r="T1790" t="s">
        <v>892</v>
      </c>
      <c r="U1790" t="s">
        <v>892</v>
      </c>
      <c r="V1790">
        <v>3</v>
      </c>
      <c r="W1790">
        <v>180</v>
      </c>
      <c r="X1790">
        <v>2020</v>
      </c>
    </row>
    <row r="1791" spans="1:24" x14ac:dyDescent="0.25">
      <c r="A1791">
        <v>11273</v>
      </c>
      <c r="B1791" t="s">
        <v>93</v>
      </c>
      <c r="C1791">
        <v>48</v>
      </c>
      <c r="D1791" t="s">
        <v>178</v>
      </c>
      <c r="E1791">
        <v>1116</v>
      </c>
      <c r="F1791" t="s">
        <v>892</v>
      </c>
      <c r="G1791" t="s">
        <v>892</v>
      </c>
      <c r="H1791" t="s">
        <v>892</v>
      </c>
      <c r="I1791" t="s">
        <v>892</v>
      </c>
      <c r="J1791" t="s">
        <v>813</v>
      </c>
      <c r="K1791">
        <v>24</v>
      </c>
      <c r="L1791" t="s">
        <v>892</v>
      </c>
      <c r="M1791" t="s">
        <v>892</v>
      </c>
      <c r="N1791" t="s">
        <v>892</v>
      </c>
      <c r="O1791" t="s">
        <v>892</v>
      </c>
      <c r="P1791" t="s">
        <v>655</v>
      </c>
      <c r="Q1791">
        <v>1</v>
      </c>
      <c r="R1791" t="s">
        <v>893</v>
      </c>
      <c r="S1791">
        <v>3</v>
      </c>
      <c r="T1791" t="s">
        <v>892</v>
      </c>
      <c r="U1791" t="s">
        <v>892</v>
      </c>
      <c r="V1791">
        <v>3</v>
      </c>
      <c r="W1791">
        <v>180</v>
      </c>
      <c r="X1791">
        <v>2020</v>
      </c>
    </row>
    <row r="1792" spans="1:24" x14ac:dyDescent="0.25">
      <c r="A1792">
        <v>11272</v>
      </c>
      <c r="B1792" t="s">
        <v>93</v>
      </c>
      <c r="C1792">
        <v>48</v>
      </c>
      <c r="D1792" t="s">
        <v>178</v>
      </c>
      <c r="E1792">
        <v>1116</v>
      </c>
      <c r="F1792" t="s">
        <v>892</v>
      </c>
      <c r="G1792" t="s">
        <v>892</v>
      </c>
      <c r="H1792" t="s">
        <v>892</v>
      </c>
      <c r="I1792" t="s">
        <v>892</v>
      </c>
      <c r="J1792" t="s">
        <v>299</v>
      </c>
      <c r="K1792">
        <v>27</v>
      </c>
      <c r="L1792" t="s">
        <v>892</v>
      </c>
      <c r="M1792" t="s">
        <v>892</v>
      </c>
      <c r="N1792" t="s">
        <v>892</v>
      </c>
      <c r="O1792" t="s">
        <v>892</v>
      </c>
      <c r="P1792" t="s">
        <v>655</v>
      </c>
      <c r="Q1792">
        <v>1</v>
      </c>
      <c r="R1792" t="s">
        <v>893</v>
      </c>
      <c r="S1792">
        <v>3</v>
      </c>
      <c r="T1792" t="s">
        <v>892</v>
      </c>
      <c r="U1792" t="s">
        <v>892</v>
      </c>
      <c r="V1792">
        <v>3</v>
      </c>
      <c r="W1792">
        <v>180</v>
      </c>
      <c r="X1792">
        <v>2020</v>
      </c>
    </row>
    <row r="1793" spans="1:24" x14ac:dyDescent="0.25">
      <c r="A1793">
        <v>11271</v>
      </c>
      <c r="B1793" t="s">
        <v>180</v>
      </c>
      <c r="C1793">
        <v>70</v>
      </c>
      <c r="D1793" t="s">
        <v>179</v>
      </c>
      <c r="E1793">
        <v>1115</v>
      </c>
      <c r="F1793" t="s">
        <v>892</v>
      </c>
      <c r="G1793" t="s">
        <v>892</v>
      </c>
      <c r="H1793" t="s">
        <v>892</v>
      </c>
      <c r="I1793" t="s">
        <v>892</v>
      </c>
      <c r="J1793" t="s">
        <v>839</v>
      </c>
      <c r="K1793">
        <v>89</v>
      </c>
      <c r="L1793" t="s">
        <v>892</v>
      </c>
      <c r="M1793" t="s">
        <v>892</v>
      </c>
      <c r="N1793" t="s">
        <v>892</v>
      </c>
      <c r="O1793" t="s">
        <v>892</v>
      </c>
      <c r="P1793" t="s">
        <v>655</v>
      </c>
      <c r="Q1793">
        <v>1</v>
      </c>
      <c r="R1793" t="s">
        <v>893</v>
      </c>
      <c r="S1793">
        <v>3</v>
      </c>
      <c r="T1793" t="s">
        <v>892</v>
      </c>
      <c r="U1793" t="s">
        <v>892</v>
      </c>
      <c r="V1793">
        <v>4</v>
      </c>
      <c r="W1793">
        <v>240</v>
      </c>
      <c r="X1793">
        <v>2020</v>
      </c>
    </row>
    <row r="1794" spans="1:24" x14ac:dyDescent="0.25">
      <c r="A1794">
        <v>11270</v>
      </c>
      <c r="B1794" t="s">
        <v>180</v>
      </c>
      <c r="C1794">
        <v>70</v>
      </c>
      <c r="D1794" t="s">
        <v>181</v>
      </c>
      <c r="E1794">
        <v>1114</v>
      </c>
      <c r="F1794" t="s">
        <v>892</v>
      </c>
      <c r="G1794" t="s">
        <v>892</v>
      </c>
      <c r="H1794" t="s">
        <v>892</v>
      </c>
      <c r="I1794" t="s">
        <v>892</v>
      </c>
      <c r="J1794" t="s">
        <v>831</v>
      </c>
      <c r="K1794">
        <v>5</v>
      </c>
      <c r="L1794" t="s">
        <v>892</v>
      </c>
      <c r="M1794" t="s">
        <v>892</v>
      </c>
      <c r="N1794" t="s">
        <v>892</v>
      </c>
      <c r="O1794" t="s">
        <v>892</v>
      </c>
      <c r="P1794" t="s">
        <v>655</v>
      </c>
      <c r="Q1794">
        <v>1</v>
      </c>
      <c r="R1794" t="s">
        <v>893</v>
      </c>
      <c r="S1794">
        <v>3</v>
      </c>
      <c r="T1794" t="s">
        <v>892</v>
      </c>
      <c r="U1794" t="s">
        <v>892</v>
      </c>
      <c r="V1794">
        <v>3</v>
      </c>
      <c r="W1794">
        <v>180</v>
      </c>
      <c r="X1794">
        <v>2020</v>
      </c>
    </row>
    <row r="1795" spans="1:24" x14ac:dyDescent="0.25">
      <c r="A1795">
        <v>11269</v>
      </c>
      <c r="B1795" t="s">
        <v>183</v>
      </c>
      <c r="C1795">
        <v>4</v>
      </c>
      <c r="D1795" t="s">
        <v>182</v>
      </c>
      <c r="E1795">
        <v>1113</v>
      </c>
      <c r="F1795" t="s">
        <v>892</v>
      </c>
      <c r="G1795" t="s">
        <v>892</v>
      </c>
      <c r="H1795" t="s">
        <v>892</v>
      </c>
      <c r="I1795" t="s">
        <v>892</v>
      </c>
      <c r="J1795" t="s">
        <v>1219</v>
      </c>
      <c r="K1795">
        <v>42</v>
      </c>
      <c r="L1795" t="s">
        <v>892</v>
      </c>
      <c r="M1795" t="s">
        <v>892</v>
      </c>
      <c r="N1795" t="s">
        <v>892</v>
      </c>
      <c r="O1795" t="s">
        <v>892</v>
      </c>
      <c r="P1795" t="s">
        <v>655</v>
      </c>
      <c r="Q1795">
        <v>1</v>
      </c>
      <c r="R1795" t="s">
        <v>893</v>
      </c>
      <c r="S1795">
        <v>3</v>
      </c>
      <c r="T1795" t="s">
        <v>892</v>
      </c>
      <c r="U1795" t="s">
        <v>892</v>
      </c>
      <c r="V1795">
        <v>3</v>
      </c>
      <c r="W1795">
        <v>180</v>
      </c>
      <c r="X1795">
        <v>2020</v>
      </c>
    </row>
    <row r="1796" spans="1:24" x14ac:dyDescent="0.25">
      <c r="A1796">
        <v>11268</v>
      </c>
      <c r="B1796" t="s">
        <v>183</v>
      </c>
      <c r="C1796">
        <v>4</v>
      </c>
      <c r="D1796" t="s">
        <v>182</v>
      </c>
      <c r="E1796">
        <v>1113</v>
      </c>
      <c r="F1796" t="s">
        <v>892</v>
      </c>
      <c r="G1796" t="s">
        <v>892</v>
      </c>
      <c r="H1796" t="s">
        <v>892</v>
      </c>
      <c r="I1796" t="s">
        <v>892</v>
      </c>
      <c r="J1796" t="s">
        <v>794</v>
      </c>
      <c r="K1796">
        <v>40</v>
      </c>
      <c r="L1796" t="s">
        <v>892</v>
      </c>
      <c r="M1796" t="s">
        <v>892</v>
      </c>
      <c r="N1796" t="s">
        <v>892</v>
      </c>
      <c r="O1796" t="s">
        <v>892</v>
      </c>
      <c r="P1796" t="s">
        <v>655</v>
      </c>
      <c r="Q1796">
        <v>1</v>
      </c>
      <c r="R1796" t="s">
        <v>893</v>
      </c>
      <c r="S1796">
        <v>3</v>
      </c>
      <c r="T1796" t="s">
        <v>892</v>
      </c>
      <c r="U1796" t="s">
        <v>892</v>
      </c>
      <c r="V1796">
        <v>3</v>
      </c>
      <c r="W1796">
        <v>180</v>
      </c>
      <c r="X1796">
        <v>2020</v>
      </c>
    </row>
    <row r="1797" spans="1:24" x14ac:dyDescent="0.25">
      <c r="A1797">
        <v>11267</v>
      </c>
      <c r="B1797" t="s">
        <v>183</v>
      </c>
      <c r="C1797">
        <v>4</v>
      </c>
      <c r="D1797" t="s">
        <v>182</v>
      </c>
      <c r="E1797">
        <v>1113</v>
      </c>
      <c r="F1797" t="s">
        <v>892</v>
      </c>
      <c r="G1797" t="s">
        <v>892</v>
      </c>
      <c r="H1797" t="s">
        <v>892</v>
      </c>
      <c r="I1797" t="s">
        <v>892</v>
      </c>
      <c r="J1797" t="s">
        <v>851</v>
      </c>
      <c r="K1797">
        <v>43</v>
      </c>
      <c r="L1797" t="s">
        <v>892</v>
      </c>
      <c r="M1797" t="s">
        <v>892</v>
      </c>
      <c r="N1797" t="s">
        <v>892</v>
      </c>
      <c r="O1797" t="s">
        <v>892</v>
      </c>
      <c r="P1797" t="s">
        <v>655</v>
      </c>
      <c r="Q1797">
        <v>1</v>
      </c>
      <c r="R1797" t="s">
        <v>893</v>
      </c>
      <c r="S1797">
        <v>3</v>
      </c>
      <c r="T1797" t="s">
        <v>892</v>
      </c>
      <c r="U1797" t="s">
        <v>892</v>
      </c>
      <c r="V1797">
        <v>3</v>
      </c>
      <c r="W1797">
        <v>180</v>
      </c>
      <c r="X1797">
        <v>2020</v>
      </c>
    </row>
    <row r="1798" spans="1:24" x14ac:dyDescent="0.25">
      <c r="A1798">
        <v>11266</v>
      </c>
      <c r="B1798" t="s">
        <v>183</v>
      </c>
      <c r="C1798">
        <v>4</v>
      </c>
      <c r="D1798" t="s">
        <v>182</v>
      </c>
      <c r="E1798">
        <v>1113</v>
      </c>
      <c r="F1798" t="s">
        <v>892</v>
      </c>
      <c r="G1798" t="s">
        <v>892</v>
      </c>
      <c r="H1798" t="s">
        <v>892</v>
      </c>
      <c r="I1798" t="s">
        <v>892</v>
      </c>
      <c r="J1798" t="s">
        <v>909</v>
      </c>
      <c r="K1798">
        <v>39</v>
      </c>
      <c r="L1798" t="s">
        <v>892</v>
      </c>
      <c r="M1798" t="s">
        <v>892</v>
      </c>
      <c r="N1798" t="s">
        <v>892</v>
      </c>
      <c r="O1798" t="s">
        <v>892</v>
      </c>
      <c r="P1798" t="s">
        <v>655</v>
      </c>
      <c r="Q1798">
        <v>1</v>
      </c>
      <c r="R1798" t="s">
        <v>893</v>
      </c>
      <c r="S1798">
        <v>3</v>
      </c>
      <c r="T1798" t="s">
        <v>892</v>
      </c>
      <c r="U1798" t="s">
        <v>892</v>
      </c>
      <c r="V1798">
        <v>3</v>
      </c>
      <c r="W1798">
        <v>180</v>
      </c>
      <c r="X1798">
        <v>2020</v>
      </c>
    </row>
    <row r="1799" spans="1:24" x14ac:dyDescent="0.25">
      <c r="A1799">
        <v>11265</v>
      </c>
      <c r="B1799" t="s">
        <v>183</v>
      </c>
      <c r="C1799">
        <v>4</v>
      </c>
      <c r="D1799" t="s">
        <v>184</v>
      </c>
      <c r="E1799">
        <v>1112</v>
      </c>
      <c r="F1799" t="s">
        <v>892</v>
      </c>
      <c r="G1799" t="s">
        <v>892</v>
      </c>
      <c r="H1799" t="s">
        <v>892</v>
      </c>
      <c r="I1799" t="s">
        <v>892</v>
      </c>
      <c r="J1799" t="s">
        <v>1005</v>
      </c>
      <c r="K1799">
        <v>72</v>
      </c>
      <c r="L1799" t="s">
        <v>892</v>
      </c>
      <c r="M1799" t="s">
        <v>892</v>
      </c>
      <c r="N1799" t="s">
        <v>892</v>
      </c>
      <c r="O1799" t="s">
        <v>892</v>
      </c>
      <c r="P1799" t="s">
        <v>655</v>
      </c>
      <c r="Q1799">
        <v>1</v>
      </c>
      <c r="R1799" t="s">
        <v>893</v>
      </c>
      <c r="S1799">
        <v>3</v>
      </c>
      <c r="T1799" t="s">
        <v>892</v>
      </c>
      <c r="U1799" t="s">
        <v>892</v>
      </c>
      <c r="V1799">
        <v>4</v>
      </c>
      <c r="W1799">
        <v>240</v>
      </c>
      <c r="X1799">
        <v>2020</v>
      </c>
    </row>
    <row r="1800" spans="1:24" x14ac:dyDescent="0.25">
      <c r="A1800">
        <v>11264</v>
      </c>
      <c r="B1800" t="s">
        <v>186</v>
      </c>
      <c r="C1800">
        <v>47</v>
      </c>
      <c r="D1800" t="s">
        <v>185</v>
      </c>
      <c r="E1800">
        <v>1111</v>
      </c>
      <c r="F1800" t="s">
        <v>892</v>
      </c>
      <c r="G1800" t="s">
        <v>892</v>
      </c>
      <c r="H1800" t="s">
        <v>892</v>
      </c>
      <c r="I1800" t="s">
        <v>892</v>
      </c>
      <c r="J1800" t="s">
        <v>1005</v>
      </c>
      <c r="K1800">
        <v>72</v>
      </c>
      <c r="L1800" t="s">
        <v>892</v>
      </c>
      <c r="M1800" t="s">
        <v>892</v>
      </c>
      <c r="N1800" t="s">
        <v>892</v>
      </c>
      <c r="O1800" t="s">
        <v>892</v>
      </c>
      <c r="P1800" t="s">
        <v>655</v>
      </c>
      <c r="Q1800">
        <v>1</v>
      </c>
      <c r="R1800" t="s">
        <v>893</v>
      </c>
      <c r="S1800">
        <v>3</v>
      </c>
      <c r="T1800" t="s">
        <v>892</v>
      </c>
      <c r="U1800" t="s">
        <v>892</v>
      </c>
      <c r="V1800">
        <v>4</v>
      </c>
      <c r="W1800">
        <v>240</v>
      </c>
      <c r="X1800">
        <v>2020</v>
      </c>
    </row>
    <row r="1801" spans="1:24" x14ac:dyDescent="0.25">
      <c r="A1801">
        <v>11263</v>
      </c>
      <c r="B1801" t="s">
        <v>186</v>
      </c>
      <c r="C1801">
        <v>47</v>
      </c>
      <c r="D1801" t="s">
        <v>187</v>
      </c>
      <c r="E1801">
        <v>1110</v>
      </c>
      <c r="F1801" t="s">
        <v>892</v>
      </c>
      <c r="G1801" t="s">
        <v>892</v>
      </c>
      <c r="H1801" t="s">
        <v>892</v>
      </c>
      <c r="I1801" t="s">
        <v>892</v>
      </c>
      <c r="J1801" t="s">
        <v>1219</v>
      </c>
      <c r="K1801">
        <v>42</v>
      </c>
      <c r="L1801" t="s">
        <v>892</v>
      </c>
      <c r="M1801" t="s">
        <v>892</v>
      </c>
      <c r="N1801" t="s">
        <v>892</v>
      </c>
      <c r="O1801" t="s">
        <v>892</v>
      </c>
      <c r="P1801" t="s">
        <v>655</v>
      </c>
      <c r="Q1801">
        <v>1</v>
      </c>
      <c r="R1801" t="s">
        <v>893</v>
      </c>
      <c r="S1801">
        <v>3</v>
      </c>
      <c r="T1801" t="s">
        <v>892</v>
      </c>
      <c r="U1801" t="s">
        <v>892</v>
      </c>
      <c r="V1801">
        <v>3</v>
      </c>
      <c r="W1801">
        <v>180</v>
      </c>
      <c r="X1801">
        <v>2020</v>
      </c>
    </row>
    <row r="1802" spans="1:24" x14ac:dyDescent="0.25">
      <c r="A1802">
        <v>11262</v>
      </c>
      <c r="B1802" t="s">
        <v>186</v>
      </c>
      <c r="C1802">
        <v>47</v>
      </c>
      <c r="D1802" t="s">
        <v>187</v>
      </c>
      <c r="E1802">
        <v>1110</v>
      </c>
      <c r="F1802" t="s">
        <v>892</v>
      </c>
      <c r="G1802" t="s">
        <v>892</v>
      </c>
      <c r="H1802" t="s">
        <v>892</v>
      </c>
      <c r="I1802" t="s">
        <v>892</v>
      </c>
      <c r="J1802" t="s">
        <v>880</v>
      </c>
      <c r="K1802">
        <v>58</v>
      </c>
      <c r="L1802" t="s">
        <v>892</v>
      </c>
      <c r="M1802" t="s">
        <v>892</v>
      </c>
      <c r="N1802" t="s">
        <v>892</v>
      </c>
      <c r="O1802" t="s">
        <v>892</v>
      </c>
      <c r="P1802" t="s">
        <v>655</v>
      </c>
      <c r="Q1802">
        <v>1</v>
      </c>
      <c r="R1802" t="s">
        <v>893</v>
      </c>
      <c r="S1802">
        <v>3</v>
      </c>
      <c r="T1802" t="s">
        <v>892</v>
      </c>
      <c r="U1802" t="s">
        <v>892</v>
      </c>
      <c r="V1802">
        <v>3</v>
      </c>
      <c r="W1802">
        <v>180</v>
      </c>
      <c r="X1802">
        <v>2020</v>
      </c>
    </row>
    <row r="1803" spans="1:24" x14ac:dyDescent="0.25">
      <c r="A1803">
        <v>11261</v>
      </c>
      <c r="B1803" t="s">
        <v>186</v>
      </c>
      <c r="C1803">
        <v>47</v>
      </c>
      <c r="D1803" t="s">
        <v>187</v>
      </c>
      <c r="E1803">
        <v>1110</v>
      </c>
      <c r="F1803" t="s">
        <v>892</v>
      </c>
      <c r="G1803" t="s">
        <v>892</v>
      </c>
      <c r="H1803" t="s">
        <v>892</v>
      </c>
      <c r="I1803" t="s">
        <v>892</v>
      </c>
      <c r="J1803" t="s">
        <v>794</v>
      </c>
      <c r="K1803">
        <v>40</v>
      </c>
      <c r="L1803" t="s">
        <v>892</v>
      </c>
      <c r="M1803" t="s">
        <v>892</v>
      </c>
      <c r="N1803" t="s">
        <v>892</v>
      </c>
      <c r="O1803" t="s">
        <v>892</v>
      </c>
      <c r="P1803" t="s">
        <v>655</v>
      </c>
      <c r="Q1803">
        <v>1</v>
      </c>
      <c r="R1803" t="s">
        <v>893</v>
      </c>
      <c r="S1803">
        <v>3</v>
      </c>
      <c r="T1803" t="s">
        <v>892</v>
      </c>
      <c r="U1803" t="s">
        <v>892</v>
      </c>
      <c r="V1803">
        <v>3</v>
      </c>
      <c r="W1803">
        <v>180</v>
      </c>
      <c r="X1803">
        <v>2020</v>
      </c>
    </row>
    <row r="1804" spans="1:24" x14ac:dyDescent="0.25">
      <c r="A1804">
        <v>11260</v>
      </c>
      <c r="B1804" t="s">
        <v>186</v>
      </c>
      <c r="C1804">
        <v>47</v>
      </c>
      <c r="D1804" t="s">
        <v>187</v>
      </c>
      <c r="E1804">
        <v>1110</v>
      </c>
      <c r="F1804" t="s">
        <v>892</v>
      </c>
      <c r="G1804" t="s">
        <v>892</v>
      </c>
      <c r="H1804" t="s">
        <v>892</v>
      </c>
      <c r="I1804" t="s">
        <v>892</v>
      </c>
      <c r="J1804" t="s">
        <v>909</v>
      </c>
      <c r="K1804">
        <v>39</v>
      </c>
      <c r="L1804" t="s">
        <v>892</v>
      </c>
      <c r="M1804" t="s">
        <v>892</v>
      </c>
      <c r="N1804" t="s">
        <v>892</v>
      </c>
      <c r="O1804" t="s">
        <v>892</v>
      </c>
      <c r="P1804" t="s">
        <v>655</v>
      </c>
      <c r="Q1804">
        <v>1</v>
      </c>
      <c r="R1804" t="s">
        <v>893</v>
      </c>
      <c r="S1804">
        <v>3</v>
      </c>
      <c r="T1804" t="s">
        <v>892</v>
      </c>
      <c r="U1804" t="s">
        <v>892</v>
      </c>
      <c r="V1804">
        <v>3</v>
      </c>
      <c r="W1804">
        <v>180</v>
      </c>
      <c r="X1804">
        <v>2020</v>
      </c>
    </row>
    <row r="1805" spans="1:24" x14ac:dyDescent="0.25">
      <c r="A1805">
        <v>11259</v>
      </c>
      <c r="B1805" t="s">
        <v>189</v>
      </c>
      <c r="C1805">
        <v>30</v>
      </c>
      <c r="D1805" t="s">
        <v>188</v>
      </c>
      <c r="E1805">
        <v>1109</v>
      </c>
      <c r="F1805" t="s">
        <v>892</v>
      </c>
      <c r="G1805" t="s">
        <v>892</v>
      </c>
      <c r="H1805" t="s">
        <v>892</v>
      </c>
      <c r="I1805" t="s">
        <v>892</v>
      </c>
      <c r="J1805" t="s">
        <v>1005</v>
      </c>
      <c r="K1805">
        <v>72</v>
      </c>
      <c r="L1805" t="s">
        <v>892</v>
      </c>
      <c r="M1805" t="s">
        <v>892</v>
      </c>
      <c r="N1805" t="s">
        <v>892</v>
      </c>
      <c r="O1805" t="s">
        <v>892</v>
      </c>
      <c r="P1805" t="s">
        <v>655</v>
      </c>
      <c r="Q1805">
        <v>1</v>
      </c>
      <c r="R1805" t="s">
        <v>893</v>
      </c>
      <c r="S1805">
        <v>3</v>
      </c>
      <c r="T1805" t="s">
        <v>892</v>
      </c>
      <c r="U1805" t="s">
        <v>892</v>
      </c>
      <c r="V1805">
        <v>4</v>
      </c>
      <c r="W1805">
        <v>240</v>
      </c>
      <c r="X1805">
        <v>2020</v>
      </c>
    </row>
    <row r="1806" spans="1:24" x14ac:dyDescent="0.25">
      <c r="A1806">
        <v>11258</v>
      </c>
      <c r="B1806" t="s">
        <v>189</v>
      </c>
      <c r="C1806">
        <v>30</v>
      </c>
      <c r="D1806" t="s">
        <v>190</v>
      </c>
      <c r="E1806">
        <v>1108</v>
      </c>
      <c r="F1806" t="s">
        <v>892</v>
      </c>
      <c r="G1806" t="s">
        <v>892</v>
      </c>
      <c r="H1806" t="s">
        <v>892</v>
      </c>
      <c r="I1806" t="s">
        <v>892</v>
      </c>
      <c r="J1806" t="s">
        <v>1219</v>
      </c>
      <c r="K1806">
        <v>42</v>
      </c>
      <c r="L1806" t="s">
        <v>892</v>
      </c>
      <c r="M1806" t="s">
        <v>892</v>
      </c>
      <c r="N1806" t="s">
        <v>892</v>
      </c>
      <c r="O1806" t="s">
        <v>892</v>
      </c>
      <c r="P1806" t="s">
        <v>655</v>
      </c>
      <c r="Q1806">
        <v>1</v>
      </c>
      <c r="R1806" t="s">
        <v>893</v>
      </c>
      <c r="S1806">
        <v>3</v>
      </c>
      <c r="T1806" t="s">
        <v>892</v>
      </c>
      <c r="U1806" t="s">
        <v>892</v>
      </c>
      <c r="V1806">
        <v>3</v>
      </c>
      <c r="W1806">
        <v>180</v>
      </c>
      <c r="X1806">
        <v>2020</v>
      </c>
    </row>
    <row r="1807" spans="1:24" x14ac:dyDescent="0.25">
      <c r="A1807">
        <v>11257</v>
      </c>
      <c r="B1807" t="s">
        <v>189</v>
      </c>
      <c r="C1807">
        <v>30</v>
      </c>
      <c r="D1807" t="s">
        <v>190</v>
      </c>
      <c r="E1807">
        <v>1108</v>
      </c>
      <c r="F1807" t="s">
        <v>892</v>
      </c>
      <c r="G1807" t="s">
        <v>892</v>
      </c>
      <c r="H1807" t="s">
        <v>892</v>
      </c>
      <c r="I1807" t="s">
        <v>892</v>
      </c>
      <c r="J1807" t="s">
        <v>794</v>
      </c>
      <c r="K1807">
        <v>40</v>
      </c>
      <c r="L1807" t="s">
        <v>892</v>
      </c>
      <c r="M1807" t="s">
        <v>892</v>
      </c>
      <c r="N1807" t="s">
        <v>892</v>
      </c>
      <c r="O1807" t="s">
        <v>892</v>
      </c>
      <c r="P1807" t="s">
        <v>655</v>
      </c>
      <c r="Q1807">
        <v>1</v>
      </c>
      <c r="R1807" t="s">
        <v>893</v>
      </c>
      <c r="S1807">
        <v>3</v>
      </c>
      <c r="T1807" t="s">
        <v>892</v>
      </c>
      <c r="U1807" t="s">
        <v>892</v>
      </c>
      <c r="V1807">
        <v>3</v>
      </c>
      <c r="W1807">
        <v>180</v>
      </c>
      <c r="X1807">
        <v>2020</v>
      </c>
    </row>
    <row r="1808" spans="1:24" x14ac:dyDescent="0.25">
      <c r="A1808">
        <v>11256</v>
      </c>
      <c r="B1808" t="s">
        <v>189</v>
      </c>
      <c r="C1808">
        <v>30</v>
      </c>
      <c r="D1808" t="s">
        <v>190</v>
      </c>
      <c r="E1808">
        <v>1108</v>
      </c>
      <c r="F1808" t="s">
        <v>892</v>
      </c>
      <c r="G1808" t="s">
        <v>892</v>
      </c>
      <c r="H1808" t="s">
        <v>892</v>
      </c>
      <c r="I1808" t="s">
        <v>892</v>
      </c>
      <c r="J1808" t="s">
        <v>909</v>
      </c>
      <c r="K1808">
        <v>39</v>
      </c>
      <c r="L1808" t="s">
        <v>892</v>
      </c>
      <c r="M1808" t="s">
        <v>892</v>
      </c>
      <c r="N1808" t="s">
        <v>892</v>
      </c>
      <c r="O1808" t="s">
        <v>892</v>
      </c>
      <c r="P1808" t="s">
        <v>655</v>
      </c>
      <c r="Q1808">
        <v>1</v>
      </c>
      <c r="R1808" t="s">
        <v>893</v>
      </c>
      <c r="S1808">
        <v>3</v>
      </c>
      <c r="T1808" t="s">
        <v>892</v>
      </c>
      <c r="U1808" t="s">
        <v>892</v>
      </c>
      <c r="V1808">
        <v>3</v>
      </c>
      <c r="W1808">
        <v>180</v>
      </c>
      <c r="X1808">
        <v>2020</v>
      </c>
    </row>
    <row r="1809" spans="1:24" x14ac:dyDescent="0.25">
      <c r="A1809">
        <v>11255</v>
      </c>
      <c r="B1809" t="s">
        <v>192</v>
      </c>
      <c r="C1809">
        <v>19</v>
      </c>
      <c r="D1809" t="s">
        <v>191</v>
      </c>
      <c r="E1809">
        <v>1107</v>
      </c>
      <c r="F1809" t="s">
        <v>892</v>
      </c>
      <c r="G1809" t="s">
        <v>892</v>
      </c>
      <c r="H1809" t="s">
        <v>892</v>
      </c>
      <c r="I1809" t="s">
        <v>892</v>
      </c>
      <c r="J1809" t="s">
        <v>1219</v>
      </c>
      <c r="K1809">
        <v>42</v>
      </c>
      <c r="L1809" t="s">
        <v>892</v>
      </c>
      <c r="M1809" t="s">
        <v>892</v>
      </c>
      <c r="N1809" t="s">
        <v>892</v>
      </c>
      <c r="O1809" t="s">
        <v>892</v>
      </c>
      <c r="P1809" t="s">
        <v>655</v>
      </c>
      <c r="Q1809">
        <v>1</v>
      </c>
      <c r="R1809" t="s">
        <v>893</v>
      </c>
      <c r="S1809">
        <v>3</v>
      </c>
      <c r="T1809" t="s">
        <v>892</v>
      </c>
      <c r="U1809" t="s">
        <v>892</v>
      </c>
      <c r="V1809">
        <v>3</v>
      </c>
      <c r="W1809">
        <v>180</v>
      </c>
      <c r="X1809">
        <v>2020</v>
      </c>
    </row>
    <row r="1810" spans="1:24" x14ac:dyDescent="0.25">
      <c r="A1810">
        <v>11254</v>
      </c>
      <c r="B1810" t="s">
        <v>192</v>
      </c>
      <c r="C1810">
        <v>19</v>
      </c>
      <c r="D1810" t="s">
        <v>191</v>
      </c>
      <c r="E1810">
        <v>1107</v>
      </c>
      <c r="F1810" t="s">
        <v>892</v>
      </c>
      <c r="G1810" t="s">
        <v>892</v>
      </c>
      <c r="H1810" t="s">
        <v>892</v>
      </c>
      <c r="I1810" t="s">
        <v>892</v>
      </c>
      <c r="J1810" t="s">
        <v>794</v>
      </c>
      <c r="K1810">
        <v>40</v>
      </c>
      <c r="L1810" t="s">
        <v>892</v>
      </c>
      <c r="M1810" t="s">
        <v>892</v>
      </c>
      <c r="N1810" t="s">
        <v>892</v>
      </c>
      <c r="O1810" t="s">
        <v>892</v>
      </c>
      <c r="P1810" t="s">
        <v>655</v>
      </c>
      <c r="Q1810">
        <v>1</v>
      </c>
      <c r="R1810" t="s">
        <v>893</v>
      </c>
      <c r="S1810">
        <v>3</v>
      </c>
      <c r="T1810" t="s">
        <v>892</v>
      </c>
      <c r="U1810" t="s">
        <v>892</v>
      </c>
      <c r="V1810">
        <v>3</v>
      </c>
      <c r="W1810">
        <v>180</v>
      </c>
      <c r="X1810">
        <v>2020</v>
      </c>
    </row>
    <row r="1811" spans="1:24" x14ac:dyDescent="0.25">
      <c r="A1811">
        <v>11253</v>
      </c>
      <c r="B1811" t="s">
        <v>192</v>
      </c>
      <c r="C1811">
        <v>19</v>
      </c>
      <c r="D1811" t="s">
        <v>191</v>
      </c>
      <c r="E1811">
        <v>1107</v>
      </c>
      <c r="F1811" t="s">
        <v>892</v>
      </c>
      <c r="G1811" t="s">
        <v>892</v>
      </c>
      <c r="H1811" t="s">
        <v>892</v>
      </c>
      <c r="I1811" t="s">
        <v>892</v>
      </c>
      <c r="J1811" t="s">
        <v>851</v>
      </c>
      <c r="K1811">
        <v>43</v>
      </c>
      <c r="L1811" t="s">
        <v>892</v>
      </c>
      <c r="M1811" t="s">
        <v>892</v>
      </c>
      <c r="N1811" t="s">
        <v>892</v>
      </c>
      <c r="O1811" t="s">
        <v>892</v>
      </c>
      <c r="P1811" t="s">
        <v>655</v>
      </c>
      <c r="Q1811">
        <v>1</v>
      </c>
      <c r="R1811" t="s">
        <v>893</v>
      </c>
      <c r="S1811">
        <v>3</v>
      </c>
      <c r="T1811" t="s">
        <v>892</v>
      </c>
      <c r="U1811" t="s">
        <v>892</v>
      </c>
      <c r="V1811">
        <v>3</v>
      </c>
      <c r="W1811">
        <v>180</v>
      </c>
      <c r="X1811">
        <v>2020</v>
      </c>
    </row>
    <row r="1812" spans="1:24" x14ac:dyDescent="0.25">
      <c r="A1812">
        <v>11252</v>
      </c>
      <c r="B1812" t="s">
        <v>192</v>
      </c>
      <c r="C1812">
        <v>19</v>
      </c>
      <c r="D1812" t="s">
        <v>191</v>
      </c>
      <c r="E1812">
        <v>1107</v>
      </c>
      <c r="F1812" t="s">
        <v>892</v>
      </c>
      <c r="G1812" t="s">
        <v>892</v>
      </c>
      <c r="H1812" t="s">
        <v>892</v>
      </c>
      <c r="I1812" t="s">
        <v>892</v>
      </c>
      <c r="J1812" t="s">
        <v>909</v>
      </c>
      <c r="K1812">
        <v>39</v>
      </c>
      <c r="L1812" t="s">
        <v>892</v>
      </c>
      <c r="M1812" t="s">
        <v>892</v>
      </c>
      <c r="N1812" t="s">
        <v>892</v>
      </c>
      <c r="O1812" t="s">
        <v>892</v>
      </c>
      <c r="P1812" t="s">
        <v>655</v>
      </c>
      <c r="Q1812">
        <v>1</v>
      </c>
      <c r="R1812" t="s">
        <v>893</v>
      </c>
      <c r="S1812">
        <v>3</v>
      </c>
      <c r="T1812" t="s">
        <v>892</v>
      </c>
      <c r="U1812" t="s">
        <v>892</v>
      </c>
      <c r="V1812">
        <v>3</v>
      </c>
      <c r="W1812">
        <v>180</v>
      </c>
      <c r="X1812">
        <v>2020</v>
      </c>
    </row>
    <row r="1813" spans="1:24" x14ac:dyDescent="0.25">
      <c r="A1813">
        <v>11251</v>
      </c>
      <c r="B1813" t="s">
        <v>192</v>
      </c>
      <c r="C1813">
        <v>19</v>
      </c>
      <c r="D1813" t="s">
        <v>188</v>
      </c>
      <c r="E1813">
        <v>1106</v>
      </c>
      <c r="F1813" t="s">
        <v>892</v>
      </c>
      <c r="G1813" t="s">
        <v>892</v>
      </c>
      <c r="H1813" t="s">
        <v>892</v>
      </c>
      <c r="I1813" t="s">
        <v>892</v>
      </c>
      <c r="J1813" t="s">
        <v>1005</v>
      </c>
      <c r="K1813">
        <v>72</v>
      </c>
      <c r="L1813" t="s">
        <v>892</v>
      </c>
      <c r="M1813" t="s">
        <v>892</v>
      </c>
      <c r="N1813" t="s">
        <v>892</v>
      </c>
      <c r="O1813" t="s">
        <v>892</v>
      </c>
      <c r="P1813" t="s">
        <v>655</v>
      </c>
      <c r="Q1813">
        <v>1</v>
      </c>
      <c r="R1813" t="s">
        <v>893</v>
      </c>
      <c r="S1813">
        <v>3</v>
      </c>
      <c r="T1813" t="s">
        <v>892</v>
      </c>
      <c r="U1813" t="s">
        <v>892</v>
      </c>
      <c r="V1813">
        <v>4</v>
      </c>
      <c r="W1813">
        <v>240</v>
      </c>
      <c r="X1813">
        <v>2020</v>
      </c>
    </row>
    <row r="1814" spans="1:24" x14ac:dyDescent="0.25">
      <c r="A1814">
        <v>11250</v>
      </c>
      <c r="B1814" t="s">
        <v>26</v>
      </c>
      <c r="C1814">
        <v>44</v>
      </c>
      <c r="D1814" t="s">
        <v>193</v>
      </c>
      <c r="E1814">
        <v>1105</v>
      </c>
      <c r="F1814" t="s">
        <v>892</v>
      </c>
      <c r="G1814" t="s">
        <v>892</v>
      </c>
      <c r="H1814" t="s">
        <v>892</v>
      </c>
      <c r="I1814" t="s">
        <v>892</v>
      </c>
      <c r="J1814" t="s">
        <v>752</v>
      </c>
      <c r="K1814">
        <v>90</v>
      </c>
      <c r="L1814" t="s">
        <v>892</v>
      </c>
      <c r="M1814" t="s">
        <v>892</v>
      </c>
      <c r="N1814" t="s">
        <v>892</v>
      </c>
      <c r="O1814" t="s">
        <v>892</v>
      </c>
      <c r="P1814" t="s">
        <v>655</v>
      </c>
      <c r="Q1814">
        <v>1</v>
      </c>
      <c r="R1814" t="s">
        <v>893</v>
      </c>
      <c r="S1814">
        <v>3</v>
      </c>
      <c r="T1814" t="s">
        <v>892</v>
      </c>
      <c r="U1814" t="s">
        <v>892</v>
      </c>
      <c r="V1814">
        <v>4</v>
      </c>
      <c r="W1814">
        <v>240</v>
      </c>
      <c r="X1814">
        <v>2020</v>
      </c>
    </row>
    <row r="1815" spans="1:24" x14ac:dyDescent="0.25">
      <c r="A1815">
        <v>11249</v>
      </c>
      <c r="B1815" t="s">
        <v>26</v>
      </c>
      <c r="C1815">
        <v>44</v>
      </c>
      <c r="D1815" t="s">
        <v>193</v>
      </c>
      <c r="E1815">
        <v>1105</v>
      </c>
      <c r="F1815" t="s">
        <v>892</v>
      </c>
      <c r="G1815" t="s">
        <v>892</v>
      </c>
      <c r="H1815" t="s">
        <v>892</v>
      </c>
      <c r="I1815" t="s">
        <v>892</v>
      </c>
      <c r="J1815" t="s">
        <v>839</v>
      </c>
      <c r="K1815">
        <v>89</v>
      </c>
      <c r="L1815" t="s">
        <v>892</v>
      </c>
      <c r="M1815" t="s">
        <v>892</v>
      </c>
      <c r="N1815" t="s">
        <v>892</v>
      </c>
      <c r="O1815" t="s">
        <v>892</v>
      </c>
      <c r="P1815" t="s">
        <v>655</v>
      </c>
      <c r="Q1815">
        <v>1</v>
      </c>
      <c r="R1815" t="s">
        <v>893</v>
      </c>
      <c r="S1815">
        <v>3</v>
      </c>
      <c r="T1815" t="s">
        <v>892</v>
      </c>
      <c r="U1815" t="s">
        <v>892</v>
      </c>
      <c r="V1815">
        <v>4</v>
      </c>
      <c r="W1815">
        <v>240</v>
      </c>
      <c r="X1815">
        <v>2020</v>
      </c>
    </row>
    <row r="1816" spans="1:24" x14ac:dyDescent="0.25">
      <c r="A1816">
        <v>11248</v>
      </c>
      <c r="B1816" t="s">
        <v>26</v>
      </c>
      <c r="C1816">
        <v>44</v>
      </c>
      <c r="D1816" t="s">
        <v>193</v>
      </c>
      <c r="E1816">
        <v>1105</v>
      </c>
      <c r="F1816" t="s">
        <v>892</v>
      </c>
      <c r="G1816" t="s">
        <v>892</v>
      </c>
      <c r="H1816" t="s">
        <v>892</v>
      </c>
      <c r="I1816" t="s">
        <v>892</v>
      </c>
      <c r="J1816" t="s">
        <v>878</v>
      </c>
      <c r="K1816">
        <v>91</v>
      </c>
      <c r="L1816" t="s">
        <v>892</v>
      </c>
      <c r="M1816" t="s">
        <v>892</v>
      </c>
      <c r="N1816" t="s">
        <v>892</v>
      </c>
      <c r="O1816" t="s">
        <v>892</v>
      </c>
      <c r="P1816" t="s">
        <v>655</v>
      </c>
      <c r="Q1816">
        <v>1</v>
      </c>
      <c r="R1816" t="s">
        <v>893</v>
      </c>
      <c r="S1816">
        <v>3</v>
      </c>
      <c r="T1816" t="s">
        <v>892</v>
      </c>
      <c r="U1816" t="s">
        <v>892</v>
      </c>
      <c r="V1816">
        <v>4</v>
      </c>
      <c r="W1816">
        <v>240</v>
      </c>
      <c r="X1816">
        <v>2020</v>
      </c>
    </row>
    <row r="1817" spans="1:24" x14ac:dyDescent="0.25">
      <c r="A1817">
        <v>11247</v>
      </c>
      <c r="B1817" t="s">
        <v>195</v>
      </c>
      <c r="C1817">
        <v>27</v>
      </c>
      <c r="D1817" t="s">
        <v>194</v>
      </c>
      <c r="E1817">
        <v>1104</v>
      </c>
      <c r="F1817" t="s">
        <v>892</v>
      </c>
      <c r="G1817" t="s">
        <v>892</v>
      </c>
      <c r="H1817" t="s">
        <v>892</v>
      </c>
      <c r="I1817" t="s">
        <v>892</v>
      </c>
      <c r="J1817" t="s">
        <v>752</v>
      </c>
      <c r="K1817">
        <v>90</v>
      </c>
      <c r="L1817" t="s">
        <v>892</v>
      </c>
      <c r="M1817" t="s">
        <v>892</v>
      </c>
      <c r="N1817" t="s">
        <v>892</v>
      </c>
      <c r="O1817" t="s">
        <v>892</v>
      </c>
      <c r="P1817" t="s">
        <v>655</v>
      </c>
      <c r="Q1817">
        <v>1</v>
      </c>
      <c r="R1817" t="s">
        <v>893</v>
      </c>
      <c r="S1817">
        <v>3</v>
      </c>
      <c r="T1817" t="s">
        <v>892</v>
      </c>
      <c r="U1817" t="s">
        <v>892</v>
      </c>
      <c r="V1817">
        <v>4</v>
      </c>
      <c r="W1817">
        <v>240</v>
      </c>
      <c r="X1817">
        <v>2020</v>
      </c>
    </row>
    <row r="1818" spans="1:24" x14ac:dyDescent="0.25">
      <c r="A1818">
        <v>11246</v>
      </c>
      <c r="B1818" t="s">
        <v>195</v>
      </c>
      <c r="C1818">
        <v>27</v>
      </c>
      <c r="D1818" t="s">
        <v>194</v>
      </c>
      <c r="E1818">
        <v>1104</v>
      </c>
      <c r="F1818" t="s">
        <v>892</v>
      </c>
      <c r="G1818" t="s">
        <v>892</v>
      </c>
      <c r="H1818" t="s">
        <v>892</v>
      </c>
      <c r="I1818" t="s">
        <v>892</v>
      </c>
      <c r="J1818" t="s">
        <v>839</v>
      </c>
      <c r="K1818">
        <v>89</v>
      </c>
      <c r="L1818" t="s">
        <v>892</v>
      </c>
      <c r="M1818" t="s">
        <v>892</v>
      </c>
      <c r="N1818" t="s">
        <v>892</v>
      </c>
      <c r="O1818" t="s">
        <v>892</v>
      </c>
      <c r="P1818" t="s">
        <v>655</v>
      </c>
      <c r="Q1818">
        <v>1</v>
      </c>
      <c r="R1818" t="s">
        <v>893</v>
      </c>
      <c r="S1818">
        <v>3</v>
      </c>
      <c r="T1818" t="s">
        <v>892</v>
      </c>
      <c r="U1818" t="s">
        <v>892</v>
      </c>
      <c r="V1818">
        <v>4</v>
      </c>
      <c r="W1818">
        <v>240</v>
      </c>
      <c r="X1818">
        <v>2020</v>
      </c>
    </row>
    <row r="1819" spans="1:24" x14ac:dyDescent="0.25">
      <c r="A1819">
        <v>11245</v>
      </c>
      <c r="B1819" t="s">
        <v>195</v>
      </c>
      <c r="C1819">
        <v>27</v>
      </c>
      <c r="D1819" t="s">
        <v>194</v>
      </c>
      <c r="E1819">
        <v>1104</v>
      </c>
      <c r="F1819" t="s">
        <v>892</v>
      </c>
      <c r="G1819" t="s">
        <v>892</v>
      </c>
      <c r="H1819" t="s">
        <v>892</v>
      </c>
      <c r="I1819" t="s">
        <v>892</v>
      </c>
      <c r="J1819" t="s">
        <v>878</v>
      </c>
      <c r="K1819">
        <v>91</v>
      </c>
      <c r="L1819" t="s">
        <v>892</v>
      </c>
      <c r="M1819" t="s">
        <v>892</v>
      </c>
      <c r="N1819" t="s">
        <v>892</v>
      </c>
      <c r="O1819" t="s">
        <v>892</v>
      </c>
      <c r="P1819" t="s">
        <v>655</v>
      </c>
      <c r="Q1819">
        <v>1</v>
      </c>
      <c r="R1819" t="s">
        <v>893</v>
      </c>
      <c r="S1819">
        <v>3</v>
      </c>
      <c r="T1819" t="s">
        <v>892</v>
      </c>
      <c r="U1819" t="s">
        <v>892</v>
      </c>
      <c r="V1819">
        <v>4</v>
      </c>
      <c r="W1819">
        <v>240</v>
      </c>
      <c r="X1819">
        <v>2020</v>
      </c>
    </row>
    <row r="1820" spans="1:24" x14ac:dyDescent="0.25">
      <c r="A1820">
        <v>11244</v>
      </c>
      <c r="B1820" t="s">
        <v>28</v>
      </c>
      <c r="C1820">
        <v>49</v>
      </c>
      <c r="D1820" t="s">
        <v>27</v>
      </c>
      <c r="E1820">
        <v>1359</v>
      </c>
      <c r="F1820" t="s">
        <v>892</v>
      </c>
      <c r="G1820" t="s">
        <v>892</v>
      </c>
      <c r="H1820" t="s">
        <v>892</v>
      </c>
      <c r="I1820" t="s">
        <v>892</v>
      </c>
      <c r="J1820" t="s">
        <v>752</v>
      </c>
      <c r="K1820">
        <v>90</v>
      </c>
      <c r="L1820" t="s">
        <v>892</v>
      </c>
      <c r="M1820" t="s">
        <v>892</v>
      </c>
      <c r="N1820" t="s">
        <v>892</v>
      </c>
      <c r="O1820" t="s">
        <v>892</v>
      </c>
      <c r="P1820" t="s">
        <v>655</v>
      </c>
      <c r="Q1820">
        <v>1</v>
      </c>
      <c r="R1820" t="s">
        <v>893</v>
      </c>
      <c r="S1820">
        <v>3</v>
      </c>
      <c r="T1820" t="s">
        <v>892</v>
      </c>
      <c r="U1820" t="s">
        <v>892</v>
      </c>
      <c r="V1820">
        <v>4</v>
      </c>
      <c r="W1820">
        <v>240</v>
      </c>
      <c r="X1820">
        <v>2020</v>
      </c>
    </row>
    <row r="1821" spans="1:24" x14ac:dyDescent="0.25">
      <c r="A1821">
        <v>11243</v>
      </c>
      <c r="B1821" t="s">
        <v>28</v>
      </c>
      <c r="C1821">
        <v>49</v>
      </c>
      <c r="D1821" t="s">
        <v>196</v>
      </c>
      <c r="E1821">
        <v>1103</v>
      </c>
      <c r="F1821" t="s">
        <v>892</v>
      </c>
      <c r="G1821" t="s">
        <v>892</v>
      </c>
      <c r="H1821" t="s">
        <v>892</v>
      </c>
      <c r="I1821" t="s">
        <v>892</v>
      </c>
      <c r="J1821" t="s">
        <v>839</v>
      </c>
      <c r="K1821">
        <v>89</v>
      </c>
      <c r="L1821" t="s">
        <v>892</v>
      </c>
      <c r="M1821" t="s">
        <v>892</v>
      </c>
      <c r="N1821" t="s">
        <v>892</v>
      </c>
      <c r="O1821" t="s">
        <v>892</v>
      </c>
      <c r="P1821" t="s">
        <v>655</v>
      </c>
      <c r="Q1821">
        <v>1</v>
      </c>
      <c r="R1821" t="s">
        <v>893</v>
      </c>
      <c r="S1821">
        <v>3</v>
      </c>
      <c r="T1821" t="s">
        <v>892</v>
      </c>
      <c r="U1821" t="s">
        <v>892</v>
      </c>
      <c r="V1821">
        <v>4</v>
      </c>
      <c r="W1821">
        <v>240</v>
      </c>
      <c r="X1821">
        <v>2020</v>
      </c>
    </row>
    <row r="1822" spans="1:24" x14ac:dyDescent="0.25">
      <c r="A1822">
        <v>11242</v>
      </c>
      <c r="B1822" t="s">
        <v>198</v>
      </c>
      <c r="C1822">
        <v>21</v>
      </c>
      <c r="D1822" t="s">
        <v>197</v>
      </c>
      <c r="E1822">
        <v>1102</v>
      </c>
      <c r="F1822" t="s">
        <v>892</v>
      </c>
      <c r="G1822" t="s">
        <v>892</v>
      </c>
      <c r="H1822" t="s">
        <v>892</v>
      </c>
      <c r="I1822" t="s">
        <v>892</v>
      </c>
      <c r="J1822" t="s">
        <v>752</v>
      </c>
      <c r="K1822">
        <v>90</v>
      </c>
      <c r="L1822" t="s">
        <v>892</v>
      </c>
      <c r="M1822" t="s">
        <v>892</v>
      </c>
      <c r="N1822" t="s">
        <v>892</v>
      </c>
      <c r="O1822" t="s">
        <v>892</v>
      </c>
      <c r="P1822" t="s">
        <v>655</v>
      </c>
      <c r="Q1822">
        <v>1</v>
      </c>
      <c r="R1822" t="s">
        <v>893</v>
      </c>
      <c r="S1822">
        <v>3</v>
      </c>
      <c r="T1822" t="s">
        <v>892</v>
      </c>
      <c r="U1822" t="s">
        <v>892</v>
      </c>
      <c r="V1822">
        <v>4</v>
      </c>
      <c r="W1822">
        <v>240</v>
      </c>
      <c r="X1822">
        <v>2020</v>
      </c>
    </row>
    <row r="1823" spans="1:24" x14ac:dyDescent="0.25">
      <c r="A1823">
        <v>11241</v>
      </c>
      <c r="B1823" t="s">
        <v>198</v>
      </c>
      <c r="C1823">
        <v>21</v>
      </c>
      <c r="D1823" t="s">
        <v>197</v>
      </c>
      <c r="E1823">
        <v>1102</v>
      </c>
      <c r="F1823" t="s">
        <v>892</v>
      </c>
      <c r="G1823" t="s">
        <v>892</v>
      </c>
      <c r="H1823" t="s">
        <v>892</v>
      </c>
      <c r="I1823" t="s">
        <v>892</v>
      </c>
      <c r="J1823" t="s">
        <v>839</v>
      </c>
      <c r="K1823">
        <v>89</v>
      </c>
      <c r="L1823" t="s">
        <v>892</v>
      </c>
      <c r="M1823" t="s">
        <v>892</v>
      </c>
      <c r="N1823" t="s">
        <v>892</v>
      </c>
      <c r="O1823" t="s">
        <v>892</v>
      </c>
      <c r="P1823" t="s">
        <v>655</v>
      </c>
      <c r="Q1823">
        <v>1</v>
      </c>
      <c r="R1823" t="s">
        <v>893</v>
      </c>
      <c r="S1823">
        <v>3</v>
      </c>
      <c r="T1823" t="s">
        <v>892</v>
      </c>
      <c r="U1823" t="s">
        <v>892</v>
      </c>
      <c r="V1823">
        <v>4</v>
      </c>
      <c r="W1823">
        <v>240</v>
      </c>
      <c r="X1823">
        <v>2020</v>
      </c>
    </row>
    <row r="1824" spans="1:24" x14ac:dyDescent="0.25">
      <c r="A1824">
        <v>11240</v>
      </c>
      <c r="B1824" t="s">
        <v>198</v>
      </c>
      <c r="C1824">
        <v>21</v>
      </c>
      <c r="D1824" t="s">
        <v>197</v>
      </c>
      <c r="E1824">
        <v>1102</v>
      </c>
      <c r="F1824" t="s">
        <v>892</v>
      </c>
      <c r="G1824" t="s">
        <v>892</v>
      </c>
      <c r="H1824" t="s">
        <v>892</v>
      </c>
      <c r="I1824" t="s">
        <v>892</v>
      </c>
      <c r="J1824" t="s">
        <v>878</v>
      </c>
      <c r="K1824">
        <v>91</v>
      </c>
      <c r="L1824" t="s">
        <v>892</v>
      </c>
      <c r="M1824" t="s">
        <v>892</v>
      </c>
      <c r="N1824" t="s">
        <v>892</v>
      </c>
      <c r="O1824" t="s">
        <v>892</v>
      </c>
      <c r="P1824" t="s">
        <v>655</v>
      </c>
      <c r="Q1824">
        <v>1</v>
      </c>
      <c r="R1824" t="s">
        <v>893</v>
      </c>
      <c r="S1824">
        <v>3</v>
      </c>
      <c r="T1824" t="s">
        <v>892</v>
      </c>
      <c r="U1824" t="s">
        <v>892</v>
      </c>
      <c r="V1824">
        <v>4</v>
      </c>
      <c r="W1824">
        <v>240</v>
      </c>
      <c r="X1824">
        <v>2020</v>
      </c>
    </row>
    <row r="1825" spans="1:24" x14ac:dyDescent="0.25">
      <c r="A1825">
        <v>11239</v>
      </c>
      <c r="B1825" t="s">
        <v>200</v>
      </c>
      <c r="C1825">
        <v>32</v>
      </c>
      <c r="D1825" t="s">
        <v>199</v>
      </c>
      <c r="E1825">
        <v>1101</v>
      </c>
      <c r="F1825" t="s">
        <v>892</v>
      </c>
      <c r="G1825" t="s">
        <v>892</v>
      </c>
      <c r="H1825" t="s">
        <v>892</v>
      </c>
      <c r="I1825" t="s">
        <v>892</v>
      </c>
      <c r="J1825" t="s">
        <v>752</v>
      </c>
      <c r="K1825">
        <v>90</v>
      </c>
      <c r="L1825" t="s">
        <v>892</v>
      </c>
      <c r="M1825" t="s">
        <v>892</v>
      </c>
      <c r="N1825" t="s">
        <v>892</v>
      </c>
      <c r="O1825" t="s">
        <v>892</v>
      </c>
      <c r="P1825" t="s">
        <v>655</v>
      </c>
      <c r="Q1825">
        <v>1</v>
      </c>
      <c r="R1825" t="s">
        <v>893</v>
      </c>
      <c r="S1825">
        <v>3</v>
      </c>
      <c r="T1825" t="s">
        <v>892</v>
      </c>
      <c r="U1825" t="s">
        <v>892</v>
      </c>
      <c r="V1825">
        <v>4</v>
      </c>
      <c r="W1825">
        <v>240</v>
      </c>
      <c r="X1825">
        <v>2020</v>
      </c>
    </row>
    <row r="1826" spans="1:24" x14ac:dyDescent="0.25">
      <c r="A1826">
        <v>11238</v>
      </c>
      <c r="B1826" t="s">
        <v>200</v>
      </c>
      <c r="C1826">
        <v>32</v>
      </c>
      <c r="D1826" t="s">
        <v>199</v>
      </c>
      <c r="E1826">
        <v>1101</v>
      </c>
      <c r="F1826" t="s">
        <v>892</v>
      </c>
      <c r="G1826" t="s">
        <v>892</v>
      </c>
      <c r="H1826" t="s">
        <v>892</v>
      </c>
      <c r="I1826" t="s">
        <v>892</v>
      </c>
      <c r="J1826" t="s">
        <v>839</v>
      </c>
      <c r="K1826">
        <v>89</v>
      </c>
      <c r="L1826" t="s">
        <v>892</v>
      </c>
      <c r="M1826" t="s">
        <v>892</v>
      </c>
      <c r="N1826" t="s">
        <v>892</v>
      </c>
      <c r="O1826" t="s">
        <v>892</v>
      </c>
      <c r="P1826" t="s">
        <v>655</v>
      </c>
      <c r="Q1826">
        <v>1</v>
      </c>
      <c r="R1826" t="s">
        <v>893</v>
      </c>
      <c r="S1826">
        <v>3</v>
      </c>
      <c r="T1826" t="s">
        <v>892</v>
      </c>
      <c r="U1826" t="s">
        <v>892</v>
      </c>
      <c r="V1826">
        <v>4</v>
      </c>
      <c r="W1826">
        <v>240</v>
      </c>
      <c r="X1826">
        <v>2020</v>
      </c>
    </row>
    <row r="1827" spans="1:24" x14ac:dyDescent="0.25">
      <c r="A1827">
        <v>11237</v>
      </c>
      <c r="B1827" t="s">
        <v>200</v>
      </c>
      <c r="C1827">
        <v>32</v>
      </c>
      <c r="D1827" t="s">
        <v>199</v>
      </c>
      <c r="E1827">
        <v>1101</v>
      </c>
      <c r="F1827" t="s">
        <v>892</v>
      </c>
      <c r="G1827" t="s">
        <v>892</v>
      </c>
      <c r="H1827" t="s">
        <v>892</v>
      </c>
      <c r="I1827" t="s">
        <v>892</v>
      </c>
      <c r="J1827" t="s">
        <v>878</v>
      </c>
      <c r="K1827">
        <v>91</v>
      </c>
      <c r="L1827" t="s">
        <v>892</v>
      </c>
      <c r="M1827" t="s">
        <v>892</v>
      </c>
      <c r="N1827" t="s">
        <v>892</v>
      </c>
      <c r="O1827" t="s">
        <v>892</v>
      </c>
      <c r="P1827" t="s">
        <v>655</v>
      </c>
      <c r="Q1827">
        <v>1</v>
      </c>
      <c r="R1827" t="s">
        <v>893</v>
      </c>
      <c r="S1827">
        <v>3</v>
      </c>
      <c r="T1827" t="s">
        <v>892</v>
      </c>
      <c r="U1827" t="s">
        <v>892</v>
      </c>
      <c r="V1827">
        <v>4</v>
      </c>
      <c r="W1827">
        <v>240</v>
      </c>
      <c r="X1827">
        <v>2020</v>
      </c>
    </row>
    <row r="1828" spans="1:24" x14ac:dyDescent="0.25">
      <c r="A1828">
        <v>11236</v>
      </c>
      <c r="B1828" t="s">
        <v>202</v>
      </c>
      <c r="C1828">
        <v>6</v>
      </c>
      <c r="D1828" t="s">
        <v>201</v>
      </c>
      <c r="E1828">
        <v>1100</v>
      </c>
      <c r="F1828" t="s">
        <v>892</v>
      </c>
      <c r="G1828" t="s">
        <v>892</v>
      </c>
      <c r="H1828" t="s">
        <v>892</v>
      </c>
      <c r="I1828" t="s">
        <v>892</v>
      </c>
      <c r="J1828" t="s">
        <v>752</v>
      </c>
      <c r="K1828">
        <v>90</v>
      </c>
      <c r="L1828" t="s">
        <v>892</v>
      </c>
      <c r="M1828" t="s">
        <v>892</v>
      </c>
      <c r="N1828" t="s">
        <v>892</v>
      </c>
      <c r="O1828" t="s">
        <v>892</v>
      </c>
      <c r="P1828" t="s">
        <v>655</v>
      </c>
      <c r="Q1828">
        <v>1</v>
      </c>
      <c r="R1828" t="s">
        <v>893</v>
      </c>
      <c r="S1828">
        <v>3</v>
      </c>
      <c r="T1828" t="s">
        <v>892</v>
      </c>
      <c r="U1828" t="s">
        <v>892</v>
      </c>
      <c r="V1828">
        <v>4</v>
      </c>
      <c r="W1828">
        <v>240</v>
      </c>
      <c r="X1828">
        <v>2020</v>
      </c>
    </row>
    <row r="1829" spans="1:24" x14ac:dyDescent="0.25">
      <c r="A1829">
        <v>11235</v>
      </c>
      <c r="B1829" t="s">
        <v>202</v>
      </c>
      <c r="C1829">
        <v>6</v>
      </c>
      <c r="D1829" t="s">
        <v>201</v>
      </c>
      <c r="E1829">
        <v>1100</v>
      </c>
      <c r="F1829" t="s">
        <v>892</v>
      </c>
      <c r="G1829" t="s">
        <v>892</v>
      </c>
      <c r="H1829" t="s">
        <v>892</v>
      </c>
      <c r="I1829" t="s">
        <v>892</v>
      </c>
      <c r="J1829" t="s">
        <v>839</v>
      </c>
      <c r="K1829">
        <v>89</v>
      </c>
      <c r="L1829" t="s">
        <v>892</v>
      </c>
      <c r="M1829" t="s">
        <v>892</v>
      </c>
      <c r="N1829" t="s">
        <v>892</v>
      </c>
      <c r="O1829" t="s">
        <v>892</v>
      </c>
      <c r="P1829" t="s">
        <v>655</v>
      </c>
      <c r="Q1829">
        <v>1</v>
      </c>
      <c r="R1829" t="s">
        <v>893</v>
      </c>
      <c r="S1829">
        <v>3</v>
      </c>
      <c r="T1829" t="s">
        <v>892</v>
      </c>
      <c r="U1829" t="s">
        <v>892</v>
      </c>
      <c r="V1829">
        <v>4</v>
      </c>
      <c r="W1829">
        <v>240</v>
      </c>
      <c r="X1829">
        <v>2020</v>
      </c>
    </row>
    <row r="1830" spans="1:24" x14ac:dyDescent="0.25">
      <c r="A1830">
        <v>11234</v>
      </c>
      <c r="B1830" t="s">
        <v>202</v>
      </c>
      <c r="C1830">
        <v>6</v>
      </c>
      <c r="D1830" t="s">
        <v>201</v>
      </c>
      <c r="E1830">
        <v>1100</v>
      </c>
      <c r="F1830" t="s">
        <v>892</v>
      </c>
      <c r="G1830" t="s">
        <v>892</v>
      </c>
      <c r="H1830" t="s">
        <v>892</v>
      </c>
      <c r="I1830" t="s">
        <v>892</v>
      </c>
      <c r="J1830" t="s">
        <v>878</v>
      </c>
      <c r="K1830">
        <v>91</v>
      </c>
      <c r="L1830" t="s">
        <v>892</v>
      </c>
      <c r="M1830" t="s">
        <v>892</v>
      </c>
      <c r="N1830" t="s">
        <v>892</v>
      </c>
      <c r="O1830" t="s">
        <v>892</v>
      </c>
      <c r="P1830" t="s">
        <v>655</v>
      </c>
      <c r="Q1830">
        <v>1</v>
      </c>
      <c r="R1830" t="s">
        <v>893</v>
      </c>
      <c r="S1830">
        <v>3</v>
      </c>
      <c r="T1830" t="s">
        <v>892</v>
      </c>
      <c r="U1830" t="s">
        <v>892</v>
      </c>
      <c r="V1830">
        <v>4</v>
      </c>
      <c r="W1830">
        <v>240</v>
      </c>
      <c r="X1830">
        <v>2020</v>
      </c>
    </row>
    <row r="1831" spans="1:24" x14ac:dyDescent="0.25">
      <c r="A1831">
        <v>11233</v>
      </c>
      <c r="B1831" t="s">
        <v>204</v>
      </c>
      <c r="C1831">
        <v>45</v>
      </c>
      <c r="D1831" t="s">
        <v>203</v>
      </c>
      <c r="E1831">
        <v>1099</v>
      </c>
      <c r="F1831" t="s">
        <v>892</v>
      </c>
      <c r="G1831" t="s">
        <v>892</v>
      </c>
      <c r="H1831" t="s">
        <v>892</v>
      </c>
      <c r="I1831" t="s">
        <v>892</v>
      </c>
      <c r="J1831" t="s">
        <v>679</v>
      </c>
      <c r="K1831">
        <v>32</v>
      </c>
      <c r="L1831" t="s">
        <v>892</v>
      </c>
      <c r="M1831" t="s">
        <v>892</v>
      </c>
      <c r="N1831" t="s">
        <v>892</v>
      </c>
      <c r="O1831" t="s">
        <v>892</v>
      </c>
      <c r="P1831" t="s">
        <v>655</v>
      </c>
      <c r="Q1831">
        <v>1</v>
      </c>
      <c r="R1831" t="s">
        <v>893</v>
      </c>
      <c r="S1831">
        <v>3</v>
      </c>
      <c r="T1831" t="s">
        <v>892</v>
      </c>
      <c r="U1831" t="s">
        <v>892</v>
      </c>
      <c r="V1831">
        <v>3</v>
      </c>
      <c r="W1831">
        <v>180</v>
      </c>
      <c r="X1831">
        <v>2020</v>
      </c>
    </row>
    <row r="1832" spans="1:24" x14ac:dyDescent="0.25">
      <c r="A1832">
        <v>11232</v>
      </c>
      <c r="B1832" t="s">
        <v>206</v>
      </c>
      <c r="C1832">
        <v>33</v>
      </c>
      <c r="D1832" t="s">
        <v>205</v>
      </c>
      <c r="E1832">
        <v>1098</v>
      </c>
      <c r="F1832" t="s">
        <v>892</v>
      </c>
      <c r="G1832" t="s">
        <v>892</v>
      </c>
      <c r="H1832" t="s">
        <v>892</v>
      </c>
      <c r="I1832" t="s">
        <v>892</v>
      </c>
      <c r="J1832" t="s">
        <v>679</v>
      </c>
      <c r="K1832">
        <v>32</v>
      </c>
      <c r="L1832" t="s">
        <v>892</v>
      </c>
      <c r="M1832" t="s">
        <v>892</v>
      </c>
      <c r="N1832" t="s">
        <v>892</v>
      </c>
      <c r="O1832" t="s">
        <v>892</v>
      </c>
      <c r="P1832" t="s">
        <v>655</v>
      </c>
      <c r="Q1832">
        <v>1</v>
      </c>
      <c r="R1832" t="s">
        <v>893</v>
      </c>
      <c r="S1832">
        <v>3</v>
      </c>
      <c r="T1832" t="s">
        <v>892</v>
      </c>
      <c r="U1832" t="s">
        <v>892</v>
      </c>
      <c r="V1832">
        <v>3</v>
      </c>
      <c r="W1832">
        <v>180</v>
      </c>
      <c r="X1832">
        <v>2020</v>
      </c>
    </row>
    <row r="1833" spans="1:24" x14ac:dyDescent="0.25">
      <c r="A1833">
        <v>11231</v>
      </c>
      <c r="B1833" t="s">
        <v>206</v>
      </c>
      <c r="C1833">
        <v>33</v>
      </c>
      <c r="D1833" t="s">
        <v>207</v>
      </c>
      <c r="E1833">
        <v>1097</v>
      </c>
      <c r="F1833" t="s">
        <v>892</v>
      </c>
      <c r="G1833" t="s">
        <v>892</v>
      </c>
      <c r="H1833" t="s">
        <v>892</v>
      </c>
      <c r="I1833" t="s">
        <v>892</v>
      </c>
      <c r="J1833" t="s">
        <v>673</v>
      </c>
      <c r="K1833">
        <v>34</v>
      </c>
      <c r="L1833" t="s">
        <v>892</v>
      </c>
      <c r="M1833" t="s">
        <v>892</v>
      </c>
      <c r="N1833" t="s">
        <v>892</v>
      </c>
      <c r="O1833" t="s">
        <v>892</v>
      </c>
      <c r="P1833" t="s">
        <v>655</v>
      </c>
      <c r="Q1833">
        <v>1</v>
      </c>
      <c r="R1833" t="s">
        <v>893</v>
      </c>
      <c r="S1833">
        <v>3</v>
      </c>
      <c r="T1833" t="s">
        <v>892</v>
      </c>
      <c r="U1833" t="s">
        <v>892</v>
      </c>
      <c r="V1833">
        <v>3</v>
      </c>
      <c r="W1833">
        <v>180</v>
      </c>
      <c r="X1833">
        <v>2020</v>
      </c>
    </row>
    <row r="1834" spans="1:24" x14ac:dyDescent="0.25">
      <c r="A1834">
        <v>11230</v>
      </c>
      <c r="B1834" t="s">
        <v>206</v>
      </c>
      <c r="C1834">
        <v>33</v>
      </c>
      <c r="D1834" t="s">
        <v>208</v>
      </c>
      <c r="E1834">
        <v>1096</v>
      </c>
      <c r="F1834" t="s">
        <v>892</v>
      </c>
      <c r="G1834" t="s">
        <v>892</v>
      </c>
      <c r="H1834" t="s">
        <v>892</v>
      </c>
      <c r="I1834" t="s">
        <v>892</v>
      </c>
      <c r="J1834" t="s">
        <v>659</v>
      </c>
      <c r="K1834">
        <v>35</v>
      </c>
      <c r="L1834" t="s">
        <v>892</v>
      </c>
      <c r="M1834" t="s">
        <v>892</v>
      </c>
      <c r="N1834" t="s">
        <v>892</v>
      </c>
      <c r="O1834" t="s">
        <v>892</v>
      </c>
      <c r="P1834" t="s">
        <v>655</v>
      </c>
      <c r="Q1834">
        <v>1</v>
      </c>
      <c r="R1834" t="s">
        <v>893</v>
      </c>
      <c r="S1834">
        <v>3</v>
      </c>
      <c r="T1834" t="s">
        <v>892</v>
      </c>
      <c r="U1834" t="s">
        <v>892</v>
      </c>
      <c r="V1834">
        <v>3</v>
      </c>
      <c r="W1834">
        <v>180</v>
      </c>
      <c r="X1834">
        <v>2020</v>
      </c>
    </row>
    <row r="1835" spans="1:24" x14ac:dyDescent="0.25">
      <c r="A1835">
        <v>11229</v>
      </c>
      <c r="B1835" t="s">
        <v>210</v>
      </c>
      <c r="C1835">
        <v>23</v>
      </c>
      <c r="D1835" t="s">
        <v>209</v>
      </c>
      <c r="E1835">
        <v>1095</v>
      </c>
      <c r="F1835" t="s">
        <v>892</v>
      </c>
      <c r="G1835" t="s">
        <v>892</v>
      </c>
      <c r="H1835" t="s">
        <v>892</v>
      </c>
      <c r="I1835" t="s">
        <v>892</v>
      </c>
      <c r="J1835" t="s">
        <v>659</v>
      </c>
      <c r="K1835">
        <v>35</v>
      </c>
      <c r="L1835" t="s">
        <v>892</v>
      </c>
      <c r="M1835" t="s">
        <v>892</v>
      </c>
      <c r="N1835" t="s">
        <v>892</v>
      </c>
      <c r="O1835" t="s">
        <v>892</v>
      </c>
      <c r="P1835" t="s">
        <v>655</v>
      </c>
      <c r="Q1835">
        <v>1</v>
      </c>
      <c r="R1835" t="s">
        <v>893</v>
      </c>
      <c r="S1835">
        <v>3</v>
      </c>
      <c r="T1835" t="s">
        <v>892</v>
      </c>
      <c r="U1835" t="s">
        <v>892</v>
      </c>
      <c r="V1835">
        <v>3</v>
      </c>
      <c r="W1835">
        <v>180</v>
      </c>
      <c r="X1835">
        <v>2020</v>
      </c>
    </row>
    <row r="1836" spans="1:24" x14ac:dyDescent="0.25">
      <c r="A1836">
        <v>11227</v>
      </c>
      <c r="B1836" t="s">
        <v>84</v>
      </c>
      <c r="C1836">
        <v>3</v>
      </c>
      <c r="D1836" t="s">
        <v>211</v>
      </c>
      <c r="E1836">
        <v>1094</v>
      </c>
      <c r="F1836" t="s">
        <v>892</v>
      </c>
      <c r="G1836" t="s">
        <v>892</v>
      </c>
      <c r="H1836" t="s">
        <v>892</v>
      </c>
      <c r="I1836" t="s">
        <v>892</v>
      </c>
      <c r="J1836" t="s">
        <v>1538</v>
      </c>
      <c r="K1836">
        <v>36</v>
      </c>
      <c r="L1836" t="s">
        <v>892</v>
      </c>
      <c r="M1836" t="s">
        <v>892</v>
      </c>
      <c r="N1836" t="s">
        <v>892</v>
      </c>
      <c r="O1836" t="s">
        <v>892</v>
      </c>
      <c r="P1836" t="s">
        <v>655</v>
      </c>
      <c r="Q1836">
        <v>1</v>
      </c>
      <c r="R1836" t="s">
        <v>893</v>
      </c>
      <c r="S1836">
        <v>3</v>
      </c>
      <c r="T1836" t="s">
        <v>892</v>
      </c>
      <c r="U1836" t="s">
        <v>892</v>
      </c>
      <c r="V1836">
        <v>3</v>
      </c>
      <c r="W1836">
        <v>180</v>
      </c>
      <c r="X1836">
        <v>2020</v>
      </c>
    </row>
    <row r="1837" spans="1:24" x14ac:dyDescent="0.25">
      <c r="A1837">
        <v>11226</v>
      </c>
      <c r="B1837" t="s">
        <v>213</v>
      </c>
      <c r="C1837">
        <v>15</v>
      </c>
      <c r="D1837" t="s">
        <v>212</v>
      </c>
      <c r="E1837">
        <v>1092</v>
      </c>
      <c r="F1837" t="s">
        <v>892</v>
      </c>
      <c r="G1837" t="s">
        <v>892</v>
      </c>
      <c r="H1837" t="s">
        <v>892</v>
      </c>
      <c r="I1837" t="s">
        <v>892</v>
      </c>
      <c r="J1837" t="s">
        <v>693</v>
      </c>
      <c r="K1837">
        <v>56</v>
      </c>
      <c r="L1837" t="s">
        <v>892</v>
      </c>
      <c r="M1837" t="s">
        <v>892</v>
      </c>
      <c r="N1837" t="s">
        <v>892</v>
      </c>
      <c r="O1837" t="s">
        <v>892</v>
      </c>
      <c r="P1837" t="s">
        <v>655</v>
      </c>
      <c r="Q1837">
        <v>1</v>
      </c>
      <c r="R1837" t="s">
        <v>893</v>
      </c>
      <c r="S1837">
        <v>3</v>
      </c>
      <c r="T1837" t="s">
        <v>892</v>
      </c>
      <c r="U1837" t="s">
        <v>892</v>
      </c>
      <c r="V1837">
        <v>3</v>
      </c>
      <c r="W1837">
        <v>180</v>
      </c>
      <c r="X1837">
        <v>2020</v>
      </c>
    </row>
    <row r="1838" spans="1:24" x14ac:dyDescent="0.25">
      <c r="A1838">
        <v>11225</v>
      </c>
      <c r="B1838" t="s">
        <v>213</v>
      </c>
      <c r="C1838">
        <v>15</v>
      </c>
      <c r="D1838" t="s">
        <v>212</v>
      </c>
      <c r="E1838">
        <v>1092</v>
      </c>
      <c r="F1838" t="s">
        <v>892</v>
      </c>
      <c r="G1838" t="s">
        <v>892</v>
      </c>
      <c r="H1838" t="s">
        <v>892</v>
      </c>
      <c r="I1838" t="s">
        <v>892</v>
      </c>
      <c r="J1838" t="s">
        <v>848</v>
      </c>
      <c r="K1838">
        <v>62</v>
      </c>
      <c r="L1838" t="s">
        <v>892</v>
      </c>
      <c r="M1838" t="s">
        <v>892</v>
      </c>
      <c r="N1838" t="s">
        <v>892</v>
      </c>
      <c r="O1838" t="s">
        <v>892</v>
      </c>
      <c r="P1838" t="s">
        <v>655</v>
      </c>
      <c r="Q1838">
        <v>1</v>
      </c>
      <c r="R1838" t="s">
        <v>893</v>
      </c>
      <c r="S1838">
        <v>3</v>
      </c>
      <c r="T1838" t="s">
        <v>892</v>
      </c>
      <c r="U1838" t="s">
        <v>892</v>
      </c>
      <c r="V1838">
        <v>3</v>
      </c>
      <c r="W1838">
        <v>180</v>
      </c>
      <c r="X1838">
        <v>2020</v>
      </c>
    </row>
    <row r="1839" spans="1:24" x14ac:dyDescent="0.25">
      <c r="A1839">
        <v>11224</v>
      </c>
      <c r="B1839" t="s">
        <v>215</v>
      </c>
      <c r="C1839">
        <v>41</v>
      </c>
      <c r="D1839" t="s">
        <v>214</v>
      </c>
      <c r="E1839">
        <v>1091</v>
      </c>
      <c r="F1839" t="s">
        <v>892</v>
      </c>
      <c r="G1839" t="s">
        <v>892</v>
      </c>
      <c r="H1839" t="s">
        <v>892</v>
      </c>
      <c r="I1839" t="s">
        <v>892</v>
      </c>
      <c r="J1839" t="s">
        <v>738</v>
      </c>
      <c r="K1839">
        <v>61</v>
      </c>
      <c r="L1839" t="s">
        <v>892</v>
      </c>
      <c r="M1839" t="s">
        <v>892</v>
      </c>
      <c r="N1839" t="s">
        <v>892</v>
      </c>
      <c r="O1839" t="s">
        <v>892</v>
      </c>
      <c r="P1839" t="s">
        <v>655</v>
      </c>
      <c r="Q1839">
        <v>1</v>
      </c>
      <c r="R1839" t="s">
        <v>893</v>
      </c>
      <c r="S1839">
        <v>3</v>
      </c>
      <c r="T1839" t="s">
        <v>892</v>
      </c>
      <c r="U1839" t="s">
        <v>892</v>
      </c>
      <c r="V1839">
        <v>3</v>
      </c>
      <c r="W1839">
        <v>180</v>
      </c>
      <c r="X1839">
        <v>2020</v>
      </c>
    </row>
    <row r="1840" spans="1:24" x14ac:dyDescent="0.25">
      <c r="A1840">
        <v>11223</v>
      </c>
      <c r="B1840" t="s">
        <v>215</v>
      </c>
      <c r="C1840">
        <v>41</v>
      </c>
      <c r="D1840" t="s">
        <v>214</v>
      </c>
      <c r="E1840">
        <v>1091</v>
      </c>
      <c r="F1840" t="s">
        <v>892</v>
      </c>
      <c r="G1840" t="s">
        <v>892</v>
      </c>
      <c r="H1840" t="s">
        <v>892</v>
      </c>
      <c r="I1840" t="s">
        <v>892</v>
      </c>
      <c r="J1840" t="s">
        <v>714</v>
      </c>
      <c r="K1840">
        <v>52</v>
      </c>
      <c r="L1840" t="s">
        <v>892</v>
      </c>
      <c r="M1840" t="s">
        <v>892</v>
      </c>
      <c r="N1840" t="s">
        <v>892</v>
      </c>
      <c r="O1840" t="s">
        <v>892</v>
      </c>
      <c r="P1840" t="s">
        <v>655</v>
      </c>
      <c r="Q1840">
        <v>1</v>
      </c>
      <c r="R1840" t="s">
        <v>893</v>
      </c>
      <c r="S1840">
        <v>3</v>
      </c>
      <c r="T1840" t="s">
        <v>892</v>
      </c>
      <c r="U1840" t="s">
        <v>892</v>
      </c>
      <c r="V1840">
        <v>3</v>
      </c>
      <c r="W1840">
        <v>180</v>
      </c>
      <c r="X1840">
        <v>2020</v>
      </c>
    </row>
    <row r="1841" spans="1:24" x14ac:dyDescent="0.25">
      <c r="A1841">
        <v>11222</v>
      </c>
      <c r="B1841" t="s">
        <v>215</v>
      </c>
      <c r="C1841">
        <v>41</v>
      </c>
      <c r="D1841" t="s">
        <v>214</v>
      </c>
      <c r="E1841">
        <v>1091</v>
      </c>
      <c r="F1841" t="s">
        <v>892</v>
      </c>
      <c r="G1841" t="s">
        <v>892</v>
      </c>
      <c r="H1841" t="s">
        <v>892</v>
      </c>
      <c r="I1841" t="s">
        <v>892</v>
      </c>
      <c r="J1841" t="s">
        <v>1236</v>
      </c>
      <c r="K1841">
        <v>60</v>
      </c>
      <c r="L1841" t="s">
        <v>892</v>
      </c>
      <c r="M1841" t="s">
        <v>892</v>
      </c>
      <c r="N1841" t="s">
        <v>892</v>
      </c>
      <c r="O1841" t="s">
        <v>892</v>
      </c>
      <c r="P1841" t="s">
        <v>655</v>
      </c>
      <c r="Q1841">
        <v>1</v>
      </c>
      <c r="R1841" t="s">
        <v>893</v>
      </c>
      <c r="S1841">
        <v>3</v>
      </c>
      <c r="T1841" t="s">
        <v>892</v>
      </c>
      <c r="U1841" t="s">
        <v>892</v>
      </c>
      <c r="V1841">
        <v>3</v>
      </c>
      <c r="W1841">
        <v>180</v>
      </c>
      <c r="X1841">
        <v>2020</v>
      </c>
    </row>
    <row r="1842" spans="1:24" x14ac:dyDescent="0.25">
      <c r="A1842">
        <v>11221</v>
      </c>
      <c r="B1842" t="s">
        <v>215</v>
      </c>
      <c r="C1842">
        <v>41</v>
      </c>
      <c r="D1842" t="s">
        <v>216</v>
      </c>
      <c r="E1842">
        <v>1090</v>
      </c>
      <c r="F1842" t="s">
        <v>892</v>
      </c>
      <c r="G1842" t="s">
        <v>892</v>
      </c>
      <c r="H1842" t="s">
        <v>892</v>
      </c>
      <c r="I1842" t="s">
        <v>892</v>
      </c>
      <c r="J1842" t="s">
        <v>295</v>
      </c>
      <c r="K1842">
        <v>30</v>
      </c>
      <c r="L1842" t="s">
        <v>892</v>
      </c>
      <c r="M1842" t="s">
        <v>892</v>
      </c>
      <c r="N1842" t="s">
        <v>892</v>
      </c>
      <c r="O1842" t="s">
        <v>892</v>
      </c>
      <c r="P1842" t="s">
        <v>655</v>
      </c>
      <c r="Q1842">
        <v>1</v>
      </c>
      <c r="R1842" t="s">
        <v>893</v>
      </c>
      <c r="S1842">
        <v>3</v>
      </c>
      <c r="T1842" t="s">
        <v>892</v>
      </c>
      <c r="U1842" t="s">
        <v>892</v>
      </c>
      <c r="V1842">
        <v>3</v>
      </c>
      <c r="W1842">
        <v>180</v>
      </c>
      <c r="X1842">
        <v>2020</v>
      </c>
    </row>
    <row r="1843" spans="1:24" x14ac:dyDescent="0.25">
      <c r="A1843">
        <v>11220</v>
      </c>
      <c r="B1843" t="s">
        <v>215</v>
      </c>
      <c r="C1843">
        <v>41</v>
      </c>
      <c r="D1843" t="s">
        <v>216</v>
      </c>
      <c r="E1843">
        <v>1090</v>
      </c>
      <c r="F1843" t="s">
        <v>892</v>
      </c>
      <c r="G1843" t="s">
        <v>892</v>
      </c>
      <c r="H1843" t="s">
        <v>892</v>
      </c>
      <c r="I1843" t="s">
        <v>892</v>
      </c>
      <c r="J1843" t="s">
        <v>802</v>
      </c>
      <c r="K1843">
        <v>12</v>
      </c>
      <c r="L1843" t="s">
        <v>892</v>
      </c>
      <c r="M1843" t="s">
        <v>892</v>
      </c>
      <c r="N1843" t="s">
        <v>892</v>
      </c>
      <c r="O1843" t="s">
        <v>892</v>
      </c>
      <c r="P1843" t="s">
        <v>655</v>
      </c>
      <c r="Q1843">
        <v>1</v>
      </c>
      <c r="R1843" t="s">
        <v>893</v>
      </c>
      <c r="S1843">
        <v>3</v>
      </c>
      <c r="T1843" t="s">
        <v>892</v>
      </c>
      <c r="U1843" t="s">
        <v>892</v>
      </c>
      <c r="V1843">
        <v>3</v>
      </c>
      <c r="W1843">
        <v>180</v>
      </c>
      <c r="X1843">
        <v>2020</v>
      </c>
    </row>
    <row r="1844" spans="1:24" x14ac:dyDescent="0.25">
      <c r="A1844">
        <v>11219</v>
      </c>
      <c r="B1844" t="s">
        <v>215</v>
      </c>
      <c r="C1844">
        <v>41</v>
      </c>
      <c r="D1844" t="s">
        <v>216</v>
      </c>
      <c r="E1844">
        <v>1090</v>
      </c>
      <c r="F1844" t="s">
        <v>892</v>
      </c>
      <c r="G1844" t="s">
        <v>892</v>
      </c>
      <c r="H1844" t="s">
        <v>892</v>
      </c>
      <c r="I1844" t="s">
        <v>892</v>
      </c>
      <c r="J1844" t="s">
        <v>299</v>
      </c>
      <c r="K1844">
        <v>27</v>
      </c>
      <c r="L1844" t="s">
        <v>892</v>
      </c>
      <c r="M1844" t="s">
        <v>892</v>
      </c>
      <c r="N1844" t="s">
        <v>892</v>
      </c>
      <c r="O1844" t="s">
        <v>892</v>
      </c>
      <c r="P1844" t="s">
        <v>655</v>
      </c>
      <c r="Q1844">
        <v>1</v>
      </c>
      <c r="R1844" t="s">
        <v>893</v>
      </c>
      <c r="S1844">
        <v>3</v>
      </c>
      <c r="T1844" t="s">
        <v>892</v>
      </c>
      <c r="U1844" t="s">
        <v>892</v>
      </c>
      <c r="V1844">
        <v>3</v>
      </c>
      <c r="W1844">
        <v>180</v>
      </c>
      <c r="X1844">
        <v>2020</v>
      </c>
    </row>
    <row r="1845" spans="1:24" x14ac:dyDescent="0.25">
      <c r="A1845">
        <v>11218</v>
      </c>
      <c r="B1845" t="s">
        <v>218</v>
      </c>
      <c r="C1845">
        <v>17</v>
      </c>
      <c r="D1845" t="s">
        <v>217</v>
      </c>
      <c r="E1845">
        <v>1089</v>
      </c>
      <c r="F1845" t="s">
        <v>892</v>
      </c>
      <c r="G1845" t="s">
        <v>892</v>
      </c>
      <c r="H1845" t="s">
        <v>892</v>
      </c>
      <c r="I1845" t="s">
        <v>892</v>
      </c>
      <c r="J1845" t="s">
        <v>819</v>
      </c>
      <c r="K1845">
        <v>101</v>
      </c>
      <c r="L1845" t="s">
        <v>892</v>
      </c>
      <c r="M1845" t="s">
        <v>892</v>
      </c>
      <c r="N1845" t="s">
        <v>892</v>
      </c>
      <c r="O1845" t="s">
        <v>892</v>
      </c>
      <c r="P1845" t="s">
        <v>655</v>
      </c>
      <c r="Q1845">
        <v>1</v>
      </c>
      <c r="R1845" t="s">
        <v>893</v>
      </c>
      <c r="S1845">
        <v>3</v>
      </c>
      <c r="T1845" t="s">
        <v>892</v>
      </c>
      <c r="U1845" t="s">
        <v>892</v>
      </c>
      <c r="V1845">
        <v>3</v>
      </c>
      <c r="W1845">
        <v>180</v>
      </c>
      <c r="X1845">
        <v>2020</v>
      </c>
    </row>
    <row r="1846" spans="1:24" x14ac:dyDescent="0.25">
      <c r="A1846">
        <v>11217</v>
      </c>
      <c r="B1846" t="s">
        <v>218</v>
      </c>
      <c r="C1846">
        <v>17</v>
      </c>
      <c r="D1846" t="s">
        <v>217</v>
      </c>
      <c r="E1846">
        <v>1089</v>
      </c>
      <c r="F1846" t="s">
        <v>892</v>
      </c>
      <c r="G1846" t="s">
        <v>892</v>
      </c>
      <c r="H1846" t="s">
        <v>892</v>
      </c>
      <c r="I1846" t="s">
        <v>892</v>
      </c>
      <c r="J1846" t="s">
        <v>678</v>
      </c>
      <c r="K1846">
        <v>41</v>
      </c>
      <c r="L1846" t="s">
        <v>892</v>
      </c>
      <c r="M1846" t="s">
        <v>892</v>
      </c>
      <c r="N1846" t="s">
        <v>892</v>
      </c>
      <c r="O1846" t="s">
        <v>892</v>
      </c>
      <c r="P1846" t="s">
        <v>655</v>
      </c>
      <c r="Q1846">
        <v>1</v>
      </c>
      <c r="R1846" t="s">
        <v>893</v>
      </c>
      <c r="S1846">
        <v>3</v>
      </c>
      <c r="T1846" t="s">
        <v>892</v>
      </c>
      <c r="U1846" t="s">
        <v>892</v>
      </c>
      <c r="V1846">
        <v>3</v>
      </c>
      <c r="W1846">
        <v>180</v>
      </c>
      <c r="X1846">
        <v>2020</v>
      </c>
    </row>
    <row r="1847" spans="1:24" x14ac:dyDescent="0.25">
      <c r="A1847">
        <v>11216</v>
      </c>
      <c r="B1847" t="s">
        <v>218</v>
      </c>
      <c r="C1847">
        <v>17</v>
      </c>
      <c r="D1847" t="s">
        <v>217</v>
      </c>
      <c r="E1847">
        <v>1089</v>
      </c>
      <c r="F1847" t="s">
        <v>892</v>
      </c>
      <c r="G1847" t="s">
        <v>892</v>
      </c>
      <c r="H1847" t="s">
        <v>892</v>
      </c>
      <c r="I1847" t="s">
        <v>892</v>
      </c>
      <c r="J1847" t="s">
        <v>839</v>
      </c>
      <c r="K1847">
        <v>89</v>
      </c>
      <c r="L1847" t="s">
        <v>892</v>
      </c>
      <c r="M1847" t="s">
        <v>892</v>
      </c>
      <c r="N1847" t="s">
        <v>892</v>
      </c>
      <c r="O1847" t="s">
        <v>892</v>
      </c>
      <c r="P1847" t="s">
        <v>655</v>
      </c>
      <c r="Q1847">
        <v>1</v>
      </c>
      <c r="R1847" t="s">
        <v>893</v>
      </c>
      <c r="S1847">
        <v>3</v>
      </c>
      <c r="T1847" t="s">
        <v>892</v>
      </c>
      <c r="U1847" t="s">
        <v>892</v>
      </c>
      <c r="V1847">
        <v>4</v>
      </c>
      <c r="W1847">
        <v>240</v>
      </c>
      <c r="X1847">
        <v>2020</v>
      </c>
    </row>
    <row r="1848" spans="1:24" x14ac:dyDescent="0.25">
      <c r="A1848">
        <v>11215</v>
      </c>
      <c r="B1848" t="s">
        <v>218</v>
      </c>
      <c r="C1848">
        <v>17</v>
      </c>
      <c r="D1848" t="s">
        <v>217</v>
      </c>
      <c r="E1848">
        <v>1089</v>
      </c>
      <c r="F1848" t="s">
        <v>892</v>
      </c>
      <c r="G1848" t="s">
        <v>892</v>
      </c>
      <c r="H1848" t="s">
        <v>892</v>
      </c>
      <c r="I1848" t="s">
        <v>892</v>
      </c>
      <c r="J1848" t="s">
        <v>885</v>
      </c>
      <c r="K1848">
        <v>1</v>
      </c>
      <c r="L1848" t="s">
        <v>892</v>
      </c>
      <c r="M1848" t="s">
        <v>892</v>
      </c>
      <c r="N1848" t="s">
        <v>892</v>
      </c>
      <c r="O1848" t="s">
        <v>892</v>
      </c>
      <c r="P1848" t="s">
        <v>655</v>
      </c>
      <c r="Q1848">
        <v>1</v>
      </c>
      <c r="R1848" t="s">
        <v>893</v>
      </c>
      <c r="S1848">
        <v>3</v>
      </c>
      <c r="T1848" t="s">
        <v>892</v>
      </c>
      <c r="U1848" t="s">
        <v>892</v>
      </c>
      <c r="V1848">
        <v>3</v>
      </c>
      <c r="W1848">
        <v>180</v>
      </c>
      <c r="X1848">
        <v>2020</v>
      </c>
    </row>
    <row r="1849" spans="1:24" x14ac:dyDescent="0.25">
      <c r="A1849">
        <v>11214</v>
      </c>
      <c r="B1849" t="s">
        <v>218</v>
      </c>
      <c r="C1849">
        <v>17</v>
      </c>
      <c r="D1849" t="s">
        <v>217</v>
      </c>
      <c r="E1849">
        <v>1089</v>
      </c>
      <c r="F1849" t="s">
        <v>892</v>
      </c>
      <c r="G1849" t="s">
        <v>892</v>
      </c>
      <c r="H1849" t="s">
        <v>892</v>
      </c>
      <c r="I1849" t="s">
        <v>892</v>
      </c>
      <c r="J1849" t="s">
        <v>294</v>
      </c>
      <c r="K1849">
        <v>31</v>
      </c>
      <c r="L1849" t="s">
        <v>892</v>
      </c>
      <c r="M1849" t="s">
        <v>892</v>
      </c>
      <c r="N1849" t="s">
        <v>892</v>
      </c>
      <c r="O1849" t="s">
        <v>892</v>
      </c>
      <c r="P1849" t="s">
        <v>655</v>
      </c>
      <c r="Q1849">
        <v>1</v>
      </c>
      <c r="R1849" t="s">
        <v>893</v>
      </c>
      <c r="S1849">
        <v>3</v>
      </c>
      <c r="T1849" t="s">
        <v>892</v>
      </c>
      <c r="U1849" t="s">
        <v>892</v>
      </c>
      <c r="V1849">
        <v>3</v>
      </c>
      <c r="W1849">
        <v>180</v>
      </c>
      <c r="X1849">
        <v>2020</v>
      </c>
    </row>
    <row r="1850" spans="1:24" x14ac:dyDescent="0.25">
      <c r="A1850">
        <v>11213</v>
      </c>
      <c r="B1850" t="s">
        <v>218</v>
      </c>
      <c r="C1850">
        <v>17</v>
      </c>
      <c r="D1850" t="s">
        <v>217</v>
      </c>
      <c r="E1850">
        <v>1089</v>
      </c>
      <c r="F1850" t="s">
        <v>892</v>
      </c>
      <c r="G1850" t="s">
        <v>892</v>
      </c>
      <c r="H1850" t="s">
        <v>892</v>
      </c>
      <c r="I1850" t="s">
        <v>892</v>
      </c>
      <c r="J1850" t="s">
        <v>730</v>
      </c>
      <c r="K1850">
        <v>66</v>
      </c>
      <c r="L1850" t="s">
        <v>892</v>
      </c>
      <c r="M1850" t="s">
        <v>892</v>
      </c>
      <c r="N1850" t="s">
        <v>892</v>
      </c>
      <c r="O1850" t="s">
        <v>892</v>
      </c>
      <c r="P1850" t="s">
        <v>655</v>
      </c>
      <c r="Q1850">
        <v>1</v>
      </c>
      <c r="R1850" t="s">
        <v>893</v>
      </c>
      <c r="S1850">
        <v>3</v>
      </c>
      <c r="T1850" t="s">
        <v>892</v>
      </c>
      <c r="U1850" t="s">
        <v>892</v>
      </c>
      <c r="V1850">
        <v>3</v>
      </c>
      <c r="W1850">
        <v>180</v>
      </c>
      <c r="X1850">
        <v>2020</v>
      </c>
    </row>
    <row r="1851" spans="1:24" x14ac:dyDescent="0.25">
      <c r="A1851">
        <v>11212</v>
      </c>
      <c r="B1851" t="s">
        <v>218</v>
      </c>
      <c r="C1851">
        <v>17</v>
      </c>
      <c r="D1851" t="s">
        <v>217</v>
      </c>
      <c r="E1851">
        <v>1089</v>
      </c>
      <c r="F1851" t="s">
        <v>892</v>
      </c>
      <c r="G1851" t="s">
        <v>892</v>
      </c>
      <c r="H1851" t="s">
        <v>892</v>
      </c>
      <c r="I1851" t="s">
        <v>892</v>
      </c>
      <c r="J1851" t="s">
        <v>738</v>
      </c>
      <c r="K1851">
        <v>61</v>
      </c>
      <c r="L1851" t="s">
        <v>892</v>
      </c>
      <c r="M1851" t="s">
        <v>892</v>
      </c>
      <c r="N1851" t="s">
        <v>892</v>
      </c>
      <c r="O1851" t="s">
        <v>892</v>
      </c>
      <c r="P1851" t="s">
        <v>655</v>
      </c>
      <c r="Q1851">
        <v>1</v>
      </c>
      <c r="R1851" t="s">
        <v>893</v>
      </c>
      <c r="S1851">
        <v>3</v>
      </c>
      <c r="T1851" t="s">
        <v>892</v>
      </c>
      <c r="U1851" t="s">
        <v>892</v>
      </c>
      <c r="V1851">
        <v>3</v>
      </c>
      <c r="W1851">
        <v>180</v>
      </c>
      <c r="X1851">
        <v>2020</v>
      </c>
    </row>
    <row r="1852" spans="1:24" x14ac:dyDescent="0.25">
      <c r="A1852">
        <v>11211</v>
      </c>
      <c r="B1852" t="s">
        <v>218</v>
      </c>
      <c r="C1852">
        <v>17</v>
      </c>
      <c r="D1852" t="s">
        <v>217</v>
      </c>
      <c r="E1852">
        <v>1089</v>
      </c>
      <c r="F1852" t="s">
        <v>892</v>
      </c>
      <c r="G1852" t="s">
        <v>892</v>
      </c>
      <c r="H1852" t="s">
        <v>892</v>
      </c>
      <c r="I1852" t="s">
        <v>892</v>
      </c>
      <c r="J1852" t="s">
        <v>693</v>
      </c>
      <c r="K1852">
        <v>56</v>
      </c>
      <c r="L1852" t="s">
        <v>892</v>
      </c>
      <c r="M1852" t="s">
        <v>892</v>
      </c>
      <c r="N1852" t="s">
        <v>892</v>
      </c>
      <c r="O1852" t="s">
        <v>892</v>
      </c>
      <c r="P1852" t="s">
        <v>655</v>
      </c>
      <c r="Q1852">
        <v>1</v>
      </c>
      <c r="R1852" t="s">
        <v>893</v>
      </c>
      <c r="S1852">
        <v>3</v>
      </c>
      <c r="T1852" t="s">
        <v>892</v>
      </c>
      <c r="U1852" t="s">
        <v>892</v>
      </c>
      <c r="V1852">
        <v>3</v>
      </c>
      <c r="W1852">
        <v>180</v>
      </c>
      <c r="X1852">
        <v>2020</v>
      </c>
    </row>
    <row r="1853" spans="1:24" x14ac:dyDescent="0.25">
      <c r="A1853">
        <v>11210</v>
      </c>
      <c r="B1853" t="s">
        <v>218</v>
      </c>
      <c r="C1853">
        <v>17</v>
      </c>
      <c r="D1853" t="s">
        <v>217</v>
      </c>
      <c r="E1853">
        <v>1089</v>
      </c>
      <c r="F1853" t="s">
        <v>892</v>
      </c>
      <c r="G1853" t="s">
        <v>892</v>
      </c>
      <c r="H1853" t="s">
        <v>892</v>
      </c>
      <c r="I1853" t="s">
        <v>892</v>
      </c>
      <c r="J1853" t="s">
        <v>1259</v>
      </c>
      <c r="K1853">
        <v>57</v>
      </c>
      <c r="L1853" t="s">
        <v>892</v>
      </c>
      <c r="M1853" t="s">
        <v>892</v>
      </c>
      <c r="N1853" t="s">
        <v>892</v>
      </c>
      <c r="O1853" t="s">
        <v>892</v>
      </c>
      <c r="P1853" t="s">
        <v>655</v>
      </c>
      <c r="Q1853">
        <v>1</v>
      </c>
      <c r="R1853" t="s">
        <v>893</v>
      </c>
      <c r="S1853">
        <v>3</v>
      </c>
      <c r="T1853" t="s">
        <v>892</v>
      </c>
      <c r="U1853" t="s">
        <v>892</v>
      </c>
      <c r="V1853">
        <v>3</v>
      </c>
      <c r="W1853">
        <v>180</v>
      </c>
      <c r="X1853">
        <v>2020</v>
      </c>
    </row>
    <row r="1854" spans="1:24" x14ac:dyDescent="0.25">
      <c r="A1854">
        <v>11209</v>
      </c>
      <c r="B1854" t="s">
        <v>218</v>
      </c>
      <c r="C1854">
        <v>17</v>
      </c>
      <c r="D1854" t="s">
        <v>217</v>
      </c>
      <c r="E1854">
        <v>1089</v>
      </c>
      <c r="F1854" t="s">
        <v>892</v>
      </c>
      <c r="G1854" t="s">
        <v>892</v>
      </c>
      <c r="H1854" t="s">
        <v>892</v>
      </c>
      <c r="I1854" t="s">
        <v>892</v>
      </c>
      <c r="J1854" t="s">
        <v>710</v>
      </c>
      <c r="K1854">
        <v>53</v>
      </c>
      <c r="L1854" t="s">
        <v>892</v>
      </c>
      <c r="M1854" t="s">
        <v>892</v>
      </c>
      <c r="N1854" t="s">
        <v>892</v>
      </c>
      <c r="O1854" t="s">
        <v>892</v>
      </c>
      <c r="P1854" t="s">
        <v>655</v>
      </c>
      <c r="Q1854">
        <v>1</v>
      </c>
      <c r="R1854" t="s">
        <v>893</v>
      </c>
      <c r="S1854">
        <v>3</v>
      </c>
      <c r="T1854" t="s">
        <v>892</v>
      </c>
      <c r="U1854" t="s">
        <v>892</v>
      </c>
      <c r="V1854">
        <v>3</v>
      </c>
      <c r="W1854">
        <v>180</v>
      </c>
      <c r="X1854">
        <v>2020</v>
      </c>
    </row>
    <row r="1855" spans="1:24" x14ac:dyDescent="0.25">
      <c r="A1855">
        <v>11208</v>
      </c>
      <c r="B1855" t="s">
        <v>218</v>
      </c>
      <c r="C1855">
        <v>17</v>
      </c>
      <c r="D1855" t="s">
        <v>217</v>
      </c>
      <c r="E1855">
        <v>1089</v>
      </c>
      <c r="F1855" t="s">
        <v>892</v>
      </c>
      <c r="G1855" t="s">
        <v>892</v>
      </c>
      <c r="H1855" t="s">
        <v>892</v>
      </c>
      <c r="I1855" t="s">
        <v>892</v>
      </c>
      <c r="J1855" t="s">
        <v>714</v>
      </c>
      <c r="K1855">
        <v>52</v>
      </c>
      <c r="L1855" t="s">
        <v>892</v>
      </c>
      <c r="M1855" t="s">
        <v>892</v>
      </c>
      <c r="N1855" t="s">
        <v>892</v>
      </c>
      <c r="O1855" t="s">
        <v>892</v>
      </c>
      <c r="P1855" t="s">
        <v>655</v>
      </c>
      <c r="Q1855">
        <v>1</v>
      </c>
      <c r="R1855" t="s">
        <v>893</v>
      </c>
      <c r="S1855">
        <v>3</v>
      </c>
      <c r="T1855" t="s">
        <v>892</v>
      </c>
      <c r="U1855" t="s">
        <v>892</v>
      </c>
      <c r="V1855">
        <v>3</v>
      </c>
      <c r="W1855">
        <v>180</v>
      </c>
      <c r="X1855">
        <v>2020</v>
      </c>
    </row>
    <row r="1856" spans="1:24" x14ac:dyDescent="0.25">
      <c r="A1856">
        <v>11207</v>
      </c>
      <c r="B1856" t="s">
        <v>218</v>
      </c>
      <c r="C1856">
        <v>17</v>
      </c>
      <c r="D1856" t="s">
        <v>217</v>
      </c>
      <c r="E1856">
        <v>1089</v>
      </c>
      <c r="F1856" t="s">
        <v>892</v>
      </c>
      <c r="G1856" t="s">
        <v>892</v>
      </c>
      <c r="H1856" t="s">
        <v>892</v>
      </c>
      <c r="I1856" t="s">
        <v>892</v>
      </c>
      <c r="J1856" t="s">
        <v>742</v>
      </c>
      <c r="K1856">
        <v>48</v>
      </c>
      <c r="L1856" t="s">
        <v>892</v>
      </c>
      <c r="M1856" t="s">
        <v>892</v>
      </c>
      <c r="N1856" t="s">
        <v>892</v>
      </c>
      <c r="O1856" t="s">
        <v>892</v>
      </c>
      <c r="P1856" t="s">
        <v>655</v>
      </c>
      <c r="Q1856">
        <v>1</v>
      </c>
      <c r="R1856" t="s">
        <v>893</v>
      </c>
      <c r="S1856">
        <v>3</v>
      </c>
      <c r="T1856" t="s">
        <v>892</v>
      </c>
      <c r="U1856" t="s">
        <v>892</v>
      </c>
      <c r="V1856">
        <v>3</v>
      </c>
      <c r="W1856">
        <v>180</v>
      </c>
      <c r="X1856">
        <v>2020</v>
      </c>
    </row>
    <row r="1857" spans="1:24" x14ac:dyDescent="0.25">
      <c r="A1857">
        <v>11206</v>
      </c>
      <c r="B1857" t="s">
        <v>218</v>
      </c>
      <c r="C1857">
        <v>17</v>
      </c>
      <c r="D1857" t="s">
        <v>217</v>
      </c>
      <c r="E1857">
        <v>1089</v>
      </c>
      <c r="F1857" t="s">
        <v>892</v>
      </c>
      <c r="G1857" t="s">
        <v>892</v>
      </c>
      <c r="H1857" t="s">
        <v>892</v>
      </c>
      <c r="I1857" t="s">
        <v>892</v>
      </c>
      <c r="J1857" t="s">
        <v>797</v>
      </c>
      <c r="K1857">
        <v>65</v>
      </c>
      <c r="L1857" t="s">
        <v>892</v>
      </c>
      <c r="M1857" t="s">
        <v>892</v>
      </c>
      <c r="N1857" t="s">
        <v>892</v>
      </c>
      <c r="O1857" t="s">
        <v>892</v>
      </c>
      <c r="P1857" t="s">
        <v>655</v>
      </c>
      <c r="Q1857">
        <v>1</v>
      </c>
      <c r="R1857" t="s">
        <v>893</v>
      </c>
      <c r="S1857">
        <v>3</v>
      </c>
      <c r="T1857" t="s">
        <v>892</v>
      </c>
      <c r="U1857" t="s">
        <v>892</v>
      </c>
      <c r="V1857">
        <v>3</v>
      </c>
      <c r="W1857">
        <v>180</v>
      </c>
      <c r="X1857">
        <v>2020</v>
      </c>
    </row>
    <row r="1858" spans="1:24" x14ac:dyDescent="0.25">
      <c r="A1858">
        <v>11205</v>
      </c>
      <c r="B1858" t="s">
        <v>218</v>
      </c>
      <c r="C1858">
        <v>17</v>
      </c>
      <c r="D1858" t="s">
        <v>217</v>
      </c>
      <c r="E1858">
        <v>1089</v>
      </c>
      <c r="F1858" t="s">
        <v>892</v>
      </c>
      <c r="G1858" t="s">
        <v>892</v>
      </c>
      <c r="H1858" t="s">
        <v>892</v>
      </c>
      <c r="I1858" t="s">
        <v>892</v>
      </c>
      <c r="J1858" t="s">
        <v>1236</v>
      </c>
      <c r="K1858">
        <v>60</v>
      </c>
      <c r="L1858" t="s">
        <v>892</v>
      </c>
      <c r="M1858" t="s">
        <v>892</v>
      </c>
      <c r="N1858" t="s">
        <v>892</v>
      </c>
      <c r="O1858" t="s">
        <v>892</v>
      </c>
      <c r="P1858" t="s">
        <v>655</v>
      </c>
      <c r="Q1858">
        <v>1</v>
      </c>
      <c r="R1858" t="s">
        <v>893</v>
      </c>
      <c r="S1858">
        <v>3</v>
      </c>
      <c r="T1858" t="s">
        <v>892</v>
      </c>
      <c r="U1858" t="s">
        <v>892</v>
      </c>
      <c r="V1858">
        <v>3</v>
      </c>
      <c r="W1858">
        <v>180</v>
      </c>
      <c r="X1858">
        <v>2020</v>
      </c>
    </row>
    <row r="1859" spans="1:24" x14ac:dyDescent="0.25">
      <c r="A1859">
        <v>11204</v>
      </c>
      <c r="B1859" t="s">
        <v>218</v>
      </c>
      <c r="C1859">
        <v>17</v>
      </c>
      <c r="D1859" t="s">
        <v>217</v>
      </c>
      <c r="E1859">
        <v>1089</v>
      </c>
      <c r="F1859" t="s">
        <v>892</v>
      </c>
      <c r="G1859" t="s">
        <v>892</v>
      </c>
      <c r="H1859" t="s">
        <v>892</v>
      </c>
      <c r="I1859" t="s">
        <v>892</v>
      </c>
      <c r="J1859" t="s">
        <v>676</v>
      </c>
      <c r="K1859">
        <v>4</v>
      </c>
      <c r="L1859" t="s">
        <v>892</v>
      </c>
      <c r="M1859" t="s">
        <v>892</v>
      </c>
      <c r="N1859" t="s">
        <v>892</v>
      </c>
      <c r="O1859" t="s">
        <v>892</v>
      </c>
      <c r="P1859" t="s">
        <v>655</v>
      </c>
      <c r="Q1859">
        <v>1</v>
      </c>
      <c r="R1859" t="s">
        <v>893</v>
      </c>
      <c r="S1859">
        <v>3</v>
      </c>
      <c r="T1859" t="s">
        <v>892</v>
      </c>
      <c r="U1859" t="s">
        <v>892</v>
      </c>
      <c r="V1859">
        <v>3</v>
      </c>
      <c r="W1859">
        <v>180</v>
      </c>
      <c r="X1859">
        <v>2020</v>
      </c>
    </row>
    <row r="1860" spans="1:24" x14ac:dyDescent="0.25">
      <c r="A1860">
        <v>11203</v>
      </c>
      <c r="B1860" t="s">
        <v>218</v>
      </c>
      <c r="C1860">
        <v>17</v>
      </c>
      <c r="D1860" t="s">
        <v>217</v>
      </c>
      <c r="E1860">
        <v>1089</v>
      </c>
      <c r="F1860" t="s">
        <v>892</v>
      </c>
      <c r="G1860" t="s">
        <v>892</v>
      </c>
      <c r="H1860" t="s">
        <v>892</v>
      </c>
      <c r="I1860" t="s">
        <v>892</v>
      </c>
      <c r="J1860" t="s">
        <v>663</v>
      </c>
      <c r="K1860">
        <v>99</v>
      </c>
      <c r="L1860" t="s">
        <v>892</v>
      </c>
      <c r="M1860" t="s">
        <v>892</v>
      </c>
      <c r="N1860" t="s">
        <v>892</v>
      </c>
      <c r="O1860" t="s">
        <v>892</v>
      </c>
      <c r="P1860" t="s">
        <v>655</v>
      </c>
      <c r="Q1860">
        <v>1</v>
      </c>
      <c r="R1860" t="s">
        <v>893</v>
      </c>
      <c r="S1860">
        <v>3</v>
      </c>
      <c r="T1860" t="s">
        <v>892</v>
      </c>
      <c r="U1860" t="s">
        <v>892</v>
      </c>
      <c r="V1860">
        <v>3</v>
      </c>
      <c r="W1860">
        <v>180</v>
      </c>
      <c r="X1860">
        <v>2020</v>
      </c>
    </row>
    <row r="1861" spans="1:24" x14ac:dyDescent="0.25">
      <c r="A1861">
        <v>11202</v>
      </c>
      <c r="B1861" t="s">
        <v>218</v>
      </c>
      <c r="C1861">
        <v>17</v>
      </c>
      <c r="D1861" t="s">
        <v>217</v>
      </c>
      <c r="E1861">
        <v>1089</v>
      </c>
      <c r="F1861" t="s">
        <v>892</v>
      </c>
      <c r="G1861" t="s">
        <v>892</v>
      </c>
      <c r="H1861" t="s">
        <v>892</v>
      </c>
      <c r="I1861" t="s">
        <v>892</v>
      </c>
      <c r="J1861" t="s">
        <v>767</v>
      </c>
      <c r="K1861">
        <v>44</v>
      </c>
      <c r="L1861" t="s">
        <v>892</v>
      </c>
      <c r="M1861" t="s">
        <v>892</v>
      </c>
      <c r="N1861" t="s">
        <v>892</v>
      </c>
      <c r="O1861" t="s">
        <v>892</v>
      </c>
      <c r="P1861" t="s">
        <v>655</v>
      </c>
      <c r="Q1861">
        <v>1</v>
      </c>
      <c r="R1861" t="s">
        <v>893</v>
      </c>
      <c r="S1861">
        <v>3</v>
      </c>
      <c r="T1861" t="s">
        <v>892</v>
      </c>
      <c r="U1861" t="s">
        <v>892</v>
      </c>
      <c r="V1861">
        <v>3</v>
      </c>
      <c r="W1861">
        <v>180</v>
      </c>
      <c r="X1861">
        <v>2020</v>
      </c>
    </row>
    <row r="1862" spans="1:24" x14ac:dyDescent="0.25">
      <c r="A1862">
        <v>11201</v>
      </c>
      <c r="B1862" t="s">
        <v>63</v>
      </c>
      <c r="C1862">
        <v>58</v>
      </c>
      <c r="D1862" t="s">
        <v>219</v>
      </c>
      <c r="E1862">
        <v>1088</v>
      </c>
      <c r="F1862" t="s">
        <v>892</v>
      </c>
      <c r="G1862" t="s">
        <v>892</v>
      </c>
      <c r="H1862" t="s">
        <v>892</v>
      </c>
      <c r="I1862" t="s">
        <v>892</v>
      </c>
      <c r="J1862" t="s">
        <v>752</v>
      </c>
      <c r="K1862">
        <v>90</v>
      </c>
      <c r="L1862" t="s">
        <v>892</v>
      </c>
      <c r="M1862" t="s">
        <v>892</v>
      </c>
      <c r="N1862" t="s">
        <v>892</v>
      </c>
      <c r="O1862" t="s">
        <v>892</v>
      </c>
      <c r="P1862" t="s">
        <v>655</v>
      </c>
      <c r="Q1862">
        <v>1</v>
      </c>
      <c r="R1862" t="s">
        <v>893</v>
      </c>
      <c r="S1862">
        <v>3</v>
      </c>
      <c r="T1862" t="s">
        <v>892</v>
      </c>
      <c r="U1862" t="s">
        <v>892</v>
      </c>
      <c r="V1862">
        <v>4</v>
      </c>
      <c r="W1862">
        <v>240</v>
      </c>
      <c r="X1862">
        <v>2020</v>
      </c>
    </row>
    <row r="1863" spans="1:24" x14ac:dyDescent="0.25">
      <c r="A1863">
        <v>11200</v>
      </c>
      <c r="B1863" t="s">
        <v>63</v>
      </c>
      <c r="C1863">
        <v>58</v>
      </c>
      <c r="D1863" t="s">
        <v>220</v>
      </c>
      <c r="E1863">
        <v>1087</v>
      </c>
      <c r="F1863" t="s">
        <v>892</v>
      </c>
      <c r="G1863" t="s">
        <v>892</v>
      </c>
      <c r="H1863" t="s">
        <v>892</v>
      </c>
      <c r="I1863" t="s">
        <v>892</v>
      </c>
      <c r="J1863" t="s">
        <v>65</v>
      </c>
      <c r="K1863">
        <v>15</v>
      </c>
      <c r="L1863" t="s">
        <v>892</v>
      </c>
      <c r="M1863" t="s">
        <v>892</v>
      </c>
      <c r="N1863" t="s">
        <v>892</v>
      </c>
      <c r="O1863" t="s">
        <v>892</v>
      </c>
      <c r="P1863" t="s">
        <v>655</v>
      </c>
      <c r="Q1863">
        <v>1</v>
      </c>
      <c r="R1863" t="s">
        <v>893</v>
      </c>
      <c r="S1863">
        <v>3</v>
      </c>
      <c r="T1863" t="s">
        <v>892</v>
      </c>
      <c r="U1863" t="s">
        <v>892</v>
      </c>
      <c r="V1863">
        <v>3</v>
      </c>
      <c r="W1863">
        <v>180</v>
      </c>
      <c r="X1863">
        <v>2020</v>
      </c>
    </row>
    <row r="1864" spans="1:24" x14ac:dyDescent="0.25">
      <c r="A1864">
        <v>11199</v>
      </c>
      <c r="B1864" t="s">
        <v>74</v>
      </c>
      <c r="C1864">
        <v>40</v>
      </c>
      <c r="D1864" t="s">
        <v>221</v>
      </c>
      <c r="E1864">
        <v>1086</v>
      </c>
      <c r="F1864" t="s">
        <v>892</v>
      </c>
      <c r="G1864" t="s">
        <v>892</v>
      </c>
      <c r="H1864" t="s">
        <v>892</v>
      </c>
      <c r="I1864" t="s">
        <v>892</v>
      </c>
      <c r="J1864" t="s">
        <v>802</v>
      </c>
      <c r="K1864">
        <v>12</v>
      </c>
      <c r="L1864" t="s">
        <v>892</v>
      </c>
      <c r="M1864" t="s">
        <v>892</v>
      </c>
      <c r="N1864" t="s">
        <v>892</v>
      </c>
      <c r="O1864" t="s">
        <v>892</v>
      </c>
      <c r="P1864" t="s">
        <v>655</v>
      </c>
      <c r="Q1864">
        <v>1</v>
      </c>
      <c r="R1864" t="s">
        <v>893</v>
      </c>
      <c r="S1864">
        <v>3</v>
      </c>
      <c r="T1864" t="s">
        <v>892</v>
      </c>
      <c r="U1864" t="s">
        <v>892</v>
      </c>
      <c r="V1864">
        <v>3</v>
      </c>
      <c r="W1864">
        <v>180</v>
      </c>
      <c r="X1864">
        <v>2020</v>
      </c>
    </row>
    <row r="1865" spans="1:24" x14ac:dyDescent="0.25">
      <c r="A1865">
        <v>11198</v>
      </c>
      <c r="B1865" t="s">
        <v>74</v>
      </c>
      <c r="C1865">
        <v>40</v>
      </c>
      <c r="D1865" t="s">
        <v>221</v>
      </c>
      <c r="E1865">
        <v>1086</v>
      </c>
      <c r="F1865" t="s">
        <v>892</v>
      </c>
      <c r="G1865" t="s">
        <v>892</v>
      </c>
      <c r="H1865" t="s">
        <v>892</v>
      </c>
      <c r="I1865" t="s">
        <v>892</v>
      </c>
      <c r="J1865" t="s">
        <v>866</v>
      </c>
      <c r="K1865">
        <v>9</v>
      </c>
      <c r="L1865" t="s">
        <v>892</v>
      </c>
      <c r="M1865" t="s">
        <v>892</v>
      </c>
      <c r="N1865" t="s">
        <v>892</v>
      </c>
      <c r="O1865" t="s">
        <v>892</v>
      </c>
      <c r="P1865" t="s">
        <v>655</v>
      </c>
      <c r="Q1865">
        <v>1</v>
      </c>
      <c r="R1865" t="s">
        <v>893</v>
      </c>
      <c r="S1865">
        <v>3</v>
      </c>
      <c r="T1865" t="s">
        <v>892</v>
      </c>
      <c r="U1865" t="s">
        <v>892</v>
      </c>
      <c r="V1865">
        <v>3</v>
      </c>
      <c r="W1865">
        <v>180</v>
      </c>
      <c r="X1865">
        <v>2020</v>
      </c>
    </row>
    <row r="1866" spans="1:24" x14ac:dyDescent="0.25">
      <c r="A1866">
        <v>11197</v>
      </c>
      <c r="B1866" t="s">
        <v>74</v>
      </c>
      <c r="C1866">
        <v>40</v>
      </c>
      <c r="D1866" t="s">
        <v>221</v>
      </c>
      <c r="E1866">
        <v>1086</v>
      </c>
      <c r="F1866" t="s">
        <v>892</v>
      </c>
      <c r="G1866" t="s">
        <v>892</v>
      </c>
      <c r="H1866" t="s">
        <v>892</v>
      </c>
      <c r="I1866" t="s">
        <v>892</v>
      </c>
      <c r="J1866" t="s">
        <v>663</v>
      </c>
      <c r="K1866">
        <v>99</v>
      </c>
      <c r="L1866" t="s">
        <v>892</v>
      </c>
      <c r="M1866" t="s">
        <v>892</v>
      </c>
      <c r="N1866" t="s">
        <v>892</v>
      </c>
      <c r="O1866" t="s">
        <v>892</v>
      </c>
      <c r="P1866" t="s">
        <v>655</v>
      </c>
      <c r="Q1866">
        <v>1</v>
      </c>
      <c r="R1866" t="s">
        <v>893</v>
      </c>
      <c r="S1866">
        <v>3</v>
      </c>
      <c r="T1866" t="s">
        <v>892</v>
      </c>
      <c r="U1866" t="s">
        <v>892</v>
      </c>
      <c r="V1866">
        <v>3</v>
      </c>
      <c r="W1866">
        <v>180</v>
      </c>
      <c r="X1866">
        <v>2020</v>
      </c>
    </row>
    <row r="1867" spans="1:24" x14ac:dyDescent="0.25">
      <c r="A1867">
        <v>11196</v>
      </c>
      <c r="B1867" t="s">
        <v>74</v>
      </c>
      <c r="C1867">
        <v>40</v>
      </c>
      <c r="D1867" t="s">
        <v>221</v>
      </c>
      <c r="E1867">
        <v>1086</v>
      </c>
      <c r="F1867" t="s">
        <v>892</v>
      </c>
      <c r="G1867" t="s">
        <v>892</v>
      </c>
      <c r="H1867" t="s">
        <v>892</v>
      </c>
      <c r="I1867" t="s">
        <v>892</v>
      </c>
      <c r="J1867" t="s">
        <v>813</v>
      </c>
      <c r="K1867">
        <v>24</v>
      </c>
      <c r="L1867" t="s">
        <v>892</v>
      </c>
      <c r="M1867" t="s">
        <v>892</v>
      </c>
      <c r="N1867" t="s">
        <v>892</v>
      </c>
      <c r="O1867" t="s">
        <v>892</v>
      </c>
      <c r="P1867" t="s">
        <v>655</v>
      </c>
      <c r="Q1867">
        <v>1</v>
      </c>
      <c r="R1867" t="s">
        <v>893</v>
      </c>
      <c r="S1867">
        <v>3</v>
      </c>
      <c r="T1867" t="s">
        <v>892</v>
      </c>
      <c r="U1867" t="s">
        <v>892</v>
      </c>
      <c r="V1867">
        <v>3</v>
      </c>
      <c r="W1867">
        <v>180</v>
      </c>
      <c r="X1867">
        <v>2020</v>
      </c>
    </row>
    <row r="1868" spans="1:24" x14ac:dyDescent="0.25">
      <c r="A1868">
        <v>11195</v>
      </c>
      <c r="B1868" t="s">
        <v>74</v>
      </c>
      <c r="C1868">
        <v>40</v>
      </c>
      <c r="D1868" t="s">
        <v>221</v>
      </c>
      <c r="E1868">
        <v>1086</v>
      </c>
      <c r="F1868" t="s">
        <v>892</v>
      </c>
      <c r="G1868" t="s">
        <v>892</v>
      </c>
      <c r="H1868" t="s">
        <v>892</v>
      </c>
      <c r="I1868" t="s">
        <v>892</v>
      </c>
      <c r="J1868" t="s">
        <v>299</v>
      </c>
      <c r="K1868">
        <v>27</v>
      </c>
      <c r="L1868" t="s">
        <v>892</v>
      </c>
      <c r="M1868" t="s">
        <v>892</v>
      </c>
      <c r="N1868" t="s">
        <v>892</v>
      </c>
      <c r="O1868" t="s">
        <v>892</v>
      </c>
      <c r="P1868" t="s">
        <v>655</v>
      </c>
      <c r="Q1868">
        <v>1</v>
      </c>
      <c r="R1868" t="s">
        <v>893</v>
      </c>
      <c r="S1868">
        <v>3</v>
      </c>
      <c r="T1868" t="s">
        <v>892</v>
      </c>
      <c r="U1868" t="s">
        <v>892</v>
      </c>
      <c r="V1868">
        <v>3</v>
      </c>
      <c r="W1868">
        <v>180</v>
      </c>
      <c r="X1868">
        <v>2020</v>
      </c>
    </row>
    <row r="1869" spans="1:24" x14ac:dyDescent="0.25">
      <c r="A1869">
        <v>11194</v>
      </c>
      <c r="B1869" t="s">
        <v>74</v>
      </c>
      <c r="C1869">
        <v>40</v>
      </c>
      <c r="D1869" t="s">
        <v>221</v>
      </c>
      <c r="E1869">
        <v>1086</v>
      </c>
      <c r="F1869" t="s">
        <v>892</v>
      </c>
      <c r="G1869" t="s">
        <v>892</v>
      </c>
      <c r="H1869" t="s">
        <v>892</v>
      </c>
      <c r="I1869" t="s">
        <v>892</v>
      </c>
      <c r="J1869" t="s">
        <v>301</v>
      </c>
      <c r="K1869">
        <v>26</v>
      </c>
      <c r="L1869" t="s">
        <v>892</v>
      </c>
      <c r="M1869" t="s">
        <v>892</v>
      </c>
      <c r="N1869" t="s">
        <v>892</v>
      </c>
      <c r="O1869" t="s">
        <v>892</v>
      </c>
      <c r="P1869" t="s">
        <v>655</v>
      </c>
      <c r="Q1869">
        <v>1</v>
      </c>
      <c r="R1869" t="s">
        <v>893</v>
      </c>
      <c r="S1869">
        <v>3</v>
      </c>
      <c r="T1869" t="s">
        <v>892</v>
      </c>
      <c r="U1869" t="s">
        <v>892</v>
      </c>
      <c r="V1869">
        <v>3</v>
      </c>
      <c r="W1869">
        <v>180</v>
      </c>
      <c r="X1869">
        <v>2020</v>
      </c>
    </row>
    <row r="1870" spans="1:24" x14ac:dyDescent="0.25">
      <c r="A1870">
        <v>11193</v>
      </c>
      <c r="B1870" t="s">
        <v>74</v>
      </c>
      <c r="C1870">
        <v>40</v>
      </c>
      <c r="D1870" t="s">
        <v>222</v>
      </c>
      <c r="E1870">
        <v>1085</v>
      </c>
      <c r="F1870" t="s">
        <v>892</v>
      </c>
      <c r="G1870" t="s">
        <v>892</v>
      </c>
      <c r="H1870" t="s">
        <v>892</v>
      </c>
      <c r="I1870" t="s">
        <v>892</v>
      </c>
      <c r="J1870" t="s">
        <v>678</v>
      </c>
      <c r="K1870">
        <v>41</v>
      </c>
      <c r="L1870" t="s">
        <v>892</v>
      </c>
      <c r="M1870" t="s">
        <v>892</v>
      </c>
      <c r="N1870" t="s">
        <v>892</v>
      </c>
      <c r="O1870" t="s">
        <v>892</v>
      </c>
      <c r="P1870" t="s">
        <v>655</v>
      </c>
      <c r="Q1870">
        <v>1</v>
      </c>
      <c r="R1870" t="s">
        <v>893</v>
      </c>
      <c r="S1870">
        <v>3</v>
      </c>
      <c r="T1870" t="s">
        <v>892</v>
      </c>
      <c r="U1870" t="s">
        <v>892</v>
      </c>
      <c r="V1870">
        <v>3</v>
      </c>
      <c r="W1870">
        <v>180</v>
      </c>
      <c r="X1870">
        <v>2020</v>
      </c>
    </row>
    <row r="1871" spans="1:24" x14ac:dyDescent="0.25">
      <c r="A1871">
        <v>11192</v>
      </c>
      <c r="B1871" t="s">
        <v>74</v>
      </c>
      <c r="C1871">
        <v>40</v>
      </c>
      <c r="D1871" t="s">
        <v>222</v>
      </c>
      <c r="E1871">
        <v>1085</v>
      </c>
      <c r="F1871" t="s">
        <v>892</v>
      </c>
      <c r="G1871" t="s">
        <v>892</v>
      </c>
      <c r="H1871" t="s">
        <v>892</v>
      </c>
      <c r="I1871" t="s">
        <v>892</v>
      </c>
      <c r="J1871" t="s">
        <v>738</v>
      </c>
      <c r="K1871">
        <v>61</v>
      </c>
      <c r="L1871" t="s">
        <v>892</v>
      </c>
      <c r="M1871" t="s">
        <v>892</v>
      </c>
      <c r="N1871" t="s">
        <v>892</v>
      </c>
      <c r="O1871" t="s">
        <v>892</v>
      </c>
      <c r="P1871" t="s">
        <v>655</v>
      </c>
      <c r="Q1871">
        <v>1</v>
      </c>
      <c r="R1871" t="s">
        <v>893</v>
      </c>
      <c r="S1871">
        <v>3</v>
      </c>
      <c r="T1871" t="s">
        <v>892</v>
      </c>
      <c r="U1871" t="s">
        <v>892</v>
      </c>
      <c r="V1871">
        <v>3</v>
      </c>
      <c r="W1871">
        <v>180</v>
      </c>
      <c r="X1871">
        <v>2020</v>
      </c>
    </row>
    <row r="1872" spans="1:24" x14ac:dyDescent="0.25">
      <c r="A1872">
        <v>11191</v>
      </c>
      <c r="B1872" t="s">
        <v>74</v>
      </c>
      <c r="C1872">
        <v>40</v>
      </c>
      <c r="D1872" t="s">
        <v>222</v>
      </c>
      <c r="E1872">
        <v>1085</v>
      </c>
      <c r="F1872" t="s">
        <v>892</v>
      </c>
      <c r="G1872" t="s">
        <v>892</v>
      </c>
      <c r="H1872" t="s">
        <v>892</v>
      </c>
      <c r="I1872" t="s">
        <v>892</v>
      </c>
      <c r="J1872" t="s">
        <v>693</v>
      </c>
      <c r="K1872">
        <v>56</v>
      </c>
      <c r="L1872" t="s">
        <v>892</v>
      </c>
      <c r="M1872" t="s">
        <v>892</v>
      </c>
      <c r="N1872" t="s">
        <v>892</v>
      </c>
      <c r="O1872" t="s">
        <v>892</v>
      </c>
      <c r="P1872" t="s">
        <v>655</v>
      </c>
      <c r="Q1872">
        <v>1</v>
      </c>
      <c r="R1872" t="s">
        <v>893</v>
      </c>
      <c r="S1872">
        <v>3</v>
      </c>
      <c r="T1872" t="s">
        <v>892</v>
      </c>
      <c r="U1872" t="s">
        <v>892</v>
      </c>
      <c r="V1872">
        <v>3</v>
      </c>
      <c r="W1872">
        <v>180</v>
      </c>
      <c r="X1872">
        <v>2020</v>
      </c>
    </row>
    <row r="1873" spans="1:24" x14ac:dyDescent="0.25">
      <c r="A1873">
        <v>11190</v>
      </c>
      <c r="B1873" t="s">
        <v>74</v>
      </c>
      <c r="C1873">
        <v>40</v>
      </c>
      <c r="D1873" t="s">
        <v>222</v>
      </c>
      <c r="E1873">
        <v>1085</v>
      </c>
      <c r="F1873" t="s">
        <v>892</v>
      </c>
      <c r="G1873" t="s">
        <v>892</v>
      </c>
      <c r="H1873" t="s">
        <v>892</v>
      </c>
      <c r="I1873" t="s">
        <v>892</v>
      </c>
      <c r="J1873" t="s">
        <v>714</v>
      </c>
      <c r="K1873">
        <v>52</v>
      </c>
      <c r="L1873" t="s">
        <v>892</v>
      </c>
      <c r="M1873" t="s">
        <v>892</v>
      </c>
      <c r="N1873" t="s">
        <v>892</v>
      </c>
      <c r="O1873" t="s">
        <v>892</v>
      </c>
      <c r="P1873" t="s">
        <v>655</v>
      </c>
      <c r="Q1873">
        <v>1</v>
      </c>
      <c r="R1873" t="s">
        <v>893</v>
      </c>
      <c r="S1873">
        <v>3</v>
      </c>
      <c r="T1873" t="s">
        <v>892</v>
      </c>
      <c r="U1873" t="s">
        <v>892</v>
      </c>
      <c r="V1873">
        <v>3</v>
      </c>
      <c r="W1873">
        <v>180</v>
      </c>
      <c r="X1873">
        <v>2020</v>
      </c>
    </row>
    <row r="1874" spans="1:24" x14ac:dyDescent="0.25">
      <c r="A1874">
        <v>11189</v>
      </c>
      <c r="B1874" t="s">
        <v>74</v>
      </c>
      <c r="C1874">
        <v>40</v>
      </c>
      <c r="D1874" t="s">
        <v>222</v>
      </c>
      <c r="E1874">
        <v>1085</v>
      </c>
      <c r="F1874" t="s">
        <v>892</v>
      </c>
      <c r="G1874" t="s">
        <v>892</v>
      </c>
      <c r="H1874" t="s">
        <v>892</v>
      </c>
      <c r="I1874" t="s">
        <v>892</v>
      </c>
      <c r="J1874" t="s">
        <v>1236</v>
      </c>
      <c r="K1874">
        <v>60</v>
      </c>
      <c r="L1874" t="s">
        <v>892</v>
      </c>
      <c r="M1874" t="s">
        <v>892</v>
      </c>
      <c r="N1874" t="s">
        <v>892</v>
      </c>
      <c r="O1874" t="s">
        <v>892</v>
      </c>
      <c r="P1874" t="s">
        <v>655</v>
      </c>
      <c r="Q1874">
        <v>1</v>
      </c>
      <c r="R1874" t="s">
        <v>893</v>
      </c>
      <c r="S1874">
        <v>3</v>
      </c>
      <c r="T1874" t="s">
        <v>892</v>
      </c>
      <c r="U1874" t="s">
        <v>892</v>
      </c>
      <c r="V1874">
        <v>3</v>
      </c>
      <c r="W1874">
        <v>180</v>
      </c>
      <c r="X1874">
        <v>2020</v>
      </c>
    </row>
    <row r="1875" spans="1:24" x14ac:dyDescent="0.25">
      <c r="A1875">
        <v>11188</v>
      </c>
      <c r="B1875" t="s">
        <v>74</v>
      </c>
      <c r="C1875">
        <v>40</v>
      </c>
      <c r="D1875" t="s">
        <v>222</v>
      </c>
      <c r="E1875">
        <v>1085</v>
      </c>
      <c r="F1875" t="s">
        <v>892</v>
      </c>
      <c r="G1875" t="s">
        <v>892</v>
      </c>
      <c r="H1875" t="s">
        <v>892</v>
      </c>
      <c r="I1875" t="s">
        <v>892</v>
      </c>
      <c r="J1875" t="s">
        <v>792</v>
      </c>
      <c r="K1875">
        <v>6</v>
      </c>
      <c r="L1875" t="s">
        <v>892</v>
      </c>
      <c r="M1875" t="s">
        <v>892</v>
      </c>
      <c r="N1875" t="s">
        <v>892</v>
      </c>
      <c r="O1875" t="s">
        <v>892</v>
      </c>
      <c r="P1875" t="s">
        <v>655</v>
      </c>
      <c r="Q1875">
        <v>1</v>
      </c>
      <c r="R1875" t="s">
        <v>893</v>
      </c>
      <c r="S1875">
        <v>3</v>
      </c>
      <c r="T1875" t="s">
        <v>892</v>
      </c>
      <c r="U1875" t="s">
        <v>892</v>
      </c>
      <c r="V1875">
        <v>3</v>
      </c>
      <c r="W1875">
        <v>180</v>
      </c>
      <c r="X1875">
        <v>2020</v>
      </c>
    </row>
    <row r="1876" spans="1:24" x14ac:dyDescent="0.25">
      <c r="A1876">
        <v>11187</v>
      </c>
      <c r="B1876" t="s">
        <v>74</v>
      </c>
      <c r="C1876">
        <v>40</v>
      </c>
      <c r="D1876" t="s">
        <v>222</v>
      </c>
      <c r="E1876">
        <v>1085</v>
      </c>
      <c r="F1876" t="s">
        <v>892</v>
      </c>
      <c r="G1876" t="s">
        <v>892</v>
      </c>
      <c r="H1876" t="s">
        <v>892</v>
      </c>
      <c r="I1876" t="s">
        <v>892</v>
      </c>
      <c r="J1876" t="s">
        <v>767</v>
      </c>
      <c r="K1876">
        <v>44</v>
      </c>
      <c r="L1876" t="s">
        <v>892</v>
      </c>
      <c r="M1876" t="s">
        <v>892</v>
      </c>
      <c r="N1876" t="s">
        <v>892</v>
      </c>
      <c r="O1876" t="s">
        <v>892</v>
      </c>
      <c r="P1876" t="s">
        <v>655</v>
      </c>
      <c r="Q1876">
        <v>1</v>
      </c>
      <c r="R1876" t="s">
        <v>893</v>
      </c>
      <c r="S1876">
        <v>3</v>
      </c>
      <c r="T1876" t="s">
        <v>892</v>
      </c>
      <c r="U1876" t="s">
        <v>892</v>
      </c>
      <c r="V1876">
        <v>3</v>
      </c>
      <c r="W1876">
        <v>180</v>
      </c>
      <c r="X1876">
        <v>2020</v>
      </c>
    </row>
    <row r="1877" spans="1:24" x14ac:dyDescent="0.25">
      <c r="A1877">
        <v>11186</v>
      </c>
      <c r="B1877" t="s">
        <v>224</v>
      </c>
      <c r="C1877">
        <v>46</v>
      </c>
      <c r="D1877" t="s">
        <v>223</v>
      </c>
      <c r="E1877">
        <v>1084</v>
      </c>
      <c r="F1877" t="s">
        <v>892</v>
      </c>
      <c r="G1877" t="s">
        <v>892</v>
      </c>
      <c r="H1877" t="s">
        <v>892</v>
      </c>
      <c r="I1877" t="s">
        <v>892</v>
      </c>
      <c r="J1877" t="s">
        <v>730</v>
      </c>
      <c r="K1877">
        <v>66</v>
      </c>
      <c r="L1877" t="s">
        <v>892</v>
      </c>
      <c r="M1877" t="s">
        <v>892</v>
      </c>
      <c r="N1877" t="s">
        <v>892</v>
      </c>
      <c r="O1877" t="s">
        <v>892</v>
      </c>
      <c r="P1877" t="s">
        <v>655</v>
      </c>
      <c r="Q1877">
        <v>1</v>
      </c>
      <c r="R1877" t="s">
        <v>893</v>
      </c>
      <c r="S1877">
        <v>3</v>
      </c>
      <c r="T1877" t="s">
        <v>892</v>
      </c>
      <c r="U1877" t="s">
        <v>892</v>
      </c>
      <c r="V1877">
        <v>3</v>
      </c>
      <c r="W1877">
        <v>180</v>
      </c>
      <c r="X1877">
        <v>2020</v>
      </c>
    </row>
    <row r="1878" spans="1:24" x14ac:dyDescent="0.25">
      <c r="A1878">
        <v>11185</v>
      </c>
      <c r="B1878" t="s">
        <v>224</v>
      </c>
      <c r="C1878">
        <v>46</v>
      </c>
      <c r="D1878" t="s">
        <v>223</v>
      </c>
      <c r="E1878">
        <v>1084</v>
      </c>
      <c r="F1878" t="s">
        <v>892</v>
      </c>
      <c r="G1878" t="s">
        <v>892</v>
      </c>
      <c r="H1878" t="s">
        <v>892</v>
      </c>
      <c r="I1878" t="s">
        <v>892</v>
      </c>
      <c r="J1878" t="s">
        <v>738</v>
      </c>
      <c r="K1878">
        <v>61</v>
      </c>
      <c r="L1878" t="s">
        <v>892</v>
      </c>
      <c r="M1878" t="s">
        <v>892</v>
      </c>
      <c r="N1878" t="s">
        <v>892</v>
      </c>
      <c r="O1878" t="s">
        <v>892</v>
      </c>
      <c r="P1878" t="s">
        <v>655</v>
      </c>
      <c r="Q1878">
        <v>1</v>
      </c>
      <c r="R1878" t="s">
        <v>893</v>
      </c>
      <c r="S1878">
        <v>3</v>
      </c>
      <c r="T1878" t="s">
        <v>892</v>
      </c>
      <c r="U1878" t="s">
        <v>892</v>
      </c>
      <c r="V1878">
        <v>3</v>
      </c>
      <c r="W1878">
        <v>180</v>
      </c>
      <c r="X1878">
        <v>2020</v>
      </c>
    </row>
    <row r="1879" spans="1:24" x14ac:dyDescent="0.25">
      <c r="A1879">
        <v>11184</v>
      </c>
      <c r="B1879" t="s">
        <v>224</v>
      </c>
      <c r="C1879">
        <v>46</v>
      </c>
      <c r="D1879" t="s">
        <v>223</v>
      </c>
      <c r="E1879">
        <v>1084</v>
      </c>
      <c r="F1879" t="s">
        <v>892</v>
      </c>
      <c r="G1879" t="s">
        <v>892</v>
      </c>
      <c r="H1879" t="s">
        <v>892</v>
      </c>
      <c r="I1879" t="s">
        <v>892</v>
      </c>
      <c r="J1879" t="s">
        <v>693</v>
      </c>
      <c r="K1879">
        <v>56</v>
      </c>
      <c r="L1879" t="s">
        <v>892</v>
      </c>
      <c r="M1879" t="s">
        <v>892</v>
      </c>
      <c r="N1879" t="s">
        <v>892</v>
      </c>
      <c r="O1879" t="s">
        <v>892</v>
      </c>
      <c r="P1879" t="s">
        <v>655</v>
      </c>
      <c r="Q1879">
        <v>1</v>
      </c>
      <c r="R1879" t="s">
        <v>893</v>
      </c>
      <c r="S1879">
        <v>3</v>
      </c>
      <c r="T1879" t="s">
        <v>892</v>
      </c>
      <c r="U1879" t="s">
        <v>892</v>
      </c>
      <c r="V1879">
        <v>3</v>
      </c>
      <c r="W1879">
        <v>180</v>
      </c>
      <c r="X1879">
        <v>2020</v>
      </c>
    </row>
    <row r="1880" spans="1:24" x14ac:dyDescent="0.25">
      <c r="A1880">
        <v>11183</v>
      </c>
      <c r="B1880" t="s">
        <v>224</v>
      </c>
      <c r="C1880">
        <v>46</v>
      </c>
      <c r="D1880" t="s">
        <v>223</v>
      </c>
      <c r="E1880">
        <v>1084</v>
      </c>
      <c r="F1880" t="s">
        <v>892</v>
      </c>
      <c r="G1880" t="s">
        <v>892</v>
      </c>
      <c r="H1880" t="s">
        <v>892</v>
      </c>
      <c r="I1880" t="s">
        <v>892</v>
      </c>
      <c r="J1880" t="s">
        <v>695</v>
      </c>
      <c r="K1880">
        <v>54</v>
      </c>
      <c r="L1880" t="s">
        <v>892</v>
      </c>
      <c r="M1880" t="s">
        <v>892</v>
      </c>
      <c r="N1880" t="s">
        <v>892</v>
      </c>
      <c r="O1880" t="s">
        <v>892</v>
      </c>
      <c r="P1880" t="s">
        <v>655</v>
      </c>
      <c r="Q1880">
        <v>1</v>
      </c>
      <c r="R1880" t="s">
        <v>893</v>
      </c>
      <c r="S1880">
        <v>3</v>
      </c>
      <c r="T1880" t="s">
        <v>892</v>
      </c>
      <c r="U1880" t="s">
        <v>892</v>
      </c>
      <c r="V1880">
        <v>3</v>
      </c>
      <c r="W1880">
        <v>180</v>
      </c>
      <c r="X1880">
        <v>2020</v>
      </c>
    </row>
    <row r="1881" spans="1:24" x14ac:dyDescent="0.25">
      <c r="A1881">
        <v>11182</v>
      </c>
      <c r="B1881" t="s">
        <v>224</v>
      </c>
      <c r="C1881">
        <v>46</v>
      </c>
      <c r="D1881" t="s">
        <v>223</v>
      </c>
      <c r="E1881">
        <v>1084</v>
      </c>
      <c r="F1881" t="s">
        <v>892</v>
      </c>
      <c r="G1881" t="s">
        <v>892</v>
      </c>
      <c r="H1881" t="s">
        <v>892</v>
      </c>
      <c r="I1881" t="s">
        <v>892</v>
      </c>
      <c r="J1881" t="s">
        <v>710</v>
      </c>
      <c r="K1881">
        <v>53</v>
      </c>
      <c r="L1881" t="s">
        <v>892</v>
      </c>
      <c r="M1881" t="s">
        <v>892</v>
      </c>
      <c r="N1881" t="s">
        <v>892</v>
      </c>
      <c r="O1881" t="s">
        <v>892</v>
      </c>
      <c r="P1881" t="s">
        <v>655</v>
      </c>
      <c r="Q1881">
        <v>1</v>
      </c>
      <c r="R1881" t="s">
        <v>893</v>
      </c>
      <c r="S1881">
        <v>3</v>
      </c>
      <c r="T1881" t="s">
        <v>892</v>
      </c>
      <c r="U1881" t="s">
        <v>892</v>
      </c>
      <c r="V1881">
        <v>3</v>
      </c>
      <c r="W1881">
        <v>180</v>
      </c>
      <c r="X1881">
        <v>2020</v>
      </c>
    </row>
    <row r="1882" spans="1:24" x14ac:dyDescent="0.25">
      <c r="A1882">
        <v>11181</v>
      </c>
      <c r="B1882" t="s">
        <v>224</v>
      </c>
      <c r="C1882">
        <v>46</v>
      </c>
      <c r="D1882" t="s">
        <v>223</v>
      </c>
      <c r="E1882">
        <v>1084</v>
      </c>
      <c r="F1882" t="s">
        <v>892</v>
      </c>
      <c r="G1882" t="s">
        <v>892</v>
      </c>
      <c r="H1882" t="s">
        <v>892</v>
      </c>
      <c r="I1882" t="s">
        <v>892</v>
      </c>
      <c r="J1882" t="s">
        <v>714</v>
      </c>
      <c r="K1882">
        <v>52</v>
      </c>
      <c r="L1882" t="s">
        <v>892</v>
      </c>
      <c r="M1882" t="s">
        <v>892</v>
      </c>
      <c r="N1882" t="s">
        <v>892</v>
      </c>
      <c r="O1882" t="s">
        <v>892</v>
      </c>
      <c r="P1882" t="s">
        <v>655</v>
      </c>
      <c r="Q1882">
        <v>1</v>
      </c>
      <c r="R1882" t="s">
        <v>893</v>
      </c>
      <c r="S1882">
        <v>3</v>
      </c>
      <c r="T1882" t="s">
        <v>892</v>
      </c>
      <c r="U1882" t="s">
        <v>892</v>
      </c>
      <c r="V1882">
        <v>3</v>
      </c>
      <c r="W1882">
        <v>180</v>
      </c>
      <c r="X1882">
        <v>2020</v>
      </c>
    </row>
    <row r="1883" spans="1:24" x14ac:dyDescent="0.25">
      <c r="A1883">
        <v>11180</v>
      </c>
      <c r="B1883" t="s">
        <v>224</v>
      </c>
      <c r="C1883">
        <v>46</v>
      </c>
      <c r="D1883" t="s">
        <v>223</v>
      </c>
      <c r="E1883">
        <v>1084</v>
      </c>
      <c r="F1883" t="s">
        <v>892</v>
      </c>
      <c r="G1883" t="s">
        <v>892</v>
      </c>
      <c r="H1883" t="s">
        <v>892</v>
      </c>
      <c r="I1883" t="s">
        <v>892</v>
      </c>
      <c r="J1883" t="s">
        <v>1022</v>
      </c>
      <c r="K1883">
        <v>85</v>
      </c>
      <c r="L1883" t="s">
        <v>892</v>
      </c>
      <c r="M1883" t="s">
        <v>892</v>
      </c>
      <c r="N1883" t="s">
        <v>892</v>
      </c>
      <c r="O1883" t="s">
        <v>892</v>
      </c>
      <c r="P1883" t="s">
        <v>655</v>
      </c>
      <c r="Q1883">
        <v>1</v>
      </c>
      <c r="R1883" t="s">
        <v>893</v>
      </c>
      <c r="S1883">
        <v>3</v>
      </c>
      <c r="T1883" t="s">
        <v>892</v>
      </c>
      <c r="U1883" t="s">
        <v>892</v>
      </c>
      <c r="V1883">
        <v>3</v>
      </c>
      <c r="W1883">
        <v>180</v>
      </c>
      <c r="X1883">
        <v>2020</v>
      </c>
    </row>
    <row r="1884" spans="1:24" x14ac:dyDescent="0.25">
      <c r="A1884">
        <v>11179</v>
      </c>
      <c r="B1884" t="s">
        <v>224</v>
      </c>
      <c r="C1884">
        <v>46</v>
      </c>
      <c r="D1884" t="s">
        <v>223</v>
      </c>
      <c r="E1884">
        <v>1084</v>
      </c>
      <c r="F1884" t="s">
        <v>892</v>
      </c>
      <c r="G1884" t="s">
        <v>892</v>
      </c>
      <c r="H1884" t="s">
        <v>892</v>
      </c>
      <c r="I1884" t="s">
        <v>892</v>
      </c>
      <c r="J1884" t="s">
        <v>742</v>
      </c>
      <c r="K1884">
        <v>48</v>
      </c>
      <c r="L1884" t="s">
        <v>892</v>
      </c>
      <c r="M1884" t="s">
        <v>892</v>
      </c>
      <c r="N1884" t="s">
        <v>892</v>
      </c>
      <c r="O1884" t="s">
        <v>892</v>
      </c>
      <c r="P1884" t="s">
        <v>655</v>
      </c>
      <c r="Q1884">
        <v>1</v>
      </c>
      <c r="R1884" t="s">
        <v>893</v>
      </c>
      <c r="S1884">
        <v>3</v>
      </c>
      <c r="T1884" t="s">
        <v>892</v>
      </c>
      <c r="U1884" t="s">
        <v>892</v>
      </c>
      <c r="V1884">
        <v>3</v>
      </c>
      <c r="W1884">
        <v>180</v>
      </c>
      <c r="X1884">
        <v>2020</v>
      </c>
    </row>
    <row r="1885" spans="1:24" x14ac:dyDescent="0.25">
      <c r="A1885">
        <v>11178</v>
      </c>
      <c r="B1885" t="s">
        <v>224</v>
      </c>
      <c r="C1885">
        <v>46</v>
      </c>
      <c r="D1885" t="s">
        <v>223</v>
      </c>
      <c r="E1885">
        <v>1084</v>
      </c>
      <c r="F1885" t="s">
        <v>892</v>
      </c>
      <c r="G1885" t="s">
        <v>892</v>
      </c>
      <c r="H1885" t="s">
        <v>892</v>
      </c>
      <c r="I1885" t="s">
        <v>892</v>
      </c>
      <c r="J1885" t="s">
        <v>797</v>
      </c>
      <c r="K1885">
        <v>65</v>
      </c>
      <c r="L1885" t="s">
        <v>892</v>
      </c>
      <c r="M1885" t="s">
        <v>892</v>
      </c>
      <c r="N1885" t="s">
        <v>892</v>
      </c>
      <c r="O1885" t="s">
        <v>892</v>
      </c>
      <c r="P1885" t="s">
        <v>655</v>
      </c>
      <c r="Q1885">
        <v>1</v>
      </c>
      <c r="R1885" t="s">
        <v>893</v>
      </c>
      <c r="S1885">
        <v>3</v>
      </c>
      <c r="T1885" t="s">
        <v>892</v>
      </c>
      <c r="U1885" t="s">
        <v>892</v>
      </c>
      <c r="V1885">
        <v>3</v>
      </c>
      <c r="W1885">
        <v>180</v>
      </c>
      <c r="X1885">
        <v>2020</v>
      </c>
    </row>
    <row r="1886" spans="1:24" x14ac:dyDescent="0.25">
      <c r="A1886">
        <v>11177</v>
      </c>
      <c r="B1886" t="s">
        <v>224</v>
      </c>
      <c r="C1886">
        <v>46</v>
      </c>
      <c r="D1886" t="s">
        <v>223</v>
      </c>
      <c r="E1886">
        <v>1084</v>
      </c>
      <c r="F1886" t="s">
        <v>892</v>
      </c>
      <c r="G1886" t="s">
        <v>892</v>
      </c>
      <c r="H1886" t="s">
        <v>892</v>
      </c>
      <c r="I1886" t="s">
        <v>892</v>
      </c>
      <c r="J1886" t="s">
        <v>1236</v>
      </c>
      <c r="K1886">
        <v>60</v>
      </c>
      <c r="L1886" t="s">
        <v>892</v>
      </c>
      <c r="M1886" t="s">
        <v>892</v>
      </c>
      <c r="N1886" t="s">
        <v>892</v>
      </c>
      <c r="O1886" t="s">
        <v>892</v>
      </c>
      <c r="P1886" t="s">
        <v>655</v>
      </c>
      <c r="Q1886">
        <v>1</v>
      </c>
      <c r="R1886" t="s">
        <v>893</v>
      </c>
      <c r="S1886">
        <v>3</v>
      </c>
      <c r="T1886" t="s">
        <v>892</v>
      </c>
      <c r="U1886" t="s">
        <v>892</v>
      </c>
      <c r="V1886">
        <v>3</v>
      </c>
      <c r="W1886">
        <v>180</v>
      </c>
      <c r="X1886">
        <v>2020</v>
      </c>
    </row>
    <row r="1887" spans="1:24" x14ac:dyDescent="0.25">
      <c r="A1887">
        <v>11176</v>
      </c>
      <c r="B1887" t="s">
        <v>224</v>
      </c>
      <c r="C1887">
        <v>46</v>
      </c>
      <c r="D1887" t="s">
        <v>223</v>
      </c>
      <c r="E1887">
        <v>1084</v>
      </c>
      <c r="F1887" t="s">
        <v>892</v>
      </c>
      <c r="G1887" t="s">
        <v>892</v>
      </c>
      <c r="H1887" t="s">
        <v>892</v>
      </c>
      <c r="I1887" t="s">
        <v>892</v>
      </c>
      <c r="J1887" t="s">
        <v>897</v>
      </c>
      <c r="K1887">
        <v>3</v>
      </c>
      <c r="L1887" t="s">
        <v>892</v>
      </c>
      <c r="M1887" t="s">
        <v>892</v>
      </c>
      <c r="N1887" t="s">
        <v>892</v>
      </c>
      <c r="O1887" t="s">
        <v>892</v>
      </c>
      <c r="P1887" t="s">
        <v>655</v>
      </c>
      <c r="Q1887">
        <v>1</v>
      </c>
      <c r="R1887" t="s">
        <v>893</v>
      </c>
      <c r="S1887">
        <v>3</v>
      </c>
      <c r="T1887" t="s">
        <v>892</v>
      </c>
      <c r="U1887" t="s">
        <v>892</v>
      </c>
      <c r="V1887">
        <v>3</v>
      </c>
      <c r="W1887">
        <v>180</v>
      </c>
      <c r="X1887">
        <v>2020</v>
      </c>
    </row>
    <row r="1888" spans="1:24" x14ac:dyDescent="0.25">
      <c r="A1888">
        <v>11175</v>
      </c>
      <c r="B1888" t="s">
        <v>224</v>
      </c>
      <c r="C1888">
        <v>46</v>
      </c>
      <c r="D1888" t="s">
        <v>223</v>
      </c>
      <c r="E1888">
        <v>1084</v>
      </c>
      <c r="F1888" t="s">
        <v>892</v>
      </c>
      <c r="G1888" t="s">
        <v>892</v>
      </c>
      <c r="H1888" t="s">
        <v>892</v>
      </c>
      <c r="I1888" t="s">
        <v>892</v>
      </c>
      <c r="J1888" t="s">
        <v>767</v>
      </c>
      <c r="K1888">
        <v>44</v>
      </c>
      <c r="L1888" t="s">
        <v>892</v>
      </c>
      <c r="M1888" t="s">
        <v>892</v>
      </c>
      <c r="N1888" t="s">
        <v>892</v>
      </c>
      <c r="O1888" t="s">
        <v>892</v>
      </c>
      <c r="P1888" t="s">
        <v>655</v>
      </c>
      <c r="Q1888">
        <v>1</v>
      </c>
      <c r="R1888" t="s">
        <v>893</v>
      </c>
      <c r="S1888">
        <v>3</v>
      </c>
      <c r="T1888" t="s">
        <v>892</v>
      </c>
      <c r="U1888" t="s">
        <v>892</v>
      </c>
      <c r="V1888">
        <v>3</v>
      </c>
      <c r="W1888">
        <v>180</v>
      </c>
      <c r="X1888">
        <v>2020</v>
      </c>
    </row>
    <row r="1889" spans="1:24" x14ac:dyDescent="0.25">
      <c r="A1889">
        <v>11174</v>
      </c>
      <c r="B1889" t="s">
        <v>226</v>
      </c>
      <c r="C1889">
        <v>1</v>
      </c>
      <c r="D1889" t="s">
        <v>225</v>
      </c>
      <c r="E1889">
        <v>1083</v>
      </c>
      <c r="F1889" t="s">
        <v>892</v>
      </c>
      <c r="G1889" t="s">
        <v>892</v>
      </c>
      <c r="H1889" t="s">
        <v>892</v>
      </c>
      <c r="I1889" t="s">
        <v>892</v>
      </c>
      <c r="J1889" t="s">
        <v>726</v>
      </c>
      <c r="K1889">
        <v>2</v>
      </c>
      <c r="L1889" t="s">
        <v>892</v>
      </c>
      <c r="M1889" t="s">
        <v>892</v>
      </c>
      <c r="N1889" t="s">
        <v>892</v>
      </c>
      <c r="O1889" t="s">
        <v>892</v>
      </c>
      <c r="P1889" t="s">
        <v>655</v>
      </c>
      <c r="Q1889">
        <v>1</v>
      </c>
      <c r="R1889" t="s">
        <v>893</v>
      </c>
      <c r="S1889">
        <v>3</v>
      </c>
      <c r="T1889" t="s">
        <v>892</v>
      </c>
      <c r="U1889" t="s">
        <v>892</v>
      </c>
      <c r="V1889">
        <v>3</v>
      </c>
      <c r="W1889">
        <v>180</v>
      </c>
      <c r="X1889">
        <v>2020</v>
      </c>
    </row>
    <row r="1890" spans="1:24" x14ac:dyDescent="0.25">
      <c r="A1890">
        <v>11173</v>
      </c>
      <c r="B1890" t="s">
        <v>226</v>
      </c>
      <c r="C1890">
        <v>1</v>
      </c>
      <c r="D1890" t="s">
        <v>236</v>
      </c>
      <c r="E1890">
        <v>1073</v>
      </c>
      <c r="F1890" t="s">
        <v>892</v>
      </c>
      <c r="G1890" t="s">
        <v>892</v>
      </c>
      <c r="H1890" t="s">
        <v>892</v>
      </c>
      <c r="I1890" t="s">
        <v>892</v>
      </c>
      <c r="J1890" t="s">
        <v>726</v>
      </c>
      <c r="K1890">
        <v>2</v>
      </c>
      <c r="L1890" t="s">
        <v>892</v>
      </c>
      <c r="M1890" t="s">
        <v>892</v>
      </c>
      <c r="N1890" t="s">
        <v>892</v>
      </c>
      <c r="O1890" t="s">
        <v>892</v>
      </c>
      <c r="P1890" t="s">
        <v>655</v>
      </c>
      <c r="Q1890">
        <v>1</v>
      </c>
      <c r="R1890" t="s">
        <v>893</v>
      </c>
      <c r="S1890">
        <v>3</v>
      </c>
      <c r="T1890" t="s">
        <v>892</v>
      </c>
      <c r="U1890" t="s">
        <v>892</v>
      </c>
      <c r="V1890">
        <v>3</v>
      </c>
      <c r="W1890">
        <v>180</v>
      </c>
      <c r="X1890">
        <v>2020</v>
      </c>
    </row>
    <row r="1891" spans="1:24" x14ac:dyDescent="0.25">
      <c r="A1891">
        <v>11172</v>
      </c>
      <c r="B1891" t="s">
        <v>226</v>
      </c>
      <c r="C1891">
        <v>1</v>
      </c>
      <c r="D1891" t="s">
        <v>227</v>
      </c>
      <c r="E1891">
        <v>1082</v>
      </c>
      <c r="F1891" t="s">
        <v>892</v>
      </c>
      <c r="G1891" t="s">
        <v>892</v>
      </c>
      <c r="H1891" t="s">
        <v>892</v>
      </c>
      <c r="I1891" t="s">
        <v>892</v>
      </c>
      <c r="J1891" t="s">
        <v>980</v>
      </c>
      <c r="K1891">
        <v>67</v>
      </c>
      <c r="L1891" t="s">
        <v>892</v>
      </c>
      <c r="M1891" t="s">
        <v>892</v>
      </c>
      <c r="N1891" t="s">
        <v>892</v>
      </c>
      <c r="O1891" t="s">
        <v>892</v>
      </c>
      <c r="P1891" t="s">
        <v>655</v>
      </c>
      <c r="Q1891">
        <v>1</v>
      </c>
      <c r="R1891" t="s">
        <v>893</v>
      </c>
      <c r="S1891">
        <v>3</v>
      </c>
      <c r="T1891" t="s">
        <v>892</v>
      </c>
      <c r="U1891" t="s">
        <v>892</v>
      </c>
      <c r="V1891">
        <v>3</v>
      </c>
      <c r="W1891">
        <v>180</v>
      </c>
      <c r="X1891">
        <v>2020</v>
      </c>
    </row>
    <row r="1892" spans="1:24" x14ac:dyDescent="0.25">
      <c r="A1892">
        <v>11171</v>
      </c>
      <c r="B1892" t="s">
        <v>226</v>
      </c>
      <c r="C1892">
        <v>1</v>
      </c>
      <c r="D1892" t="s">
        <v>228</v>
      </c>
      <c r="E1892">
        <v>1081</v>
      </c>
      <c r="F1892" t="s">
        <v>892</v>
      </c>
      <c r="G1892" t="s">
        <v>892</v>
      </c>
      <c r="H1892" t="s">
        <v>892</v>
      </c>
      <c r="I1892" t="s">
        <v>892</v>
      </c>
      <c r="J1892" t="s">
        <v>738</v>
      </c>
      <c r="K1892">
        <v>61</v>
      </c>
      <c r="L1892" t="s">
        <v>892</v>
      </c>
      <c r="M1892" t="s">
        <v>892</v>
      </c>
      <c r="N1892" t="s">
        <v>892</v>
      </c>
      <c r="O1892" t="s">
        <v>892</v>
      </c>
      <c r="P1892" t="s">
        <v>655</v>
      </c>
      <c r="Q1892">
        <v>1</v>
      </c>
      <c r="R1892" t="s">
        <v>893</v>
      </c>
      <c r="S1892">
        <v>3</v>
      </c>
      <c r="T1892" t="s">
        <v>892</v>
      </c>
      <c r="U1892" t="s">
        <v>892</v>
      </c>
      <c r="V1892">
        <v>3</v>
      </c>
      <c r="W1892">
        <v>180</v>
      </c>
      <c r="X1892">
        <v>2020</v>
      </c>
    </row>
    <row r="1893" spans="1:24" x14ac:dyDescent="0.25">
      <c r="A1893">
        <v>11170</v>
      </c>
      <c r="B1893" t="s">
        <v>226</v>
      </c>
      <c r="C1893">
        <v>1</v>
      </c>
      <c r="D1893" t="s">
        <v>229</v>
      </c>
      <c r="E1893">
        <v>1080</v>
      </c>
      <c r="F1893" t="s">
        <v>892</v>
      </c>
      <c r="G1893" t="s">
        <v>892</v>
      </c>
      <c r="H1893" t="s">
        <v>892</v>
      </c>
      <c r="I1893" t="s">
        <v>892</v>
      </c>
      <c r="J1893" t="s">
        <v>738</v>
      </c>
      <c r="K1893">
        <v>61</v>
      </c>
      <c r="L1893" t="s">
        <v>892</v>
      </c>
      <c r="M1893" t="s">
        <v>892</v>
      </c>
      <c r="N1893" t="s">
        <v>892</v>
      </c>
      <c r="O1893" t="s">
        <v>892</v>
      </c>
      <c r="P1893" t="s">
        <v>655</v>
      </c>
      <c r="Q1893">
        <v>1</v>
      </c>
      <c r="R1893" t="s">
        <v>893</v>
      </c>
      <c r="S1893">
        <v>3</v>
      </c>
      <c r="T1893" t="s">
        <v>892</v>
      </c>
      <c r="U1893" t="s">
        <v>892</v>
      </c>
      <c r="V1893">
        <v>3</v>
      </c>
      <c r="W1893">
        <v>180</v>
      </c>
      <c r="X1893">
        <v>2020</v>
      </c>
    </row>
    <row r="1894" spans="1:24" x14ac:dyDescent="0.25">
      <c r="A1894">
        <v>11169</v>
      </c>
      <c r="B1894" t="s">
        <v>226</v>
      </c>
      <c r="C1894">
        <v>1</v>
      </c>
      <c r="D1894" t="s">
        <v>230</v>
      </c>
      <c r="E1894">
        <v>1079</v>
      </c>
      <c r="F1894" t="s">
        <v>892</v>
      </c>
      <c r="G1894" t="s">
        <v>892</v>
      </c>
      <c r="H1894" t="s">
        <v>892</v>
      </c>
      <c r="I1894" t="s">
        <v>892</v>
      </c>
      <c r="J1894" t="s">
        <v>1236</v>
      </c>
      <c r="K1894">
        <v>60</v>
      </c>
      <c r="L1894" t="s">
        <v>892</v>
      </c>
      <c r="M1894" t="s">
        <v>892</v>
      </c>
      <c r="N1894" t="s">
        <v>892</v>
      </c>
      <c r="O1894" t="s">
        <v>892</v>
      </c>
      <c r="P1894" t="s">
        <v>655</v>
      </c>
      <c r="Q1894">
        <v>1</v>
      </c>
      <c r="R1894" t="s">
        <v>893</v>
      </c>
      <c r="S1894">
        <v>3</v>
      </c>
      <c r="T1894" t="s">
        <v>892</v>
      </c>
      <c r="U1894" t="s">
        <v>892</v>
      </c>
      <c r="V1894">
        <v>3</v>
      </c>
      <c r="W1894">
        <v>180</v>
      </c>
      <c r="X1894">
        <v>2020</v>
      </c>
    </row>
    <row r="1895" spans="1:24" x14ac:dyDescent="0.25">
      <c r="A1895">
        <v>11168</v>
      </c>
      <c r="B1895" t="s">
        <v>226</v>
      </c>
      <c r="C1895">
        <v>1</v>
      </c>
      <c r="D1895" t="s">
        <v>231</v>
      </c>
      <c r="E1895">
        <v>1078</v>
      </c>
      <c r="F1895" t="s">
        <v>892</v>
      </c>
      <c r="G1895" t="s">
        <v>892</v>
      </c>
      <c r="H1895" t="s">
        <v>892</v>
      </c>
      <c r="I1895" t="s">
        <v>892</v>
      </c>
      <c r="J1895" t="s">
        <v>693</v>
      </c>
      <c r="K1895">
        <v>56</v>
      </c>
      <c r="L1895" t="s">
        <v>892</v>
      </c>
      <c r="M1895" t="s">
        <v>892</v>
      </c>
      <c r="N1895" t="s">
        <v>892</v>
      </c>
      <c r="O1895" t="s">
        <v>892</v>
      </c>
      <c r="P1895" t="s">
        <v>655</v>
      </c>
      <c r="Q1895">
        <v>1</v>
      </c>
      <c r="R1895" t="s">
        <v>893</v>
      </c>
      <c r="S1895">
        <v>3</v>
      </c>
      <c r="T1895" t="s">
        <v>892</v>
      </c>
      <c r="U1895" t="s">
        <v>892</v>
      </c>
      <c r="V1895">
        <v>3</v>
      </c>
      <c r="W1895">
        <v>180</v>
      </c>
      <c r="X1895">
        <v>2020</v>
      </c>
    </row>
    <row r="1896" spans="1:24" x14ac:dyDescent="0.25">
      <c r="A1896">
        <v>11167</v>
      </c>
      <c r="B1896" t="s">
        <v>226</v>
      </c>
      <c r="C1896">
        <v>1</v>
      </c>
      <c r="D1896" t="s">
        <v>232</v>
      </c>
      <c r="E1896">
        <v>1077</v>
      </c>
      <c r="F1896" t="s">
        <v>892</v>
      </c>
      <c r="G1896" t="s">
        <v>892</v>
      </c>
      <c r="H1896" t="s">
        <v>892</v>
      </c>
      <c r="I1896" t="s">
        <v>892</v>
      </c>
      <c r="J1896" t="s">
        <v>693</v>
      </c>
      <c r="K1896">
        <v>56</v>
      </c>
      <c r="L1896" t="s">
        <v>892</v>
      </c>
      <c r="M1896" t="s">
        <v>892</v>
      </c>
      <c r="N1896" t="s">
        <v>892</v>
      </c>
      <c r="O1896" t="s">
        <v>892</v>
      </c>
      <c r="P1896" t="s">
        <v>655</v>
      </c>
      <c r="Q1896">
        <v>1</v>
      </c>
      <c r="R1896" t="s">
        <v>893</v>
      </c>
      <c r="S1896">
        <v>3</v>
      </c>
      <c r="T1896" t="s">
        <v>892</v>
      </c>
      <c r="U1896" t="s">
        <v>892</v>
      </c>
      <c r="V1896">
        <v>3</v>
      </c>
      <c r="W1896">
        <v>180</v>
      </c>
      <c r="X1896">
        <v>2020</v>
      </c>
    </row>
    <row r="1897" spans="1:24" x14ac:dyDescent="0.25">
      <c r="A1897">
        <v>11166</v>
      </c>
      <c r="B1897" t="s">
        <v>226</v>
      </c>
      <c r="C1897">
        <v>1</v>
      </c>
      <c r="D1897" t="s">
        <v>233</v>
      </c>
      <c r="E1897">
        <v>1076</v>
      </c>
      <c r="F1897" t="s">
        <v>892</v>
      </c>
      <c r="G1897" t="s">
        <v>892</v>
      </c>
      <c r="H1897" t="s">
        <v>892</v>
      </c>
      <c r="I1897" t="s">
        <v>892</v>
      </c>
      <c r="J1897" t="s">
        <v>695</v>
      </c>
      <c r="K1897">
        <v>54</v>
      </c>
      <c r="L1897" t="s">
        <v>892</v>
      </c>
      <c r="M1897" t="s">
        <v>892</v>
      </c>
      <c r="N1897" t="s">
        <v>892</v>
      </c>
      <c r="O1897" t="s">
        <v>892</v>
      </c>
      <c r="P1897" t="s">
        <v>655</v>
      </c>
      <c r="Q1897">
        <v>1</v>
      </c>
      <c r="R1897" t="s">
        <v>893</v>
      </c>
      <c r="S1897">
        <v>3</v>
      </c>
      <c r="T1897" t="s">
        <v>892</v>
      </c>
      <c r="U1897" t="s">
        <v>892</v>
      </c>
      <c r="V1897">
        <v>3</v>
      </c>
      <c r="W1897">
        <v>180</v>
      </c>
      <c r="X1897">
        <v>2020</v>
      </c>
    </row>
    <row r="1898" spans="1:24" x14ac:dyDescent="0.25">
      <c r="A1898">
        <v>11165</v>
      </c>
      <c r="B1898" t="s">
        <v>226</v>
      </c>
      <c r="C1898">
        <v>1</v>
      </c>
      <c r="D1898" t="s">
        <v>234</v>
      </c>
      <c r="E1898">
        <v>1075</v>
      </c>
      <c r="F1898" t="s">
        <v>892</v>
      </c>
      <c r="G1898" t="s">
        <v>892</v>
      </c>
      <c r="H1898" t="s">
        <v>892</v>
      </c>
      <c r="I1898" t="s">
        <v>892</v>
      </c>
      <c r="J1898" t="s">
        <v>742</v>
      </c>
      <c r="K1898">
        <v>48</v>
      </c>
      <c r="L1898" t="s">
        <v>892</v>
      </c>
      <c r="M1898" t="s">
        <v>892</v>
      </c>
      <c r="N1898" t="s">
        <v>892</v>
      </c>
      <c r="O1898" t="s">
        <v>892</v>
      </c>
      <c r="P1898" t="s">
        <v>655</v>
      </c>
      <c r="Q1898">
        <v>1</v>
      </c>
      <c r="R1898" t="s">
        <v>893</v>
      </c>
      <c r="S1898">
        <v>3</v>
      </c>
      <c r="T1898" t="s">
        <v>892</v>
      </c>
      <c r="U1898" t="s">
        <v>892</v>
      </c>
      <c r="V1898">
        <v>3</v>
      </c>
      <c r="W1898">
        <v>180</v>
      </c>
      <c r="X1898">
        <v>2020</v>
      </c>
    </row>
    <row r="1899" spans="1:24" x14ac:dyDescent="0.25">
      <c r="A1899">
        <v>11164</v>
      </c>
      <c r="B1899" t="s">
        <v>226</v>
      </c>
      <c r="C1899">
        <v>1</v>
      </c>
      <c r="D1899" t="s">
        <v>234</v>
      </c>
      <c r="E1899">
        <v>1075</v>
      </c>
      <c r="F1899" t="s">
        <v>892</v>
      </c>
      <c r="G1899" t="s">
        <v>892</v>
      </c>
      <c r="H1899" t="s">
        <v>892</v>
      </c>
      <c r="I1899" t="s">
        <v>892</v>
      </c>
      <c r="J1899" t="s">
        <v>897</v>
      </c>
      <c r="K1899">
        <v>3</v>
      </c>
      <c r="L1899" t="s">
        <v>892</v>
      </c>
      <c r="M1899" t="s">
        <v>892</v>
      </c>
      <c r="N1899" t="s">
        <v>892</v>
      </c>
      <c r="O1899" t="s">
        <v>892</v>
      </c>
      <c r="P1899" t="s">
        <v>655</v>
      </c>
      <c r="Q1899">
        <v>1</v>
      </c>
      <c r="R1899" t="s">
        <v>893</v>
      </c>
      <c r="S1899">
        <v>3</v>
      </c>
      <c r="T1899" t="s">
        <v>892</v>
      </c>
      <c r="U1899" t="s">
        <v>892</v>
      </c>
      <c r="V1899">
        <v>3</v>
      </c>
      <c r="W1899">
        <v>180</v>
      </c>
      <c r="X1899">
        <v>2020</v>
      </c>
    </row>
    <row r="1900" spans="1:24" x14ac:dyDescent="0.25">
      <c r="A1900">
        <v>11163</v>
      </c>
      <c r="B1900" t="s">
        <v>226</v>
      </c>
      <c r="C1900">
        <v>1</v>
      </c>
      <c r="D1900" t="s">
        <v>235</v>
      </c>
      <c r="E1900">
        <v>1074</v>
      </c>
      <c r="F1900" t="s">
        <v>892</v>
      </c>
      <c r="G1900" t="s">
        <v>892</v>
      </c>
      <c r="H1900" t="s">
        <v>892</v>
      </c>
      <c r="I1900" t="s">
        <v>892</v>
      </c>
      <c r="J1900" t="s">
        <v>1514</v>
      </c>
      <c r="K1900">
        <v>47</v>
      </c>
      <c r="L1900" t="s">
        <v>892</v>
      </c>
      <c r="M1900" t="s">
        <v>892</v>
      </c>
      <c r="N1900" t="s">
        <v>892</v>
      </c>
      <c r="O1900" t="s">
        <v>892</v>
      </c>
      <c r="P1900" t="s">
        <v>655</v>
      </c>
      <c r="Q1900">
        <v>1</v>
      </c>
      <c r="R1900" t="s">
        <v>893</v>
      </c>
      <c r="S1900">
        <v>3</v>
      </c>
      <c r="T1900" t="s">
        <v>892</v>
      </c>
      <c r="U1900" t="s">
        <v>892</v>
      </c>
      <c r="V1900">
        <v>3</v>
      </c>
      <c r="W1900">
        <v>180</v>
      </c>
      <c r="X1900">
        <v>2020</v>
      </c>
    </row>
    <row r="1901" spans="1:24" x14ac:dyDescent="0.25">
      <c r="A1901">
        <v>11162</v>
      </c>
      <c r="B1901" t="s">
        <v>226</v>
      </c>
      <c r="C1901">
        <v>1</v>
      </c>
      <c r="D1901" t="s">
        <v>236</v>
      </c>
      <c r="E1901">
        <v>1073</v>
      </c>
      <c r="F1901" t="s">
        <v>892</v>
      </c>
      <c r="G1901" t="s">
        <v>892</v>
      </c>
      <c r="H1901" t="s">
        <v>892</v>
      </c>
      <c r="I1901" t="s">
        <v>892</v>
      </c>
      <c r="J1901" t="s">
        <v>885</v>
      </c>
      <c r="K1901">
        <v>1</v>
      </c>
      <c r="L1901" t="s">
        <v>892</v>
      </c>
      <c r="M1901" t="s">
        <v>892</v>
      </c>
      <c r="N1901" t="s">
        <v>892</v>
      </c>
      <c r="O1901" t="s">
        <v>892</v>
      </c>
      <c r="P1901" t="s">
        <v>655</v>
      </c>
      <c r="Q1901">
        <v>1</v>
      </c>
      <c r="R1901" t="s">
        <v>893</v>
      </c>
      <c r="S1901">
        <v>3</v>
      </c>
      <c r="T1901" t="s">
        <v>892</v>
      </c>
      <c r="U1901" t="s">
        <v>892</v>
      </c>
      <c r="V1901">
        <v>3</v>
      </c>
      <c r="W1901">
        <v>180</v>
      </c>
      <c r="X1901">
        <v>2020</v>
      </c>
    </row>
    <row r="1902" spans="1:24" x14ac:dyDescent="0.25">
      <c r="A1902">
        <v>11161</v>
      </c>
      <c r="B1902" t="s">
        <v>226</v>
      </c>
      <c r="C1902">
        <v>1</v>
      </c>
      <c r="D1902" t="s">
        <v>237</v>
      </c>
      <c r="E1902">
        <v>1072</v>
      </c>
      <c r="F1902" t="s">
        <v>892</v>
      </c>
      <c r="G1902" t="s">
        <v>892</v>
      </c>
      <c r="H1902" t="s">
        <v>892</v>
      </c>
      <c r="I1902" t="s">
        <v>892</v>
      </c>
      <c r="J1902" t="s">
        <v>714</v>
      </c>
      <c r="K1902">
        <v>52</v>
      </c>
      <c r="L1902" t="s">
        <v>892</v>
      </c>
      <c r="M1902" t="s">
        <v>892</v>
      </c>
      <c r="N1902" t="s">
        <v>892</v>
      </c>
      <c r="O1902" t="s">
        <v>892</v>
      </c>
      <c r="P1902" t="s">
        <v>655</v>
      </c>
      <c r="Q1902">
        <v>1</v>
      </c>
      <c r="R1902" t="s">
        <v>893</v>
      </c>
      <c r="S1902">
        <v>3</v>
      </c>
      <c r="T1902" t="s">
        <v>892</v>
      </c>
      <c r="U1902" t="s">
        <v>892</v>
      </c>
      <c r="V1902">
        <v>3</v>
      </c>
      <c r="W1902">
        <v>180</v>
      </c>
      <c r="X1902">
        <v>2020</v>
      </c>
    </row>
    <row r="1903" spans="1:24" x14ac:dyDescent="0.25">
      <c r="A1903">
        <v>11160</v>
      </c>
      <c r="B1903" t="s">
        <v>226</v>
      </c>
      <c r="C1903">
        <v>1</v>
      </c>
      <c r="D1903" t="s">
        <v>238</v>
      </c>
      <c r="E1903">
        <v>1071</v>
      </c>
      <c r="F1903" t="s">
        <v>892</v>
      </c>
      <c r="G1903" t="s">
        <v>892</v>
      </c>
      <c r="H1903" t="s">
        <v>892</v>
      </c>
      <c r="I1903" t="s">
        <v>892</v>
      </c>
      <c r="J1903" t="s">
        <v>710</v>
      </c>
      <c r="K1903">
        <v>53</v>
      </c>
      <c r="L1903" t="s">
        <v>892</v>
      </c>
      <c r="M1903" t="s">
        <v>892</v>
      </c>
      <c r="N1903" t="s">
        <v>892</v>
      </c>
      <c r="O1903" t="s">
        <v>892</v>
      </c>
      <c r="P1903" t="s">
        <v>655</v>
      </c>
      <c r="Q1903">
        <v>1</v>
      </c>
      <c r="R1903" t="s">
        <v>893</v>
      </c>
      <c r="S1903">
        <v>3</v>
      </c>
      <c r="T1903" t="s">
        <v>892</v>
      </c>
      <c r="U1903" t="s">
        <v>892</v>
      </c>
      <c r="V1903">
        <v>3</v>
      </c>
      <c r="W1903">
        <v>180</v>
      </c>
      <c r="X1903">
        <v>2020</v>
      </c>
    </row>
    <row r="1904" spans="1:24" x14ac:dyDescent="0.25">
      <c r="A1904">
        <v>11159</v>
      </c>
      <c r="B1904" t="s">
        <v>226</v>
      </c>
      <c r="C1904">
        <v>1</v>
      </c>
      <c r="D1904" t="s">
        <v>239</v>
      </c>
      <c r="E1904">
        <v>1070</v>
      </c>
      <c r="F1904" t="s">
        <v>892</v>
      </c>
      <c r="G1904" t="s">
        <v>892</v>
      </c>
      <c r="H1904" t="s">
        <v>892</v>
      </c>
      <c r="I1904" t="s">
        <v>892</v>
      </c>
      <c r="J1904" t="s">
        <v>797</v>
      </c>
      <c r="K1904">
        <v>65</v>
      </c>
      <c r="L1904" t="s">
        <v>892</v>
      </c>
      <c r="M1904" t="s">
        <v>892</v>
      </c>
      <c r="N1904" t="s">
        <v>892</v>
      </c>
      <c r="O1904" t="s">
        <v>892</v>
      </c>
      <c r="P1904" t="s">
        <v>655</v>
      </c>
      <c r="Q1904">
        <v>1</v>
      </c>
      <c r="R1904" t="s">
        <v>893</v>
      </c>
      <c r="S1904">
        <v>3</v>
      </c>
      <c r="T1904" t="s">
        <v>892</v>
      </c>
      <c r="U1904" t="s">
        <v>892</v>
      </c>
      <c r="V1904">
        <v>3</v>
      </c>
      <c r="W1904">
        <v>180</v>
      </c>
      <c r="X1904">
        <v>2020</v>
      </c>
    </row>
    <row r="1905" spans="1:24" x14ac:dyDescent="0.25">
      <c r="A1905">
        <v>11158</v>
      </c>
      <c r="B1905" t="s">
        <v>226</v>
      </c>
      <c r="C1905">
        <v>1</v>
      </c>
      <c r="D1905" t="s">
        <v>239</v>
      </c>
      <c r="E1905">
        <v>1070</v>
      </c>
      <c r="F1905" t="s">
        <v>892</v>
      </c>
      <c r="G1905" t="s">
        <v>892</v>
      </c>
      <c r="H1905" t="s">
        <v>892</v>
      </c>
      <c r="I1905" t="s">
        <v>892</v>
      </c>
      <c r="J1905" t="s">
        <v>767</v>
      </c>
      <c r="K1905">
        <v>44</v>
      </c>
      <c r="L1905" t="s">
        <v>892</v>
      </c>
      <c r="M1905" t="s">
        <v>892</v>
      </c>
      <c r="N1905" t="s">
        <v>892</v>
      </c>
      <c r="O1905" t="s">
        <v>892</v>
      </c>
      <c r="P1905" t="s">
        <v>655</v>
      </c>
      <c r="Q1905">
        <v>1</v>
      </c>
      <c r="R1905" t="s">
        <v>893</v>
      </c>
      <c r="S1905">
        <v>3</v>
      </c>
      <c r="T1905" t="s">
        <v>892</v>
      </c>
      <c r="U1905" t="s">
        <v>892</v>
      </c>
      <c r="V1905">
        <v>3</v>
      </c>
      <c r="W1905">
        <v>180</v>
      </c>
      <c r="X1905">
        <v>2020</v>
      </c>
    </row>
    <row r="1906" spans="1:24" x14ac:dyDescent="0.25">
      <c r="A1906">
        <v>11157</v>
      </c>
      <c r="B1906" t="s">
        <v>26</v>
      </c>
      <c r="C1906">
        <v>44</v>
      </c>
      <c r="D1906" t="s">
        <v>240</v>
      </c>
      <c r="E1906">
        <v>1069</v>
      </c>
      <c r="F1906" t="s">
        <v>892</v>
      </c>
      <c r="G1906" t="s">
        <v>892</v>
      </c>
      <c r="H1906" t="s">
        <v>892</v>
      </c>
      <c r="I1906" t="s">
        <v>892</v>
      </c>
      <c r="J1906" t="s">
        <v>663</v>
      </c>
      <c r="K1906">
        <v>99</v>
      </c>
      <c r="L1906" t="s">
        <v>892</v>
      </c>
      <c r="M1906" t="s">
        <v>892</v>
      </c>
      <c r="N1906" t="s">
        <v>892</v>
      </c>
      <c r="O1906" t="s">
        <v>892</v>
      </c>
      <c r="P1906" t="s">
        <v>655</v>
      </c>
      <c r="Q1906">
        <v>1</v>
      </c>
      <c r="R1906" t="s">
        <v>893</v>
      </c>
      <c r="S1906">
        <v>3</v>
      </c>
      <c r="T1906" t="s">
        <v>892</v>
      </c>
      <c r="U1906" t="s">
        <v>892</v>
      </c>
      <c r="V1906">
        <v>3</v>
      </c>
      <c r="W1906">
        <v>180</v>
      </c>
      <c r="X1906">
        <v>2020</v>
      </c>
    </row>
    <row r="1907" spans="1:24" x14ac:dyDescent="0.25">
      <c r="A1907">
        <v>11156</v>
      </c>
      <c r="B1907" t="s">
        <v>242</v>
      </c>
      <c r="C1907">
        <v>37</v>
      </c>
      <c r="D1907" t="s">
        <v>241</v>
      </c>
      <c r="E1907">
        <v>1068</v>
      </c>
      <c r="F1907" t="s">
        <v>892</v>
      </c>
      <c r="G1907" t="s">
        <v>892</v>
      </c>
      <c r="H1907" t="s">
        <v>892</v>
      </c>
      <c r="I1907" t="s">
        <v>892</v>
      </c>
      <c r="J1907" t="s">
        <v>1055</v>
      </c>
      <c r="K1907">
        <v>69</v>
      </c>
      <c r="L1907" t="s">
        <v>892</v>
      </c>
      <c r="M1907" t="s">
        <v>892</v>
      </c>
      <c r="N1907" t="s">
        <v>892</v>
      </c>
      <c r="O1907" t="s">
        <v>892</v>
      </c>
      <c r="P1907" t="s">
        <v>655</v>
      </c>
      <c r="Q1907">
        <v>1</v>
      </c>
      <c r="R1907" t="s">
        <v>893</v>
      </c>
      <c r="S1907">
        <v>3</v>
      </c>
      <c r="T1907" t="s">
        <v>892</v>
      </c>
      <c r="U1907" t="s">
        <v>892</v>
      </c>
      <c r="V1907">
        <v>3</v>
      </c>
      <c r="W1907">
        <v>180</v>
      </c>
      <c r="X1907">
        <v>2020</v>
      </c>
    </row>
    <row r="1908" spans="1:24" x14ac:dyDescent="0.25">
      <c r="A1908">
        <v>11155</v>
      </c>
      <c r="B1908" t="s">
        <v>242</v>
      </c>
      <c r="C1908">
        <v>37</v>
      </c>
      <c r="D1908" t="s">
        <v>241</v>
      </c>
      <c r="E1908">
        <v>1068</v>
      </c>
      <c r="F1908" t="s">
        <v>892</v>
      </c>
      <c r="G1908" t="s">
        <v>892</v>
      </c>
      <c r="H1908" t="s">
        <v>892</v>
      </c>
      <c r="I1908" t="s">
        <v>892</v>
      </c>
      <c r="J1908" t="s">
        <v>738</v>
      </c>
      <c r="K1908">
        <v>61</v>
      </c>
      <c r="L1908" t="s">
        <v>892</v>
      </c>
      <c r="M1908" t="s">
        <v>892</v>
      </c>
      <c r="N1908" t="s">
        <v>892</v>
      </c>
      <c r="O1908" t="s">
        <v>892</v>
      </c>
      <c r="P1908" t="s">
        <v>655</v>
      </c>
      <c r="Q1908">
        <v>1</v>
      </c>
      <c r="R1908" t="s">
        <v>893</v>
      </c>
      <c r="S1908">
        <v>3</v>
      </c>
      <c r="T1908" t="s">
        <v>892</v>
      </c>
      <c r="U1908" t="s">
        <v>892</v>
      </c>
      <c r="V1908">
        <v>3</v>
      </c>
      <c r="W1908">
        <v>180</v>
      </c>
      <c r="X1908">
        <v>2020</v>
      </c>
    </row>
    <row r="1909" spans="1:24" x14ac:dyDescent="0.25">
      <c r="A1909">
        <v>11153</v>
      </c>
      <c r="B1909" t="s">
        <v>242</v>
      </c>
      <c r="C1909">
        <v>37</v>
      </c>
      <c r="D1909" t="s">
        <v>241</v>
      </c>
      <c r="E1909">
        <v>1068</v>
      </c>
      <c r="F1909" t="s">
        <v>892</v>
      </c>
      <c r="G1909" t="s">
        <v>892</v>
      </c>
      <c r="H1909" t="s">
        <v>892</v>
      </c>
      <c r="I1909" t="s">
        <v>892</v>
      </c>
      <c r="J1909" t="s">
        <v>742</v>
      </c>
      <c r="K1909">
        <v>48</v>
      </c>
      <c r="L1909" t="s">
        <v>892</v>
      </c>
      <c r="M1909" t="s">
        <v>892</v>
      </c>
      <c r="N1909" t="s">
        <v>892</v>
      </c>
      <c r="O1909" t="s">
        <v>892</v>
      </c>
      <c r="P1909" t="s">
        <v>655</v>
      </c>
      <c r="Q1909">
        <v>1</v>
      </c>
      <c r="R1909" t="s">
        <v>893</v>
      </c>
      <c r="S1909">
        <v>3</v>
      </c>
      <c r="T1909" t="s">
        <v>892</v>
      </c>
      <c r="U1909" t="s">
        <v>892</v>
      </c>
      <c r="V1909">
        <v>3</v>
      </c>
      <c r="W1909">
        <v>180</v>
      </c>
      <c r="X1909">
        <v>2020</v>
      </c>
    </row>
    <row r="1910" spans="1:24" x14ac:dyDescent="0.25">
      <c r="A1910">
        <v>11152</v>
      </c>
      <c r="B1910" t="s">
        <v>242</v>
      </c>
      <c r="C1910">
        <v>37</v>
      </c>
      <c r="D1910" t="s">
        <v>241</v>
      </c>
      <c r="E1910">
        <v>1068</v>
      </c>
      <c r="F1910" t="s">
        <v>892</v>
      </c>
      <c r="G1910" t="s">
        <v>892</v>
      </c>
      <c r="H1910" t="s">
        <v>892</v>
      </c>
      <c r="I1910" t="s">
        <v>892</v>
      </c>
      <c r="J1910" t="s">
        <v>797</v>
      </c>
      <c r="K1910">
        <v>65</v>
      </c>
      <c r="L1910" t="s">
        <v>892</v>
      </c>
      <c r="M1910" t="s">
        <v>892</v>
      </c>
      <c r="N1910" t="s">
        <v>892</v>
      </c>
      <c r="O1910" t="s">
        <v>892</v>
      </c>
      <c r="P1910" t="s">
        <v>655</v>
      </c>
      <c r="Q1910">
        <v>1</v>
      </c>
      <c r="R1910" t="s">
        <v>893</v>
      </c>
      <c r="S1910">
        <v>3</v>
      </c>
      <c r="T1910" t="s">
        <v>892</v>
      </c>
      <c r="U1910" t="s">
        <v>892</v>
      </c>
      <c r="V1910">
        <v>3</v>
      </c>
      <c r="W1910">
        <v>180</v>
      </c>
      <c r="X1910">
        <v>2020</v>
      </c>
    </row>
    <row r="1911" spans="1:24" x14ac:dyDescent="0.25">
      <c r="A1911">
        <v>11150</v>
      </c>
      <c r="B1911" t="s">
        <v>32</v>
      </c>
      <c r="C1911">
        <v>24</v>
      </c>
      <c r="D1911" t="s">
        <v>243</v>
      </c>
      <c r="E1911">
        <v>1067</v>
      </c>
      <c r="F1911" t="s">
        <v>892</v>
      </c>
      <c r="G1911" t="s">
        <v>892</v>
      </c>
      <c r="H1911" t="s">
        <v>892</v>
      </c>
      <c r="I1911" t="s">
        <v>892</v>
      </c>
      <c r="J1911" t="s">
        <v>864</v>
      </c>
      <c r="K1911">
        <v>14</v>
      </c>
      <c r="L1911" t="s">
        <v>892</v>
      </c>
      <c r="M1911" t="s">
        <v>892</v>
      </c>
      <c r="N1911" t="s">
        <v>892</v>
      </c>
      <c r="O1911" t="s">
        <v>892</v>
      </c>
      <c r="P1911" t="s">
        <v>655</v>
      </c>
      <c r="Q1911">
        <v>1</v>
      </c>
      <c r="R1911" t="s">
        <v>893</v>
      </c>
      <c r="S1911">
        <v>3</v>
      </c>
      <c r="T1911" t="s">
        <v>892</v>
      </c>
      <c r="U1911" t="s">
        <v>892</v>
      </c>
      <c r="V1911">
        <v>3</v>
      </c>
      <c r="W1911">
        <v>180</v>
      </c>
      <c r="X1911">
        <v>2020</v>
      </c>
    </row>
    <row r="1912" spans="1:24" x14ac:dyDescent="0.25">
      <c r="A1912">
        <v>11149</v>
      </c>
      <c r="B1912" t="s">
        <v>32</v>
      </c>
      <c r="C1912">
        <v>24</v>
      </c>
      <c r="D1912" t="s">
        <v>171</v>
      </c>
      <c r="E1912">
        <v>1066</v>
      </c>
      <c r="F1912" t="s">
        <v>892</v>
      </c>
      <c r="G1912" t="s">
        <v>892</v>
      </c>
      <c r="H1912" t="s">
        <v>892</v>
      </c>
      <c r="I1912" t="s">
        <v>892</v>
      </c>
      <c r="J1912" t="s">
        <v>802</v>
      </c>
      <c r="K1912">
        <v>12</v>
      </c>
      <c r="L1912" t="s">
        <v>892</v>
      </c>
      <c r="M1912" t="s">
        <v>892</v>
      </c>
      <c r="N1912" t="s">
        <v>892</v>
      </c>
      <c r="O1912" t="s">
        <v>892</v>
      </c>
      <c r="P1912" t="s">
        <v>655</v>
      </c>
      <c r="Q1912">
        <v>1</v>
      </c>
      <c r="R1912" t="s">
        <v>893</v>
      </c>
      <c r="S1912">
        <v>3</v>
      </c>
      <c r="T1912" t="s">
        <v>892</v>
      </c>
      <c r="U1912" t="s">
        <v>892</v>
      </c>
      <c r="V1912">
        <v>3</v>
      </c>
      <c r="W1912">
        <v>180</v>
      </c>
      <c r="X1912">
        <v>2020</v>
      </c>
    </row>
    <row r="1913" spans="1:24" x14ac:dyDescent="0.25">
      <c r="A1913">
        <v>11148</v>
      </c>
      <c r="B1913" t="s">
        <v>32</v>
      </c>
      <c r="C1913">
        <v>24</v>
      </c>
      <c r="D1913" t="s">
        <v>171</v>
      </c>
      <c r="E1913">
        <v>1066</v>
      </c>
      <c r="F1913" t="s">
        <v>892</v>
      </c>
      <c r="G1913" t="s">
        <v>892</v>
      </c>
      <c r="H1913" t="s">
        <v>892</v>
      </c>
      <c r="I1913" t="s">
        <v>892</v>
      </c>
      <c r="J1913" t="s">
        <v>663</v>
      </c>
      <c r="K1913">
        <v>99</v>
      </c>
      <c r="L1913" t="s">
        <v>892</v>
      </c>
      <c r="M1913" t="s">
        <v>892</v>
      </c>
      <c r="N1913" t="s">
        <v>892</v>
      </c>
      <c r="O1913" t="s">
        <v>892</v>
      </c>
      <c r="P1913" t="s">
        <v>655</v>
      </c>
      <c r="Q1913">
        <v>1</v>
      </c>
      <c r="R1913" t="s">
        <v>893</v>
      </c>
      <c r="S1913">
        <v>3</v>
      </c>
      <c r="T1913" t="s">
        <v>892</v>
      </c>
      <c r="U1913" t="s">
        <v>892</v>
      </c>
      <c r="V1913">
        <v>3</v>
      </c>
      <c r="W1913">
        <v>180</v>
      </c>
      <c r="X1913">
        <v>2020</v>
      </c>
    </row>
    <row r="1914" spans="1:24" x14ac:dyDescent="0.25">
      <c r="A1914">
        <v>11147</v>
      </c>
      <c r="B1914" t="s">
        <v>32</v>
      </c>
      <c r="C1914">
        <v>24</v>
      </c>
      <c r="D1914" t="s">
        <v>31</v>
      </c>
      <c r="E1914">
        <v>1353</v>
      </c>
      <c r="F1914" t="s">
        <v>892</v>
      </c>
      <c r="G1914" t="s">
        <v>892</v>
      </c>
      <c r="H1914" t="s">
        <v>892</v>
      </c>
      <c r="I1914" t="s">
        <v>892</v>
      </c>
      <c r="J1914" t="s">
        <v>885</v>
      </c>
      <c r="K1914">
        <v>1</v>
      </c>
      <c r="L1914" t="s">
        <v>892</v>
      </c>
      <c r="M1914" t="s">
        <v>892</v>
      </c>
      <c r="N1914" t="s">
        <v>892</v>
      </c>
      <c r="O1914" t="s">
        <v>892</v>
      </c>
      <c r="P1914" t="s">
        <v>655</v>
      </c>
      <c r="Q1914">
        <v>1</v>
      </c>
      <c r="R1914" t="s">
        <v>893</v>
      </c>
      <c r="S1914">
        <v>3</v>
      </c>
      <c r="T1914" t="s">
        <v>892</v>
      </c>
      <c r="U1914" t="s">
        <v>892</v>
      </c>
      <c r="V1914">
        <v>3</v>
      </c>
      <c r="W1914">
        <v>180</v>
      </c>
      <c r="X1914">
        <v>2020</v>
      </c>
    </row>
    <row r="1915" spans="1:24" x14ac:dyDescent="0.25">
      <c r="A1915">
        <v>11146</v>
      </c>
      <c r="B1915" t="s">
        <v>32</v>
      </c>
      <c r="C1915">
        <v>24</v>
      </c>
      <c r="D1915" t="s">
        <v>244</v>
      </c>
      <c r="E1915">
        <v>1065</v>
      </c>
      <c r="F1915" t="s">
        <v>892</v>
      </c>
      <c r="G1915" t="s">
        <v>892</v>
      </c>
      <c r="H1915" t="s">
        <v>892</v>
      </c>
      <c r="I1915" t="s">
        <v>892</v>
      </c>
      <c r="J1915" t="s">
        <v>1022</v>
      </c>
      <c r="K1915">
        <v>85</v>
      </c>
      <c r="L1915" t="s">
        <v>892</v>
      </c>
      <c r="M1915" t="s">
        <v>892</v>
      </c>
      <c r="N1915" t="s">
        <v>892</v>
      </c>
      <c r="O1915" t="s">
        <v>892</v>
      </c>
      <c r="P1915" t="s">
        <v>655</v>
      </c>
      <c r="Q1915">
        <v>1</v>
      </c>
      <c r="R1915" t="s">
        <v>893</v>
      </c>
      <c r="S1915">
        <v>3</v>
      </c>
      <c r="T1915" t="s">
        <v>892</v>
      </c>
      <c r="U1915" t="s">
        <v>892</v>
      </c>
      <c r="V1915">
        <v>3</v>
      </c>
      <c r="W1915">
        <v>180</v>
      </c>
      <c r="X1915">
        <v>2020</v>
      </c>
    </row>
    <row r="1916" spans="1:24" x14ac:dyDescent="0.25">
      <c r="A1916">
        <v>11145</v>
      </c>
      <c r="B1916" t="s">
        <v>32</v>
      </c>
      <c r="C1916">
        <v>24</v>
      </c>
      <c r="D1916" t="s">
        <v>244</v>
      </c>
      <c r="E1916">
        <v>1065</v>
      </c>
      <c r="F1916" t="s">
        <v>892</v>
      </c>
      <c r="G1916" t="s">
        <v>892</v>
      </c>
      <c r="H1916" t="s">
        <v>892</v>
      </c>
      <c r="I1916" t="s">
        <v>892</v>
      </c>
      <c r="J1916" t="s">
        <v>831</v>
      </c>
      <c r="K1916">
        <v>5</v>
      </c>
      <c r="L1916" t="s">
        <v>892</v>
      </c>
      <c r="M1916" t="s">
        <v>892</v>
      </c>
      <c r="N1916" t="s">
        <v>892</v>
      </c>
      <c r="O1916" t="s">
        <v>892</v>
      </c>
      <c r="P1916" t="s">
        <v>655</v>
      </c>
      <c r="Q1916">
        <v>1</v>
      </c>
      <c r="R1916" t="s">
        <v>893</v>
      </c>
      <c r="S1916">
        <v>3</v>
      </c>
      <c r="T1916" t="s">
        <v>892</v>
      </c>
      <c r="U1916" t="s">
        <v>892</v>
      </c>
      <c r="V1916">
        <v>3</v>
      </c>
      <c r="W1916">
        <v>180</v>
      </c>
      <c r="X1916">
        <v>2020</v>
      </c>
    </row>
    <row r="1917" spans="1:24" x14ac:dyDescent="0.25">
      <c r="A1917">
        <v>11144</v>
      </c>
      <c r="B1917" t="s">
        <v>32</v>
      </c>
      <c r="C1917">
        <v>24</v>
      </c>
      <c r="D1917" t="s">
        <v>245</v>
      </c>
      <c r="E1917">
        <v>1064</v>
      </c>
      <c r="F1917" t="s">
        <v>892</v>
      </c>
      <c r="G1917" t="s">
        <v>892</v>
      </c>
      <c r="H1917" t="s">
        <v>892</v>
      </c>
      <c r="I1917" t="s">
        <v>892</v>
      </c>
      <c r="J1917" t="s">
        <v>752</v>
      </c>
      <c r="K1917">
        <v>90</v>
      </c>
      <c r="L1917" t="s">
        <v>892</v>
      </c>
      <c r="M1917" t="s">
        <v>892</v>
      </c>
      <c r="N1917" t="s">
        <v>892</v>
      </c>
      <c r="O1917" t="s">
        <v>892</v>
      </c>
      <c r="P1917" t="s">
        <v>655</v>
      </c>
      <c r="Q1917">
        <v>1</v>
      </c>
      <c r="R1917" t="s">
        <v>893</v>
      </c>
      <c r="S1917">
        <v>3</v>
      </c>
      <c r="T1917" t="s">
        <v>892</v>
      </c>
      <c r="U1917" t="s">
        <v>892</v>
      </c>
      <c r="V1917">
        <v>4</v>
      </c>
      <c r="W1917">
        <v>240</v>
      </c>
      <c r="X1917">
        <v>2020</v>
      </c>
    </row>
    <row r="1918" spans="1:24" x14ac:dyDescent="0.25">
      <c r="A1918">
        <v>11143</v>
      </c>
      <c r="B1918" t="s">
        <v>32</v>
      </c>
      <c r="C1918">
        <v>24</v>
      </c>
      <c r="D1918" t="s">
        <v>245</v>
      </c>
      <c r="E1918">
        <v>1064</v>
      </c>
      <c r="F1918" t="s">
        <v>892</v>
      </c>
      <c r="G1918" t="s">
        <v>892</v>
      </c>
      <c r="H1918" t="s">
        <v>892</v>
      </c>
      <c r="I1918" t="s">
        <v>892</v>
      </c>
      <c r="J1918" t="s">
        <v>839</v>
      </c>
      <c r="K1918">
        <v>89</v>
      </c>
      <c r="L1918" t="s">
        <v>892</v>
      </c>
      <c r="M1918" t="s">
        <v>892</v>
      </c>
      <c r="N1918" t="s">
        <v>892</v>
      </c>
      <c r="O1918" t="s">
        <v>892</v>
      </c>
      <c r="P1918" t="s">
        <v>655</v>
      </c>
      <c r="Q1918">
        <v>1</v>
      </c>
      <c r="R1918" t="s">
        <v>893</v>
      </c>
      <c r="S1918">
        <v>3</v>
      </c>
      <c r="T1918" t="s">
        <v>892</v>
      </c>
      <c r="U1918" t="s">
        <v>892</v>
      </c>
      <c r="V1918">
        <v>4</v>
      </c>
      <c r="W1918">
        <v>240</v>
      </c>
      <c r="X1918">
        <v>2020</v>
      </c>
    </row>
    <row r="1919" spans="1:24" x14ac:dyDescent="0.25">
      <c r="A1919">
        <v>11142</v>
      </c>
      <c r="B1919" t="s">
        <v>247</v>
      </c>
      <c r="C1919">
        <v>39</v>
      </c>
      <c r="D1919" t="s">
        <v>246</v>
      </c>
      <c r="E1919">
        <v>1063</v>
      </c>
      <c r="F1919" t="s">
        <v>892</v>
      </c>
      <c r="G1919" t="s">
        <v>892</v>
      </c>
      <c r="H1919" t="s">
        <v>892</v>
      </c>
      <c r="I1919" t="s">
        <v>892</v>
      </c>
      <c r="J1919" t="s">
        <v>864</v>
      </c>
      <c r="K1919">
        <v>14</v>
      </c>
      <c r="L1919" t="s">
        <v>892</v>
      </c>
      <c r="M1919" t="s">
        <v>892</v>
      </c>
      <c r="N1919" t="s">
        <v>892</v>
      </c>
      <c r="O1919" t="s">
        <v>892</v>
      </c>
      <c r="P1919" t="s">
        <v>655</v>
      </c>
      <c r="Q1919">
        <v>1</v>
      </c>
      <c r="R1919" t="s">
        <v>893</v>
      </c>
      <c r="S1919">
        <v>3</v>
      </c>
      <c r="T1919" t="s">
        <v>892</v>
      </c>
      <c r="U1919" t="s">
        <v>892</v>
      </c>
      <c r="V1919">
        <v>3</v>
      </c>
      <c r="W1919">
        <v>180</v>
      </c>
      <c r="X1919">
        <v>2020</v>
      </c>
    </row>
    <row r="1920" spans="1:24" x14ac:dyDescent="0.25">
      <c r="A1920">
        <v>11141</v>
      </c>
      <c r="B1920" t="s">
        <v>247</v>
      </c>
      <c r="C1920">
        <v>39</v>
      </c>
      <c r="D1920" t="s">
        <v>246</v>
      </c>
      <c r="E1920">
        <v>1063</v>
      </c>
      <c r="F1920" t="s">
        <v>892</v>
      </c>
      <c r="G1920" t="s">
        <v>892</v>
      </c>
      <c r="H1920" t="s">
        <v>892</v>
      </c>
      <c r="I1920" t="s">
        <v>892</v>
      </c>
      <c r="J1920" t="s">
        <v>839</v>
      </c>
      <c r="K1920">
        <v>89</v>
      </c>
      <c r="L1920" t="s">
        <v>892</v>
      </c>
      <c r="M1920" t="s">
        <v>892</v>
      </c>
      <c r="N1920" t="s">
        <v>892</v>
      </c>
      <c r="O1920" t="s">
        <v>892</v>
      </c>
      <c r="P1920" t="s">
        <v>655</v>
      </c>
      <c r="Q1920">
        <v>1</v>
      </c>
      <c r="R1920" t="s">
        <v>893</v>
      </c>
      <c r="S1920">
        <v>3</v>
      </c>
      <c r="T1920" t="s">
        <v>892</v>
      </c>
      <c r="U1920" t="s">
        <v>892</v>
      </c>
      <c r="V1920">
        <v>4</v>
      </c>
      <c r="W1920">
        <v>240</v>
      </c>
      <c r="X1920">
        <v>2020</v>
      </c>
    </row>
    <row r="1921" spans="1:24" x14ac:dyDescent="0.25">
      <c r="A1921">
        <v>11140</v>
      </c>
      <c r="B1921" t="s">
        <v>247</v>
      </c>
      <c r="C1921">
        <v>39</v>
      </c>
      <c r="D1921" t="s">
        <v>246</v>
      </c>
      <c r="E1921">
        <v>1063</v>
      </c>
      <c r="F1921" t="s">
        <v>892</v>
      </c>
      <c r="G1921" t="s">
        <v>892</v>
      </c>
      <c r="H1921" t="s">
        <v>892</v>
      </c>
      <c r="I1921" t="s">
        <v>892</v>
      </c>
      <c r="J1921" t="s">
        <v>295</v>
      </c>
      <c r="K1921">
        <v>30</v>
      </c>
      <c r="L1921" t="s">
        <v>892</v>
      </c>
      <c r="M1921" t="s">
        <v>892</v>
      </c>
      <c r="N1921" t="s">
        <v>892</v>
      </c>
      <c r="O1921" t="s">
        <v>892</v>
      </c>
      <c r="P1921" t="s">
        <v>655</v>
      </c>
      <c r="Q1921">
        <v>1</v>
      </c>
      <c r="R1921" t="s">
        <v>893</v>
      </c>
      <c r="S1921">
        <v>3</v>
      </c>
      <c r="T1921" t="s">
        <v>892</v>
      </c>
      <c r="U1921" t="s">
        <v>892</v>
      </c>
      <c r="V1921">
        <v>3</v>
      </c>
      <c r="W1921">
        <v>180</v>
      </c>
      <c r="X1921">
        <v>2020</v>
      </c>
    </row>
    <row r="1922" spans="1:24" x14ac:dyDescent="0.25">
      <c r="A1922">
        <v>11139</v>
      </c>
      <c r="B1922" t="s">
        <v>247</v>
      </c>
      <c r="C1922">
        <v>39</v>
      </c>
      <c r="D1922" t="s">
        <v>246</v>
      </c>
      <c r="E1922">
        <v>1063</v>
      </c>
      <c r="F1922" t="s">
        <v>892</v>
      </c>
      <c r="G1922" t="s">
        <v>892</v>
      </c>
      <c r="H1922" t="s">
        <v>892</v>
      </c>
      <c r="I1922" t="s">
        <v>892</v>
      </c>
      <c r="J1922" t="s">
        <v>802</v>
      </c>
      <c r="K1922">
        <v>12</v>
      </c>
      <c r="L1922" t="s">
        <v>892</v>
      </c>
      <c r="M1922" t="s">
        <v>892</v>
      </c>
      <c r="N1922" t="s">
        <v>892</v>
      </c>
      <c r="O1922" t="s">
        <v>892</v>
      </c>
      <c r="P1922" t="s">
        <v>655</v>
      </c>
      <c r="Q1922">
        <v>1</v>
      </c>
      <c r="R1922" t="s">
        <v>893</v>
      </c>
      <c r="S1922">
        <v>3</v>
      </c>
      <c r="T1922" t="s">
        <v>892</v>
      </c>
      <c r="U1922" t="s">
        <v>892</v>
      </c>
      <c r="V1922">
        <v>3</v>
      </c>
      <c r="W1922">
        <v>180</v>
      </c>
      <c r="X1922">
        <v>2020</v>
      </c>
    </row>
    <row r="1923" spans="1:24" x14ac:dyDescent="0.25">
      <c r="A1923">
        <v>11138</v>
      </c>
      <c r="B1923" t="s">
        <v>247</v>
      </c>
      <c r="C1923">
        <v>39</v>
      </c>
      <c r="D1923" t="s">
        <v>246</v>
      </c>
      <c r="E1923">
        <v>1063</v>
      </c>
      <c r="F1923" t="s">
        <v>892</v>
      </c>
      <c r="G1923" t="s">
        <v>892</v>
      </c>
      <c r="H1923" t="s">
        <v>892</v>
      </c>
      <c r="I1923" t="s">
        <v>892</v>
      </c>
      <c r="J1923" t="s">
        <v>730</v>
      </c>
      <c r="K1923">
        <v>66</v>
      </c>
      <c r="L1923" t="s">
        <v>892</v>
      </c>
      <c r="M1923" t="s">
        <v>892</v>
      </c>
      <c r="N1923" t="s">
        <v>892</v>
      </c>
      <c r="O1923" t="s">
        <v>892</v>
      </c>
      <c r="P1923" t="s">
        <v>655</v>
      </c>
      <c r="Q1923">
        <v>1</v>
      </c>
      <c r="R1923" t="s">
        <v>893</v>
      </c>
      <c r="S1923">
        <v>3</v>
      </c>
      <c r="T1923" t="s">
        <v>892</v>
      </c>
      <c r="U1923" t="s">
        <v>892</v>
      </c>
      <c r="V1923">
        <v>3</v>
      </c>
      <c r="W1923">
        <v>180</v>
      </c>
      <c r="X1923">
        <v>2020</v>
      </c>
    </row>
    <row r="1924" spans="1:24" x14ac:dyDescent="0.25">
      <c r="A1924">
        <v>11137</v>
      </c>
      <c r="B1924" t="s">
        <v>247</v>
      </c>
      <c r="C1924">
        <v>39</v>
      </c>
      <c r="D1924" t="s">
        <v>246</v>
      </c>
      <c r="E1924">
        <v>1063</v>
      </c>
      <c r="F1924" t="s">
        <v>892</v>
      </c>
      <c r="G1924" t="s">
        <v>892</v>
      </c>
      <c r="H1924" t="s">
        <v>892</v>
      </c>
      <c r="I1924" t="s">
        <v>892</v>
      </c>
      <c r="J1924" t="s">
        <v>738</v>
      </c>
      <c r="K1924">
        <v>61</v>
      </c>
      <c r="L1924" t="s">
        <v>892</v>
      </c>
      <c r="M1924" t="s">
        <v>892</v>
      </c>
      <c r="N1924" t="s">
        <v>892</v>
      </c>
      <c r="O1924" t="s">
        <v>892</v>
      </c>
      <c r="P1924" t="s">
        <v>655</v>
      </c>
      <c r="Q1924">
        <v>1</v>
      </c>
      <c r="R1924" t="s">
        <v>893</v>
      </c>
      <c r="S1924">
        <v>3</v>
      </c>
      <c r="T1924" t="s">
        <v>892</v>
      </c>
      <c r="U1924" t="s">
        <v>892</v>
      </c>
      <c r="V1924">
        <v>3</v>
      </c>
      <c r="W1924">
        <v>180</v>
      </c>
      <c r="X1924">
        <v>2020</v>
      </c>
    </row>
    <row r="1925" spans="1:24" x14ac:dyDescent="0.25">
      <c r="A1925">
        <v>11136</v>
      </c>
      <c r="B1925" t="s">
        <v>247</v>
      </c>
      <c r="C1925">
        <v>39</v>
      </c>
      <c r="D1925" t="s">
        <v>246</v>
      </c>
      <c r="E1925">
        <v>1063</v>
      </c>
      <c r="F1925" t="s">
        <v>892</v>
      </c>
      <c r="G1925" t="s">
        <v>892</v>
      </c>
      <c r="H1925" t="s">
        <v>892</v>
      </c>
      <c r="I1925" t="s">
        <v>892</v>
      </c>
      <c r="J1925" t="s">
        <v>693</v>
      </c>
      <c r="K1925">
        <v>56</v>
      </c>
      <c r="L1925" t="s">
        <v>892</v>
      </c>
      <c r="M1925" t="s">
        <v>892</v>
      </c>
      <c r="N1925" t="s">
        <v>892</v>
      </c>
      <c r="O1925" t="s">
        <v>892</v>
      </c>
      <c r="P1925" t="s">
        <v>655</v>
      </c>
      <c r="Q1925">
        <v>1</v>
      </c>
      <c r="R1925" t="s">
        <v>893</v>
      </c>
      <c r="S1925">
        <v>3</v>
      </c>
      <c r="T1925" t="s">
        <v>892</v>
      </c>
      <c r="U1925" t="s">
        <v>892</v>
      </c>
      <c r="V1925">
        <v>3</v>
      </c>
      <c r="W1925">
        <v>180</v>
      </c>
      <c r="X1925">
        <v>2020</v>
      </c>
    </row>
    <row r="1926" spans="1:24" x14ac:dyDescent="0.25">
      <c r="A1926">
        <v>11135</v>
      </c>
      <c r="B1926" t="s">
        <v>247</v>
      </c>
      <c r="C1926">
        <v>39</v>
      </c>
      <c r="D1926" t="s">
        <v>246</v>
      </c>
      <c r="E1926">
        <v>1063</v>
      </c>
      <c r="F1926" t="s">
        <v>892</v>
      </c>
      <c r="G1926" t="s">
        <v>892</v>
      </c>
      <c r="H1926" t="s">
        <v>892</v>
      </c>
      <c r="I1926" t="s">
        <v>892</v>
      </c>
      <c r="J1926" t="s">
        <v>1236</v>
      </c>
      <c r="K1926">
        <v>60</v>
      </c>
      <c r="L1926" t="s">
        <v>892</v>
      </c>
      <c r="M1926" t="s">
        <v>892</v>
      </c>
      <c r="N1926" t="s">
        <v>892</v>
      </c>
      <c r="O1926" t="s">
        <v>892</v>
      </c>
      <c r="P1926" t="s">
        <v>655</v>
      </c>
      <c r="Q1926">
        <v>1</v>
      </c>
      <c r="R1926" t="s">
        <v>893</v>
      </c>
      <c r="S1926">
        <v>3</v>
      </c>
      <c r="T1926" t="s">
        <v>892</v>
      </c>
      <c r="U1926" t="s">
        <v>892</v>
      </c>
      <c r="V1926">
        <v>3</v>
      </c>
      <c r="W1926">
        <v>180</v>
      </c>
      <c r="X1926">
        <v>2020</v>
      </c>
    </row>
    <row r="1927" spans="1:24" x14ac:dyDescent="0.25">
      <c r="A1927">
        <v>11134</v>
      </c>
      <c r="B1927" t="s">
        <v>247</v>
      </c>
      <c r="C1927">
        <v>39</v>
      </c>
      <c r="D1927" t="s">
        <v>246</v>
      </c>
      <c r="E1927">
        <v>1063</v>
      </c>
      <c r="F1927" t="s">
        <v>892</v>
      </c>
      <c r="G1927" t="s">
        <v>892</v>
      </c>
      <c r="H1927" t="s">
        <v>892</v>
      </c>
      <c r="I1927" t="s">
        <v>892</v>
      </c>
      <c r="J1927" t="s">
        <v>807</v>
      </c>
      <c r="K1927">
        <v>25</v>
      </c>
      <c r="L1927" t="s">
        <v>892</v>
      </c>
      <c r="M1927" t="s">
        <v>892</v>
      </c>
      <c r="N1927" t="s">
        <v>892</v>
      </c>
      <c r="O1927" t="s">
        <v>892</v>
      </c>
      <c r="P1927" t="s">
        <v>655</v>
      </c>
      <c r="Q1927">
        <v>1</v>
      </c>
      <c r="R1927" t="s">
        <v>893</v>
      </c>
      <c r="S1927">
        <v>3</v>
      </c>
      <c r="T1927" t="s">
        <v>892</v>
      </c>
      <c r="U1927" t="s">
        <v>892</v>
      </c>
      <c r="V1927">
        <v>3</v>
      </c>
      <c r="W1927">
        <v>180</v>
      </c>
      <c r="X1927">
        <v>2020</v>
      </c>
    </row>
    <row r="1928" spans="1:24" x14ac:dyDescent="0.25">
      <c r="A1928">
        <v>11133</v>
      </c>
      <c r="B1928" t="s">
        <v>247</v>
      </c>
      <c r="C1928">
        <v>39</v>
      </c>
      <c r="D1928" t="s">
        <v>246</v>
      </c>
      <c r="E1928">
        <v>1063</v>
      </c>
      <c r="F1928" t="s">
        <v>892</v>
      </c>
      <c r="G1928" t="s">
        <v>892</v>
      </c>
      <c r="H1928" t="s">
        <v>892</v>
      </c>
      <c r="I1928" t="s">
        <v>892</v>
      </c>
      <c r="J1928" t="s">
        <v>663</v>
      </c>
      <c r="K1928">
        <v>99</v>
      </c>
      <c r="L1928" t="s">
        <v>892</v>
      </c>
      <c r="M1928" t="s">
        <v>892</v>
      </c>
      <c r="N1928" t="s">
        <v>892</v>
      </c>
      <c r="O1928" t="s">
        <v>892</v>
      </c>
      <c r="P1928" t="s">
        <v>655</v>
      </c>
      <c r="Q1928">
        <v>1</v>
      </c>
      <c r="R1928" t="s">
        <v>893</v>
      </c>
      <c r="S1928">
        <v>3</v>
      </c>
      <c r="T1928" t="s">
        <v>892</v>
      </c>
      <c r="U1928" t="s">
        <v>892</v>
      </c>
      <c r="V1928">
        <v>3</v>
      </c>
      <c r="W1928">
        <v>180</v>
      </c>
      <c r="X1928">
        <v>2020</v>
      </c>
    </row>
    <row r="1929" spans="1:24" x14ac:dyDescent="0.25">
      <c r="A1929">
        <v>11132</v>
      </c>
      <c r="B1929" t="s">
        <v>247</v>
      </c>
      <c r="C1929">
        <v>39</v>
      </c>
      <c r="D1929" t="s">
        <v>246</v>
      </c>
      <c r="E1929">
        <v>1063</v>
      </c>
      <c r="F1929" t="s">
        <v>892</v>
      </c>
      <c r="G1929" t="s">
        <v>892</v>
      </c>
      <c r="H1929" t="s">
        <v>892</v>
      </c>
      <c r="I1929" t="s">
        <v>892</v>
      </c>
      <c r="J1929" t="s">
        <v>813</v>
      </c>
      <c r="K1929">
        <v>24</v>
      </c>
      <c r="L1929" t="s">
        <v>892</v>
      </c>
      <c r="M1929" t="s">
        <v>892</v>
      </c>
      <c r="N1929" t="s">
        <v>892</v>
      </c>
      <c r="O1929" t="s">
        <v>892</v>
      </c>
      <c r="P1929" t="s">
        <v>655</v>
      </c>
      <c r="Q1929">
        <v>1</v>
      </c>
      <c r="R1929" t="s">
        <v>893</v>
      </c>
      <c r="S1929">
        <v>3</v>
      </c>
      <c r="T1929" t="s">
        <v>892</v>
      </c>
      <c r="U1929" t="s">
        <v>892</v>
      </c>
      <c r="V1929">
        <v>3</v>
      </c>
      <c r="W1929">
        <v>180</v>
      </c>
      <c r="X1929">
        <v>2020</v>
      </c>
    </row>
    <row r="1930" spans="1:24" x14ac:dyDescent="0.25">
      <c r="A1930">
        <v>11131</v>
      </c>
      <c r="B1930" t="s">
        <v>247</v>
      </c>
      <c r="C1930">
        <v>39</v>
      </c>
      <c r="D1930" t="s">
        <v>246</v>
      </c>
      <c r="E1930">
        <v>1063</v>
      </c>
      <c r="F1930" t="s">
        <v>892</v>
      </c>
      <c r="G1930" t="s">
        <v>892</v>
      </c>
      <c r="H1930" t="s">
        <v>892</v>
      </c>
      <c r="I1930" t="s">
        <v>892</v>
      </c>
      <c r="J1930" t="s">
        <v>65</v>
      </c>
      <c r="K1930">
        <v>15</v>
      </c>
      <c r="L1930" t="s">
        <v>892</v>
      </c>
      <c r="M1930" t="s">
        <v>892</v>
      </c>
      <c r="N1930" t="s">
        <v>892</v>
      </c>
      <c r="O1930" t="s">
        <v>892</v>
      </c>
      <c r="P1930" t="s">
        <v>655</v>
      </c>
      <c r="Q1930">
        <v>1</v>
      </c>
      <c r="R1930" t="s">
        <v>893</v>
      </c>
      <c r="S1930">
        <v>3</v>
      </c>
      <c r="T1930" t="s">
        <v>892</v>
      </c>
      <c r="U1930" t="s">
        <v>892</v>
      </c>
      <c r="V1930">
        <v>3</v>
      </c>
      <c r="W1930">
        <v>180</v>
      </c>
      <c r="X1930">
        <v>2020</v>
      </c>
    </row>
    <row r="1931" spans="1:24" x14ac:dyDescent="0.25">
      <c r="A1931">
        <v>11130</v>
      </c>
      <c r="B1931" t="s">
        <v>247</v>
      </c>
      <c r="C1931">
        <v>39</v>
      </c>
      <c r="D1931" t="s">
        <v>246</v>
      </c>
      <c r="E1931">
        <v>1063</v>
      </c>
      <c r="F1931" t="s">
        <v>892</v>
      </c>
      <c r="G1931" t="s">
        <v>892</v>
      </c>
      <c r="H1931" t="s">
        <v>892</v>
      </c>
      <c r="I1931" t="s">
        <v>892</v>
      </c>
      <c r="J1931" t="s">
        <v>1559</v>
      </c>
      <c r="K1931">
        <v>96</v>
      </c>
      <c r="L1931" t="s">
        <v>892</v>
      </c>
      <c r="M1931" t="s">
        <v>892</v>
      </c>
      <c r="N1931" t="s">
        <v>892</v>
      </c>
      <c r="O1931" t="s">
        <v>892</v>
      </c>
      <c r="P1931" t="s">
        <v>655</v>
      </c>
      <c r="Q1931">
        <v>1</v>
      </c>
      <c r="R1931" t="s">
        <v>893</v>
      </c>
      <c r="S1931">
        <v>3</v>
      </c>
      <c r="T1931" t="s">
        <v>892</v>
      </c>
      <c r="U1931" t="s">
        <v>892</v>
      </c>
      <c r="V1931">
        <v>3</v>
      </c>
      <c r="W1931">
        <v>180</v>
      </c>
      <c r="X1931">
        <v>2020</v>
      </c>
    </row>
    <row r="1932" spans="1:24" x14ac:dyDescent="0.25">
      <c r="A1932">
        <v>11129</v>
      </c>
      <c r="B1932" t="s">
        <v>247</v>
      </c>
      <c r="C1932">
        <v>39</v>
      </c>
      <c r="D1932" t="s">
        <v>246</v>
      </c>
      <c r="E1932">
        <v>1063</v>
      </c>
      <c r="F1932" t="s">
        <v>892</v>
      </c>
      <c r="G1932" t="s">
        <v>892</v>
      </c>
      <c r="H1932" t="s">
        <v>892</v>
      </c>
      <c r="I1932" t="s">
        <v>892</v>
      </c>
      <c r="J1932" t="s">
        <v>767</v>
      </c>
      <c r="K1932">
        <v>44</v>
      </c>
      <c r="L1932" t="s">
        <v>892</v>
      </c>
      <c r="M1932" t="s">
        <v>892</v>
      </c>
      <c r="N1932" t="s">
        <v>892</v>
      </c>
      <c r="O1932" t="s">
        <v>892</v>
      </c>
      <c r="P1932" t="s">
        <v>655</v>
      </c>
      <c r="Q1932">
        <v>1</v>
      </c>
      <c r="R1932" t="s">
        <v>893</v>
      </c>
      <c r="S1932">
        <v>3</v>
      </c>
      <c r="T1932" t="s">
        <v>892</v>
      </c>
      <c r="U1932" t="s">
        <v>892</v>
      </c>
      <c r="V1932">
        <v>3</v>
      </c>
      <c r="W1932">
        <v>180</v>
      </c>
      <c r="X1932">
        <v>2020</v>
      </c>
    </row>
    <row r="1933" spans="1:24" x14ac:dyDescent="0.25">
      <c r="A1933">
        <v>11128</v>
      </c>
      <c r="B1933" t="s">
        <v>249</v>
      </c>
      <c r="C1933">
        <v>38</v>
      </c>
      <c r="D1933" t="s">
        <v>248</v>
      </c>
      <c r="E1933">
        <v>1062</v>
      </c>
      <c r="F1933" t="s">
        <v>892</v>
      </c>
      <c r="G1933" t="s">
        <v>892</v>
      </c>
      <c r="H1933" t="s">
        <v>892</v>
      </c>
      <c r="I1933" t="s">
        <v>892</v>
      </c>
      <c r="J1933" t="s">
        <v>738</v>
      </c>
      <c r="K1933">
        <v>61</v>
      </c>
      <c r="L1933" t="s">
        <v>892</v>
      </c>
      <c r="M1933" t="s">
        <v>892</v>
      </c>
      <c r="N1933" t="s">
        <v>892</v>
      </c>
      <c r="O1933" t="s">
        <v>892</v>
      </c>
      <c r="P1933" t="s">
        <v>655</v>
      </c>
      <c r="Q1933">
        <v>1</v>
      </c>
      <c r="R1933" t="s">
        <v>893</v>
      </c>
      <c r="S1933">
        <v>3</v>
      </c>
      <c r="T1933" t="s">
        <v>892</v>
      </c>
      <c r="U1933" t="s">
        <v>892</v>
      </c>
      <c r="V1933">
        <v>3</v>
      </c>
      <c r="W1933">
        <v>180</v>
      </c>
      <c r="X1933">
        <v>2020</v>
      </c>
    </row>
    <row r="1934" spans="1:24" x14ac:dyDescent="0.25">
      <c r="A1934">
        <v>11127</v>
      </c>
      <c r="B1934" t="s">
        <v>22</v>
      </c>
      <c r="C1934">
        <v>28</v>
      </c>
      <c r="D1934" t="s">
        <v>250</v>
      </c>
      <c r="E1934">
        <v>1061</v>
      </c>
      <c r="F1934" t="s">
        <v>892</v>
      </c>
      <c r="G1934" t="s">
        <v>892</v>
      </c>
      <c r="H1934" t="s">
        <v>892</v>
      </c>
      <c r="I1934" t="s">
        <v>892</v>
      </c>
      <c r="J1934" t="s">
        <v>295</v>
      </c>
      <c r="K1934">
        <v>30</v>
      </c>
      <c r="L1934" t="s">
        <v>892</v>
      </c>
      <c r="M1934" t="s">
        <v>892</v>
      </c>
      <c r="N1934" t="s">
        <v>892</v>
      </c>
      <c r="O1934" t="s">
        <v>892</v>
      </c>
      <c r="P1934" t="s">
        <v>655</v>
      </c>
      <c r="Q1934">
        <v>1</v>
      </c>
      <c r="R1934" t="s">
        <v>893</v>
      </c>
      <c r="S1934">
        <v>3</v>
      </c>
      <c r="T1934" t="s">
        <v>892</v>
      </c>
      <c r="U1934" t="s">
        <v>892</v>
      </c>
      <c r="V1934">
        <v>3</v>
      </c>
      <c r="W1934">
        <v>180</v>
      </c>
      <c r="X1934">
        <v>2020</v>
      </c>
    </row>
    <row r="1935" spans="1:24" x14ac:dyDescent="0.25">
      <c r="A1935">
        <v>11126</v>
      </c>
      <c r="B1935" t="s">
        <v>22</v>
      </c>
      <c r="C1935">
        <v>28</v>
      </c>
      <c r="D1935" t="s">
        <v>250</v>
      </c>
      <c r="E1935">
        <v>1061</v>
      </c>
      <c r="F1935" t="s">
        <v>892</v>
      </c>
      <c r="G1935" t="s">
        <v>892</v>
      </c>
      <c r="H1935" t="s">
        <v>892</v>
      </c>
      <c r="I1935" t="s">
        <v>892</v>
      </c>
      <c r="J1935" t="s">
        <v>802</v>
      </c>
      <c r="K1935">
        <v>12</v>
      </c>
      <c r="L1935" t="s">
        <v>892</v>
      </c>
      <c r="M1935" t="s">
        <v>892</v>
      </c>
      <c r="N1935" t="s">
        <v>892</v>
      </c>
      <c r="O1935" t="s">
        <v>892</v>
      </c>
      <c r="P1935" t="s">
        <v>655</v>
      </c>
      <c r="Q1935">
        <v>1</v>
      </c>
      <c r="R1935" t="s">
        <v>893</v>
      </c>
      <c r="S1935">
        <v>3</v>
      </c>
      <c r="T1935" t="s">
        <v>892</v>
      </c>
      <c r="U1935" t="s">
        <v>892</v>
      </c>
      <c r="V1935">
        <v>3</v>
      </c>
      <c r="W1935">
        <v>180</v>
      </c>
      <c r="X1935">
        <v>2020</v>
      </c>
    </row>
    <row r="1936" spans="1:24" x14ac:dyDescent="0.25">
      <c r="A1936">
        <v>11125</v>
      </c>
      <c r="B1936" t="s">
        <v>22</v>
      </c>
      <c r="C1936">
        <v>28</v>
      </c>
      <c r="D1936" t="s">
        <v>250</v>
      </c>
      <c r="E1936">
        <v>1061</v>
      </c>
      <c r="F1936" t="s">
        <v>892</v>
      </c>
      <c r="G1936" t="s">
        <v>892</v>
      </c>
      <c r="H1936" t="s">
        <v>892</v>
      </c>
      <c r="I1936" t="s">
        <v>892</v>
      </c>
      <c r="J1936" t="s">
        <v>663</v>
      </c>
      <c r="K1936">
        <v>99</v>
      </c>
      <c r="L1936" t="s">
        <v>892</v>
      </c>
      <c r="M1936" t="s">
        <v>892</v>
      </c>
      <c r="N1936" t="s">
        <v>892</v>
      </c>
      <c r="O1936" t="s">
        <v>892</v>
      </c>
      <c r="P1936" t="s">
        <v>655</v>
      </c>
      <c r="Q1936">
        <v>1</v>
      </c>
      <c r="R1936" t="s">
        <v>893</v>
      </c>
      <c r="S1936">
        <v>3</v>
      </c>
      <c r="T1936" t="s">
        <v>892</v>
      </c>
      <c r="U1936" t="s">
        <v>892</v>
      </c>
      <c r="V1936">
        <v>3</v>
      </c>
      <c r="W1936">
        <v>180</v>
      </c>
      <c r="X1936">
        <v>2020</v>
      </c>
    </row>
    <row r="1937" spans="1:24" x14ac:dyDescent="0.25">
      <c r="A1937">
        <v>11124</v>
      </c>
      <c r="B1937" t="s">
        <v>22</v>
      </c>
      <c r="C1937">
        <v>28</v>
      </c>
      <c r="D1937" t="s">
        <v>250</v>
      </c>
      <c r="E1937">
        <v>1061</v>
      </c>
      <c r="F1937" t="s">
        <v>892</v>
      </c>
      <c r="G1937" t="s">
        <v>892</v>
      </c>
      <c r="H1937" t="s">
        <v>892</v>
      </c>
      <c r="I1937" t="s">
        <v>892</v>
      </c>
      <c r="J1937" t="s">
        <v>813</v>
      </c>
      <c r="K1937">
        <v>24</v>
      </c>
      <c r="L1937" t="s">
        <v>892</v>
      </c>
      <c r="M1937" t="s">
        <v>892</v>
      </c>
      <c r="N1937" t="s">
        <v>892</v>
      </c>
      <c r="O1937" t="s">
        <v>892</v>
      </c>
      <c r="P1937" t="s">
        <v>655</v>
      </c>
      <c r="Q1937">
        <v>1</v>
      </c>
      <c r="R1937" t="s">
        <v>893</v>
      </c>
      <c r="S1937">
        <v>3</v>
      </c>
      <c r="T1937" t="s">
        <v>892</v>
      </c>
      <c r="U1937" t="s">
        <v>892</v>
      </c>
      <c r="V1937">
        <v>3</v>
      </c>
      <c r="W1937">
        <v>180</v>
      </c>
      <c r="X1937">
        <v>2020</v>
      </c>
    </row>
    <row r="1938" spans="1:24" x14ac:dyDescent="0.25">
      <c r="A1938">
        <v>11123</v>
      </c>
      <c r="B1938" t="s">
        <v>22</v>
      </c>
      <c r="C1938">
        <v>28</v>
      </c>
      <c r="D1938" t="s">
        <v>42</v>
      </c>
      <c r="E1938">
        <v>1319</v>
      </c>
      <c r="F1938" t="s">
        <v>892</v>
      </c>
      <c r="G1938" t="s">
        <v>892</v>
      </c>
      <c r="H1938" t="s">
        <v>892</v>
      </c>
      <c r="I1938" t="s">
        <v>892</v>
      </c>
      <c r="J1938" t="s">
        <v>738</v>
      </c>
      <c r="K1938">
        <v>61</v>
      </c>
      <c r="L1938" t="s">
        <v>892</v>
      </c>
      <c r="M1938" t="s">
        <v>892</v>
      </c>
      <c r="N1938" t="s">
        <v>892</v>
      </c>
      <c r="O1938" t="s">
        <v>892</v>
      </c>
      <c r="P1938" t="s">
        <v>655</v>
      </c>
      <c r="Q1938">
        <v>1</v>
      </c>
      <c r="R1938" t="s">
        <v>893</v>
      </c>
      <c r="S1938">
        <v>3</v>
      </c>
      <c r="T1938" t="s">
        <v>892</v>
      </c>
      <c r="U1938" t="s">
        <v>892</v>
      </c>
      <c r="V1938">
        <v>3</v>
      </c>
      <c r="W1938">
        <v>180</v>
      </c>
      <c r="X1938">
        <v>2020</v>
      </c>
    </row>
    <row r="1939" spans="1:24" x14ac:dyDescent="0.25">
      <c r="A1939">
        <v>11122</v>
      </c>
      <c r="B1939" t="s">
        <v>22</v>
      </c>
      <c r="C1939">
        <v>28</v>
      </c>
      <c r="D1939" t="s">
        <v>42</v>
      </c>
      <c r="E1939">
        <v>1319</v>
      </c>
      <c r="F1939" t="s">
        <v>892</v>
      </c>
      <c r="G1939" t="s">
        <v>892</v>
      </c>
      <c r="H1939" t="s">
        <v>892</v>
      </c>
      <c r="I1939" t="s">
        <v>892</v>
      </c>
      <c r="J1939" t="s">
        <v>693</v>
      </c>
      <c r="K1939">
        <v>56</v>
      </c>
      <c r="L1939" t="s">
        <v>892</v>
      </c>
      <c r="M1939" t="s">
        <v>892</v>
      </c>
      <c r="N1939" t="s">
        <v>892</v>
      </c>
      <c r="O1939" t="s">
        <v>892</v>
      </c>
      <c r="P1939" t="s">
        <v>655</v>
      </c>
      <c r="Q1939">
        <v>1</v>
      </c>
      <c r="R1939" t="s">
        <v>893</v>
      </c>
      <c r="S1939">
        <v>3</v>
      </c>
      <c r="T1939" t="s">
        <v>892</v>
      </c>
      <c r="U1939" t="s">
        <v>892</v>
      </c>
      <c r="V1939">
        <v>3</v>
      </c>
      <c r="W1939">
        <v>180</v>
      </c>
      <c r="X1939">
        <v>2020</v>
      </c>
    </row>
    <row r="1940" spans="1:24" x14ac:dyDescent="0.25">
      <c r="A1940">
        <v>11121</v>
      </c>
      <c r="B1940" t="s">
        <v>22</v>
      </c>
      <c r="C1940">
        <v>28</v>
      </c>
      <c r="D1940" t="s">
        <v>43</v>
      </c>
      <c r="E1940">
        <v>1316</v>
      </c>
      <c r="F1940" t="s">
        <v>892</v>
      </c>
      <c r="G1940" t="s">
        <v>892</v>
      </c>
      <c r="H1940" t="s">
        <v>892</v>
      </c>
      <c r="I1940" t="s">
        <v>892</v>
      </c>
      <c r="J1940" t="s">
        <v>714</v>
      </c>
      <c r="K1940">
        <v>52</v>
      </c>
      <c r="L1940" t="s">
        <v>892</v>
      </c>
      <c r="M1940" t="s">
        <v>892</v>
      </c>
      <c r="N1940" t="s">
        <v>892</v>
      </c>
      <c r="O1940" t="s">
        <v>892</v>
      </c>
      <c r="P1940" t="s">
        <v>655</v>
      </c>
      <c r="Q1940">
        <v>1</v>
      </c>
      <c r="R1940" t="s">
        <v>893</v>
      </c>
      <c r="S1940">
        <v>3</v>
      </c>
      <c r="T1940" t="s">
        <v>892</v>
      </c>
      <c r="U1940" t="s">
        <v>892</v>
      </c>
      <c r="V1940">
        <v>3</v>
      </c>
      <c r="W1940">
        <v>180</v>
      </c>
      <c r="X1940">
        <v>2020</v>
      </c>
    </row>
    <row r="1941" spans="1:24" x14ac:dyDescent="0.25">
      <c r="A1941">
        <v>11120</v>
      </c>
      <c r="B1941" t="s">
        <v>22</v>
      </c>
      <c r="C1941">
        <v>28</v>
      </c>
      <c r="D1941" t="s">
        <v>43</v>
      </c>
      <c r="E1941">
        <v>1316</v>
      </c>
      <c r="F1941" t="s">
        <v>892</v>
      </c>
      <c r="G1941" t="s">
        <v>892</v>
      </c>
      <c r="H1941" t="s">
        <v>892</v>
      </c>
      <c r="I1941" t="s">
        <v>892</v>
      </c>
      <c r="J1941" t="s">
        <v>797</v>
      </c>
      <c r="K1941">
        <v>65</v>
      </c>
      <c r="L1941" t="s">
        <v>892</v>
      </c>
      <c r="M1941" t="s">
        <v>892</v>
      </c>
      <c r="N1941" t="s">
        <v>892</v>
      </c>
      <c r="O1941" t="s">
        <v>892</v>
      </c>
      <c r="P1941" t="s">
        <v>655</v>
      </c>
      <c r="Q1941">
        <v>1</v>
      </c>
      <c r="R1941" t="s">
        <v>893</v>
      </c>
      <c r="S1941">
        <v>3</v>
      </c>
      <c r="T1941" t="s">
        <v>892</v>
      </c>
      <c r="U1941" t="s">
        <v>892</v>
      </c>
      <c r="V1941">
        <v>3</v>
      </c>
      <c r="W1941">
        <v>180</v>
      </c>
      <c r="X1941">
        <v>2020</v>
      </c>
    </row>
    <row r="1942" spans="1:24" x14ac:dyDescent="0.25">
      <c r="A1942">
        <v>11119</v>
      </c>
      <c r="B1942" t="s">
        <v>22</v>
      </c>
      <c r="C1942">
        <v>28</v>
      </c>
      <c r="D1942" t="s">
        <v>43</v>
      </c>
      <c r="E1942">
        <v>1316</v>
      </c>
      <c r="F1942" t="s">
        <v>892</v>
      </c>
      <c r="G1942" t="s">
        <v>892</v>
      </c>
      <c r="H1942" t="s">
        <v>892</v>
      </c>
      <c r="I1942" t="s">
        <v>892</v>
      </c>
      <c r="J1942" t="s">
        <v>880</v>
      </c>
      <c r="K1942">
        <v>58</v>
      </c>
      <c r="L1942" t="s">
        <v>892</v>
      </c>
      <c r="M1942" t="s">
        <v>892</v>
      </c>
      <c r="N1942" t="s">
        <v>892</v>
      </c>
      <c r="O1942" t="s">
        <v>892</v>
      </c>
      <c r="P1942" t="s">
        <v>655</v>
      </c>
      <c r="Q1942">
        <v>1</v>
      </c>
      <c r="R1942" t="s">
        <v>893</v>
      </c>
      <c r="S1942">
        <v>3</v>
      </c>
      <c r="T1942" t="s">
        <v>892</v>
      </c>
      <c r="U1942" t="s">
        <v>892</v>
      </c>
      <c r="V1942">
        <v>3</v>
      </c>
      <c r="W1942">
        <v>180</v>
      </c>
      <c r="X1942">
        <v>2020</v>
      </c>
    </row>
    <row r="1943" spans="1:24" x14ac:dyDescent="0.25">
      <c r="A1943">
        <v>11118</v>
      </c>
      <c r="B1943" t="s">
        <v>22</v>
      </c>
      <c r="C1943">
        <v>28</v>
      </c>
      <c r="D1943" t="s">
        <v>43</v>
      </c>
      <c r="E1943">
        <v>1316</v>
      </c>
      <c r="F1943" t="s">
        <v>892</v>
      </c>
      <c r="G1943" t="s">
        <v>892</v>
      </c>
      <c r="H1943" t="s">
        <v>892</v>
      </c>
      <c r="I1943" t="s">
        <v>892</v>
      </c>
      <c r="J1943" t="s">
        <v>1236</v>
      </c>
      <c r="K1943">
        <v>60</v>
      </c>
      <c r="L1943" t="s">
        <v>892</v>
      </c>
      <c r="M1943" t="s">
        <v>892</v>
      </c>
      <c r="N1943" t="s">
        <v>892</v>
      </c>
      <c r="O1943" t="s">
        <v>892</v>
      </c>
      <c r="P1943" t="s">
        <v>655</v>
      </c>
      <c r="Q1943">
        <v>1</v>
      </c>
      <c r="R1943" t="s">
        <v>893</v>
      </c>
      <c r="S1943">
        <v>3</v>
      </c>
      <c r="T1943" t="s">
        <v>892</v>
      </c>
      <c r="U1943" t="s">
        <v>892</v>
      </c>
      <c r="V1943">
        <v>3</v>
      </c>
      <c r="W1943">
        <v>180</v>
      </c>
      <c r="X1943">
        <v>2020</v>
      </c>
    </row>
    <row r="1944" spans="1:24" x14ac:dyDescent="0.25">
      <c r="A1944">
        <v>11117</v>
      </c>
      <c r="B1944" t="s">
        <v>22</v>
      </c>
      <c r="C1944">
        <v>28</v>
      </c>
      <c r="D1944" t="s">
        <v>43</v>
      </c>
      <c r="E1944">
        <v>1316</v>
      </c>
      <c r="F1944" t="s">
        <v>892</v>
      </c>
      <c r="G1944" t="s">
        <v>892</v>
      </c>
      <c r="H1944" t="s">
        <v>892</v>
      </c>
      <c r="I1944" t="s">
        <v>892</v>
      </c>
      <c r="J1944" t="s">
        <v>897</v>
      </c>
      <c r="K1944">
        <v>3</v>
      </c>
      <c r="L1944" t="s">
        <v>892</v>
      </c>
      <c r="M1944" t="s">
        <v>892</v>
      </c>
      <c r="N1944" t="s">
        <v>892</v>
      </c>
      <c r="O1944" t="s">
        <v>892</v>
      </c>
      <c r="P1944" t="s">
        <v>655</v>
      </c>
      <c r="Q1944">
        <v>1</v>
      </c>
      <c r="R1944" t="s">
        <v>893</v>
      </c>
      <c r="S1944">
        <v>3</v>
      </c>
      <c r="T1944" t="s">
        <v>892</v>
      </c>
      <c r="U1944" t="s">
        <v>892</v>
      </c>
      <c r="V1944">
        <v>3</v>
      </c>
      <c r="W1944">
        <v>180</v>
      </c>
      <c r="X1944">
        <v>2020</v>
      </c>
    </row>
    <row r="1945" spans="1:24" x14ac:dyDescent="0.25">
      <c r="A1945">
        <v>11116</v>
      </c>
      <c r="B1945" t="s">
        <v>22</v>
      </c>
      <c r="C1945">
        <v>28</v>
      </c>
      <c r="D1945" t="s">
        <v>43</v>
      </c>
      <c r="E1945">
        <v>1316</v>
      </c>
      <c r="F1945" t="s">
        <v>892</v>
      </c>
      <c r="G1945" t="s">
        <v>892</v>
      </c>
      <c r="H1945" t="s">
        <v>892</v>
      </c>
      <c r="I1945" t="s">
        <v>892</v>
      </c>
      <c r="J1945" t="s">
        <v>767</v>
      </c>
      <c r="K1945">
        <v>44</v>
      </c>
      <c r="L1945" t="s">
        <v>892</v>
      </c>
      <c r="M1945" t="s">
        <v>892</v>
      </c>
      <c r="N1945" t="s">
        <v>892</v>
      </c>
      <c r="O1945" t="s">
        <v>892</v>
      </c>
      <c r="P1945" t="s">
        <v>655</v>
      </c>
      <c r="Q1945">
        <v>1</v>
      </c>
      <c r="R1945" t="s">
        <v>893</v>
      </c>
      <c r="S1945">
        <v>3</v>
      </c>
      <c r="T1945" t="s">
        <v>892</v>
      </c>
      <c r="U1945" t="s">
        <v>892</v>
      </c>
      <c r="V1945">
        <v>3</v>
      </c>
      <c r="W1945">
        <v>180</v>
      </c>
      <c r="X1945">
        <v>2020</v>
      </c>
    </row>
    <row r="1946" spans="1:24" x14ac:dyDescent="0.25">
      <c r="A1946">
        <v>11115</v>
      </c>
      <c r="B1946" t="s">
        <v>22</v>
      </c>
      <c r="C1946">
        <v>28</v>
      </c>
      <c r="D1946" t="s">
        <v>43</v>
      </c>
      <c r="E1946">
        <v>1316</v>
      </c>
      <c r="F1946" t="s">
        <v>892</v>
      </c>
      <c r="G1946" t="s">
        <v>892</v>
      </c>
      <c r="H1946" t="s">
        <v>892</v>
      </c>
      <c r="I1946" t="s">
        <v>892</v>
      </c>
      <c r="J1946" t="s">
        <v>851</v>
      </c>
      <c r="K1946">
        <v>43</v>
      </c>
      <c r="L1946" t="s">
        <v>892</v>
      </c>
      <c r="M1946" t="s">
        <v>892</v>
      </c>
      <c r="N1946" t="s">
        <v>892</v>
      </c>
      <c r="O1946" t="s">
        <v>892</v>
      </c>
      <c r="P1946" t="s">
        <v>655</v>
      </c>
      <c r="Q1946">
        <v>1</v>
      </c>
      <c r="R1946" t="s">
        <v>893</v>
      </c>
      <c r="S1946">
        <v>3</v>
      </c>
      <c r="T1946" t="s">
        <v>892</v>
      </c>
      <c r="U1946" t="s">
        <v>892</v>
      </c>
      <c r="V1946">
        <v>3</v>
      </c>
      <c r="W1946">
        <v>180</v>
      </c>
      <c r="X1946">
        <v>2020</v>
      </c>
    </row>
    <row r="1947" spans="1:24" x14ac:dyDescent="0.25">
      <c r="A1947">
        <v>11114</v>
      </c>
      <c r="B1947" t="s">
        <v>14</v>
      </c>
      <c r="C1947">
        <v>20</v>
      </c>
      <c r="D1947" t="s">
        <v>251</v>
      </c>
      <c r="E1947">
        <v>1059</v>
      </c>
      <c r="F1947" t="s">
        <v>892</v>
      </c>
      <c r="G1947" t="s">
        <v>892</v>
      </c>
      <c r="H1947" t="s">
        <v>892</v>
      </c>
      <c r="I1947" t="s">
        <v>892</v>
      </c>
      <c r="J1947" t="s">
        <v>864</v>
      </c>
      <c r="K1947">
        <v>14</v>
      </c>
      <c r="L1947" t="s">
        <v>892</v>
      </c>
      <c r="M1947" t="s">
        <v>892</v>
      </c>
      <c r="N1947" t="s">
        <v>892</v>
      </c>
      <c r="O1947" t="s">
        <v>892</v>
      </c>
      <c r="P1947" t="s">
        <v>655</v>
      </c>
      <c r="Q1947">
        <v>1</v>
      </c>
      <c r="R1947" t="s">
        <v>893</v>
      </c>
      <c r="S1947">
        <v>3</v>
      </c>
      <c r="T1947" t="s">
        <v>892</v>
      </c>
      <c r="U1947" t="s">
        <v>892</v>
      </c>
      <c r="V1947">
        <v>3</v>
      </c>
      <c r="W1947">
        <v>180</v>
      </c>
      <c r="X1947">
        <v>2020</v>
      </c>
    </row>
    <row r="1948" spans="1:24" x14ac:dyDescent="0.25">
      <c r="A1948">
        <v>11113</v>
      </c>
      <c r="B1948" t="s">
        <v>14</v>
      </c>
      <c r="C1948">
        <v>20</v>
      </c>
      <c r="D1948" t="s">
        <v>252</v>
      </c>
      <c r="E1948">
        <v>1058</v>
      </c>
      <c r="F1948" t="s">
        <v>892</v>
      </c>
      <c r="G1948" t="s">
        <v>892</v>
      </c>
      <c r="H1948" t="s">
        <v>892</v>
      </c>
      <c r="I1948" t="s">
        <v>892</v>
      </c>
      <c r="J1948" t="s">
        <v>864</v>
      </c>
      <c r="K1948">
        <v>14</v>
      </c>
      <c r="L1948" t="s">
        <v>892</v>
      </c>
      <c r="M1948" t="s">
        <v>892</v>
      </c>
      <c r="N1948" t="s">
        <v>892</v>
      </c>
      <c r="O1948" t="s">
        <v>892</v>
      </c>
      <c r="P1948" t="s">
        <v>655</v>
      </c>
      <c r="Q1948">
        <v>1</v>
      </c>
      <c r="R1948" t="s">
        <v>893</v>
      </c>
      <c r="S1948">
        <v>3</v>
      </c>
      <c r="T1948" t="s">
        <v>892</v>
      </c>
      <c r="U1948" t="s">
        <v>892</v>
      </c>
      <c r="V1948">
        <v>3</v>
      </c>
      <c r="W1948">
        <v>180</v>
      </c>
      <c r="X1948">
        <v>2020</v>
      </c>
    </row>
    <row r="1949" spans="1:24" x14ac:dyDescent="0.25">
      <c r="A1949">
        <v>11112</v>
      </c>
      <c r="B1949" t="s">
        <v>14</v>
      </c>
      <c r="C1949">
        <v>20</v>
      </c>
      <c r="D1949" t="s">
        <v>253</v>
      </c>
      <c r="E1949">
        <v>1057</v>
      </c>
      <c r="F1949" t="s">
        <v>892</v>
      </c>
      <c r="G1949" t="s">
        <v>892</v>
      </c>
      <c r="H1949" t="s">
        <v>892</v>
      </c>
      <c r="I1949" t="s">
        <v>892</v>
      </c>
      <c r="J1949" t="s">
        <v>679</v>
      </c>
      <c r="K1949">
        <v>32</v>
      </c>
      <c r="L1949" t="s">
        <v>892</v>
      </c>
      <c r="M1949" t="s">
        <v>892</v>
      </c>
      <c r="N1949" t="s">
        <v>892</v>
      </c>
      <c r="O1949" t="s">
        <v>892</v>
      </c>
      <c r="P1949" t="s">
        <v>655</v>
      </c>
      <c r="Q1949">
        <v>1</v>
      </c>
      <c r="R1949" t="s">
        <v>893</v>
      </c>
      <c r="S1949">
        <v>3</v>
      </c>
      <c r="T1949" t="s">
        <v>892</v>
      </c>
      <c r="U1949" t="s">
        <v>892</v>
      </c>
      <c r="V1949">
        <v>3</v>
      </c>
      <c r="W1949">
        <v>180</v>
      </c>
      <c r="X1949">
        <v>2020</v>
      </c>
    </row>
    <row r="1950" spans="1:24" x14ac:dyDescent="0.25">
      <c r="A1950">
        <v>11111</v>
      </c>
      <c r="B1950" t="s">
        <v>14</v>
      </c>
      <c r="C1950">
        <v>20</v>
      </c>
      <c r="D1950" t="s">
        <v>265</v>
      </c>
      <c r="E1950">
        <v>1045</v>
      </c>
      <c r="F1950" t="s">
        <v>892</v>
      </c>
      <c r="G1950" t="s">
        <v>892</v>
      </c>
      <c r="H1950" t="s">
        <v>892</v>
      </c>
      <c r="I1950" t="s">
        <v>892</v>
      </c>
      <c r="J1950" t="s">
        <v>894</v>
      </c>
      <c r="K1950">
        <v>18</v>
      </c>
      <c r="L1950" t="s">
        <v>892</v>
      </c>
      <c r="M1950" t="s">
        <v>892</v>
      </c>
      <c r="N1950" t="s">
        <v>892</v>
      </c>
      <c r="O1950" t="s">
        <v>892</v>
      </c>
      <c r="P1950" t="s">
        <v>655</v>
      </c>
      <c r="Q1950">
        <v>1</v>
      </c>
      <c r="R1950" t="s">
        <v>893</v>
      </c>
      <c r="S1950">
        <v>3</v>
      </c>
      <c r="T1950" t="s">
        <v>892</v>
      </c>
      <c r="U1950" t="s">
        <v>892</v>
      </c>
      <c r="V1950">
        <v>3</v>
      </c>
      <c r="W1950">
        <v>180</v>
      </c>
      <c r="X1950">
        <v>2020</v>
      </c>
    </row>
    <row r="1951" spans="1:24" x14ac:dyDescent="0.25">
      <c r="A1951">
        <v>11110</v>
      </c>
      <c r="B1951" t="s">
        <v>14</v>
      </c>
      <c r="C1951">
        <v>20</v>
      </c>
      <c r="D1951" t="s">
        <v>270</v>
      </c>
      <c r="E1951">
        <v>1040</v>
      </c>
      <c r="F1951" t="s">
        <v>892</v>
      </c>
      <c r="G1951" t="s">
        <v>892</v>
      </c>
      <c r="H1951" t="s">
        <v>892</v>
      </c>
      <c r="I1951" t="s">
        <v>892</v>
      </c>
      <c r="J1951" t="s">
        <v>894</v>
      </c>
      <c r="K1951">
        <v>18</v>
      </c>
      <c r="L1951" t="s">
        <v>892</v>
      </c>
      <c r="M1951" t="s">
        <v>892</v>
      </c>
      <c r="N1951" t="s">
        <v>892</v>
      </c>
      <c r="O1951" t="s">
        <v>892</v>
      </c>
      <c r="P1951" t="s">
        <v>655</v>
      </c>
      <c r="Q1951">
        <v>1</v>
      </c>
      <c r="R1951" t="s">
        <v>893</v>
      </c>
      <c r="S1951">
        <v>3</v>
      </c>
      <c r="T1951" t="s">
        <v>892</v>
      </c>
      <c r="U1951" t="s">
        <v>892</v>
      </c>
      <c r="V1951">
        <v>3</v>
      </c>
      <c r="W1951">
        <v>180</v>
      </c>
      <c r="X1951">
        <v>2020</v>
      </c>
    </row>
    <row r="1952" spans="1:24" x14ac:dyDescent="0.25">
      <c r="A1952">
        <v>11109</v>
      </c>
      <c r="B1952" t="s">
        <v>14</v>
      </c>
      <c r="C1952">
        <v>20</v>
      </c>
      <c r="D1952" t="s">
        <v>270</v>
      </c>
      <c r="E1952">
        <v>1040</v>
      </c>
      <c r="F1952" t="s">
        <v>892</v>
      </c>
      <c r="G1952" t="s">
        <v>892</v>
      </c>
      <c r="H1952" t="s">
        <v>892</v>
      </c>
      <c r="I1952" t="s">
        <v>892</v>
      </c>
      <c r="J1952" t="s">
        <v>691</v>
      </c>
      <c r="K1952">
        <v>21</v>
      </c>
      <c r="L1952" t="s">
        <v>892</v>
      </c>
      <c r="M1952" t="s">
        <v>892</v>
      </c>
      <c r="N1952" t="s">
        <v>892</v>
      </c>
      <c r="O1952" t="s">
        <v>892</v>
      </c>
      <c r="P1952" t="s">
        <v>655</v>
      </c>
      <c r="Q1952">
        <v>1</v>
      </c>
      <c r="R1952" t="s">
        <v>893</v>
      </c>
      <c r="S1952">
        <v>3</v>
      </c>
      <c r="T1952" t="s">
        <v>892</v>
      </c>
      <c r="U1952" t="s">
        <v>892</v>
      </c>
      <c r="V1952">
        <v>3</v>
      </c>
      <c r="W1952">
        <v>180</v>
      </c>
      <c r="X1952">
        <v>2020</v>
      </c>
    </row>
    <row r="1953" spans="1:24" x14ac:dyDescent="0.25">
      <c r="A1953">
        <v>11108</v>
      </c>
      <c r="B1953" t="s">
        <v>14</v>
      </c>
      <c r="C1953">
        <v>20</v>
      </c>
      <c r="D1953" t="s">
        <v>254</v>
      </c>
      <c r="E1953">
        <v>1056</v>
      </c>
      <c r="F1953" t="s">
        <v>892</v>
      </c>
      <c r="G1953" t="s">
        <v>892</v>
      </c>
      <c r="H1953" t="s">
        <v>892</v>
      </c>
      <c r="I1953" t="s">
        <v>892</v>
      </c>
      <c r="J1953" t="s">
        <v>807</v>
      </c>
      <c r="K1953">
        <v>25</v>
      </c>
      <c r="L1953" t="s">
        <v>892</v>
      </c>
      <c r="M1953" t="s">
        <v>892</v>
      </c>
      <c r="N1953" t="s">
        <v>892</v>
      </c>
      <c r="O1953" t="s">
        <v>892</v>
      </c>
      <c r="P1953" t="s">
        <v>655</v>
      </c>
      <c r="Q1953">
        <v>1</v>
      </c>
      <c r="R1953" t="s">
        <v>893</v>
      </c>
      <c r="S1953">
        <v>3</v>
      </c>
      <c r="T1953" t="s">
        <v>892</v>
      </c>
      <c r="U1953" t="s">
        <v>892</v>
      </c>
      <c r="V1953">
        <v>3</v>
      </c>
      <c r="W1953">
        <v>180</v>
      </c>
      <c r="X1953">
        <v>2020</v>
      </c>
    </row>
    <row r="1954" spans="1:24" x14ac:dyDescent="0.25">
      <c r="A1954">
        <v>11107</v>
      </c>
      <c r="B1954" t="s">
        <v>14</v>
      </c>
      <c r="C1954">
        <v>20</v>
      </c>
      <c r="D1954" t="s">
        <v>273</v>
      </c>
      <c r="E1954">
        <v>1037</v>
      </c>
      <c r="F1954" t="s">
        <v>892</v>
      </c>
      <c r="G1954" t="s">
        <v>892</v>
      </c>
      <c r="H1954" t="s">
        <v>892</v>
      </c>
      <c r="I1954" t="s">
        <v>892</v>
      </c>
      <c r="J1954" t="s">
        <v>807</v>
      </c>
      <c r="K1954">
        <v>25</v>
      </c>
      <c r="L1954" t="s">
        <v>892</v>
      </c>
      <c r="M1954" t="s">
        <v>892</v>
      </c>
      <c r="N1954" t="s">
        <v>892</v>
      </c>
      <c r="O1954" t="s">
        <v>892</v>
      </c>
      <c r="P1954" t="s">
        <v>655</v>
      </c>
      <c r="Q1954">
        <v>1</v>
      </c>
      <c r="R1954" t="s">
        <v>893</v>
      </c>
      <c r="S1954">
        <v>3</v>
      </c>
      <c r="T1954" t="s">
        <v>892</v>
      </c>
      <c r="U1954" t="s">
        <v>892</v>
      </c>
      <c r="V1954">
        <v>3</v>
      </c>
      <c r="W1954">
        <v>180</v>
      </c>
      <c r="X1954">
        <v>2020</v>
      </c>
    </row>
    <row r="1955" spans="1:24" x14ac:dyDescent="0.25">
      <c r="A1955">
        <v>11106</v>
      </c>
      <c r="B1955" t="s">
        <v>14</v>
      </c>
      <c r="C1955">
        <v>20</v>
      </c>
      <c r="D1955" t="s">
        <v>255</v>
      </c>
      <c r="E1955">
        <v>1055</v>
      </c>
      <c r="F1955" t="s">
        <v>892</v>
      </c>
      <c r="G1955" t="s">
        <v>892</v>
      </c>
      <c r="H1955" t="s">
        <v>892</v>
      </c>
      <c r="I1955" t="s">
        <v>892</v>
      </c>
      <c r="J1955" t="s">
        <v>736</v>
      </c>
      <c r="K1955">
        <v>8</v>
      </c>
      <c r="L1955" t="s">
        <v>892</v>
      </c>
      <c r="M1955" t="s">
        <v>892</v>
      </c>
      <c r="N1955" t="s">
        <v>892</v>
      </c>
      <c r="O1955" t="s">
        <v>892</v>
      </c>
      <c r="P1955" t="s">
        <v>655</v>
      </c>
      <c r="Q1955">
        <v>1</v>
      </c>
      <c r="R1955" t="s">
        <v>893</v>
      </c>
      <c r="S1955">
        <v>3</v>
      </c>
      <c r="T1955" t="s">
        <v>892</v>
      </c>
      <c r="U1955" t="s">
        <v>892</v>
      </c>
      <c r="V1955">
        <v>3</v>
      </c>
      <c r="W1955">
        <v>180</v>
      </c>
      <c r="X1955">
        <v>2020</v>
      </c>
    </row>
    <row r="1956" spans="1:24" x14ac:dyDescent="0.25">
      <c r="A1956">
        <v>11105</v>
      </c>
      <c r="B1956" t="s">
        <v>14</v>
      </c>
      <c r="C1956">
        <v>20</v>
      </c>
      <c r="D1956" t="s">
        <v>256</v>
      </c>
      <c r="E1956">
        <v>1054</v>
      </c>
      <c r="F1956" t="s">
        <v>892</v>
      </c>
      <c r="G1956" t="s">
        <v>892</v>
      </c>
      <c r="H1956" t="s">
        <v>892</v>
      </c>
      <c r="I1956" t="s">
        <v>892</v>
      </c>
      <c r="J1956" t="s">
        <v>663</v>
      </c>
      <c r="K1956">
        <v>99</v>
      </c>
      <c r="L1956" t="s">
        <v>892</v>
      </c>
      <c r="M1956" t="s">
        <v>892</v>
      </c>
      <c r="N1956" t="s">
        <v>892</v>
      </c>
      <c r="O1956" t="s">
        <v>892</v>
      </c>
      <c r="P1956" t="s">
        <v>655</v>
      </c>
      <c r="Q1956">
        <v>1</v>
      </c>
      <c r="R1956" t="s">
        <v>893</v>
      </c>
      <c r="S1956">
        <v>3</v>
      </c>
      <c r="T1956" t="s">
        <v>892</v>
      </c>
      <c r="U1956" t="s">
        <v>892</v>
      </c>
      <c r="V1956">
        <v>3</v>
      </c>
      <c r="W1956">
        <v>180</v>
      </c>
      <c r="X1956">
        <v>2020</v>
      </c>
    </row>
    <row r="1957" spans="1:24" x14ac:dyDescent="0.25">
      <c r="A1957">
        <v>11104</v>
      </c>
      <c r="B1957" t="s">
        <v>14</v>
      </c>
      <c r="C1957">
        <v>20</v>
      </c>
      <c r="D1957" t="s">
        <v>257</v>
      </c>
      <c r="E1957">
        <v>1053</v>
      </c>
      <c r="F1957" t="s">
        <v>892</v>
      </c>
      <c r="G1957" t="s">
        <v>892</v>
      </c>
      <c r="H1957" t="s">
        <v>892</v>
      </c>
      <c r="I1957" t="s">
        <v>892</v>
      </c>
      <c r="J1957" t="s">
        <v>663</v>
      </c>
      <c r="K1957">
        <v>99</v>
      </c>
      <c r="L1957" t="s">
        <v>892</v>
      </c>
      <c r="M1957" t="s">
        <v>892</v>
      </c>
      <c r="N1957" t="s">
        <v>892</v>
      </c>
      <c r="O1957" t="s">
        <v>892</v>
      </c>
      <c r="P1957" t="s">
        <v>655</v>
      </c>
      <c r="Q1957">
        <v>1</v>
      </c>
      <c r="R1957" t="s">
        <v>893</v>
      </c>
      <c r="S1957">
        <v>3</v>
      </c>
      <c r="T1957" t="s">
        <v>892</v>
      </c>
      <c r="U1957" t="s">
        <v>892</v>
      </c>
      <c r="V1957">
        <v>3</v>
      </c>
      <c r="W1957">
        <v>180</v>
      </c>
      <c r="X1957">
        <v>2020</v>
      </c>
    </row>
    <row r="1958" spans="1:24" x14ac:dyDescent="0.25">
      <c r="A1958">
        <v>11103</v>
      </c>
      <c r="B1958" t="s">
        <v>14</v>
      </c>
      <c r="C1958">
        <v>20</v>
      </c>
      <c r="D1958" t="s">
        <v>270</v>
      </c>
      <c r="E1958">
        <v>1040</v>
      </c>
      <c r="F1958" t="s">
        <v>892</v>
      </c>
      <c r="G1958" t="s">
        <v>892</v>
      </c>
      <c r="H1958" t="s">
        <v>892</v>
      </c>
      <c r="I1958" t="s">
        <v>892</v>
      </c>
      <c r="J1958" t="s">
        <v>703</v>
      </c>
      <c r="K1958">
        <v>16</v>
      </c>
      <c r="L1958" t="s">
        <v>892</v>
      </c>
      <c r="M1958" t="s">
        <v>892</v>
      </c>
      <c r="N1958" t="s">
        <v>892</v>
      </c>
      <c r="O1958" t="s">
        <v>892</v>
      </c>
      <c r="P1958" t="s">
        <v>655</v>
      </c>
      <c r="Q1958">
        <v>1</v>
      </c>
      <c r="R1958" t="s">
        <v>893</v>
      </c>
      <c r="S1958">
        <v>3</v>
      </c>
      <c r="T1958" t="s">
        <v>892</v>
      </c>
      <c r="U1958" t="s">
        <v>892</v>
      </c>
      <c r="V1958">
        <v>3</v>
      </c>
      <c r="W1958">
        <v>180</v>
      </c>
      <c r="X1958">
        <v>2020</v>
      </c>
    </row>
    <row r="1959" spans="1:24" x14ac:dyDescent="0.25">
      <c r="A1959">
        <v>11102</v>
      </c>
      <c r="B1959" t="s">
        <v>14</v>
      </c>
      <c r="C1959">
        <v>20</v>
      </c>
      <c r="D1959" t="s">
        <v>274</v>
      </c>
      <c r="E1959">
        <v>1036</v>
      </c>
      <c r="F1959" t="s">
        <v>892</v>
      </c>
      <c r="G1959" t="s">
        <v>892</v>
      </c>
      <c r="H1959" t="s">
        <v>892</v>
      </c>
      <c r="I1959" t="s">
        <v>892</v>
      </c>
      <c r="J1959" t="s">
        <v>703</v>
      </c>
      <c r="K1959">
        <v>16</v>
      </c>
      <c r="L1959" t="s">
        <v>892</v>
      </c>
      <c r="M1959" t="s">
        <v>892</v>
      </c>
      <c r="N1959" t="s">
        <v>892</v>
      </c>
      <c r="O1959" t="s">
        <v>892</v>
      </c>
      <c r="P1959" t="s">
        <v>655</v>
      </c>
      <c r="Q1959">
        <v>1</v>
      </c>
      <c r="R1959" t="s">
        <v>893</v>
      </c>
      <c r="S1959">
        <v>3</v>
      </c>
      <c r="T1959" t="s">
        <v>892</v>
      </c>
      <c r="U1959" t="s">
        <v>892</v>
      </c>
      <c r="V1959">
        <v>3</v>
      </c>
      <c r="W1959">
        <v>180</v>
      </c>
      <c r="X1959">
        <v>2020</v>
      </c>
    </row>
    <row r="1960" spans="1:24" x14ac:dyDescent="0.25">
      <c r="A1960">
        <v>11101</v>
      </c>
      <c r="B1960" t="s">
        <v>14</v>
      </c>
      <c r="C1960">
        <v>20</v>
      </c>
      <c r="D1960" t="s">
        <v>258</v>
      </c>
      <c r="E1960">
        <v>1052</v>
      </c>
      <c r="F1960" t="s">
        <v>892</v>
      </c>
      <c r="G1960" t="s">
        <v>892</v>
      </c>
      <c r="H1960" t="s">
        <v>892</v>
      </c>
      <c r="I1960" t="s">
        <v>892</v>
      </c>
      <c r="J1960" t="s">
        <v>703</v>
      </c>
      <c r="K1960">
        <v>16</v>
      </c>
      <c r="L1960" t="s">
        <v>892</v>
      </c>
      <c r="M1960" t="s">
        <v>892</v>
      </c>
      <c r="N1960" t="s">
        <v>892</v>
      </c>
      <c r="O1960" t="s">
        <v>892</v>
      </c>
      <c r="P1960" t="s">
        <v>655</v>
      </c>
      <c r="Q1960">
        <v>1</v>
      </c>
      <c r="R1960" t="s">
        <v>893</v>
      </c>
      <c r="S1960">
        <v>3</v>
      </c>
      <c r="T1960" t="s">
        <v>892</v>
      </c>
      <c r="U1960" t="s">
        <v>892</v>
      </c>
      <c r="V1960">
        <v>3</v>
      </c>
      <c r="W1960">
        <v>180</v>
      </c>
      <c r="X1960">
        <v>2020</v>
      </c>
    </row>
    <row r="1961" spans="1:24" x14ac:dyDescent="0.25">
      <c r="A1961">
        <v>11100</v>
      </c>
      <c r="B1961" t="s">
        <v>14</v>
      </c>
      <c r="C1961">
        <v>20</v>
      </c>
      <c r="D1961" t="s">
        <v>259</v>
      </c>
      <c r="E1961">
        <v>1051</v>
      </c>
      <c r="F1961" t="s">
        <v>892</v>
      </c>
      <c r="G1961" t="s">
        <v>892</v>
      </c>
      <c r="H1961" t="s">
        <v>892</v>
      </c>
      <c r="I1961" t="s">
        <v>892</v>
      </c>
      <c r="J1961" t="s">
        <v>885</v>
      </c>
      <c r="K1961">
        <v>1</v>
      </c>
      <c r="L1961" t="s">
        <v>892</v>
      </c>
      <c r="M1961" t="s">
        <v>892</v>
      </c>
      <c r="N1961" t="s">
        <v>892</v>
      </c>
      <c r="O1961" t="s">
        <v>892</v>
      </c>
      <c r="P1961" t="s">
        <v>655</v>
      </c>
      <c r="Q1961">
        <v>1</v>
      </c>
      <c r="R1961" t="s">
        <v>893</v>
      </c>
      <c r="S1961">
        <v>3</v>
      </c>
      <c r="T1961" t="s">
        <v>892</v>
      </c>
      <c r="U1961" t="s">
        <v>892</v>
      </c>
      <c r="V1961">
        <v>3</v>
      </c>
      <c r="W1961">
        <v>180</v>
      </c>
      <c r="X1961">
        <v>2020</v>
      </c>
    </row>
    <row r="1962" spans="1:24" x14ac:dyDescent="0.25">
      <c r="A1962">
        <v>11099</v>
      </c>
      <c r="B1962" t="s">
        <v>14</v>
      </c>
      <c r="C1962">
        <v>20</v>
      </c>
      <c r="D1962" t="s">
        <v>259</v>
      </c>
      <c r="E1962">
        <v>1051</v>
      </c>
      <c r="F1962" t="s">
        <v>892</v>
      </c>
      <c r="G1962" t="s">
        <v>892</v>
      </c>
      <c r="H1962" t="s">
        <v>892</v>
      </c>
      <c r="I1962" t="s">
        <v>892</v>
      </c>
      <c r="J1962" t="s">
        <v>676</v>
      </c>
      <c r="K1962">
        <v>4</v>
      </c>
      <c r="L1962" t="s">
        <v>892</v>
      </c>
      <c r="M1962" t="s">
        <v>892</v>
      </c>
      <c r="N1962" t="s">
        <v>892</v>
      </c>
      <c r="O1962" t="s">
        <v>892</v>
      </c>
      <c r="P1962" t="s">
        <v>655</v>
      </c>
      <c r="Q1962">
        <v>1</v>
      </c>
      <c r="R1962" t="s">
        <v>893</v>
      </c>
      <c r="S1962">
        <v>3</v>
      </c>
      <c r="T1962" t="s">
        <v>892</v>
      </c>
      <c r="U1962" t="s">
        <v>892</v>
      </c>
      <c r="V1962">
        <v>3</v>
      </c>
      <c r="W1962">
        <v>180</v>
      </c>
      <c r="X1962">
        <v>2020</v>
      </c>
    </row>
    <row r="1963" spans="1:24" x14ac:dyDescent="0.25">
      <c r="A1963">
        <v>11098</v>
      </c>
      <c r="B1963" t="s">
        <v>14</v>
      </c>
      <c r="C1963">
        <v>20</v>
      </c>
      <c r="D1963" t="s">
        <v>265</v>
      </c>
      <c r="E1963">
        <v>1045</v>
      </c>
      <c r="F1963" t="s">
        <v>892</v>
      </c>
      <c r="G1963" t="s">
        <v>892</v>
      </c>
      <c r="H1963" t="s">
        <v>892</v>
      </c>
      <c r="I1963" t="s">
        <v>892</v>
      </c>
      <c r="J1963" t="s">
        <v>802</v>
      </c>
      <c r="K1963">
        <v>12</v>
      </c>
      <c r="L1963" t="s">
        <v>892</v>
      </c>
      <c r="M1963" t="s">
        <v>892</v>
      </c>
      <c r="N1963" t="s">
        <v>892</v>
      </c>
      <c r="O1963" t="s">
        <v>892</v>
      </c>
      <c r="P1963" t="s">
        <v>655</v>
      </c>
      <c r="Q1963">
        <v>1</v>
      </c>
      <c r="R1963" t="s">
        <v>893</v>
      </c>
      <c r="S1963">
        <v>3</v>
      </c>
      <c r="T1963" t="s">
        <v>892</v>
      </c>
      <c r="U1963" t="s">
        <v>892</v>
      </c>
      <c r="V1963">
        <v>3</v>
      </c>
      <c r="W1963">
        <v>180</v>
      </c>
      <c r="X1963">
        <v>2020</v>
      </c>
    </row>
    <row r="1964" spans="1:24" x14ac:dyDescent="0.25">
      <c r="A1964">
        <v>11097</v>
      </c>
      <c r="B1964" t="s">
        <v>14</v>
      </c>
      <c r="C1964">
        <v>20</v>
      </c>
      <c r="D1964" t="s">
        <v>274</v>
      </c>
      <c r="E1964">
        <v>1036</v>
      </c>
      <c r="F1964" t="s">
        <v>892</v>
      </c>
      <c r="G1964" t="s">
        <v>892</v>
      </c>
      <c r="H1964" t="s">
        <v>892</v>
      </c>
      <c r="I1964" t="s">
        <v>892</v>
      </c>
      <c r="J1964" t="s">
        <v>802</v>
      </c>
      <c r="K1964">
        <v>12</v>
      </c>
      <c r="L1964" t="s">
        <v>892</v>
      </c>
      <c r="M1964" t="s">
        <v>892</v>
      </c>
      <c r="N1964" t="s">
        <v>892</v>
      </c>
      <c r="O1964" t="s">
        <v>892</v>
      </c>
      <c r="P1964" t="s">
        <v>655</v>
      </c>
      <c r="Q1964">
        <v>1</v>
      </c>
      <c r="R1964" t="s">
        <v>893</v>
      </c>
      <c r="S1964">
        <v>3</v>
      </c>
      <c r="T1964" t="s">
        <v>892</v>
      </c>
      <c r="U1964" t="s">
        <v>892</v>
      </c>
      <c r="V1964">
        <v>3</v>
      </c>
      <c r="W1964">
        <v>180</v>
      </c>
      <c r="X1964">
        <v>2020</v>
      </c>
    </row>
    <row r="1965" spans="1:24" x14ac:dyDescent="0.25">
      <c r="A1965">
        <v>11096</v>
      </c>
      <c r="B1965" t="s">
        <v>14</v>
      </c>
      <c r="C1965">
        <v>20</v>
      </c>
      <c r="D1965" t="s">
        <v>260</v>
      </c>
      <c r="E1965">
        <v>1050</v>
      </c>
      <c r="F1965" t="s">
        <v>892</v>
      </c>
      <c r="G1965" t="s">
        <v>892</v>
      </c>
      <c r="H1965" t="s">
        <v>892</v>
      </c>
      <c r="I1965" t="s">
        <v>892</v>
      </c>
      <c r="J1965" t="s">
        <v>802</v>
      </c>
      <c r="K1965">
        <v>12</v>
      </c>
      <c r="L1965" t="s">
        <v>892</v>
      </c>
      <c r="M1965" t="s">
        <v>892</v>
      </c>
      <c r="N1965" t="s">
        <v>892</v>
      </c>
      <c r="O1965" t="s">
        <v>892</v>
      </c>
      <c r="P1965" t="s">
        <v>655</v>
      </c>
      <c r="Q1965">
        <v>1</v>
      </c>
      <c r="R1965" t="s">
        <v>893</v>
      </c>
      <c r="S1965">
        <v>3</v>
      </c>
      <c r="T1965" t="s">
        <v>892</v>
      </c>
      <c r="U1965" t="s">
        <v>892</v>
      </c>
      <c r="V1965">
        <v>3</v>
      </c>
      <c r="W1965">
        <v>180</v>
      </c>
      <c r="X1965">
        <v>2020</v>
      </c>
    </row>
    <row r="1966" spans="1:24" x14ac:dyDescent="0.25">
      <c r="A1966">
        <v>11095</v>
      </c>
      <c r="B1966" t="s">
        <v>14</v>
      </c>
      <c r="C1966">
        <v>20</v>
      </c>
      <c r="D1966" t="s">
        <v>261</v>
      </c>
      <c r="E1966">
        <v>1049</v>
      </c>
      <c r="F1966" t="s">
        <v>892</v>
      </c>
      <c r="G1966" t="s">
        <v>892</v>
      </c>
      <c r="H1966" t="s">
        <v>892</v>
      </c>
      <c r="I1966" t="s">
        <v>892</v>
      </c>
      <c r="J1966" t="s">
        <v>742</v>
      </c>
      <c r="K1966">
        <v>48</v>
      </c>
      <c r="L1966" t="s">
        <v>892</v>
      </c>
      <c r="M1966" t="s">
        <v>892</v>
      </c>
      <c r="N1966" t="s">
        <v>892</v>
      </c>
      <c r="O1966" t="s">
        <v>892</v>
      </c>
      <c r="P1966" t="s">
        <v>655</v>
      </c>
      <c r="Q1966">
        <v>1</v>
      </c>
      <c r="R1966" t="s">
        <v>893</v>
      </c>
      <c r="S1966">
        <v>3</v>
      </c>
      <c r="T1966" t="s">
        <v>892</v>
      </c>
      <c r="U1966" t="s">
        <v>892</v>
      </c>
      <c r="V1966">
        <v>3</v>
      </c>
      <c r="W1966">
        <v>180</v>
      </c>
      <c r="X1966">
        <v>2020</v>
      </c>
    </row>
    <row r="1967" spans="1:24" x14ac:dyDescent="0.25">
      <c r="A1967">
        <v>11094</v>
      </c>
      <c r="B1967" t="s">
        <v>14</v>
      </c>
      <c r="C1967">
        <v>20</v>
      </c>
      <c r="D1967" t="s">
        <v>262</v>
      </c>
      <c r="E1967">
        <v>1048</v>
      </c>
      <c r="F1967" t="s">
        <v>892</v>
      </c>
      <c r="G1967" t="s">
        <v>892</v>
      </c>
      <c r="H1967" t="s">
        <v>892</v>
      </c>
      <c r="I1967" t="s">
        <v>892</v>
      </c>
      <c r="J1967" t="s">
        <v>896</v>
      </c>
      <c r="K1967">
        <v>7</v>
      </c>
      <c r="L1967" t="s">
        <v>892</v>
      </c>
      <c r="M1967" t="s">
        <v>892</v>
      </c>
      <c r="N1967" t="s">
        <v>892</v>
      </c>
      <c r="O1967" t="s">
        <v>892</v>
      </c>
      <c r="P1967" t="s">
        <v>655</v>
      </c>
      <c r="Q1967">
        <v>1</v>
      </c>
      <c r="R1967" t="s">
        <v>893</v>
      </c>
      <c r="S1967">
        <v>3</v>
      </c>
      <c r="T1967" t="s">
        <v>892</v>
      </c>
      <c r="U1967" t="s">
        <v>892</v>
      </c>
      <c r="V1967">
        <v>3</v>
      </c>
      <c r="W1967">
        <v>180</v>
      </c>
      <c r="X1967">
        <v>2020</v>
      </c>
    </row>
    <row r="1968" spans="1:24" x14ac:dyDescent="0.25">
      <c r="A1968">
        <v>11093</v>
      </c>
      <c r="B1968" t="s">
        <v>14</v>
      </c>
      <c r="C1968">
        <v>20</v>
      </c>
      <c r="D1968" t="s">
        <v>263</v>
      </c>
      <c r="E1968">
        <v>1047</v>
      </c>
      <c r="F1968" t="s">
        <v>892</v>
      </c>
      <c r="G1968" t="s">
        <v>892</v>
      </c>
      <c r="H1968" t="s">
        <v>892</v>
      </c>
      <c r="I1968" t="s">
        <v>892</v>
      </c>
      <c r="J1968" t="s">
        <v>792</v>
      </c>
      <c r="K1968">
        <v>6</v>
      </c>
      <c r="L1968" t="s">
        <v>892</v>
      </c>
      <c r="M1968" t="s">
        <v>892</v>
      </c>
      <c r="N1968" t="s">
        <v>892</v>
      </c>
      <c r="O1968" t="s">
        <v>892</v>
      </c>
      <c r="P1968" t="s">
        <v>655</v>
      </c>
      <c r="Q1968">
        <v>1</v>
      </c>
      <c r="R1968" t="s">
        <v>893</v>
      </c>
      <c r="S1968">
        <v>3</v>
      </c>
      <c r="T1968" t="s">
        <v>892</v>
      </c>
      <c r="U1968" t="s">
        <v>892</v>
      </c>
      <c r="V1968">
        <v>3</v>
      </c>
      <c r="W1968">
        <v>180</v>
      </c>
      <c r="X1968">
        <v>2020</v>
      </c>
    </row>
    <row r="1969" spans="1:24" x14ac:dyDescent="0.25">
      <c r="A1969">
        <v>11092</v>
      </c>
      <c r="B1969" t="s">
        <v>14</v>
      </c>
      <c r="C1969">
        <v>20</v>
      </c>
      <c r="D1969" t="s">
        <v>264</v>
      </c>
      <c r="E1969">
        <v>1046</v>
      </c>
      <c r="F1969" t="s">
        <v>892</v>
      </c>
      <c r="G1969" t="s">
        <v>892</v>
      </c>
      <c r="H1969" t="s">
        <v>892</v>
      </c>
      <c r="I1969" t="s">
        <v>892</v>
      </c>
      <c r="J1969" t="s">
        <v>726</v>
      </c>
      <c r="K1969">
        <v>2</v>
      </c>
      <c r="L1969" t="s">
        <v>892</v>
      </c>
      <c r="M1969" t="s">
        <v>892</v>
      </c>
      <c r="N1969" t="s">
        <v>892</v>
      </c>
      <c r="O1969" t="s">
        <v>892</v>
      </c>
      <c r="P1969" t="s">
        <v>655</v>
      </c>
      <c r="Q1969">
        <v>1</v>
      </c>
      <c r="R1969" t="s">
        <v>893</v>
      </c>
      <c r="S1969">
        <v>3</v>
      </c>
      <c r="T1969" t="s">
        <v>892</v>
      </c>
      <c r="U1969" t="s">
        <v>892</v>
      </c>
      <c r="V1969">
        <v>3</v>
      </c>
      <c r="W1969">
        <v>180</v>
      </c>
      <c r="X1969">
        <v>2020</v>
      </c>
    </row>
    <row r="1970" spans="1:24" x14ac:dyDescent="0.25">
      <c r="A1970">
        <v>11090</v>
      </c>
      <c r="B1970" t="s">
        <v>14</v>
      </c>
      <c r="C1970">
        <v>20</v>
      </c>
      <c r="D1970" t="s">
        <v>266</v>
      </c>
      <c r="E1970">
        <v>1044</v>
      </c>
      <c r="F1970" t="s">
        <v>892</v>
      </c>
      <c r="G1970" t="s">
        <v>892</v>
      </c>
      <c r="H1970" t="s">
        <v>892</v>
      </c>
      <c r="I1970" t="s">
        <v>892</v>
      </c>
      <c r="J1970" t="s">
        <v>866</v>
      </c>
      <c r="K1970">
        <v>9</v>
      </c>
      <c r="L1970" t="s">
        <v>892</v>
      </c>
      <c r="M1970" t="s">
        <v>892</v>
      </c>
      <c r="N1970" t="s">
        <v>892</v>
      </c>
      <c r="O1970" t="s">
        <v>892</v>
      </c>
      <c r="P1970" t="s">
        <v>655</v>
      </c>
      <c r="Q1970">
        <v>1</v>
      </c>
      <c r="R1970" t="s">
        <v>893</v>
      </c>
      <c r="S1970">
        <v>3</v>
      </c>
      <c r="T1970" t="s">
        <v>892</v>
      </c>
      <c r="U1970" t="s">
        <v>892</v>
      </c>
      <c r="V1970">
        <v>3</v>
      </c>
      <c r="W1970">
        <v>180</v>
      </c>
      <c r="X1970">
        <v>2020</v>
      </c>
    </row>
    <row r="1971" spans="1:24" x14ac:dyDescent="0.25">
      <c r="A1971">
        <v>11089</v>
      </c>
      <c r="B1971" t="s">
        <v>14</v>
      </c>
      <c r="C1971">
        <v>20</v>
      </c>
      <c r="D1971" t="s">
        <v>267</v>
      </c>
      <c r="E1971">
        <v>1043</v>
      </c>
      <c r="F1971" t="s">
        <v>892</v>
      </c>
      <c r="G1971" t="s">
        <v>892</v>
      </c>
      <c r="H1971" t="s">
        <v>892</v>
      </c>
      <c r="I1971" t="s">
        <v>892</v>
      </c>
      <c r="J1971" t="s">
        <v>684</v>
      </c>
      <c r="K1971">
        <v>22</v>
      </c>
      <c r="L1971" t="s">
        <v>892</v>
      </c>
      <c r="M1971" t="s">
        <v>892</v>
      </c>
      <c r="N1971" t="s">
        <v>892</v>
      </c>
      <c r="O1971" t="s">
        <v>892</v>
      </c>
      <c r="P1971" t="s">
        <v>655</v>
      </c>
      <c r="Q1971">
        <v>1</v>
      </c>
      <c r="R1971" t="s">
        <v>893</v>
      </c>
      <c r="S1971">
        <v>3</v>
      </c>
      <c r="T1971" t="s">
        <v>892</v>
      </c>
      <c r="U1971" t="s">
        <v>892</v>
      </c>
      <c r="V1971">
        <v>3</v>
      </c>
      <c r="W1971">
        <v>180</v>
      </c>
      <c r="X1971">
        <v>2020</v>
      </c>
    </row>
    <row r="1972" spans="1:24" x14ac:dyDescent="0.25">
      <c r="A1972">
        <v>11088</v>
      </c>
      <c r="B1972" t="s">
        <v>14</v>
      </c>
      <c r="C1972">
        <v>20</v>
      </c>
      <c r="D1972" t="s">
        <v>267</v>
      </c>
      <c r="E1972">
        <v>1043</v>
      </c>
      <c r="F1972" t="s">
        <v>892</v>
      </c>
      <c r="G1972" t="s">
        <v>892</v>
      </c>
      <c r="H1972" t="s">
        <v>892</v>
      </c>
      <c r="I1972" t="s">
        <v>892</v>
      </c>
      <c r="J1972" t="s">
        <v>868</v>
      </c>
      <c r="K1972">
        <v>23</v>
      </c>
      <c r="L1972" t="s">
        <v>892</v>
      </c>
      <c r="M1972" t="s">
        <v>892</v>
      </c>
      <c r="N1972" t="s">
        <v>892</v>
      </c>
      <c r="O1972" t="s">
        <v>892</v>
      </c>
      <c r="P1972" t="s">
        <v>655</v>
      </c>
      <c r="Q1972">
        <v>1</v>
      </c>
      <c r="R1972" t="s">
        <v>893</v>
      </c>
      <c r="S1972">
        <v>3</v>
      </c>
      <c r="T1972" t="s">
        <v>892</v>
      </c>
      <c r="U1972" t="s">
        <v>892</v>
      </c>
      <c r="V1972">
        <v>3</v>
      </c>
      <c r="W1972">
        <v>180</v>
      </c>
      <c r="X1972">
        <v>2020</v>
      </c>
    </row>
    <row r="1973" spans="1:24" x14ac:dyDescent="0.25">
      <c r="A1973">
        <v>11087</v>
      </c>
      <c r="B1973" t="s">
        <v>14</v>
      </c>
      <c r="C1973">
        <v>20</v>
      </c>
      <c r="D1973" t="s">
        <v>268</v>
      </c>
      <c r="E1973">
        <v>1042</v>
      </c>
      <c r="F1973" t="s">
        <v>892</v>
      </c>
      <c r="G1973" t="s">
        <v>892</v>
      </c>
      <c r="H1973" t="s">
        <v>892</v>
      </c>
      <c r="I1973" t="s">
        <v>892</v>
      </c>
      <c r="J1973" t="s">
        <v>819</v>
      </c>
      <c r="K1973">
        <v>101</v>
      </c>
      <c r="L1973" t="s">
        <v>892</v>
      </c>
      <c r="M1973" t="s">
        <v>892</v>
      </c>
      <c r="N1973" t="s">
        <v>892</v>
      </c>
      <c r="O1973" t="s">
        <v>892</v>
      </c>
      <c r="P1973" t="s">
        <v>655</v>
      </c>
      <c r="Q1973">
        <v>1</v>
      </c>
      <c r="R1973" t="s">
        <v>893</v>
      </c>
      <c r="S1973">
        <v>3</v>
      </c>
      <c r="T1973" t="s">
        <v>892</v>
      </c>
      <c r="U1973" t="s">
        <v>892</v>
      </c>
      <c r="V1973">
        <v>3</v>
      </c>
      <c r="W1973">
        <v>180</v>
      </c>
      <c r="X1973">
        <v>2020</v>
      </c>
    </row>
    <row r="1974" spans="1:24" x14ac:dyDescent="0.25">
      <c r="A1974">
        <v>11086</v>
      </c>
      <c r="B1974" t="s">
        <v>14</v>
      </c>
      <c r="C1974">
        <v>20</v>
      </c>
      <c r="D1974" t="s">
        <v>269</v>
      </c>
      <c r="E1974">
        <v>1041</v>
      </c>
      <c r="F1974" t="s">
        <v>892</v>
      </c>
      <c r="G1974" t="s">
        <v>892</v>
      </c>
      <c r="H1974" t="s">
        <v>892</v>
      </c>
      <c r="I1974" t="s">
        <v>892</v>
      </c>
      <c r="J1974" t="s">
        <v>65</v>
      </c>
      <c r="K1974">
        <v>15</v>
      </c>
      <c r="L1974" t="s">
        <v>892</v>
      </c>
      <c r="M1974" t="s">
        <v>892</v>
      </c>
      <c r="N1974" t="s">
        <v>892</v>
      </c>
      <c r="O1974" t="s">
        <v>892</v>
      </c>
      <c r="P1974" t="s">
        <v>655</v>
      </c>
      <c r="Q1974">
        <v>1</v>
      </c>
      <c r="R1974" t="s">
        <v>893</v>
      </c>
      <c r="S1974">
        <v>3</v>
      </c>
      <c r="T1974" t="s">
        <v>892</v>
      </c>
      <c r="U1974" t="s">
        <v>892</v>
      </c>
      <c r="V1974">
        <v>3</v>
      </c>
      <c r="W1974">
        <v>180</v>
      </c>
      <c r="X1974">
        <v>2020</v>
      </c>
    </row>
    <row r="1975" spans="1:24" x14ac:dyDescent="0.25">
      <c r="A1975">
        <v>11084</v>
      </c>
      <c r="B1975" t="s">
        <v>14</v>
      </c>
      <c r="C1975">
        <v>20</v>
      </c>
      <c r="D1975" t="s">
        <v>273</v>
      </c>
      <c r="E1975">
        <v>1037</v>
      </c>
      <c r="F1975" t="s">
        <v>892</v>
      </c>
      <c r="G1975" t="s">
        <v>892</v>
      </c>
      <c r="H1975" t="s">
        <v>892</v>
      </c>
      <c r="I1975" t="s">
        <v>892</v>
      </c>
      <c r="J1975" t="s">
        <v>294</v>
      </c>
      <c r="K1975">
        <v>31</v>
      </c>
      <c r="L1975" t="s">
        <v>892</v>
      </c>
      <c r="M1975" t="s">
        <v>892</v>
      </c>
      <c r="N1975" t="s">
        <v>892</v>
      </c>
      <c r="O1975" t="s">
        <v>892</v>
      </c>
      <c r="P1975" t="s">
        <v>655</v>
      </c>
      <c r="Q1975">
        <v>1</v>
      </c>
      <c r="R1975" t="s">
        <v>893</v>
      </c>
      <c r="S1975">
        <v>3</v>
      </c>
      <c r="T1975" t="s">
        <v>892</v>
      </c>
      <c r="U1975" t="s">
        <v>892</v>
      </c>
      <c r="V1975">
        <v>3</v>
      </c>
      <c r="W1975">
        <v>180</v>
      </c>
      <c r="X1975">
        <v>2020</v>
      </c>
    </row>
    <row r="1976" spans="1:24" x14ac:dyDescent="0.25">
      <c r="A1976">
        <v>11083</v>
      </c>
      <c r="B1976" t="s">
        <v>14</v>
      </c>
      <c r="C1976">
        <v>20</v>
      </c>
      <c r="D1976" t="s">
        <v>273</v>
      </c>
      <c r="E1976">
        <v>1037</v>
      </c>
      <c r="F1976" t="s">
        <v>892</v>
      </c>
      <c r="G1976" t="s">
        <v>892</v>
      </c>
      <c r="H1976" t="s">
        <v>892</v>
      </c>
      <c r="I1976" t="s">
        <v>892</v>
      </c>
      <c r="J1976" t="s">
        <v>295</v>
      </c>
      <c r="K1976">
        <v>30</v>
      </c>
      <c r="L1976" t="s">
        <v>892</v>
      </c>
      <c r="M1976" t="s">
        <v>892</v>
      </c>
      <c r="N1976" t="s">
        <v>892</v>
      </c>
      <c r="O1976" t="s">
        <v>892</v>
      </c>
      <c r="P1976" t="s">
        <v>655</v>
      </c>
      <c r="Q1976">
        <v>1</v>
      </c>
      <c r="R1976" t="s">
        <v>893</v>
      </c>
      <c r="S1976">
        <v>3</v>
      </c>
      <c r="T1976" t="s">
        <v>892</v>
      </c>
      <c r="U1976" t="s">
        <v>892</v>
      </c>
      <c r="V1976">
        <v>3</v>
      </c>
      <c r="W1976">
        <v>180</v>
      </c>
      <c r="X1976">
        <v>2020</v>
      </c>
    </row>
    <row r="1977" spans="1:24" x14ac:dyDescent="0.25">
      <c r="A1977">
        <v>11082</v>
      </c>
      <c r="B1977" t="s">
        <v>14</v>
      </c>
      <c r="C1977">
        <v>20</v>
      </c>
      <c r="D1977" t="s">
        <v>271</v>
      </c>
      <c r="E1977">
        <v>1039</v>
      </c>
      <c r="F1977" t="s">
        <v>892</v>
      </c>
      <c r="G1977" t="s">
        <v>892</v>
      </c>
      <c r="H1977" t="s">
        <v>892</v>
      </c>
      <c r="I1977" t="s">
        <v>892</v>
      </c>
      <c r="J1977" t="s">
        <v>897</v>
      </c>
      <c r="K1977">
        <v>3</v>
      </c>
      <c r="L1977" t="s">
        <v>892</v>
      </c>
      <c r="M1977" t="s">
        <v>892</v>
      </c>
      <c r="N1977" t="s">
        <v>892</v>
      </c>
      <c r="O1977" t="s">
        <v>892</v>
      </c>
      <c r="P1977" t="s">
        <v>655</v>
      </c>
      <c r="Q1977">
        <v>1</v>
      </c>
      <c r="R1977" t="s">
        <v>893</v>
      </c>
      <c r="S1977">
        <v>3</v>
      </c>
      <c r="T1977" t="s">
        <v>892</v>
      </c>
      <c r="U1977" t="s">
        <v>892</v>
      </c>
      <c r="V1977">
        <v>3</v>
      </c>
      <c r="W1977">
        <v>180</v>
      </c>
      <c r="X1977">
        <v>2020</v>
      </c>
    </row>
    <row r="1978" spans="1:24" x14ac:dyDescent="0.25">
      <c r="A1978">
        <v>11081</v>
      </c>
      <c r="B1978" t="s">
        <v>14</v>
      </c>
      <c r="C1978">
        <v>20</v>
      </c>
      <c r="D1978" t="s">
        <v>272</v>
      </c>
      <c r="E1978">
        <v>1038</v>
      </c>
      <c r="F1978" t="s">
        <v>892</v>
      </c>
      <c r="G1978" t="s">
        <v>892</v>
      </c>
      <c r="H1978" t="s">
        <v>892</v>
      </c>
      <c r="I1978" t="s">
        <v>892</v>
      </c>
      <c r="J1978" t="s">
        <v>831</v>
      </c>
      <c r="K1978">
        <v>5</v>
      </c>
      <c r="L1978" t="s">
        <v>892</v>
      </c>
      <c r="M1978" t="s">
        <v>892</v>
      </c>
      <c r="N1978" t="s">
        <v>892</v>
      </c>
      <c r="O1978" t="s">
        <v>892</v>
      </c>
      <c r="P1978" t="s">
        <v>655</v>
      </c>
      <c r="Q1978">
        <v>1</v>
      </c>
      <c r="R1978" t="s">
        <v>893</v>
      </c>
      <c r="S1978">
        <v>3</v>
      </c>
      <c r="T1978" t="s">
        <v>892</v>
      </c>
      <c r="U1978" t="s">
        <v>892</v>
      </c>
      <c r="V1978">
        <v>3</v>
      </c>
      <c r="W1978">
        <v>180</v>
      </c>
      <c r="X1978">
        <v>2020</v>
      </c>
    </row>
    <row r="1979" spans="1:24" x14ac:dyDescent="0.25">
      <c r="A1979">
        <v>11080</v>
      </c>
      <c r="B1979" t="s">
        <v>14</v>
      </c>
      <c r="C1979">
        <v>20</v>
      </c>
      <c r="D1979" t="s">
        <v>273</v>
      </c>
      <c r="E1979">
        <v>1037</v>
      </c>
      <c r="F1979" t="s">
        <v>892</v>
      </c>
      <c r="G1979" t="s">
        <v>892</v>
      </c>
      <c r="H1979" t="s">
        <v>892</v>
      </c>
      <c r="I1979" t="s">
        <v>892</v>
      </c>
      <c r="J1979" t="s">
        <v>955</v>
      </c>
      <c r="K1979">
        <v>29</v>
      </c>
      <c r="L1979" t="s">
        <v>892</v>
      </c>
      <c r="M1979" t="s">
        <v>892</v>
      </c>
      <c r="N1979" t="s">
        <v>892</v>
      </c>
      <c r="O1979" t="s">
        <v>892</v>
      </c>
      <c r="P1979" t="s">
        <v>655</v>
      </c>
      <c r="Q1979">
        <v>1</v>
      </c>
      <c r="R1979" t="s">
        <v>893</v>
      </c>
      <c r="S1979">
        <v>3</v>
      </c>
      <c r="T1979" t="s">
        <v>892</v>
      </c>
      <c r="U1979" t="s">
        <v>892</v>
      </c>
      <c r="V1979">
        <v>3</v>
      </c>
      <c r="W1979">
        <v>180</v>
      </c>
      <c r="X1979">
        <v>2020</v>
      </c>
    </row>
    <row r="1980" spans="1:24" x14ac:dyDescent="0.25">
      <c r="A1980">
        <v>11079</v>
      </c>
      <c r="B1980" t="s">
        <v>14</v>
      </c>
      <c r="C1980">
        <v>20</v>
      </c>
      <c r="D1980" t="s">
        <v>273</v>
      </c>
      <c r="E1980">
        <v>1037</v>
      </c>
      <c r="F1980" t="s">
        <v>892</v>
      </c>
      <c r="G1980" t="s">
        <v>892</v>
      </c>
      <c r="H1980" t="s">
        <v>892</v>
      </c>
      <c r="I1980" t="s">
        <v>892</v>
      </c>
      <c r="J1980" t="s">
        <v>813</v>
      </c>
      <c r="K1980">
        <v>24</v>
      </c>
      <c r="L1980" t="s">
        <v>892</v>
      </c>
      <c r="M1980" t="s">
        <v>892</v>
      </c>
      <c r="N1980" t="s">
        <v>892</v>
      </c>
      <c r="O1980" t="s">
        <v>892</v>
      </c>
      <c r="P1980" t="s">
        <v>655</v>
      </c>
      <c r="Q1980">
        <v>1</v>
      </c>
      <c r="R1980" t="s">
        <v>893</v>
      </c>
      <c r="S1980">
        <v>3</v>
      </c>
      <c r="T1980" t="s">
        <v>892</v>
      </c>
      <c r="U1980" t="s">
        <v>892</v>
      </c>
      <c r="V1980">
        <v>3</v>
      </c>
      <c r="W1980">
        <v>180</v>
      </c>
      <c r="X1980">
        <v>2020</v>
      </c>
    </row>
    <row r="1981" spans="1:24" x14ac:dyDescent="0.25">
      <c r="A1981">
        <v>11078</v>
      </c>
      <c r="B1981" t="s">
        <v>14</v>
      </c>
      <c r="C1981">
        <v>20</v>
      </c>
      <c r="D1981" t="s">
        <v>273</v>
      </c>
      <c r="E1981">
        <v>1037</v>
      </c>
      <c r="F1981" t="s">
        <v>892</v>
      </c>
      <c r="G1981" t="s">
        <v>892</v>
      </c>
      <c r="H1981" t="s">
        <v>892</v>
      </c>
      <c r="I1981" t="s">
        <v>892</v>
      </c>
      <c r="J1981" t="s">
        <v>299</v>
      </c>
      <c r="K1981">
        <v>27</v>
      </c>
      <c r="L1981" t="s">
        <v>892</v>
      </c>
      <c r="M1981" t="s">
        <v>892</v>
      </c>
      <c r="N1981" t="s">
        <v>892</v>
      </c>
      <c r="O1981" t="s">
        <v>892</v>
      </c>
      <c r="P1981" t="s">
        <v>655</v>
      </c>
      <c r="Q1981">
        <v>1</v>
      </c>
      <c r="R1981" t="s">
        <v>893</v>
      </c>
      <c r="S1981">
        <v>3</v>
      </c>
      <c r="T1981" t="s">
        <v>892</v>
      </c>
      <c r="U1981" t="s">
        <v>892</v>
      </c>
      <c r="V1981">
        <v>3</v>
      </c>
      <c r="W1981">
        <v>180</v>
      </c>
      <c r="X1981">
        <v>2020</v>
      </c>
    </row>
    <row r="1982" spans="1:24" x14ac:dyDescent="0.25">
      <c r="A1982">
        <v>11077</v>
      </c>
      <c r="B1982" t="s">
        <v>14</v>
      </c>
      <c r="C1982">
        <v>20</v>
      </c>
      <c r="D1982" t="s">
        <v>273</v>
      </c>
      <c r="E1982">
        <v>1037</v>
      </c>
      <c r="F1982" t="s">
        <v>892</v>
      </c>
      <c r="G1982" t="s">
        <v>892</v>
      </c>
      <c r="H1982" t="s">
        <v>892</v>
      </c>
      <c r="I1982" t="s">
        <v>892</v>
      </c>
      <c r="J1982" t="s">
        <v>1559</v>
      </c>
      <c r="K1982">
        <v>96</v>
      </c>
      <c r="L1982" t="s">
        <v>892</v>
      </c>
      <c r="M1982" t="s">
        <v>892</v>
      </c>
      <c r="N1982" t="s">
        <v>892</v>
      </c>
      <c r="O1982" t="s">
        <v>892</v>
      </c>
      <c r="P1982" t="s">
        <v>655</v>
      </c>
      <c r="Q1982">
        <v>1</v>
      </c>
      <c r="R1982" t="s">
        <v>893</v>
      </c>
      <c r="S1982">
        <v>3</v>
      </c>
      <c r="T1982" t="s">
        <v>892</v>
      </c>
      <c r="U1982" t="s">
        <v>892</v>
      </c>
      <c r="V1982">
        <v>3</v>
      </c>
      <c r="W1982">
        <v>180</v>
      </c>
      <c r="X1982">
        <v>2020</v>
      </c>
    </row>
    <row r="1983" spans="1:24" x14ac:dyDescent="0.25">
      <c r="A1983">
        <v>11076</v>
      </c>
      <c r="B1983" t="s">
        <v>14</v>
      </c>
      <c r="C1983">
        <v>20</v>
      </c>
      <c r="D1983" t="s">
        <v>265</v>
      </c>
      <c r="E1983">
        <v>1045</v>
      </c>
      <c r="F1983" t="s">
        <v>892</v>
      </c>
      <c r="G1983" t="s">
        <v>892</v>
      </c>
      <c r="H1983" t="s">
        <v>892</v>
      </c>
      <c r="I1983" t="s">
        <v>892</v>
      </c>
      <c r="J1983" t="s">
        <v>756</v>
      </c>
      <c r="K1983">
        <v>19</v>
      </c>
      <c r="L1983" t="s">
        <v>892</v>
      </c>
      <c r="M1983" t="s">
        <v>892</v>
      </c>
      <c r="N1983" t="s">
        <v>892</v>
      </c>
      <c r="O1983" t="s">
        <v>892</v>
      </c>
      <c r="P1983" t="s">
        <v>655</v>
      </c>
      <c r="Q1983">
        <v>1</v>
      </c>
      <c r="R1983" t="s">
        <v>893</v>
      </c>
      <c r="S1983">
        <v>3</v>
      </c>
      <c r="T1983" t="s">
        <v>892</v>
      </c>
      <c r="U1983" t="s">
        <v>892</v>
      </c>
      <c r="V1983">
        <v>3</v>
      </c>
      <c r="W1983">
        <v>180</v>
      </c>
      <c r="X1983">
        <v>2020</v>
      </c>
    </row>
    <row r="1984" spans="1:24" x14ac:dyDescent="0.25">
      <c r="A1984">
        <v>11075</v>
      </c>
      <c r="B1984" t="s">
        <v>14</v>
      </c>
      <c r="C1984">
        <v>20</v>
      </c>
      <c r="D1984" t="s">
        <v>274</v>
      </c>
      <c r="E1984">
        <v>1036</v>
      </c>
      <c r="F1984" t="s">
        <v>892</v>
      </c>
      <c r="G1984" t="s">
        <v>892</v>
      </c>
      <c r="H1984" t="s">
        <v>892</v>
      </c>
      <c r="I1984" t="s">
        <v>892</v>
      </c>
      <c r="J1984" t="s">
        <v>756</v>
      </c>
      <c r="K1984">
        <v>19</v>
      </c>
      <c r="L1984" t="s">
        <v>892</v>
      </c>
      <c r="M1984" t="s">
        <v>892</v>
      </c>
      <c r="N1984" t="s">
        <v>892</v>
      </c>
      <c r="O1984" t="s">
        <v>892</v>
      </c>
      <c r="P1984" t="s">
        <v>655</v>
      </c>
      <c r="Q1984">
        <v>1</v>
      </c>
      <c r="R1984" t="s">
        <v>893</v>
      </c>
      <c r="S1984">
        <v>3</v>
      </c>
      <c r="T1984" t="s">
        <v>892</v>
      </c>
      <c r="U1984" t="s">
        <v>892</v>
      </c>
      <c r="V1984">
        <v>3</v>
      </c>
      <c r="W1984">
        <v>180</v>
      </c>
      <c r="X1984">
        <v>2020</v>
      </c>
    </row>
    <row r="1985" spans="1:24" x14ac:dyDescent="0.25">
      <c r="A1985">
        <v>11074</v>
      </c>
      <c r="B1985" t="s">
        <v>20</v>
      </c>
      <c r="C1985">
        <v>14</v>
      </c>
      <c r="D1985" t="s">
        <v>19</v>
      </c>
      <c r="E1985">
        <v>1372</v>
      </c>
      <c r="F1985" t="s">
        <v>892</v>
      </c>
      <c r="G1985" t="s">
        <v>892</v>
      </c>
      <c r="H1985" t="s">
        <v>892</v>
      </c>
      <c r="I1985" t="s">
        <v>892</v>
      </c>
      <c r="J1985" t="s">
        <v>864</v>
      </c>
      <c r="K1985">
        <v>14</v>
      </c>
      <c r="L1985" t="s">
        <v>892</v>
      </c>
      <c r="M1985" t="s">
        <v>892</v>
      </c>
      <c r="N1985" t="s">
        <v>892</v>
      </c>
      <c r="O1985" t="s">
        <v>892</v>
      </c>
      <c r="P1985" t="s">
        <v>655</v>
      </c>
      <c r="Q1985">
        <v>1</v>
      </c>
      <c r="R1985" t="s">
        <v>893</v>
      </c>
      <c r="S1985">
        <v>3</v>
      </c>
      <c r="T1985" t="s">
        <v>892</v>
      </c>
      <c r="U1985" t="s">
        <v>892</v>
      </c>
      <c r="V1985">
        <v>3</v>
      </c>
      <c r="W1985">
        <v>180</v>
      </c>
      <c r="X1985">
        <v>2020</v>
      </c>
    </row>
    <row r="1986" spans="1:24" x14ac:dyDescent="0.25">
      <c r="A1986">
        <v>11073</v>
      </c>
      <c r="B1986" t="s">
        <v>20</v>
      </c>
      <c r="C1986">
        <v>14</v>
      </c>
      <c r="D1986" t="s">
        <v>19</v>
      </c>
      <c r="E1986">
        <v>1372</v>
      </c>
      <c r="F1986" t="s">
        <v>892</v>
      </c>
      <c r="G1986" t="s">
        <v>892</v>
      </c>
      <c r="H1986" t="s">
        <v>892</v>
      </c>
      <c r="I1986" t="s">
        <v>892</v>
      </c>
      <c r="J1986" t="s">
        <v>663</v>
      </c>
      <c r="K1986">
        <v>99</v>
      </c>
      <c r="L1986" t="s">
        <v>892</v>
      </c>
      <c r="M1986" t="s">
        <v>892</v>
      </c>
      <c r="N1986" t="s">
        <v>892</v>
      </c>
      <c r="O1986" t="s">
        <v>892</v>
      </c>
      <c r="P1986" t="s">
        <v>655</v>
      </c>
      <c r="Q1986">
        <v>1</v>
      </c>
      <c r="R1986" t="s">
        <v>893</v>
      </c>
      <c r="S1986">
        <v>3</v>
      </c>
      <c r="T1986" t="s">
        <v>892</v>
      </c>
      <c r="U1986" t="s">
        <v>892</v>
      </c>
      <c r="V1986">
        <v>3</v>
      </c>
      <c r="W1986">
        <v>180</v>
      </c>
      <c r="X1986">
        <v>2020</v>
      </c>
    </row>
    <row r="1987" spans="1:24" x14ac:dyDescent="0.25">
      <c r="A1987">
        <v>11072</v>
      </c>
      <c r="B1987" t="s">
        <v>18</v>
      </c>
      <c r="C1987">
        <v>31</v>
      </c>
      <c r="D1987" t="s">
        <v>275</v>
      </c>
      <c r="E1987">
        <v>1033</v>
      </c>
      <c r="F1987" t="s">
        <v>892</v>
      </c>
      <c r="G1987" t="s">
        <v>892</v>
      </c>
      <c r="H1987" t="s">
        <v>892</v>
      </c>
      <c r="I1987" t="s">
        <v>892</v>
      </c>
      <c r="J1987" t="s">
        <v>864</v>
      </c>
      <c r="K1987">
        <v>14</v>
      </c>
      <c r="L1987" t="s">
        <v>892</v>
      </c>
      <c r="M1987" t="s">
        <v>892</v>
      </c>
      <c r="N1987" t="s">
        <v>892</v>
      </c>
      <c r="O1987" t="s">
        <v>892</v>
      </c>
      <c r="P1987" t="s">
        <v>655</v>
      </c>
      <c r="Q1987">
        <v>1</v>
      </c>
      <c r="R1987" t="s">
        <v>893</v>
      </c>
      <c r="S1987">
        <v>3</v>
      </c>
      <c r="T1987" t="s">
        <v>892</v>
      </c>
      <c r="U1987" t="s">
        <v>892</v>
      </c>
      <c r="V1987">
        <v>3</v>
      </c>
      <c r="W1987">
        <v>180</v>
      </c>
      <c r="X1987">
        <v>2020</v>
      </c>
    </row>
    <row r="1988" spans="1:24" x14ac:dyDescent="0.25">
      <c r="A1988">
        <v>11071</v>
      </c>
      <c r="B1988" t="s">
        <v>18</v>
      </c>
      <c r="C1988">
        <v>31</v>
      </c>
      <c r="D1988" t="s">
        <v>276</v>
      </c>
      <c r="E1988">
        <v>1032</v>
      </c>
      <c r="F1988" t="s">
        <v>892</v>
      </c>
      <c r="G1988" t="s">
        <v>892</v>
      </c>
      <c r="H1988" t="s">
        <v>892</v>
      </c>
      <c r="I1988" t="s">
        <v>892</v>
      </c>
      <c r="J1988" t="s">
        <v>663</v>
      </c>
      <c r="K1988">
        <v>99</v>
      </c>
      <c r="L1988" t="s">
        <v>892</v>
      </c>
      <c r="M1988" t="s">
        <v>892</v>
      </c>
      <c r="N1988" t="s">
        <v>892</v>
      </c>
      <c r="O1988" t="s">
        <v>892</v>
      </c>
      <c r="P1988" t="s">
        <v>655</v>
      </c>
      <c r="Q1988">
        <v>1</v>
      </c>
      <c r="R1988" t="s">
        <v>893</v>
      </c>
      <c r="S1988">
        <v>3</v>
      </c>
      <c r="T1988" t="s">
        <v>892</v>
      </c>
      <c r="U1988" t="s">
        <v>892</v>
      </c>
      <c r="V1988">
        <v>3</v>
      </c>
      <c r="W1988">
        <v>180</v>
      </c>
      <c r="X1988">
        <v>2020</v>
      </c>
    </row>
    <row r="1989" spans="1:24" x14ac:dyDescent="0.25">
      <c r="A1989">
        <v>11070</v>
      </c>
      <c r="B1989" t="s">
        <v>18</v>
      </c>
      <c r="C1989">
        <v>31</v>
      </c>
      <c r="D1989" t="s">
        <v>277</v>
      </c>
      <c r="E1989">
        <v>1031</v>
      </c>
      <c r="F1989" t="s">
        <v>892</v>
      </c>
      <c r="G1989" t="s">
        <v>892</v>
      </c>
      <c r="H1989" t="s">
        <v>892</v>
      </c>
      <c r="I1989" t="s">
        <v>892</v>
      </c>
      <c r="J1989" t="s">
        <v>684</v>
      </c>
      <c r="K1989">
        <v>22</v>
      </c>
      <c r="L1989" t="s">
        <v>892</v>
      </c>
      <c r="M1989" t="s">
        <v>892</v>
      </c>
      <c r="N1989" t="s">
        <v>892</v>
      </c>
      <c r="O1989" t="s">
        <v>892</v>
      </c>
      <c r="P1989" t="s">
        <v>655</v>
      </c>
      <c r="Q1989">
        <v>1</v>
      </c>
      <c r="R1989" t="s">
        <v>893</v>
      </c>
      <c r="S1989">
        <v>3</v>
      </c>
      <c r="T1989" t="s">
        <v>892</v>
      </c>
      <c r="U1989" t="s">
        <v>892</v>
      </c>
      <c r="V1989">
        <v>3</v>
      </c>
      <c r="W1989">
        <v>180</v>
      </c>
      <c r="X1989">
        <v>2020</v>
      </c>
    </row>
    <row r="1990" spans="1:24" x14ac:dyDescent="0.25">
      <c r="A1990">
        <v>11069</v>
      </c>
      <c r="B1990" t="s">
        <v>18</v>
      </c>
      <c r="C1990">
        <v>31</v>
      </c>
      <c r="D1990" t="s">
        <v>277</v>
      </c>
      <c r="E1990">
        <v>1031</v>
      </c>
      <c r="F1990" t="s">
        <v>892</v>
      </c>
      <c r="G1990" t="s">
        <v>892</v>
      </c>
      <c r="H1990" t="s">
        <v>892</v>
      </c>
      <c r="I1990" t="s">
        <v>892</v>
      </c>
      <c r="J1990" t="s">
        <v>868</v>
      </c>
      <c r="K1990">
        <v>23</v>
      </c>
      <c r="L1990" t="s">
        <v>892</v>
      </c>
      <c r="M1990" t="s">
        <v>892</v>
      </c>
      <c r="N1990" t="s">
        <v>892</v>
      </c>
      <c r="O1990" t="s">
        <v>892</v>
      </c>
      <c r="P1990" t="s">
        <v>655</v>
      </c>
      <c r="Q1990">
        <v>1</v>
      </c>
      <c r="R1990" t="s">
        <v>893</v>
      </c>
      <c r="S1990">
        <v>3</v>
      </c>
      <c r="T1990" t="s">
        <v>892</v>
      </c>
      <c r="U1990" t="s">
        <v>892</v>
      </c>
      <c r="V1990">
        <v>3</v>
      </c>
      <c r="W1990">
        <v>180</v>
      </c>
      <c r="X1990">
        <v>2020</v>
      </c>
    </row>
    <row r="1991" spans="1:24" x14ac:dyDescent="0.25">
      <c r="A1991">
        <v>11068</v>
      </c>
      <c r="B1991" t="s">
        <v>18</v>
      </c>
      <c r="C1991">
        <v>31</v>
      </c>
      <c r="D1991" t="s">
        <v>278</v>
      </c>
      <c r="E1991">
        <v>1030</v>
      </c>
      <c r="F1991" t="s">
        <v>892</v>
      </c>
      <c r="G1991" t="s">
        <v>892</v>
      </c>
      <c r="H1991" t="s">
        <v>892</v>
      </c>
      <c r="I1991" t="s">
        <v>892</v>
      </c>
      <c r="J1991" t="s">
        <v>885</v>
      </c>
      <c r="K1991">
        <v>1</v>
      </c>
      <c r="L1991" t="s">
        <v>892</v>
      </c>
      <c r="M1991" t="s">
        <v>892</v>
      </c>
      <c r="N1991" t="s">
        <v>892</v>
      </c>
      <c r="O1991" t="s">
        <v>892</v>
      </c>
      <c r="P1991" t="s">
        <v>655</v>
      </c>
      <c r="Q1991">
        <v>1</v>
      </c>
      <c r="R1991" t="s">
        <v>893</v>
      </c>
      <c r="S1991">
        <v>3</v>
      </c>
      <c r="T1991" t="s">
        <v>892</v>
      </c>
      <c r="U1991" t="s">
        <v>892</v>
      </c>
      <c r="V1991">
        <v>3</v>
      </c>
      <c r="W1991">
        <v>180</v>
      </c>
      <c r="X1991">
        <v>2020</v>
      </c>
    </row>
    <row r="1992" spans="1:24" x14ac:dyDescent="0.25">
      <c r="A1992">
        <v>11067</v>
      </c>
      <c r="B1992" t="s">
        <v>18</v>
      </c>
      <c r="C1992">
        <v>31</v>
      </c>
      <c r="D1992" t="s">
        <v>279</v>
      </c>
      <c r="E1992">
        <v>1029</v>
      </c>
      <c r="F1992" t="s">
        <v>892</v>
      </c>
      <c r="G1992" t="s">
        <v>892</v>
      </c>
      <c r="H1992" t="s">
        <v>892</v>
      </c>
      <c r="I1992" t="s">
        <v>892</v>
      </c>
      <c r="J1992" t="s">
        <v>802</v>
      </c>
      <c r="K1992">
        <v>12</v>
      </c>
      <c r="L1992" t="s">
        <v>892</v>
      </c>
      <c r="M1992" t="s">
        <v>892</v>
      </c>
      <c r="N1992" t="s">
        <v>892</v>
      </c>
      <c r="O1992" t="s">
        <v>892</v>
      </c>
      <c r="P1992" t="s">
        <v>655</v>
      </c>
      <c r="Q1992">
        <v>1</v>
      </c>
      <c r="R1992" t="s">
        <v>893</v>
      </c>
      <c r="S1992">
        <v>3</v>
      </c>
      <c r="T1992" t="s">
        <v>892</v>
      </c>
      <c r="U1992" t="s">
        <v>892</v>
      </c>
      <c r="V1992">
        <v>3</v>
      </c>
      <c r="W1992">
        <v>180</v>
      </c>
      <c r="X1992">
        <v>2020</v>
      </c>
    </row>
    <row r="1993" spans="1:24" x14ac:dyDescent="0.25">
      <c r="A1993">
        <v>11066</v>
      </c>
      <c r="B1993" t="s">
        <v>18</v>
      </c>
      <c r="C1993">
        <v>31</v>
      </c>
      <c r="D1993" t="s">
        <v>280</v>
      </c>
      <c r="E1993">
        <v>1028</v>
      </c>
      <c r="F1993" t="s">
        <v>892</v>
      </c>
      <c r="G1993" t="s">
        <v>892</v>
      </c>
      <c r="H1993" t="s">
        <v>892</v>
      </c>
      <c r="I1993" t="s">
        <v>892</v>
      </c>
      <c r="J1993" t="s">
        <v>676</v>
      </c>
      <c r="K1993">
        <v>4</v>
      </c>
      <c r="L1993" t="s">
        <v>892</v>
      </c>
      <c r="M1993" t="s">
        <v>892</v>
      </c>
      <c r="N1993" t="s">
        <v>892</v>
      </c>
      <c r="O1993" t="s">
        <v>892</v>
      </c>
      <c r="P1993" t="s">
        <v>655</v>
      </c>
      <c r="Q1993">
        <v>1</v>
      </c>
      <c r="R1993" t="s">
        <v>893</v>
      </c>
      <c r="S1993">
        <v>3</v>
      </c>
      <c r="T1993" t="s">
        <v>892</v>
      </c>
      <c r="U1993" t="s">
        <v>892</v>
      </c>
      <c r="V1993">
        <v>3</v>
      </c>
      <c r="W1993">
        <v>180</v>
      </c>
      <c r="X1993">
        <v>2020</v>
      </c>
    </row>
    <row r="1994" spans="1:24" x14ac:dyDescent="0.25">
      <c r="A1994">
        <v>11065</v>
      </c>
      <c r="B1994" t="s">
        <v>18</v>
      </c>
      <c r="C1994">
        <v>31</v>
      </c>
      <c r="D1994" t="s">
        <v>281</v>
      </c>
      <c r="E1994">
        <v>1027</v>
      </c>
      <c r="F1994" t="s">
        <v>892</v>
      </c>
      <c r="G1994" t="s">
        <v>892</v>
      </c>
      <c r="H1994" t="s">
        <v>892</v>
      </c>
      <c r="I1994" t="s">
        <v>892</v>
      </c>
      <c r="J1994" t="s">
        <v>726</v>
      </c>
      <c r="K1994">
        <v>2</v>
      </c>
      <c r="L1994" t="s">
        <v>892</v>
      </c>
      <c r="M1994" t="s">
        <v>892</v>
      </c>
      <c r="N1994" t="s">
        <v>892</v>
      </c>
      <c r="O1994" t="s">
        <v>892</v>
      </c>
      <c r="P1994" t="s">
        <v>655</v>
      </c>
      <c r="Q1994">
        <v>1</v>
      </c>
      <c r="R1994" t="s">
        <v>893</v>
      </c>
      <c r="S1994">
        <v>3</v>
      </c>
      <c r="T1994" t="s">
        <v>892</v>
      </c>
      <c r="U1994" t="s">
        <v>892</v>
      </c>
      <c r="V1994">
        <v>3</v>
      </c>
      <c r="W1994">
        <v>180</v>
      </c>
      <c r="X1994">
        <v>2020</v>
      </c>
    </row>
    <row r="1995" spans="1:24" x14ac:dyDescent="0.25">
      <c r="A1995">
        <v>11064</v>
      </c>
      <c r="B1995" t="s">
        <v>18</v>
      </c>
      <c r="C1995">
        <v>31</v>
      </c>
      <c r="D1995" t="s">
        <v>282</v>
      </c>
      <c r="E1995">
        <v>1026</v>
      </c>
      <c r="F1995" t="s">
        <v>892</v>
      </c>
      <c r="G1995" t="s">
        <v>892</v>
      </c>
      <c r="H1995" t="s">
        <v>892</v>
      </c>
      <c r="I1995" t="s">
        <v>892</v>
      </c>
      <c r="J1995" t="s">
        <v>894</v>
      </c>
      <c r="K1995">
        <v>18</v>
      </c>
      <c r="L1995" t="s">
        <v>892</v>
      </c>
      <c r="M1995" t="s">
        <v>892</v>
      </c>
      <c r="N1995" t="s">
        <v>892</v>
      </c>
      <c r="O1995" t="s">
        <v>892</v>
      </c>
      <c r="P1995" t="s">
        <v>655</v>
      </c>
      <c r="Q1995">
        <v>1</v>
      </c>
      <c r="R1995" t="s">
        <v>893</v>
      </c>
      <c r="S1995">
        <v>3</v>
      </c>
      <c r="T1995" t="s">
        <v>892</v>
      </c>
      <c r="U1995" t="s">
        <v>892</v>
      </c>
      <c r="V1995">
        <v>3</v>
      </c>
      <c r="W1995">
        <v>180</v>
      </c>
      <c r="X1995">
        <v>2020</v>
      </c>
    </row>
    <row r="1996" spans="1:24" x14ac:dyDescent="0.25">
      <c r="A1996">
        <v>11063</v>
      </c>
      <c r="B1996" t="s">
        <v>18</v>
      </c>
      <c r="C1996">
        <v>31</v>
      </c>
      <c r="D1996" t="s">
        <v>282</v>
      </c>
      <c r="E1996">
        <v>1026</v>
      </c>
      <c r="F1996" t="s">
        <v>892</v>
      </c>
      <c r="G1996" t="s">
        <v>892</v>
      </c>
      <c r="H1996" t="s">
        <v>892</v>
      </c>
      <c r="I1996" t="s">
        <v>892</v>
      </c>
      <c r="J1996" t="s">
        <v>691</v>
      </c>
      <c r="K1996">
        <v>21</v>
      </c>
      <c r="L1996" t="s">
        <v>892</v>
      </c>
      <c r="M1996" t="s">
        <v>892</v>
      </c>
      <c r="N1996" t="s">
        <v>892</v>
      </c>
      <c r="O1996" t="s">
        <v>892</v>
      </c>
      <c r="P1996" t="s">
        <v>655</v>
      </c>
      <c r="Q1996">
        <v>1</v>
      </c>
      <c r="R1996" t="s">
        <v>893</v>
      </c>
      <c r="S1996">
        <v>3</v>
      </c>
      <c r="T1996" t="s">
        <v>892</v>
      </c>
      <c r="U1996" t="s">
        <v>892</v>
      </c>
      <c r="V1996">
        <v>3</v>
      </c>
      <c r="W1996">
        <v>180</v>
      </c>
      <c r="X1996">
        <v>2020</v>
      </c>
    </row>
    <row r="1997" spans="1:24" x14ac:dyDescent="0.25">
      <c r="A1997">
        <v>11062</v>
      </c>
      <c r="B1997" t="s">
        <v>18</v>
      </c>
      <c r="C1997">
        <v>31</v>
      </c>
      <c r="D1997" t="s">
        <v>282</v>
      </c>
      <c r="E1997">
        <v>1026</v>
      </c>
      <c r="F1997" t="s">
        <v>892</v>
      </c>
      <c r="G1997" t="s">
        <v>892</v>
      </c>
      <c r="H1997" t="s">
        <v>892</v>
      </c>
      <c r="I1997" t="s">
        <v>892</v>
      </c>
      <c r="J1997" t="s">
        <v>703</v>
      </c>
      <c r="K1997">
        <v>16</v>
      </c>
      <c r="L1997" t="s">
        <v>892</v>
      </c>
      <c r="M1997" t="s">
        <v>892</v>
      </c>
      <c r="N1997" t="s">
        <v>892</v>
      </c>
      <c r="O1997" t="s">
        <v>892</v>
      </c>
      <c r="P1997" t="s">
        <v>655</v>
      </c>
      <c r="Q1997">
        <v>1</v>
      </c>
      <c r="R1997" t="s">
        <v>893</v>
      </c>
      <c r="S1997">
        <v>3</v>
      </c>
      <c r="T1997" t="s">
        <v>892</v>
      </c>
      <c r="U1997" t="s">
        <v>892</v>
      </c>
      <c r="V1997">
        <v>3</v>
      </c>
      <c r="W1997">
        <v>180</v>
      </c>
      <c r="X1997">
        <v>2020</v>
      </c>
    </row>
    <row r="1998" spans="1:24" x14ac:dyDescent="0.25">
      <c r="A1998">
        <v>11061</v>
      </c>
      <c r="B1998" t="s">
        <v>18</v>
      </c>
      <c r="C1998">
        <v>31</v>
      </c>
      <c r="D1998" t="s">
        <v>282</v>
      </c>
      <c r="E1998">
        <v>1026</v>
      </c>
      <c r="F1998" t="s">
        <v>892</v>
      </c>
      <c r="G1998" t="s">
        <v>892</v>
      </c>
      <c r="H1998" t="s">
        <v>892</v>
      </c>
      <c r="I1998" t="s">
        <v>892</v>
      </c>
      <c r="J1998" t="s">
        <v>866</v>
      </c>
      <c r="K1998">
        <v>9</v>
      </c>
      <c r="L1998" t="s">
        <v>892</v>
      </c>
      <c r="M1998" t="s">
        <v>892</v>
      </c>
      <c r="N1998" t="s">
        <v>892</v>
      </c>
      <c r="O1998" t="s">
        <v>892</v>
      </c>
      <c r="P1998" t="s">
        <v>655</v>
      </c>
      <c r="Q1998">
        <v>1</v>
      </c>
      <c r="R1998" t="s">
        <v>893</v>
      </c>
      <c r="S1998">
        <v>3</v>
      </c>
      <c r="T1998" t="s">
        <v>892</v>
      </c>
      <c r="U1998" t="s">
        <v>892</v>
      </c>
      <c r="V1998">
        <v>3</v>
      </c>
      <c r="W1998">
        <v>180</v>
      </c>
      <c r="X1998">
        <v>2020</v>
      </c>
    </row>
    <row r="1999" spans="1:24" x14ac:dyDescent="0.25">
      <c r="A1999">
        <v>11060</v>
      </c>
      <c r="B1999" t="s">
        <v>18</v>
      </c>
      <c r="C1999">
        <v>31</v>
      </c>
      <c r="D1999" t="s">
        <v>283</v>
      </c>
      <c r="E1999">
        <v>1025</v>
      </c>
      <c r="F1999" t="s">
        <v>892</v>
      </c>
      <c r="G1999" t="s">
        <v>892</v>
      </c>
      <c r="H1999" t="s">
        <v>892</v>
      </c>
      <c r="I1999" t="s">
        <v>892</v>
      </c>
      <c r="J1999" t="s">
        <v>294</v>
      </c>
      <c r="K1999">
        <v>31</v>
      </c>
      <c r="L1999" t="s">
        <v>892</v>
      </c>
      <c r="M1999" t="s">
        <v>892</v>
      </c>
      <c r="N1999" t="s">
        <v>892</v>
      </c>
      <c r="O1999" t="s">
        <v>892</v>
      </c>
      <c r="P1999" t="s">
        <v>655</v>
      </c>
      <c r="Q1999">
        <v>1</v>
      </c>
      <c r="R1999" t="s">
        <v>893</v>
      </c>
      <c r="S1999">
        <v>3</v>
      </c>
      <c r="T1999" t="s">
        <v>892</v>
      </c>
      <c r="U1999" t="s">
        <v>892</v>
      </c>
      <c r="V1999">
        <v>3</v>
      </c>
      <c r="W1999">
        <v>180</v>
      </c>
      <c r="X1999">
        <v>2020</v>
      </c>
    </row>
    <row r="2000" spans="1:24" x14ac:dyDescent="0.25">
      <c r="A2000">
        <v>11059</v>
      </c>
      <c r="B2000" t="s">
        <v>18</v>
      </c>
      <c r="C2000">
        <v>31</v>
      </c>
      <c r="D2000" t="s">
        <v>283</v>
      </c>
      <c r="E2000">
        <v>1025</v>
      </c>
      <c r="F2000" t="s">
        <v>892</v>
      </c>
      <c r="G2000" t="s">
        <v>892</v>
      </c>
      <c r="H2000" t="s">
        <v>892</v>
      </c>
      <c r="I2000" t="s">
        <v>892</v>
      </c>
      <c r="J2000" t="s">
        <v>295</v>
      </c>
      <c r="K2000">
        <v>30</v>
      </c>
      <c r="L2000" t="s">
        <v>892</v>
      </c>
      <c r="M2000" t="s">
        <v>892</v>
      </c>
      <c r="N2000" t="s">
        <v>892</v>
      </c>
      <c r="O2000" t="s">
        <v>892</v>
      </c>
      <c r="P2000" t="s">
        <v>655</v>
      </c>
      <c r="Q2000">
        <v>1</v>
      </c>
      <c r="R2000" t="s">
        <v>893</v>
      </c>
      <c r="S2000">
        <v>3</v>
      </c>
      <c r="T2000" t="s">
        <v>892</v>
      </c>
      <c r="U2000" t="s">
        <v>892</v>
      </c>
      <c r="V2000">
        <v>3</v>
      </c>
      <c r="W2000">
        <v>180</v>
      </c>
      <c r="X2000">
        <v>2020</v>
      </c>
    </row>
    <row r="2001" spans="1:24" x14ac:dyDescent="0.25">
      <c r="A2001">
        <v>11058</v>
      </c>
      <c r="B2001" t="s">
        <v>18</v>
      </c>
      <c r="C2001">
        <v>31</v>
      </c>
      <c r="D2001" t="s">
        <v>283</v>
      </c>
      <c r="E2001">
        <v>1025</v>
      </c>
      <c r="F2001" t="s">
        <v>892</v>
      </c>
      <c r="G2001" t="s">
        <v>892</v>
      </c>
      <c r="H2001" t="s">
        <v>892</v>
      </c>
      <c r="I2001" t="s">
        <v>892</v>
      </c>
      <c r="J2001" t="s">
        <v>296</v>
      </c>
      <c r="K2001">
        <v>97</v>
      </c>
      <c r="L2001" t="s">
        <v>892</v>
      </c>
      <c r="M2001" t="s">
        <v>892</v>
      </c>
      <c r="N2001" t="s">
        <v>892</v>
      </c>
      <c r="O2001" t="s">
        <v>892</v>
      </c>
      <c r="P2001" t="s">
        <v>655</v>
      </c>
      <c r="Q2001">
        <v>1</v>
      </c>
      <c r="R2001" t="s">
        <v>893</v>
      </c>
      <c r="S2001">
        <v>3</v>
      </c>
      <c r="T2001" t="s">
        <v>892</v>
      </c>
      <c r="U2001" t="s">
        <v>892</v>
      </c>
      <c r="V2001">
        <v>3</v>
      </c>
      <c r="W2001">
        <v>180</v>
      </c>
      <c r="X2001">
        <v>2020</v>
      </c>
    </row>
    <row r="2002" spans="1:24" x14ac:dyDescent="0.25">
      <c r="A2002">
        <v>11057</v>
      </c>
      <c r="B2002" t="s">
        <v>18</v>
      </c>
      <c r="C2002">
        <v>31</v>
      </c>
      <c r="D2002" t="s">
        <v>283</v>
      </c>
      <c r="E2002">
        <v>1025</v>
      </c>
      <c r="F2002" t="s">
        <v>892</v>
      </c>
      <c r="G2002" t="s">
        <v>892</v>
      </c>
      <c r="H2002" t="s">
        <v>892</v>
      </c>
      <c r="I2002" t="s">
        <v>892</v>
      </c>
      <c r="J2002" t="s">
        <v>807</v>
      </c>
      <c r="K2002">
        <v>25</v>
      </c>
      <c r="L2002" t="s">
        <v>892</v>
      </c>
      <c r="M2002" t="s">
        <v>892</v>
      </c>
      <c r="N2002" t="s">
        <v>892</v>
      </c>
      <c r="O2002" t="s">
        <v>892</v>
      </c>
      <c r="P2002" t="s">
        <v>655</v>
      </c>
      <c r="Q2002">
        <v>1</v>
      </c>
      <c r="R2002" t="s">
        <v>893</v>
      </c>
      <c r="S2002">
        <v>3</v>
      </c>
      <c r="T2002" t="s">
        <v>892</v>
      </c>
      <c r="U2002" t="s">
        <v>892</v>
      </c>
      <c r="V2002">
        <v>3</v>
      </c>
      <c r="W2002">
        <v>180</v>
      </c>
      <c r="X2002">
        <v>2020</v>
      </c>
    </row>
    <row r="2003" spans="1:24" x14ac:dyDescent="0.25">
      <c r="A2003">
        <v>11056</v>
      </c>
      <c r="B2003" t="s">
        <v>18</v>
      </c>
      <c r="C2003">
        <v>31</v>
      </c>
      <c r="D2003" t="s">
        <v>283</v>
      </c>
      <c r="E2003">
        <v>1025</v>
      </c>
      <c r="F2003" t="s">
        <v>892</v>
      </c>
      <c r="G2003" t="s">
        <v>892</v>
      </c>
      <c r="H2003" t="s">
        <v>892</v>
      </c>
      <c r="I2003" t="s">
        <v>892</v>
      </c>
      <c r="J2003" t="s">
        <v>955</v>
      </c>
      <c r="K2003">
        <v>29</v>
      </c>
      <c r="L2003" t="s">
        <v>892</v>
      </c>
      <c r="M2003" t="s">
        <v>892</v>
      </c>
      <c r="N2003" t="s">
        <v>892</v>
      </c>
      <c r="O2003" t="s">
        <v>892</v>
      </c>
      <c r="P2003" t="s">
        <v>655</v>
      </c>
      <c r="Q2003">
        <v>1</v>
      </c>
      <c r="R2003" t="s">
        <v>893</v>
      </c>
      <c r="S2003">
        <v>3</v>
      </c>
      <c r="T2003" t="s">
        <v>892</v>
      </c>
      <c r="U2003" t="s">
        <v>892</v>
      </c>
      <c r="V2003">
        <v>3</v>
      </c>
      <c r="W2003">
        <v>180</v>
      </c>
      <c r="X2003">
        <v>2020</v>
      </c>
    </row>
    <row r="2004" spans="1:24" x14ac:dyDescent="0.25">
      <c r="A2004">
        <v>11055</v>
      </c>
      <c r="B2004" t="s">
        <v>18</v>
      </c>
      <c r="C2004">
        <v>31</v>
      </c>
      <c r="D2004" t="s">
        <v>283</v>
      </c>
      <c r="E2004">
        <v>1025</v>
      </c>
      <c r="F2004" t="s">
        <v>892</v>
      </c>
      <c r="G2004" t="s">
        <v>892</v>
      </c>
      <c r="H2004" t="s">
        <v>892</v>
      </c>
      <c r="I2004" t="s">
        <v>892</v>
      </c>
      <c r="J2004" t="s">
        <v>813</v>
      </c>
      <c r="K2004">
        <v>24</v>
      </c>
      <c r="L2004" t="s">
        <v>892</v>
      </c>
      <c r="M2004" t="s">
        <v>892</v>
      </c>
      <c r="N2004" t="s">
        <v>892</v>
      </c>
      <c r="O2004" t="s">
        <v>892</v>
      </c>
      <c r="P2004" t="s">
        <v>655</v>
      </c>
      <c r="Q2004">
        <v>1</v>
      </c>
      <c r="R2004" t="s">
        <v>893</v>
      </c>
      <c r="S2004">
        <v>3</v>
      </c>
      <c r="T2004" t="s">
        <v>892</v>
      </c>
      <c r="U2004" t="s">
        <v>892</v>
      </c>
      <c r="V2004">
        <v>3</v>
      </c>
      <c r="W2004">
        <v>180</v>
      </c>
      <c r="X2004">
        <v>2020</v>
      </c>
    </row>
    <row r="2005" spans="1:24" x14ac:dyDescent="0.25">
      <c r="A2005">
        <v>11054</v>
      </c>
      <c r="B2005" t="s">
        <v>18</v>
      </c>
      <c r="C2005">
        <v>31</v>
      </c>
      <c r="D2005" t="s">
        <v>283</v>
      </c>
      <c r="E2005">
        <v>1025</v>
      </c>
      <c r="F2005" t="s">
        <v>892</v>
      </c>
      <c r="G2005" t="s">
        <v>892</v>
      </c>
      <c r="H2005" t="s">
        <v>892</v>
      </c>
      <c r="I2005" t="s">
        <v>892</v>
      </c>
      <c r="J2005" t="s">
        <v>299</v>
      </c>
      <c r="K2005">
        <v>27</v>
      </c>
      <c r="L2005" t="s">
        <v>892</v>
      </c>
      <c r="M2005" t="s">
        <v>892</v>
      </c>
      <c r="N2005" t="s">
        <v>892</v>
      </c>
      <c r="O2005" t="s">
        <v>892</v>
      </c>
      <c r="P2005" t="s">
        <v>655</v>
      </c>
      <c r="Q2005">
        <v>1</v>
      </c>
      <c r="R2005" t="s">
        <v>893</v>
      </c>
      <c r="S2005">
        <v>3</v>
      </c>
      <c r="T2005" t="s">
        <v>892</v>
      </c>
      <c r="U2005" t="s">
        <v>892</v>
      </c>
      <c r="V2005">
        <v>3</v>
      </c>
      <c r="W2005">
        <v>180</v>
      </c>
      <c r="X2005">
        <v>2020</v>
      </c>
    </row>
    <row r="2006" spans="1:24" x14ac:dyDescent="0.25">
      <c r="A2006">
        <v>11053</v>
      </c>
      <c r="B2006" t="s">
        <v>18</v>
      </c>
      <c r="C2006">
        <v>31</v>
      </c>
      <c r="D2006" t="s">
        <v>283</v>
      </c>
      <c r="E2006">
        <v>1025</v>
      </c>
      <c r="F2006" t="s">
        <v>892</v>
      </c>
      <c r="G2006" t="s">
        <v>892</v>
      </c>
      <c r="H2006" t="s">
        <v>892</v>
      </c>
      <c r="I2006" t="s">
        <v>892</v>
      </c>
      <c r="J2006" t="s">
        <v>1559</v>
      </c>
      <c r="K2006">
        <v>96</v>
      </c>
      <c r="L2006" t="s">
        <v>892</v>
      </c>
      <c r="M2006" t="s">
        <v>892</v>
      </c>
      <c r="N2006" t="s">
        <v>892</v>
      </c>
      <c r="O2006" t="s">
        <v>892</v>
      </c>
      <c r="P2006" t="s">
        <v>655</v>
      </c>
      <c r="Q2006">
        <v>1</v>
      </c>
      <c r="R2006" t="s">
        <v>893</v>
      </c>
      <c r="S2006">
        <v>3</v>
      </c>
      <c r="T2006" t="s">
        <v>892</v>
      </c>
      <c r="U2006" t="s">
        <v>892</v>
      </c>
      <c r="V2006">
        <v>3</v>
      </c>
      <c r="W2006">
        <v>180</v>
      </c>
      <c r="X2006">
        <v>2020</v>
      </c>
    </row>
    <row r="2007" spans="1:24" x14ac:dyDescent="0.25">
      <c r="A2007">
        <v>11052</v>
      </c>
      <c r="B2007" t="s">
        <v>18</v>
      </c>
      <c r="C2007">
        <v>31</v>
      </c>
      <c r="D2007" t="s">
        <v>284</v>
      </c>
      <c r="E2007">
        <v>1024</v>
      </c>
      <c r="F2007" t="s">
        <v>892</v>
      </c>
      <c r="G2007" t="s">
        <v>892</v>
      </c>
      <c r="H2007" t="s">
        <v>892</v>
      </c>
      <c r="I2007" t="s">
        <v>892</v>
      </c>
      <c r="J2007" t="s">
        <v>65</v>
      </c>
      <c r="K2007">
        <v>15</v>
      </c>
      <c r="L2007" t="s">
        <v>892</v>
      </c>
      <c r="M2007" t="s">
        <v>892</v>
      </c>
      <c r="N2007" t="s">
        <v>892</v>
      </c>
      <c r="O2007" t="s">
        <v>892</v>
      </c>
      <c r="P2007" t="s">
        <v>655</v>
      </c>
      <c r="Q2007">
        <v>1</v>
      </c>
      <c r="R2007" t="s">
        <v>893</v>
      </c>
      <c r="S2007">
        <v>3</v>
      </c>
      <c r="T2007" t="s">
        <v>892</v>
      </c>
      <c r="U2007" t="s">
        <v>892</v>
      </c>
      <c r="V2007">
        <v>3</v>
      </c>
      <c r="W2007">
        <v>180</v>
      </c>
      <c r="X2007">
        <v>2020</v>
      </c>
    </row>
    <row r="2008" spans="1:24" x14ac:dyDescent="0.25">
      <c r="A2008">
        <v>11051</v>
      </c>
      <c r="B2008" t="s">
        <v>18</v>
      </c>
      <c r="C2008">
        <v>31</v>
      </c>
      <c r="D2008" t="s">
        <v>33</v>
      </c>
      <c r="E2008">
        <v>1348</v>
      </c>
      <c r="F2008" t="s">
        <v>892</v>
      </c>
      <c r="G2008" t="s">
        <v>892</v>
      </c>
      <c r="H2008" t="s">
        <v>892</v>
      </c>
      <c r="I2008" t="s">
        <v>892</v>
      </c>
      <c r="J2008" t="s">
        <v>736</v>
      </c>
      <c r="K2008">
        <v>8</v>
      </c>
      <c r="L2008" t="s">
        <v>892</v>
      </c>
      <c r="M2008" t="s">
        <v>892</v>
      </c>
      <c r="N2008" t="s">
        <v>892</v>
      </c>
      <c r="O2008" t="s">
        <v>892</v>
      </c>
      <c r="P2008" t="s">
        <v>655</v>
      </c>
      <c r="Q2008">
        <v>1</v>
      </c>
      <c r="R2008" t="s">
        <v>893</v>
      </c>
      <c r="S2008">
        <v>3</v>
      </c>
      <c r="T2008" t="s">
        <v>892</v>
      </c>
      <c r="U2008" t="s">
        <v>892</v>
      </c>
      <c r="V2008">
        <v>3</v>
      </c>
      <c r="W2008">
        <v>180</v>
      </c>
      <c r="X2008">
        <v>2020</v>
      </c>
    </row>
    <row r="2009" spans="1:24" x14ac:dyDescent="0.25">
      <c r="A2009">
        <v>11050</v>
      </c>
      <c r="B2009" t="s">
        <v>18</v>
      </c>
      <c r="C2009">
        <v>31</v>
      </c>
      <c r="D2009" t="s">
        <v>33</v>
      </c>
      <c r="E2009">
        <v>1348</v>
      </c>
      <c r="F2009" t="s">
        <v>892</v>
      </c>
      <c r="G2009" t="s">
        <v>892</v>
      </c>
      <c r="H2009" t="s">
        <v>892</v>
      </c>
      <c r="I2009" t="s">
        <v>892</v>
      </c>
      <c r="J2009" t="s">
        <v>896</v>
      </c>
      <c r="K2009">
        <v>7</v>
      </c>
      <c r="L2009" t="s">
        <v>892</v>
      </c>
      <c r="M2009" t="s">
        <v>892</v>
      </c>
      <c r="N2009" t="s">
        <v>892</v>
      </c>
      <c r="O2009" t="s">
        <v>892</v>
      </c>
      <c r="P2009" t="s">
        <v>655</v>
      </c>
      <c r="Q2009">
        <v>1</v>
      </c>
      <c r="R2009" t="s">
        <v>893</v>
      </c>
      <c r="S2009">
        <v>3</v>
      </c>
      <c r="T2009" t="s">
        <v>892</v>
      </c>
      <c r="U2009" t="s">
        <v>892</v>
      </c>
      <c r="V2009">
        <v>3</v>
      </c>
      <c r="W2009">
        <v>180</v>
      </c>
      <c r="X2009">
        <v>2020</v>
      </c>
    </row>
    <row r="2010" spans="1:24" x14ac:dyDescent="0.25">
      <c r="A2010">
        <v>11049</v>
      </c>
      <c r="B2010" t="s">
        <v>18</v>
      </c>
      <c r="C2010">
        <v>31</v>
      </c>
      <c r="D2010" t="s">
        <v>33</v>
      </c>
      <c r="E2010">
        <v>1348</v>
      </c>
      <c r="F2010" t="s">
        <v>892</v>
      </c>
      <c r="G2010" t="s">
        <v>892</v>
      </c>
      <c r="H2010" t="s">
        <v>892</v>
      </c>
      <c r="I2010" t="s">
        <v>892</v>
      </c>
      <c r="J2010" t="s">
        <v>792</v>
      </c>
      <c r="K2010">
        <v>6</v>
      </c>
      <c r="L2010" t="s">
        <v>892</v>
      </c>
      <c r="M2010" t="s">
        <v>892</v>
      </c>
      <c r="N2010" t="s">
        <v>892</v>
      </c>
      <c r="O2010" t="s">
        <v>892</v>
      </c>
      <c r="P2010" t="s">
        <v>655</v>
      </c>
      <c r="Q2010">
        <v>1</v>
      </c>
      <c r="R2010" t="s">
        <v>893</v>
      </c>
      <c r="S2010">
        <v>3</v>
      </c>
      <c r="T2010" t="s">
        <v>892</v>
      </c>
      <c r="U2010" t="s">
        <v>892</v>
      </c>
      <c r="V2010">
        <v>3</v>
      </c>
      <c r="W2010">
        <v>180</v>
      </c>
      <c r="X2010">
        <v>2020</v>
      </c>
    </row>
    <row r="2011" spans="1:24" x14ac:dyDescent="0.25">
      <c r="A2011">
        <v>11048</v>
      </c>
      <c r="B2011" t="s">
        <v>18</v>
      </c>
      <c r="C2011">
        <v>31</v>
      </c>
      <c r="D2011" t="s">
        <v>34</v>
      </c>
      <c r="E2011">
        <v>1345</v>
      </c>
      <c r="F2011" t="s">
        <v>892</v>
      </c>
      <c r="G2011" t="s">
        <v>892</v>
      </c>
      <c r="H2011" t="s">
        <v>892</v>
      </c>
      <c r="I2011" t="s">
        <v>892</v>
      </c>
      <c r="J2011" t="s">
        <v>897</v>
      </c>
      <c r="K2011">
        <v>3</v>
      </c>
      <c r="L2011" t="s">
        <v>892</v>
      </c>
      <c r="M2011" t="s">
        <v>892</v>
      </c>
      <c r="N2011" t="s">
        <v>892</v>
      </c>
      <c r="O2011" t="s">
        <v>892</v>
      </c>
      <c r="P2011" t="s">
        <v>655</v>
      </c>
      <c r="Q2011">
        <v>1</v>
      </c>
      <c r="R2011" t="s">
        <v>893</v>
      </c>
      <c r="S2011">
        <v>3</v>
      </c>
      <c r="T2011" t="s">
        <v>892</v>
      </c>
      <c r="U2011" t="s">
        <v>892</v>
      </c>
      <c r="V2011">
        <v>3</v>
      </c>
      <c r="W2011">
        <v>180</v>
      </c>
      <c r="X2011">
        <v>2020</v>
      </c>
    </row>
    <row r="2012" spans="1:24" x14ac:dyDescent="0.25">
      <c r="A2012">
        <v>11047</v>
      </c>
      <c r="B2012" t="s">
        <v>18</v>
      </c>
      <c r="C2012">
        <v>31</v>
      </c>
      <c r="D2012" t="s">
        <v>35</v>
      </c>
      <c r="E2012">
        <v>1342</v>
      </c>
      <c r="F2012" t="s">
        <v>892</v>
      </c>
      <c r="G2012" t="s">
        <v>892</v>
      </c>
      <c r="H2012" t="s">
        <v>892</v>
      </c>
      <c r="I2012" t="s">
        <v>892</v>
      </c>
      <c r="J2012" t="s">
        <v>831</v>
      </c>
      <c r="K2012">
        <v>5</v>
      </c>
      <c r="L2012" t="s">
        <v>892</v>
      </c>
      <c r="M2012" t="s">
        <v>892</v>
      </c>
      <c r="N2012" t="s">
        <v>892</v>
      </c>
      <c r="O2012" t="s">
        <v>892</v>
      </c>
      <c r="P2012" t="s">
        <v>655</v>
      </c>
      <c r="Q2012">
        <v>1</v>
      </c>
      <c r="R2012" t="s">
        <v>893</v>
      </c>
      <c r="S2012">
        <v>3</v>
      </c>
      <c r="T2012" t="s">
        <v>892</v>
      </c>
      <c r="U2012" t="s">
        <v>892</v>
      </c>
      <c r="V2012">
        <v>3</v>
      </c>
      <c r="W2012">
        <v>180</v>
      </c>
      <c r="X2012">
        <v>2020</v>
      </c>
    </row>
    <row r="2013" spans="1:24" x14ac:dyDescent="0.25">
      <c r="A2013">
        <v>11046</v>
      </c>
      <c r="B2013" t="s">
        <v>108</v>
      </c>
      <c r="C2013">
        <v>13</v>
      </c>
      <c r="D2013" t="s">
        <v>107</v>
      </c>
      <c r="E2013">
        <v>1193</v>
      </c>
      <c r="F2013" t="s">
        <v>892</v>
      </c>
      <c r="G2013" t="s">
        <v>892</v>
      </c>
      <c r="H2013" t="s">
        <v>892</v>
      </c>
      <c r="I2013" t="s">
        <v>892</v>
      </c>
      <c r="J2013" t="s">
        <v>864</v>
      </c>
      <c r="K2013">
        <v>14</v>
      </c>
      <c r="L2013" t="s">
        <v>892</v>
      </c>
      <c r="M2013" t="s">
        <v>892</v>
      </c>
      <c r="N2013" t="s">
        <v>892</v>
      </c>
      <c r="O2013" t="s">
        <v>892</v>
      </c>
      <c r="P2013" t="s">
        <v>655</v>
      </c>
      <c r="Q2013">
        <v>1</v>
      </c>
      <c r="R2013" t="s">
        <v>893</v>
      </c>
      <c r="S2013">
        <v>3</v>
      </c>
      <c r="T2013" t="s">
        <v>892</v>
      </c>
      <c r="U2013" t="s">
        <v>892</v>
      </c>
      <c r="V2013">
        <v>3</v>
      </c>
      <c r="W2013">
        <v>180</v>
      </c>
      <c r="X2013">
        <v>2020</v>
      </c>
    </row>
    <row r="2014" spans="1:24" x14ac:dyDescent="0.25">
      <c r="A2014">
        <v>11045</v>
      </c>
      <c r="B2014" t="s">
        <v>108</v>
      </c>
      <c r="C2014">
        <v>13</v>
      </c>
      <c r="D2014" t="s">
        <v>144</v>
      </c>
      <c r="E2014">
        <v>1022</v>
      </c>
      <c r="F2014" t="s">
        <v>892</v>
      </c>
      <c r="G2014" t="s">
        <v>892</v>
      </c>
      <c r="H2014" t="s">
        <v>892</v>
      </c>
      <c r="I2014" t="s">
        <v>892</v>
      </c>
      <c r="J2014" t="s">
        <v>802</v>
      </c>
      <c r="K2014">
        <v>12</v>
      </c>
      <c r="L2014" t="s">
        <v>892</v>
      </c>
      <c r="M2014" t="s">
        <v>892</v>
      </c>
      <c r="N2014" t="s">
        <v>892</v>
      </c>
      <c r="O2014" t="s">
        <v>892</v>
      </c>
      <c r="P2014" t="s">
        <v>655</v>
      </c>
      <c r="Q2014">
        <v>1</v>
      </c>
      <c r="R2014" t="s">
        <v>893</v>
      </c>
      <c r="S2014">
        <v>3</v>
      </c>
      <c r="T2014" t="s">
        <v>892</v>
      </c>
      <c r="U2014" t="s">
        <v>892</v>
      </c>
      <c r="V2014">
        <v>3</v>
      </c>
      <c r="W2014">
        <v>180</v>
      </c>
      <c r="X2014">
        <v>2020</v>
      </c>
    </row>
    <row r="2015" spans="1:24" x14ac:dyDescent="0.25">
      <c r="A2015">
        <v>11044</v>
      </c>
      <c r="B2015" t="s">
        <v>108</v>
      </c>
      <c r="C2015">
        <v>13</v>
      </c>
      <c r="D2015" t="s">
        <v>136</v>
      </c>
      <c r="E2015">
        <v>1021</v>
      </c>
      <c r="F2015" t="s">
        <v>892</v>
      </c>
      <c r="G2015" t="s">
        <v>892</v>
      </c>
      <c r="H2015" t="s">
        <v>892</v>
      </c>
      <c r="I2015" t="s">
        <v>892</v>
      </c>
      <c r="J2015" t="s">
        <v>663</v>
      </c>
      <c r="K2015">
        <v>99</v>
      </c>
      <c r="L2015" t="s">
        <v>892</v>
      </c>
      <c r="M2015" t="s">
        <v>892</v>
      </c>
      <c r="N2015" t="s">
        <v>892</v>
      </c>
      <c r="O2015" t="s">
        <v>892</v>
      </c>
      <c r="P2015" t="s">
        <v>655</v>
      </c>
      <c r="Q2015">
        <v>1</v>
      </c>
      <c r="R2015" t="s">
        <v>893</v>
      </c>
      <c r="S2015">
        <v>3</v>
      </c>
      <c r="T2015" t="s">
        <v>892</v>
      </c>
      <c r="U2015" t="s">
        <v>892</v>
      </c>
      <c r="V2015">
        <v>3</v>
      </c>
      <c r="W2015">
        <v>180</v>
      </c>
      <c r="X2015">
        <v>2020</v>
      </c>
    </row>
    <row r="2016" spans="1:24" x14ac:dyDescent="0.25">
      <c r="A2016">
        <v>11043</v>
      </c>
      <c r="B2016" t="s">
        <v>108</v>
      </c>
      <c r="C2016">
        <v>13</v>
      </c>
      <c r="D2016" t="s">
        <v>285</v>
      </c>
      <c r="E2016">
        <v>1020</v>
      </c>
      <c r="F2016" t="s">
        <v>892</v>
      </c>
      <c r="G2016" t="s">
        <v>892</v>
      </c>
      <c r="H2016" t="s">
        <v>892</v>
      </c>
      <c r="I2016" t="s">
        <v>892</v>
      </c>
      <c r="J2016" t="s">
        <v>299</v>
      </c>
      <c r="K2016">
        <v>27</v>
      </c>
      <c r="L2016" t="s">
        <v>892</v>
      </c>
      <c r="M2016" t="s">
        <v>892</v>
      </c>
      <c r="N2016" t="s">
        <v>892</v>
      </c>
      <c r="O2016" t="s">
        <v>892</v>
      </c>
      <c r="P2016" t="s">
        <v>655</v>
      </c>
      <c r="Q2016">
        <v>1</v>
      </c>
      <c r="R2016" t="s">
        <v>893</v>
      </c>
      <c r="S2016">
        <v>3</v>
      </c>
      <c r="T2016" t="s">
        <v>892</v>
      </c>
      <c r="U2016" t="s">
        <v>892</v>
      </c>
      <c r="V2016">
        <v>3</v>
      </c>
      <c r="W2016">
        <v>180</v>
      </c>
      <c r="X2016">
        <v>2020</v>
      </c>
    </row>
    <row r="2017" spans="1:24" x14ac:dyDescent="0.25">
      <c r="A2017">
        <v>11042</v>
      </c>
      <c r="B2017" t="s">
        <v>287</v>
      </c>
      <c r="C2017">
        <v>59</v>
      </c>
      <c r="D2017" t="s">
        <v>286</v>
      </c>
      <c r="E2017">
        <v>1019</v>
      </c>
      <c r="F2017" t="s">
        <v>892</v>
      </c>
      <c r="G2017" t="s">
        <v>892</v>
      </c>
      <c r="H2017" t="s">
        <v>892</v>
      </c>
      <c r="I2017" t="s">
        <v>892</v>
      </c>
      <c r="J2017" t="s">
        <v>65</v>
      </c>
      <c r="K2017">
        <v>15</v>
      </c>
      <c r="L2017" t="s">
        <v>892</v>
      </c>
      <c r="M2017" t="s">
        <v>892</v>
      </c>
      <c r="N2017" t="s">
        <v>892</v>
      </c>
      <c r="O2017" t="s">
        <v>892</v>
      </c>
      <c r="P2017" t="s">
        <v>655</v>
      </c>
      <c r="Q2017">
        <v>1</v>
      </c>
      <c r="R2017" t="s">
        <v>893</v>
      </c>
      <c r="S2017">
        <v>3</v>
      </c>
      <c r="T2017" t="s">
        <v>892</v>
      </c>
      <c r="U2017" t="s">
        <v>892</v>
      </c>
      <c r="V2017">
        <v>3</v>
      </c>
      <c r="W2017">
        <v>180</v>
      </c>
      <c r="X2017">
        <v>2020</v>
      </c>
    </row>
    <row r="2018" spans="1:24" x14ac:dyDescent="0.25">
      <c r="A2018">
        <v>11041</v>
      </c>
      <c r="B2018" t="s">
        <v>289</v>
      </c>
      <c r="C2018">
        <v>12</v>
      </c>
      <c r="D2018" t="s">
        <v>288</v>
      </c>
      <c r="E2018">
        <v>1018</v>
      </c>
      <c r="F2018" t="s">
        <v>892</v>
      </c>
      <c r="G2018" t="s">
        <v>892</v>
      </c>
      <c r="H2018" t="s">
        <v>892</v>
      </c>
      <c r="I2018" t="s">
        <v>892</v>
      </c>
      <c r="J2018" t="s">
        <v>894</v>
      </c>
      <c r="K2018">
        <v>18</v>
      </c>
      <c r="L2018" t="s">
        <v>892</v>
      </c>
      <c r="M2018" t="s">
        <v>892</v>
      </c>
      <c r="N2018" t="s">
        <v>892</v>
      </c>
      <c r="O2018" t="s">
        <v>892</v>
      </c>
      <c r="P2018" t="s">
        <v>655</v>
      </c>
      <c r="Q2018">
        <v>1</v>
      </c>
      <c r="R2018" t="s">
        <v>893</v>
      </c>
      <c r="S2018">
        <v>3</v>
      </c>
      <c r="T2018" t="s">
        <v>892</v>
      </c>
      <c r="U2018" t="s">
        <v>892</v>
      </c>
      <c r="V2018">
        <v>3</v>
      </c>
      <c r="W2018">
        <v>180</v>
      </c>
      <c r="X2018">
        <v>2020</v>
      </c>
    </row>
    <row r="2019" spans="1:24" x14ac:dyDescent="0.25">
      <c r="A2019">
        <v>11040</v>
      </c>
      <c r="B2019" t="s">
        <v>289</v>
      </c>
      <c r="C2019">
        <v>12</v>
      </c>
      <c r="D2019" t="s">
        <v>288</v>
      </c>
      <c r="E2019">
        <v>1018</v>
      </c>
      <c r="F2019" t="s">
        <v>892</v>
      </c>
      <c r="G2019" t="s">
        <v>892</v>
      </c>
      <c r="H2019" t="s">
        <v>892</v>
      </c>
      <c r="I2019" t="s">
        <v>892</v>
      </c>
      <c r="J2019" t="s">
        <v>691</v>
      </c>
      <c r="K2019">
        <v>21</v>
      </c>
      <c r="L2019" t="s">
        <v>892</v>
      </c>
      <c r="M2019" t="s">
        <v>892</v>
      </c>
      <c r="N2019" t="s">
        <v>892</v>
      </c>
      <c r="O2019" t="s">
        <v>892</v>
      </c>
      <c r="P2019" t="s">
        <v>655</v>
      </c>
      <c r="Q2019">
        <v>1</v>
      </c>
      <c r="R2019" t="s">
        <v>893</v>
      </c>
      <c r="S2019">
        <v>3</v>
      </c>
      <c r="T2019" t="s">
        <v>892</v>
      </c>
      <c r="U2019" t="s">
        <v>892</v>
      </c>
      <c r="V2019">
        <v>3</v>
      </c>
      <c r="W2019">
        <v>180</v>
      </c>
      <c r="X2019">
        <v>2020</v>
      </c>
    </row>
    <row r="2020" spans="1:24" x14ac:dyDescent="0.25">
      <c r="A2020">
        <v>11039</v>
      </c>
      <c r="B2020" t="s">
        <v>289</v>
      </c>
      <c r="C2020">
        <v>12</v>
      </c>
      <c r="D2020" t="s">
        <v>288</v>
      </c>
      <c r="E2020">
        <v>1018</v>
      </c>
      <c r="F2020" t="s">
        <v>892</v>
      </c>
      <c r="G2020" t="s">
        <v>892</v>
      </c>
      <c r="H2020" t="s">
        <v>892</v>
      </c>
      <c r="I2020" t="s">
        <v>892</v>
      </c>
      <c r="J2020" t="s">
        <v>682</v>
      </c>
      <c r="K2020">
        <v>20</v>
      </c>
      <c r="L2020" t="s">
        <v>892</v>
      </c>
      <c r="M2020" t="s">
        <v>892</v>
      </c>
      <c r="N2020" t="s">
        <v>892</v>
      </c>
      <c r="O2020" t="s">
        <v>892</v>
      </c>
      <c r="P2020" t="s">
        <v>655</v>
      </c>
      <c r="Q2020">
        <v>1</v>
      </c>
      <c r="R2020" t="s">
        <v>893</v>
      </c>
      <c r="S2020">
        <v>3</v>
      </c>
      <c r="T2020" t="s">
        <v>892</v>
      </c>
      <c r="U2020" t="s">
        <v>892</v>
      </c>
      <c r="V2020">
        <v>3</v>
      </c>
      <c r="W2020">
        <v>180</v>
      </c>
      <c r="X2020">
        <v>2020</v>
      </c>
    </row>
    <row r="2021" spans="1:24" x14ac:dyDescent="0.25">
      <c r="A2021">
        <v>11038</v>
      </c>
      <c r="B2021" t="s">
        <v>289</v>
      </c>
      <c r="C2021">
        <v>12</v>
      </c>
      <c r="D2021" t="s">
        <v>288</v>
      </c>
      <c r="E2021">
        <v>1018</v>
      </c>
      <c r="F2021" t="s">
        <v>892</v>
      </c>
      <c r="G2021" t="s">
        <v>892</v>
      </c>
      <c r="H2021" t="s">
        <v>892</v>
      </c>
      <c r="I2021" t="s">
        <v>892</v>
      </c>
      <c r="J2021" t="s">
        <v>703</v>
      </c>
      <c r="K2021">
        <v>16</v>
      </c>
      <c r="L2021" t="s">
        <v>892</v>
      </c>
      <c r="M2021" t="s">
        <v>892</v>
      </c>
      <c r="N2021" t="s">
        <v>892</v>
      </c>
      <c r="O2021" t="s">
        <v>892</v>
      </c>
      <c r="P2021" t="s">
        <v>655</v>
      </c>
      <c r="Q2021">
        <v>1</v>
      </c>
      <c r="R2021" t="s">
        <v>893</v>
      </c>
      <c r="S2021">
        <v>3</v>
      </c>
      <c r="T2021" t="s">
        <v>892</v>
      </c>
      <c r="U2021" t="s">
        <v>892</v>
      </c>
      <c r="V2021">
        <v>3</v>
      </c>
      <c r="W2021">
        <v>180</v>
      </c>
      <c r="X2021">
        <v>2020</v>
      </c>
    </row>
    <row r="2022" spans="1:24" x14ac:dyDescent="0.25">
      <c r="A2022">
        <v>11037</v>
      </c>
      <c r="B2022" t="s">
        <v>37</v>
      </c>
      <c r="C2022">
        <v>50</v>
      </c>
      <c r="D2022" t="s">
        <v>36</v>
      </c>
      <c r="E2022">
        <v>1336</v>
      </c>
      <c r="F2022" t="s">
        <v>892</v>
      </c>
      <c r="G2022" t="s">
        <v>892</v>
      </c>
      <c r="H2022" t="s">
        <v>892</v>
      </c>
      <c r="I2022" t="s">
        <v>892</v>
      </c>
      <c r="J2022" t="s">
        <v>738</v>
      </c>
      <c r="K2022">
        <v>61</v>
      </c>
      <c r="L2022" t="s">
        <v>892</v>
      </c>
      <c r="M2022" t="s">
        <v>892</v>
      </c>
      <c r="N2022" t="s">
        <v>892</v>
      </c>
      <c r="O2022" t="s">
        <v>892</v>
      </c>
      <c r="P2022" t="s">
        <v>655</v>
      </c>
      <c r="Q2022">
        <v>1</v>
      </c>
      <c r="R2022" t="s">
        <v>893</v>
      </c>
      <c r="S2022">
        <v>3</v>
      </c>
      <c r="T2022" t="s">
        <v>892</v>
      </c>
      <c r="U2022" t="s">
        <v>892</v>
      </c>
      <c r="V2022">
        <v>3</v>
      </c>
      <c r="W2022">
        <v>180</v>
      </c>
      <c r="X2022">
        <v>2020</v>
      </c>
    </row>
    <row r="2023" spans="1:24" x14ac:dyDescent="0.25">
      <c r="A2023">
        <v>11036</v>
      </c>
      <c r="B2023" t="s">
        <v>37</v>
      </c>
      <c r="C2023">
        <v>50</v>
      </c>
      <c r="D2023" t="s">
        <v>36</v>
      </c>
      <c r="E2023">
        <v>1336</v>
      </c>
      <c r="F2023" t="s">
        <v>892</v>
      </c>
      <c r="G2023" t="s">
        <v>892</v>
      </c>
      <c r="H2023" t="s">
        <v>892</v>
      </c>
      <c r="I2023" t="s">
        <v>892</v>
      </c>
      <c r="J2023" t="s">
        <v>693</v>
      </c>
      <c r="K2023">
        <v>56</v>
      </c>
      <c r="L2023" t="s">
        <v>892</v>
      </c>
      <c r="M2023" t="s">
        <v>892</v>
      </c>
      <c r="N2023" t="s">
        <v>892</v>
      </c>
      <c r="O2023" t="s">
        <v>892</v>
      </c>
      <c r="P2023" t="s">
        <v>655</v>
      </c>
      <c r="Q2023">
        <v>1</v>
      </c>
      <c r="R2023" t="s">
        <v>893</v>
      </c>
      <c r="S2023">
        <v>3</v>
      </c>
      <c r="T2023" t="s">
        <v>892</v>
      </c>
      <c r="U2023" t="s">
        <v>892</v>
      </c>
      <c r="V2023">
        <v>3</v>
      </c>
      <c r="W2023">
        <v>180</v>
      </c>
      <c r="X2023">
        <v>2020</v>
      </c>
    </row>
    <row r="2024" spans="1:24" x14ac:dyDescent="0.25">
      <c r="A2024">
        <v>11035</v>
      </c>
      <c r="B2024" t="s">
        <v>37</v>
      </c>
      <c r="C2024">
        <v>50</v>
      </c>
      <c r="D2024" t="s">
        <v>36</v>
      </c>
      <c r="E2024">
        <v>1336</v>
      </c>
      <c r="F2024" t="s">
        <v>892</v>
      </c>
      <c r="G2024" t="s">
        <v>892</v>
      </c>
      <c r="H2024" t="s">
        <v>892</v>
      </c>
      <c r="I2024" t="s">
        <v>892</v>
      </c>
      <c r="J2024" t="s">
        <v>1022</v>
      </c>
      <c r="K2024">
        <v>85</v>
      </c>
      <c r="L2024" t="s">
        <v>892</v>
      </c>
      <c r="M2024" t="s">
        <v>892</v>
      </c>
      <c r="N2024" t="s">
        <v>892</v>
      </c>
      <c r="O2024" t="s">
        <v>892</v>
      </c>
      <c r="P2024" t="s">
        <v>655</v>
      </c>
      <c r="Q2024">
        <v>1</v>
      </c>
      <c r="R2024" t="s">
        <v>893</v>
      </c>
      <c r="S2024">
        <v>3</v>
      </c>
      <c r="T2024" t="s">
        <v>892</v>
      </c>
      <c r="U2024" t="s">
        <v>892</v>
      </c>
      <c r="V2024">
        <v>3</v>
      </c>
      <c r="W2024">
        <v>180</v>
      </c>
      <c r="X2024">
        <v>2020</v>
      </c>
    </row>
    <row r="2025" spans="1:24" x14ac:dyDescent="0.25">
      <c r="A2025">
        <v>11034</v>
      </c>
      <c r="B2025" t="s">
        <v>37</v>
      </c>
      <c r="C2025">
        <v>50</v>
      </c>
      <c r="D2025" t="s">
        <v>36</v>
      </c>
      <c r="E2025">
        <v>1336</v>
      </c>
      <c r="F2025" t="s">
        <v>892</v>
      </c>
      <c r="G2025" t="s">
        <v>892</v>
      </c>
      <c r="H2025" t="s">
        <v>892</v>
      </c>
      <c r="I2025" t="s">
        <v>892</v>
      </c>
      <c r="J2025" t="s">
        <v>1514</v>
      </c>
      <c r="K2025">
        <v>47</v>
      </c>
      <c r="L2025" t="s">
        <v>892</v>
      </c>
      <c r="M2025" t="s">
        <v>892</v>
      </c>
      <c r="N2025" t="s">
        <v>892</v>
      </c>
      <c r="O2025" t="s">
        <v>892</v>
      </c>
      <c r="P2025" t="s">
        <v>655</v>
      </c>
      <c r="Q2025">
        <v>1</v>
      </c>
      <c r="R2025" t="s">
        <v>893</v>
      </c>
      <c r="S2025">
        <v>3</v>
      </c>
      <c r="T2025" t="s">
        <v>892</v>
      </c>
      <c r="U2025" t="s">
        <v>892</v>
      </c>
      <c r="V2025">
        <v>3</v>
      </c>
      <c r="W2025">
        <v>180</v>
      </c>
      <c r="X2025">
        <v>2020</v>
      </c>
    </row>
    <row r="2026" spans="1:24" x14ac:dyDescent="0.25">
      <c r="A2026">
        <v>11033</v>
      </c>
      <c r="B2026" t="s">
        <v>37</v>
      </c>
      <c r="C2026">
        <v>50</v>
      </c>
      <c r="D2026" t="s">
        <v>36</v>
      </c>
      <c r="E2026">
        <v>1336</v>
      </c>
      <c r="F2026" t="s">
        <v>892</v>
      </c>
      <c r="G2026" t="s">
        <v>892</v>
      </c>
      <c r="H2026" t="s">
        <v>892</v>
      </c>
      <c r="I2026" t="s">
        <v>892</v>
      </c>
      <c r="J2026" t="s">
        <v>710</v>
      </c>
      <c r="K2026">
        <v>53</v>
      </c>
      <c r="L2026" t="s">
        <v>892</v>
      </c>
      <c r="M2026" t="s">
        <v>892</v>
      </c>
      <c r="N2026" t="s">
        <v>892</v>
      </c>
      <c r="O2026" t="s">
        <v>892</v>
      </c>
      <c r="P2026" t="s">
        <v>655</v>
      </c>
      <c r="Q2026">
        <v>1</v>
      </c>
      <c r="R2026" t="s">
        <v>893</v>
      </c>
      <c r="S2026">
        <v>3</v>
      </c>
      <c r="T2026" t="s">
        <v>892</v>
      </c>
      <c r="U2026" t="s">
        <v>892</v>
      </c>
      <c r="V2026">
        <v>3</v>
      </c>
      <c r="W2026">
        <v>180</v>
      </c>
      <c r="X2026">
        <v>2020</v>
      </c>
    </row>
    <row r="2027" spans="1:24" x14ac:dyDescent="0.25">
      <c r="A2027">
        <v>11032</v>
      </c>
      <c r="B2027" t="s">
        <v>37</v>
      </c>
      <c r="C2027">
        <v>50</v>
      </c>
      <c r="D2027" t="s">
        <v>36</v>
      </c>
      <c r="E2027">
        <v>1336</v>
      </c>
      <c r="F2027" t="s">
        <v>892</v>
      </c>
      <c r="G2027" t="s">
        <v>892</v>
      </c>
      <c r="H2027" t="s">
        <v>892</v>
      </c>
      <c r="I2027" t="s">
        <v>892</v>
      </c>
      <c r="J2027" t="s">
        <v>714</v>
      </c>
      <c r="K2027">
        <v>52</v>
      </c>
      <c r="L2027" t="s">
        <v>892</v>
      </c>
      <c r="M2027" t="s">
        <v>892</v>
      </c>
      <c r="N2027" t="s">
        <v>892</v>
      </c>
      <c r="O2027" t="s">
        <v>892</v>
      </c>
      <c r="P2027" t="s">
        <v>655</v>
      </c>
      <c r="Q2027">
        <v>1</v>
      </c>
      <c r="R2027" t="s">
        <v>893</v>
      </c>
      <c r="S2027">
        <v>3</v>
      </c>
      <c r="T2027" t="s">
        <v>892</v>
      </c>
      <c r="U2027" t="s">
        <v>892</v>
      </c>
      <c r="V2027">
        <v>3</v>
      </c>
      <c r="W2027">
        <v>180</v>
      </c>
      <c r="X2027">
        <v>2020</v>
      </c>
    </row>
    <row r="2028" spans="1:24" x14ac:dyDescent="0.25">
      <c r="A2028">
        <v>11031</v>
      </c>
      <c r="B2028" t="s">
        <v>37</v>
      </c>
      <c r="C2028">
        <v>50</v>
      </c>
      <c r="D2028" t="s">
        <v>36</v>
      </c>
      <c r="E2028">
        <v>1336</v>
      </c>
      <c r="F2028" t="s">
        <v>892</v>
      </c>
      <c r="G2028" t="s">
        <v>892</v>
      </c>
      <c r="H2028" t="s">
        <v>892</v>
      </c>
      <c r="I2028" t="s">
        <v>892</v>
      </c>
      <c r="J2028" t="s">
        <v>767</v>
      </c>
      <c r="K2028">
        <v>44</v>
      </c>
      <c r="L2028" t="s">
        <v>892</v>
      </c>
      <c r="M2028" t="s">
        <v>892</v>
      </c>
      <c r="N2028" t="s">
        <v>892</v>
      </c>
      <c r="O2028" t="s">
        <v>892</v>
      </c>
      <c r="P2028" t="s">
        <v>655</v>
      </c>
      <c r="Q2028">
        <v>1</v>
      </c>
      <c r="R2028" t="s">
        <v>893</v>
      </c>
      <c r="S2028">
        <v>3</v>
      </c>
      <c r="T2028" t="s">
        <v>892</v>
      </c>
      <c r="U2028" t="s">
        <v>892</v>
      </c>
      <c r="V2028">
        <v>3</v>
      </c>
      <c r="W2028">
        <v>180</v>
      </c>
      <c r="X2028">
        <v>2020</v>
      </c>
    </row>
    <row r="2029" spans="1:24" x14ac:dyDescent="0.25">
      <c r="A2029">
        <v>11030</v>
      </c>
      <c r="B2029" t="s">
        <v>291</v>
      </c>
      <c r="C2029">
        <v>500</v>
      </c>
      <c r="D2029" t="s">
        <v>290</v>
      </c>
      <c r="E2029">
        <v>1014</v>
      </c>
      <c r="F2029" t="s">
        <v>892</v>
      </c>
      <c r="G2029" t="s">
        <v>892</v>
      </c>
      <c r="H2029" t="s">
        <v>892</v>
      </c>
      <c r="I2029" t="s">
        <v>892</v>
      </c>
      <c r="J2029" t="s">
        <v>868</v>
      </c>
      <c r="K2029">
        <v>23</v>
      </c>
      <c r="L2029" t="s">
        <v>892</v>
      </c>
      <c r="M2029" t="s">
        <v>892</v>
      </c>
      <c r="N2029" t="s">
        <v>892</v>
      </c>
      <c r="O2029" t="s">
        <v>892</v>
      </c>
      <c r="P2029" t="s">
        <v>655</v>
      </c>
      <c r="Q2029">
        <v>1</v>
      </c>
      <c r="R2029" t="s">
        <v>893</v>
      </c>
      <c r="S2029">
        <v>3</v>
      </c>
      <c r="T2029" t="s">
        <v>892</v>
      </c>
      <c r="U2029" t="s">
        <v>892</v>
      </c>
      <c r="V2029">
        <v>3</v>
      </c>
      <c r="W2029">
        <v>180</v>
      </c>
      <c r="X2029">
        <v>2020</v>
      </c>
    </row>
    <row r="2030" spans="1:24" x14ac:dyDescent="0.25">
      <c r="A2030">
        <v>11029</v>
      </c>
      <c r="B2030" t="s">
        <v>291</v>
      </c>
      <c r="C2030">
        <v>500</v>
      </c>
      <c r="D2030" t="s">
        <v>290</v>
      </c>
      <c r="E2030">
        <v>1014</v>
      </c>
      <c r="F2030" t="s">
        <v>892</v>
      </c>
      <c r="G2030" t="s">
        <v>892</v>
      </c>
      <c r="H2030" t="s">
        <v>892</v>
      </c>
      <c r="I2030" t="s">
        <v>892</v>
      </c>
      <c r="J2030" t="s">
        <v>839</v>
      </c>
      <c r="K2030">
        <v>89</v>
      </c>
      <c r="L2030" t="s">
        <v>892</v>
      </c>
      <c r="M2030" t="s">
        <v>892</v>
      </c>
      <c r="N2030" t="s">
        <v>892</v>
      </c>
      <c r="O2030" t="s">
        <v>892</v>
      </c>
      <c r="P2030" t="s">
        <v>655</v>
      </c>
      <c r="Q2030">
        <v>1</v>
      </c>
      <c r="R2030" t="s">
        <v>893</v>
      </c>
      <c r="S2030">
        <v>3</v>
      </c>
      <c r="T2030" t="s">
        <v>892</v>
      </c>
      <c r="U2030" t="s">
        <v>892</v>
      </c>
      <c r="V2030">
        <v>4</v>
      </c>
      <c r="W2030">
        <v>240</v>
      </c>
      <c r="X2030">
        <v>2020</v>
      </c>
    </row>
    <row r="2031" spans="1:24" x14ac:dyDescent="0.25">
      <c r="A2031">
        <v>11028</v>
      </c>
      <c r="B2031" t="s">
        <v>291</v>
      </c>
      <c r="C2031">
        <v>500</v>
      </c>
      <c r="D2031" t="s">
        <v>290</v>
      </c>
      <c r="E2031">
        <v>1014</v>
      </c>
      <c r="F2031" t="s">
        <v>892</v>
      </c>
      <c r="G2031" t="s">
        <v>892</v>
      </c>
      <c r="H2031" t="s">
        <v>892</v>
      </c>
      <c r="I2031" t="s">
        <v>892</v>
      </c>
      <c r="J2031" t="s">
        <v>885</v>
      </c>
      <c r="K2031">
        <v>1</v>
      </c>
      <c r="L2031" t="s">
        <v>892</v>
      </c>
      <c r="M2031" t="s">
        <v>892</v>
      </c>
      <c r="N2031" t="s">
        <v>892</v>
      </c>
      <c r="O2031" t="s">
        <v>892</v>
      </c>
      <c r="P2031" t="s">
        <v>655</v>
      </c>
      <c r="Q2031">
        <v>1</v>
      </c>
      <c r="R2031" t="s">
        <v>893</v>
      </c>
      <c r="S2031">
        <v>3</v>
      </c>
      <c r="T2031" t="s">
        <v>892</v>
      </c>
      <c r="U2031" t="s">
        <v>892</v>
      </c>
      <c r="V2031">
        <v>3</v>
      </c>
      <c r="W2031">
        <v>180</v>
      </c>
      <c r="X2031">
        <v>2020</v>
      </c>
    </row>
    <row r="2032" spans="1:24" x14ac:dyDescent="0.25">
      <c r="A2032">
        <v>11027</v>
      </c>
      <c r="B2032" t="s">
        <v>291</v>
      </c>
      <c r="C2032">
        <v>500</v>
      </c>
      <c r="D2032" t="s">
        <v>290</v>
      </c>
      <c r="E2032">
        <v>1014</v>
      </c>
      <c r="F2032" t="s">
        <v>892</v>
      </c>
      <c r="G2032" t="s">
        <v>892</v>
      </c>
      <c r="H2032" t="s">
        <v>892</v>
      </c>
      <c r="I2032" t="s">
        <v>892</v>
      </c>
      <c r="J2032" t="s">
        <v>802</v>
      </c>
      <c r="K2032">
        <v>12</v>
      </c>
      <c r="L2032" t="s">
        <v>892</v>
      </c>
      <c r="M2032" t="s">
        <v>892</v>
      </c>
      <c r="N2032" t="s">
        <v>892</v>
      </c>
      <c r="O2032" t="s">
        <v>892</v>
      </c>
      <c r="P2032" t="s">
        <v>655</v>
      </c>
      <c r="Q2032">
        <v>1</v>
      </c>
      <c r="R2032" t="s">
        <v>893</v>
      </c>
      <c r="S2032">
        <v>3</v>
      </c>
      <c r="T2032" t="s">
        <v>892</v>
      </c>
      <c r="U2032" t="s">
        <v>892</v>
      </c>
      <c r="V2032">
        <v>3</v>
      </c>
      <c r="W2032">
        <v>180</v>
      </c>
      <c r="X2032">
        <v>2020</v>
      </c>
    </row>
    <row r="2033" spans="1:24" x14ac:dyDescent="0.25">
      <c r="A2033">
        <v>11026</v>
      </c>
      <c r="B2033" t="s">
        <v>291</v>
      </c>
      <c r="C2033">
        <v>500</v>
      </c>
      <c r="D2033" t="s">
        <v>290</v>
      </c>
      <c r="E2033">
        <v>1014</v>
      </c>
      <c r="F2033" t="s">
        <v>892</v>
      </c>
      <c r="G2033" t="s">
        <v>892</v>
      </c>
      <c r="H2033" t="s">
        <v>892</v>
      </c>
      <c r="I2033" t="s">
        <v>892</v>
      </c>
      <c r="J2033" t="s">
        <v>738</v>
      </c>
      <c r="K2033">
        <v>61</v>
      </c>
      <c r="L2033" t="s">
        <v>892</v>
      </c>
      <c r="M2033" t="s">
        <v>892</v>
      </c>
      <c r="N2033" t="s">
        <v>892</v>
      </c>
      <c r="O2033" t="s">
        <v>892</v>
      </c>
      <c r="P2033" t="s">
        <v>655</v>
      </c>
      <c r="Q2033">
        <v>1</v>
      </c>
      <c r="R2033" t="s">
        <v>893</v>
      </c>
      <c r="S2033">
        <v>3</v>
      </c>
      <c r="T2033" t="s">
        <v>892</v>
      </c>
      <c r="U2033" t="s">
        <v>892</v>
      </c>
      <c r="V2033">
        <v>3</v>
      </c>
      <c r="W2033">
        <v>180</v>
      </c>
      <c r="X2033">
        <v>2020</v>
      </c>
    </row>
    <row r="2034" spans="1:24" x14ac:dyDescent="0.25">
      <c r="A2034">
        <v>11025</v>
      </c>
      <c r="B2034" t="s">
        <v>291</v>
      </c>
      <c r="C2034">
        <v>500</v>
      </c>
      <c r="D2034" t="s">
        <v>290</v>
      </c>
      <c r="E2034">
        <v>1014</v>
      </c>
      <c r="F2034" t="s">
        <v>892</v>
      </c>
      <c r="G2034" t="s">
        <v>892</v>
      </c>
      <c r="H2034" t="s">
        <v>892</v>
      </c>
      <c r="I2034" t="s">
        <v>892</v>
      </c>
      <c r="J2034" t="s">
        <v>1022</v>
      </c>
      <c r="K2034">
        <v>85</v>
      </c>
      <c r="L2034" t="s">
        <v>892</v>
      </c>
      <c r="M2034" t="s">
        <v>892</v>
      </c>
      <c r="N2034" t="s">
        <v>892</v>
      </c>
      <c r="O2034" t="s">
        <v>892</v>
      </c>
      <c r="P2034" t="s">
        <v>655</v>
      </c>
      <c r="Q2034">
        <v>1</v>
      </c>
      <c r="R2034" t="s">
        <v>893</v>
      </c>
      <c r="S2034">
        <v>3</v>
      </c>
      <c r="T2034" t="s">
        <v>892</v>
      </c>
      <c r="U2034" t="s">
        <v>892</v>
      </c>
      <c r="V2034">
        <v>3</v>
      </c>
      <c r="W2034">
        <v>180</v>
      </c>
      <c r="X2034">
        <v>2020</v>
      </c>
    </row>
    <row r="2035" spans="1:24" x14ac:dyDescent="0.25">
      <c r="A2035">
        <v>11024</v>
      </c>
      <c r="B2035" t="s">
        <v>291</v>
      </c>
      <c r="C2035">
        <v>500</v>
      </c>
      <c r="D2035" t="s">
        <v>290</v>
      </c>
      <c r="E2035">
        <v>1014</v>
      </c>
      <c r="F2035" t="s">
        <v>892</v>
      </c>
      <c r="G2035" t="s">
        <v>892</v>
      </c>
      <c r="H2035" t="s">
        <v>892</v>
      </c>
      <c r="I2035" t="s">
        <v>892</v>
      </c>
      <c r="J2035" t="s">
        <v>676</v>
      </c>
      <c r="K2035">
        <v>4</v>
      </c>
      <c r="L2035" t="s">
        <v>892</v>
      </c>
      <c r="M2035" t="s">
        <v>892</v>
      </c>
      <c r="N2035" t="s">
        <v>892</v>
      </c>
      <c r="O2035" t="s">
        <v>892</v>
      </c>
      <c r="P2035" t="s">
        <v>655</v>
      </c>
      <c r="Q2035">
        <v>1</v>
      </c>
      <c r="R2035" t="s">
        <v>893</v>
      </c>
      <c r="S2035">
        <v>3</v>
      </c>
      <c r="T2035" t="s">
        <v>892</v>
      </c>
      <c r="U2035" t="s">
        <v>892</v>
      </c>
      <c r="V2035">
        <v>3</v>
      </c>
      <c r="W2035">
        <v>180</v>
      </c>
      <c r="X2035">
        <v>2020</v>
      </c>
    </row>
    <row r="2036" spans="1:24" x14ac:dyDescent="0.25">
      <c r="A2036">
        <v>11023</v>
      </c>
      <c r="B2036" t="s">
        <v>291</v>
      </c>
      <c r="C2036">
        <v>500</v>
      </c>
      <c r="D2036" t="s">
        <v>290</v>
      </c>
      <c r="E2036">
        <v>1014</v>
      </c>
      <c r="F2036" t="s">
        <v>892</v>
      </c>
      <c r="G2036" t="s">
        <v>892</v>
      </c>
      <c r="H2036" t="s">
        <v>892</v>
      </c>
      <c r="I2036" t="s">
        <v>892</v>
      </c>
      <c r="J2036" t="s">
        <v>896</v>
      </c>
      <c r="K2036">
        <v>7</v>
      </c>
      <c r="L2036" t="s">
        <v>892</v>
      </c>
      <c r="M2036" t="s">
        <v>892</v>
      </c>
      <c r="N2036" t="s">
        <v>892</v>
      </c>
      <c r="O2036" t="s">
        <v>892</v>
      </c>
      <c r="P2036" t="s">
        <v>655</v>
      </c>
      <c r="Q2036">
        <v>1</v>
      </c>
      <c r="R2036" t="s">
        <v>893</v>
      </c>
      <c r="S2036">
        <v>3</v>
      </c>
      <c r="T2036" t="s">
        <v>892</v>
      </c>
      <c r="U2036" t="s">
        <v>892</v>
      </c>
      <c r="V2036">
        <v>3</v>
      </c>
      <c r="W2036">
        <v>180</v>
      </c>
      <c r="X2036">
        <v>2020</v>
      </c>
    </row>
    <row r="2037" spans="1:24" x14ac:dyDescent="0.25">
      <c r="A2037">
        <v>11022</v>
      </c>
      <c r="B2037" t="s">
        <v>291</v>
      </c>
      <c r="C2037">
        <v>500</v>
      </c>
      <c r="D2037" t="s">
        <v>290</v>
      </c>
      <c r="E2037">
        <v>1014</v>
      </c>
      <c r="F2037" t="s">
        <v>892</v>
      </c>
      <c r="G2037" t="s">
        <v>892</v>
      </c>
      <c r="H2037" t="s">
        <v>892</v>
      </c>
      <c r="I2037" t="s">
        <v>892</v>
      </c>
      <c r="J2037" t="s">
        <v>792</v>
      </c>
      <c r="K2037">
        <v>6</v>
      </c>
      <c r="L2037" t="s">
        <v>892</v>
      </c>
      <c r="M2037" t="s">
        <v>892</v>
      </c>
      <c r="N2037" t="s">
        <v>892</v>
      </c>
      <c r="O2037" t="s">
        <v>892</v>
      </c>
      <c r="P2037" t="s">
        <v>655</v>
      </c>
      <c r="Q2037">
        <v>1</v>
      </c>
      <c r="R2037" t="s">
        <v>893</v>
      </c>
      <c r="S2037">
        <v>3</v>
      </c>
      <c r="T2037" t="s">
        <v>892</v>
      </c>
      <c r="U2037" t="s">
        <v>892</v>
      </c>
      <c r="V2037">
        <v>3</v>
      </c>
      <c r="W2037">
        <v>180</v>
      </c>
      <c r="X2037">
        <v>2020</v>
      </c>
    </row>
    <row r="2038" spans="1:24" x14ac:dyDescent="0.25">
      <c r="A2038">
        <v>11021</v>
      </c>
      <c r="B2038" t="s">
        <v>291</v>
      </c>
      <c r="C2038">
        <v>500</v>
      </c>
      <c r="D2038" t="s">
        <v>290</v>
      </c>
      <c r="E2038">
        <v>1014</v>
      </c>
      <c r="F2038" t="s">
        <v>892</v>
      </c>
      <c r="G2038" t="s">
        <v>892</v>
      </c>
      <c r="H2038" t="s">
        <v>892</v>
      </c>
      <c r="I2038" t="s">
        <v>892</v>
      </c>
      <c r="J2038" t="s">
        <v>866</v>
      </c>
      <c r="K2038">
        <v>9</v>
      </c>
      <c r="L2038" t="s">
        <v>892</v>
      </c>
      <c r="M2038" t="s">
        <v>892</v>
      </c>
      <c r="N2038" t="s">
        <v>892</v>
      </c>
      <c r="O2038" t="s">
        <v>892</v>
      </c>
      <c r="P2038" t="s">
        <v>655</v>
      </c>
      <c r="Q2038">
        <v>1</v>
      </c>
      <c r="R2038" t="s">
        <v>893</v>
      </c>
      <c r="S2038">
        <v>3</v>
      </c>
      <c r="T2038" t="s">
        <v>892</v>
      </c>
      <c r="U2038" t="s">
        <v>892</v>
      </c>
      <c r="V2038">
        <v>3</v>
      </c>
      <c r="W2038">
        <v>180</v>
      </c>
      <c r="X2038">
        <v>2020</v>
      </c>
    </row>
    <row r="2039" spans="1:24" x14ac:dyDescent="0.25">
      <c r="A2039">
        <v>11020</v>
      </c>
      <c r="B2039" t="s">
        <v>291</v>
      </c>
      <c r="C2039">
        <v>500</v>
      </c>
      <c r="D2039" t="s">
        <v>290</v>
      </c>
      <c r="E2039">
        <v>1014</v>
      </c>
      <c r="F2039" t="s">
        <v>892</v>
      </c>
      <c r="G2039" t="s">
        <v>892</v>
      </c>
      <c r="H2039" t="s">
        <v>892</v>
      </c>
      <c r="I2039" t="s">
        <v>892</v>
      </c>
      <c r="J2039" t="s">
        <v>663</v>
      </c>
      <c r="K2039">
        <v>99</v>
      </c>
      <c r="L2039" t="s">
        <v>892</v>
      </c>
      <c r="M2039" t="s">
        <v>892</v>
      </c>
      <c r="N2039" t="s">
        <v>892</v>
      </c>
      <c r="O2039" t="s">
        <v>892</v>
      </c>
      <c r="P2039" t="s">
        <v>655</v>
      </c>
      <c r="Q2039">
        <v>1</v>
      </c>
      <c r="R2039" t="s">
        <v>893</v>
      </c>
      <c r="S2039">
        <v>3</v>
      </c>
      <c r="T2039" t="s">
        <v>892</v>
      </c>
      <c r="U2039" t="s">
        <v>892</v>
      </c>
      <c r="V2039">
        <v>3</v>
      </c>
      <c r="W2039">
        <v>180</v>
      </c>
      <c r="X2039">
        <v>2020</v>
      </c>
    </row>
    <row r="2040" spans="1:24" x14ac:dyDescent="0.25">
      <c r="A2040">
        <v>11019</v>
      </c>
      <c r="B2040" t="s">
        <v>291</v>
      </c>
      <c r="C2040">
        <v>500</v>
      </c>
      <c r="D2040" t="s">
        <v>290</v>
      </c>
      <c r="E2040">
        <v>1014</v>
      </c>
      <c r="F2040" t="s">
        <v>892</v>
      </c>
      <c r="G2040" t="s">
        <v>892</v>
      </c>
      <c r="H2040" t="s">
        <v>892</v>
      </c>
      <c r="I2040" t="s">
        <v>892</v>
      </c>
      <c r="J2040" t="s">
        <v>813</v>
      </c>
      <c r="K2040">
        <v>24</v>
      </c>
      <c r="L2040" t="s">
        <v>892</v>
      </c>
      <c r="M2040" t="s">
        <v>892</v>
      </c>
      <c r="N2040" t="s">
        <v>892</v>
      </c>
      <c r="O2040" t="s">
        <v>892</v>
      </c>
      <c r="P2040" t="s">
        <v>655</v>
      </c>
      <c r="Q2040">
        <v>1</v>
      </c>
      <c r="R2040" t="s">
        <v>893</v>
      </c>
      <c r="S2040">
        <v>3</v>
      </c>
      <c r="T2040" t="s">
        <v>892</v>
      </c>
      <c r="U2040" t="s">
        <v>892</v>
      </c>
      <c r="V2040">
        <v>3</v>
      </c>
      <c r="W2040">
        <v>180</v>
      </c>
      <c r="X2040">
        <v>2020</v>
      </c>
    </row>
    <row r="2041" spans="1:24" x14ac:dyDescent="0.25">
      <c r="A2041">
        <v>11018</v>
      </c>
      <c r="B2041" t="s">
        <v>291</v>
      </c>
      <c r="C2041">
        <v>500</v>
      </c>
      <c r="D2041" t="s">
        <v>290</v>
      </c>
      <c r="E2041">
        <v>1014</v>
      </c>
      <c r="F2041" t="s">
        <v>892</v>
      </c>
      <c r="G2041" t="s">
        <v>892</v>
      </c>
      <c r="H2041" t="s">
        <v>892</v>
      </c>
      <c r="I2041" t="s">
        <v>892</v>
      </c>
      <c r="J2041" t="s">
        <v>65</v>
      </c>
      <c r="K2041">
        <v>15</v>
      </c>
      <c r="L2041" t="s">
        <v>892</v>
      </c>
      <c r="M2041" t="s">
        <v>892</v>
      </c>
      <c r="N2041" t="s">
        <v>892</v>
      </c>
      <c r="O2041" t="s">
        <v>892</v>
      </c>
      <c r="P2041" t="s">
        <v>655</v>
      </c>
      <c r="Q2041">
        <v>1</v>
      </c>
      <c r="R2041" t="s">
        <v>893</v>
      </c>
      <c r="S2041">
        <v>3</v>
      </c>
      <c r="T2041" t="s">
        <v>892</v>
      </c>
      <c r="U2041" t="s">
        <v>892</v>
      </c>
      <c r="V2041">
        <v>3</v>
      </c>
      <c r="W2041">
        <v>180</v>
      </c>
      <c r="X2041">
        <v>2020</v>
      </c>
    </row>
    <row r="2042" spans="1:24" x14ac:dyDescent="0.25">
      <c r="A2042">
        <v>11017</v>
      </c>
      <c r="B2042" t="s">
        <v>291</v>
      </c>
      <c r="C2042">
        <v>500</v>
      </c>
      <c r="D2042" t="s">
        <v>290</v>
      </c>
      <c r="E2042">
        <v>1014</v>
      </c>
      <c r="F2042" t="s">
        <v>892</v>
      </c>
      <c r="G2042" t="s">
        <v>892</v>
      </c>
      <c r="H2042" t="s">
        <v>892</v>
      </c>
      <c r="I2042" t="s">
        <v>892</v>
      </c>
      <c r="J2042" t="s">
        <v>897</v>
      </c>
      <c r="K2042">
        <v>3</v>
      </c>
      <c r="L2042" t="s">
        <v>892</v>
      </c>
      <c r="M2042" t="s">
        <v>892</v>
      </c>
      <c r="N2042" t="s">
        <v>892</v>
      </c>
      <c r="O2042" t="s">
        <v>892</v>
      </c>
      <c r="P2042" t="s">
        <v>655</v>
      </c>
      <c r="Q2042">
        <v>1</v>
      </c>
      <c r="R2042" t="s">
        <v>893</v>
      </c>
      <c r="S2042">
        <v>3</v>
      </c>
      <c r="T2042" t="s">
        <v>892</v>
      </c>
      <c r="U2042" t="s">
        <v>892</v>
      </c>
      <c r="V2042">
        <v>3</v>
      </c>
      <c r="W2042">
        <v>180</v>
      </c>
      <c r="X2042">
        <v>2020</v>
      </c>
    </row>
    <row r="2043" spans="1:24" x14ac:dyDescent="0.25">
      <c r="A2043">
        <v>11016</v>
      </c>
      <c r="B2043" t="s">
        <v>291</v>
      </c>
      <c r="C2043">
        <v>500</v>
      </c>
      <c r="D2043" t="s">
        <v>290</v>
      </c>
      <c r="E2043">
        <v>1014</v>
      </c>
      <c r="F2043" t="s">
        <v>892</v>
      </c>
      <c r="G2043" t="s">
        <v>892</v>
      </c>
      <c r="H2043" t="s">
        <v>892</v>
      </c>
      <c r="I2043" t="s">
        <v>892</v>
      </c>
      <c r="J2043" t="s">
        <v>767</v>
      </c>
      <c r="K2043">
        <v>44</v>
      </c>
      <c r="L2043" t="s">
        <v>892</v>
      </c>
      <c r="M2043" t="s">
        <v>892</v>
      </c>
      <c r="N2043" t="s">
        <v>892</v>
      </c>
      <c r="O2043" t="s">
        <v>892</v>
      </c>
      <c r="P2043" t="s">
        <v>655</v>
      </c>
      <c r="Q2043">
        <v>1</v>
      </c>
      <c r="R2043" t="s">
        <v>893</v>
      </c>
      <c r="S2043">
        <v>3</v>
      </c>
      <c r="T2043" t="s">
        <v>892</v>
      </c>
      <c r="U2043" t="s">
        <v>892</v>
      </c>
      <c r="V2043">
        <v>3</v>
      </c>
      <c r="W2043">
        <v>180</v>
      </c>
      <c r="X2043">
        <v>2020</v>
      </c>
    </row>
    <row r="2044" spans="1:24" x14ac:dyDescent="0.25">
      <c r="A2044">
        <v>11015</v>
      </c>
      <c r="B2044" t="s">
        <v>291</v>
      </c>
      <c r="C2044">
        <v>500</v>
      </c>
      <c r="D2044" t="s">
        <v>290</v>
      </c>
      <c r="E2044">
        <v>1014</v>
      </c>
      <c r="F2044" t="s">
        <v>892</v>
      </c>
      <c r="G2044" t="s">
        <v>892</v>
      </c>
      <c r="H2044" t="s">
        <v>892</v>
      </c>
      <c r="I2044" t="s">
        <v>892</v>
      </c>
      <c r="J2044" t="s">
        <v>831</v>
      </c>
      <c r="K2044">
        <v>5</v>
      </c>
      <c r="L2044" t="s">
        <v>892</v>
      </c>
      <c r="M2044" t="s">
        <v>892</v>
      </c>
      <c r="N2044" t="s">
        <v>892</v>
      </c>
      <c r="O2044" t="s">
        <v>892</v>
      </c>
      <c r="P2044" t="s">
        <v>655</v>
      </c>
      <c r="Q2044">
        <v>1</v>
      </c>
      <c r="R2044" t="s">
        <v>893</v>
      </c>
      <c r="S2044">
        <v>3</v>
      </c>
      <c r="T2044" t="s">
        <v>892</v>
      </c>
      <c r="U2044" t="s">
        <v>892</v>
      </c>
      <c r="V2044">
        <v>3</v>
      </c>
      <c r="W2044">
        <v>180</v>
      </c>
      <c r="X2044">
        <v>2020</v>
      </c>
    </row>
    <row r="2045" spans="1:24" x14ac:dyDescent="0.25">
      <c r="A2045">
        <v>11014</v>
      </c>
      <c r="B2045" t="s">
        <v>293</v>
      </c>
      <c r="C2045">
        <v>52</v>
      </c>
      <c r="D2045" t="s">
        <v>292</v>
      </c>
      <c r="E2045">
        <v>1013</v>
      </c>
      <c r="F2045" t="s">
        <v>892</v>
      </c>
      <c r="G2045" t="s">
        <v>892</v>
      </c>
      <c r="H2045" t="s">
        <v>892</v>
      </c>
      <c r="I2045" t="s">
        <v>892</v>
      </c>
      <c r="J2045" t="s">
        <v>1071</v>
      </c>
      <c r="K2045">
        <v>94</v>
      </c>
      <c r="L2045" t="s">
        <v>892</v>
      </c>
      <c r="M2045" t="s">
        <v>892</v>
      </c>
      <c r="N2045" t="s">
        <v>892</v>
      </c>
      <c r="O2045" t="s">
        <v>892</v>
      </c>
      <c r="P2045" t="s">
        <v>655</v>
      </c>
      <c r="Q2045">
        <v>1</v>
      </c>
      <c r="R2045" t="s">
        <v>893</v>
      </c>
      <c r="S2045">
        <v>3</v>
      </c>
      <c r="T2045" t="s">
        <v>892</v>
      </c>
      <c r="U2045" t="s">
        <v>892</v>
      </c>
      <c r="V2045">
        <v>3</v>
      </c>
      <c r="W2045">
        <v>180</v>
      </c>
      <c r="X2045">
        <v>2020</v>
      </c>
    </row>
    <row r="2046" spans="1:24" x14ac:dyDescent="0.25">
      <c r="A2046">
        <v>11013</v>
      </c>
      <c r="B2046" t="s">
        <v>12</v>
      </c>
      <c r="C2046">
        <v>7</v>
      </c>
      <c r="D2046" t="s">
        <v>294</v>
      </c>
      <c r="E2046">
        <v>1012</v>
      </c>
      <c r="F2046" t="s">
        <v>892</v>
      </c>
      <c r="G2046" t="s">
        <v>892</v>
      </c>
      <c r="H2046" t="s">
        <v>892</v>
      </c>
      <c r="I2046" t="s">
        <v>892</v>
      </c>
      <c r="J2046" t="s">
        <v>294</v>
      </c>
      <c r="K2046">
        <v>31</v>
      </c>
      <c r="L2046" t="s">
        <v>892</v>
      </c>
      <c r="M2046" t="s">
        <v>892</v>
      </c>
      <c r="N2046" t="s">
        <v>892</v>
      </c>
      <c r="O2046" t="s">
        <v>892</v>
      </c>
      <c r="P2046" t="s">
        <v>655</v>
      </c>
      <c r="Q2046">
        <v>1</v>
      </c>
      <c r="R2046" t="s">
        <v>893</v>
      </c>
      <c r="S2046">
        <v>3</v>
      </c>
      <c r="T2046" t="s">
        <v>892</v>
      </c>
      <c r="U2046" t="s">
        <v>892</v>
      </c>
      <c r="V2046">
        <v>3</v>
      </c>
      <c r="W2046">
        <v>180</v>
      </c>
      <c r="X2046">
        <v>2020</v>
      </c>
    </row>
    <row r="2047" spans="1:24" x14ac:dyDescent="0.25">
      <c r="A2047">
        <v>11012</v>
      </c>
      <c r="B2047" t="s">
        <v>12</v>
      </c>
      <c r="C2047">
        <v>7</v>
      </c>
      <c r="D2047" t="s">
        <v>295</v>
      </c>
      <c r="E2047">
        <v>1011</v>
      </c>
      <c r="F2047" t="s">
        <v>892</v>
      </c>
      <c r="G2047" t="s">
        <v>892</v>
      </c>
      <c r="H2047" t="s">
        <v>892</v>
      </c>
      <c r="I2047" t="s">
        <v>892</v>
      </c>
      <c r="J2047" t="s">
        <v>295</v>
      </c>
      <c r="K2047">
        <v>30</v>
      </c>
      <c r="L2047" t="s">
        <v>892</v>
      </c>
      <c r="M2047" t="s">
        <v>892</v>
      </c>
      <c r="N2047" t="s">
        <v>892</v>
      </c>
      <c r="O2047" t="s">
        <v>892</v>
      </c>
      <c r="P2047" t="s">
        <v>655</v>
      </c>
      <c r="Q2047">
        <v>1</v>
      </c>
      <c r="R2047" t="s">
        <v>893</v>
      </c>
      <c r="S2047">
        <v>3</v>
      </c>
      <c r="T2047" t="s">
        <v>892</v>
      </c>
      <c r="U2047" t="s">
        <v>892</v>
      </c>
      <c r="V2047">
        <v>3</v>
      </c>
      <c r="W2047">
        <v>180</v>
      </c>
      <c r="X2047">
        <v>2020</v>
      </c>
    </row>
    <row r="2048" spans="1:24" x14ac:dyDescent="0.25">
      <c r="A2048">
        <v>11011</v>
      </c>
      <c r="B2048" t="s">
        <v>12</v>
      </c>
      <c r="C2048">
        <v>7</v>
      </c>
      <c r="D2048" t="s">
        <v>296</v>
      </c>
      <c r="E2048">
        <v>1010</v>
      </c>
      <c r="F2048" t="s">
        <v>892</v>
      </c>
      <c r="G2048" t="s">
        <v>892</v>
      </c>
      <c r="H2048" t="s">
        <v>892</v>
      </c>
      <c r="I2048" t="s">
        <v>892</v>
      </c>
      <c r="J2048" t="s">
        <v>296</v>
      </c>
      <c r="K2048">
        <v>97</v>
      </c>
      <c r="L2048" t="s">
        <v>892</v>
      </c>
      <c r="M2048" t="s">
        <v>892</v>
      </c>
      <c r="N2048" t="s">
        <v>892</v>
      </c>
      <c r="O2048" t="s">
        <v>892</v>
      </c>
      <c r="P2048" t="s">
        <v>655</v>
      </c>
      <c r="Q2048">
        <v>1</v>
      </c>
      <c r="R2048" t="s">
        <v>893</v>
      </c>
      <c r="S2048">
        <v>3</v>
      </c>
      <c r="T2048" t="s">
        <v>892</v>
      </c>
      <c r="U2048" t="s">
        <v>892</v>
      </c>
      <c r="V2048">
        <v>3</v>
      </c>
      <c r="W2048">
        <v>180</v>
      </c>
      <c r="X2048">
        <v>2020</v>
      </c>
    </row>
    <row r="2049" spans="1:24" x14ac:dyDescent="0.25">
      <c r="A2049">
        <v>11010</v>
      </c>
      <c r="B2049" t="s">
        <v>12</v>
      </c>
      <c r="C2049">
        <v>7</v>
      </c>
      <c r="D2049" t="s">
        <v>297</v>
      </c>
      <c r="E2049">
        <v>1009</v>
      </c>
      <c r="F2049" t="s">
        <v>892</v>
      </c>
      <c r="G2049" t="s">
        <v>892</v>
      </c>
      <c r="H2049" t="s">
        <v>892</v>
      </c>
      <c r="I2049" t="s">
        <v>892</v>
      </c>
      <c r="J2049" t="s">
        <v>807</v>
      </c>
      <c r="K2049">
        <v>25</v>
      </c>
      <c r="L2049" t="s">
        <v>892</v>
      </c>
      <c r="M2049" t="s">
        <v>892</v>
      </c>
      <c r="N2049" t="s">
        <v>892</v>
      </c>
      <c r="O2049" t="s">
        <v>892</v>
      </c>
      <c r="P2049" t="s">
        <v>655</v>
      </c>
      <c r="Q2049">
        <v>1</v>
      </c>
      <c r="R2049" t="s">
        <v>893</v>
      </c>
      <c r="S2049">
        <v>3</v>
      </c>
      <c r="T2049" t="s">
        <v>892</v>
      </c>
      <c r="U2049" t="s">
        <v>892</v>
      </c>
      <c r="V2049">
        <v>3</v>
      </c>
      <c r="W2049">
        <v>180</v>
      </c>
      <c r="X2049">
        <v>2020</v>
      </c>
    </row>
    <row r="2050" spans="1:24" x14ac:dyDescent="0.25">
      <c r="A2050">
        <v>11009</v>
      </c>
      <c r="B2050" t="s">
        <v>12</v>
      </c>
      <c r="C2050">
        <v>7</v>
      </c>
      <c r="D2050" t="s">
        <v>298</v>
      </c>
      <c r="E2050">
        <v>1008</v>
      </c>
      <c r="F2050" t="s">
        <v>892</v>
      </c>
      <c r="G2050" t="s">
        <v>892</v>
      </c>
      <c r="H2050" t="s">
        <v>892</v>
      </c>
      <c r="I2050" t="s">
        <v>892</v>
      </c>
      <c r="J2050" t="s">
        <v>955</v>
      </c>
      <c r="K2050">
        <v>29</v>
      </c>
      <c r="L2050" t="s">
        <v>892</v>
      </c>
      <c r="M2050" t="s">
        <v>892</v>
      </c>
      <c r="N2050" t="s">
        <v>892</v>
      </c>
      <c r="O2050" t="s">
        <v>892</v>
      </c>
      <c r="P2050" t="s">
        <v>655</v>
      </c>
      <c r="Q2050">
        <v>1</v>
      </c>
      <c r="R2050" t="s">
        <v>893</v>
      </c>
      <c r="S2050">
        <v>3</v>
      </c>
      <c r="T2050" t="s">
        <v>892</v>
      </c>
      <c r="U2050" t="s">
        <v>892</v>
      </c>
      <c r="V2050">
        <v>3</v>
      </c>
      <c r="W2050">
        <v>180</v>
      </c>
      <c r="X2050">
        <v>2020</v>
      </c>
    </row>
    <row r="2051" spans="1:24" x14ac:dyDescent="0.25">
      <c r="A2051">
        <v>11006</v>
      </c>
      <c r="B2051" t="s">
        <v>12</v>
      </c>
      <c r="C2051">
        <v>7</v>
      </c>
      <c r="D2051" t="s">
        <v>299</v>
      </c>
      <c r="E2051">
        <v>1006</v>
      </c>
      <c r="F2051" t="s">
        <v>892</v>
      </c>
      <c r="G2051" t="s">
        <v>892</v>
      </c>
      <c r="H2051" t="s">
        <v>892</v>
      </c>
      <c r="I2051" t="s">
        <v>892</v>
      </c>
      <c r="J2051" t="s">
        <v>299</v>
      </c>
      <c r="K2051">
        <v>27</v>
      </c>
      <c r="L2051" t="s">
        <v>892</v>
      </c>
      <c r="M2051" t="s">
        <v>892</v>
      </c>
      <c r="N2051" t="s">
        <v>892</v>
      </c>
      <c r="O2051" t="s">
        <v>892</v>
      </c>
      <c r="P2051" t="s">
        <v>655</v>
      </c>
      <c r="Q2051">
        <v>1</v>
      </c>
      <c r="R2051" t="s">
        <v>893</v>
      </c>
      <c r="S2051">
        <v>3</v>
      </c>
      <c r="T2051" t="s">
        <v>892</v>
      </c>
      <c r="U2051" t="s">
        <v>892</v>
      </c>
      <c r="V2051">
        <v>3</v>
      </c>
      <c r="W2051">
        <v>180</v>
      </c>
      <c r="X2051">
        <v>2020</v>
      </c>
    </row>
    <row r="2052" spans="1:24" x14ac:dyDescent="0.25">
      <c r="A2052">
        <v>11005</v>
      </c>
      <c r="B2052" t="s">
        <v>12</v>
      </c>
      <c r="C2052">
        <v>7</v>
      </c>
      <c r="D2052" t="s">
        <v>300</v>
      </c>
      <c r="E2052">
        <v>1005</v>
      </c>
      <c r="F2052" t="s">
        <v>892</v>
      </c>
      <c r="G2052" t="s">
        <v>892</v>
      </c>
      <c r="H2052" t="s">
        <v>892</v>
      </c>
      <c r="I2052" t="s">
        <v>892</v>
      </c>
      <c r="J2052" t="s">
        <v>1559</v>
      </c>
      <c r="K2052">
        <v>96</v>
      </c>
      <c r="L2052" t="s">
        <v>892</v>
      </c>
      <c r="M2052" t="s">
        <v>892</v>
      </c>
      <c r="N2052" t="s">
        <v>892</v>
      </c>
      <c r="O2052" t="s">
        <v>892</v>
      </c>
      <c r="P2052" t="s">
        <v>655</v>
      </c>
      <c r="Q2052">
        <v>1</v>
      </c>
      <c r="R2052" t="s">
        <v>893</v>
      </c>
      <c r="S2052">
        <v>3</v>
      </c>
      <c r="T2052" t="s">
        <v>892</v>
      </c>
      <c r="U2052" t="s">
        <v>892</v>
      </c>
      <c r="V2052">
        <v>3</v>
      </c>
      <c r="W2052">
        <v>180</v>
      </c>
      <c r="X2052">
        <v>2020</v>
      </c>
    </row>
    <row r="2053" spans="1:24" x14ac:dyDescent="0.25">
      <c r="A2053">
        <v>11004</v>
      </c>
      <c r="B2053" t="s">
        <v>12</v>
      </c>
      <c r="C2053">
        <v>7</v>
      </c>
      <c r="D2053" t="s">
        <v>301</v>
      </c>
      <c r="E2053">
        <v>1004</v>
      </c>
      <c r="F2053" t="s">
        <v>892</v>
      </c>
      <c r="G2053" t="s">
        <v>892</v>
      </c>
      <c r="H2053" t="s">
        <v>892</v>
      </c>
      <c r="I2053" t="s">
        <v>892</v>
      </c>
      <c r="J2053" t="s">
        <v>301</v>
      </c>
      <c r="K2053">
        <v>26</v>
      </c>
      <c r="L2053" t="s">
        <v>892</v>
      </c>
      <c r="M2053" t="s">
        <v>892</v>
      </c>
      <c r="N2053" t="s">
        <v>892</v>
      </c>
      <c r="O2053" t="s">
        <v>892</v>
      </c>
      <c r="P2053" t="s">
        <v>655</v>
      </c>
      <c r="Q2053">
        <v>1</v>
      </c>
      <c r="R2053" t="s">
        <v>893</v>
      </c>
      <c r="S2053">
        <v>3</v>
      </c>
      <c r="T2053" t="s">
        <v>892</v>
      </c>
      <c r="U2053" t="s">
        <v>892</v>
      </c>
      <c r="V2053">
        <v>3</v>
      </c>
      <c r="W2053">
        <v>180</v>
      </c>
      <c r="X2053">
        <v>2020</v>
      </c>
    </row>
    <row r="2054" spans="1:24" x14ac:dyDescent="0.25">
      <c r="A2054">
        <v>11003</v>
      </c>
      <c r="B2054" t="s">
        <v>303</v>
      </c>
      <c r="C2054">
        <v>53</v>
      </c>
      <c r="D2054" t="s">
        <v>302</v>
      </c>
      <c r="E2054">
        <v>1003</v>
      </c>
      <c r="F2054" t="s">
        <v>892</v>
      </c>
      <c r="G2054" t="s">
        <v>892</v>
      </c>
      <c r="H2054" t="s">
        <v>892</v>
      </c>
      <c r="I2054" t="s">
        <v>892</v>
      </c>
      <c r="J2054" t="s">
        <v>302</v>
      </c>
      <c r="K2054">
        <v>95</v>
      </c>
      <c r="L2054" t="s">
        <v>892</v>
      </c>
      <c r="M2054" t="s">
        <v>892</v>
      </c>
      <c r="N2054" t="s">
        <v>892</v>
      </c>
      <c r="O2054" t="s">
        <v>892</v>
      </c>
      <c r="P2054" t="s">
        <v>655</v>
      </c>
      <c r="Q2054">
        <v>1</v>
      </c>
      <c r="R2054" t="s">
        <v>893</v>
      </c>
      <c r="S2054">
        <v>3</v>
      </c>
      <c r="T2054" t="s">
        <v>892</v>
      </c>
      <c r="U2054" t="s">
        <v>892</v>
      </c>
      <c r="V2054">
        <v>3</v>
      </c>
      <c r="W2054">
        <v>180</v>
      </c>
      <c r="X2054">
        <v>2020</v>
      </c>
    </row>
    <row r="2055" spans="1:24" x14ac:dyDescent="0.25">
      <c r="A2055">
        <v>11002</v>
      </c>
      <c r="B2055" t="s">
        <v>303</v>
      </c>
      <c r="C2055">
        <v>53</v>
      </c>
      <c r="D2055" t="s">
        <v>65</v>
      </c>
      <c r="E2055">
        <v>1002</v>
      </c>
      <c r="F2055" t="s">
        <v>892</v>
      </c>
      <c r="G2055" t="s">
        <v>892</v>
      </c>
      <c r="H2055" t="s">
        <v>892</v>
      </c>
      <c r="I2055" t="s">
        <v>892</v>
      </c>
      <c r="J2055" t="s">
        <v>65</v>
      </c>
      <c r="K2055">
        <v>15</v>
      </c>
      <c r="L2055" t="s">
        <v>892</v>
      </c>
      <c r="M2055" t="s">
        <v>892</v>
      </c>
      <c r="N2055" t="s">
        <v>892</v>
      </c>
      <c r="O2055" t="s">
        <v>892</v>
      </c>
      <c r="P2055" t="s">
        <v>655</v>
      </c>
      <c r="Q2055">
        <v>1</v>
      </c>
      <c r="R2055" t="s">
        <v>893</v>
      </c>
      <c r="S2055">
        <v>3</v>
      </c>
      <c r="T2055" t="s">
        <v>892</v>
      </c>
      <c r="U2055" t="s">
        <v>892</v>
      </c>
      <c r="V2055">
        <v>3</v>
      </c>
      <c r="W2055">
        <v>180</v>
      </c>
      <c r="X2055">
        <v>2020</v>
      </c>
    </row>
    <row r="2056" spans="1:24" x14ac:dyDescent="0.25">
      <c r="A2056">
        <v>11001</v>
      </c>
      <c r="B2056" t="s">
        <v>305</v>
      </c>
      <c r="C2056">
        <v>22</v>
      </c>
      <c r="D2056" t="s">
        <v>304</v>
      </c>
      <c r="E2056">
        <v>1001</v>
      </c>
      <c r="F2056" t="s">
        <v>892</v>
      </c>
      <c r="G2056" t="s">
        <v>892</v>
      </c>
      <c r="H2056" t="s">
        <v>892</v>
      </c>
      <c r="I2056" t="s">
        <v>892</v>
      </c>
      <c r="J2056" t="s">
        <v>673</v>
      </c>
      <c r="K2056">
        <v>34</v>
      </c>
      <c r="L2056" t="s">
        <v>892</v>
      </c>
      <c r="M2056" t="s">
        <v>892</v>
      </c>
      <c r="N2056" t="s">
        <v>892</v>
      </c>
      <c r="O2056" t="s">
        <v>892</v>
      </c>
      <c r="P2056" t="s">
        <v>655</v>
      </c>
      <c r="Q2056">
        <v>1</v>
      </c>
      <c r="R2056" t="s">
        <v>893</v>
      </c>
      <c r="S2056">
        <v>3</v>
      </c>
      <c r="T2056" t="s">
        <v>892</v>
      </c>
      <c r="U2056" t="s">
        <v>892</v>
      </c>
      <c r="V2056">
        <v>3</v>
      </c>
      <c r="W2056">
        <v>180</v>
      </c>
      <c r="X2056">
        <v>2020</v>
      </c>
    </row>
    <row r="2057" spans="1:24" x14ac:dyDescent="0.25">
      <c r="A2057">
        <v>9872</v>
      </c>
      <c r="B2057" t="s">
        <v>206</v>
      </c>
      <c r="C2057">
        <v>33</v>
      </c>
      <c r="D2057" t="s">
        <v>349</v>
      </c>
      <c r="E2057">
        <v>617</v>
      </c>
      <c r="F2057" t="s">
        <v>651</v>
      </c>
      <c r="G2057">
        <v>160</v>
      </c>
      <c r="H2057" t="s">
        <v>719</v>
      </c>
      <c r="I2057">
        <v>7630</v>
      </c>
      <c r="J2057" t="s">
        <v>673</v>
      </c>
      <c r="K2057">
        <v>34</v>
      </c>
      <c r="L2057" t="s">
        <v>1658</v>
      </c>
      <c r="M2057">
        <v>3254</v>
      </c>
      <c r="N2057" t="s">
        <v>654</v>
      </c>
      <c r="O2057">
        <v>3</v>
      </c>
      <c r="P2057" t="s">
        <v>655</v>
      </c>
      <c r="Q2057">
        <v>1</v>
      </c>
      <c r="R2057" t="s">
        <v>656</v>
      </c>
      <c r="S2057">
        <v>2</v>
      </c>
      <c r="T2057" t="s">
        <v>661</v>
      </c>
      <c r="U2057">
        <v>8</v>
      </c>
      <c r="V2057">
        <v>2</v>
      </c>
      <c r="W2057">
        <v>120</v>
      </c>
      <c r="X2057">
        <v>2020</v>
      </c>
    </row>
    <row r="2058" spans="1:24" x14ac:dyDescent="0.25">
      <c r="A2058">
        <v>9862</v>
      </c>
      <c r="B2058" t="s">
        <v>289</v>
      </c>
      <c r="C2058">
        <v>12</v>
      </c>
      <c r="D2058" t="s">
        <v>408</v>
      </c>
      <c r="E2058">
        <v>80</v>
      </c>
      <c r="F2058" t="s">
        <v>651</v>
      </c>
      <c r="G2058">
        <v>160</v>
      </c>
      <c r="H2058" t="s">
        <v>658</v>
      </c>
      <c r="I2058">
        <v>13755</v>
      </c>
      <c r="J2058" t="s">
        <v>682</v>
      </c>
      <c r="K2058">
        <v>20</v>
      </c>
      <c r="L2058" t="s">
        <v>1659</v>
      </c>
      <c r="M2058">
        <v>3246</v>
      </c>
      <c r="N2058" t="s">
        <v>654</v>
      </c>
      <c r="O2058">
        <v>3</v>
      </c>
      <c r="P2058" t="s">
        <v>655</v>
      </c>
      <c r="Q2058">
        <v>1</v>
      </c>
      <c r="R2058" t="s">
        <v>656</v>
      </c>
      <c r="S2058">
        <v>2</v>
      </c>
      <c r="T2058" t="s">
        <v>661</v>
      </c>
      <c r="U2058">
        <v>8</v>
      </c>
      <c r="V2058">
        <v>2</v>
      </c>
      <c r="W2058">
        <v>120</v>
      </c>
      <c r="X2058">
        <v>2020</v>
      </c>
    </row>
    <row r="2059" spans="1:24" x14ac:dyDescent="0.25">
      <c r="A2059">
        <v>9860</v>
      </c>
      <c r="B2059" t="s">
        <v>289</v>
      </c>
      <c r="C2059">
        <v>12</v>
      </c>
      <c r="D2059" t="s">
        <v>408</v>
      </c>
      <c r="E2059">
        <v>80</v>
      </c>
      <c r="F2059" t="s">
        <v>651</v>
      </c>
      <c r="G2059">
        <v>160</v>
      </c>
      <c r="H2059" t="s">
        <v>658</v>
      </c>
      <c r="I2059">
        <v>13755</v>
      </c>
      <c r="J2059" t="s">
        <v>682</v>
      </c>
      <c r="K2059">
        <v>20</v>
      </c>
      <c r="L2059" t="s">
        <v>1660</v>
      </c>
      <c r="M2059">
        <v>3244</v>
      </c>
      <c r="N2059" t="s">
        <v>654</v>
      </c>
      <c r="O2059">
        <v>3</v>
      </c>
      <c r="P2059" t="s">
        <v>655</v>
      </c>
      <c r="Q2059">
        <v>1</v>
      </c>
      <c r="R2059" t="s">
        <v>656</v>
      </c>
      <c r="S2059">
        <v>2</v>
      </c>
      <c r="T2059" t="s">
        <v>661</v>
      </c>
      <c r="U2059">
        <v>8</v>
      </c>
      <c r="V2059">
        <v>2</v>
      </c>
      <c r="W2059">
        <v>120</v>
      </c>
      <c r="X2059">
        <v>2020</v>
      </c>
    </row>
    <row r="2060" spans="1:24" x14ac:dyDescent="0.25">
      <c r="A2060">
        <v>9858</v>
      </c>
      <c r="B2060" t="s">
        <v>289</v>
      </c>
      <c r="C2060">
        <v>12</v>
      </c>
      <c r="D2060" t="s">
        <v>396</v>
      </c>
      <c r="E2060">
        <v>83</v>
      </c>
      <c r="F2060" t="s">
        <v>651</v>
      </c>
      <c r="G2060">
        <v>160</v>
      </c>
      <c r="H2060" t="s">
        <v>658</v>
      </c>
      <c r="I2060">
        <v>13755</v>
      </c>
      <c r="J2060" t="s">
        <v>295</v>
      </c>
      <c r="K2060">
        <v>30</v>
      </c>
      <c r="L2060" t="s">
        <v>1661</v>
      </c>
      <c r="M2060">
        <v>3242</v>
      </c>
      <c r="N2060" t="s">
        <v>654</v>
      </c>
      <c r="O2060">
        <v>3</v>
      </c>
      <c r="P2060" t="s">
        <v>655</v>
      </c>
      <c r="Q2060">
        <v>1</v>
      </c>
      <c r="R2060" t="s">
        <v>656</v>
      </c>
      <c r="S2060">
        <v>2</v>
      </c>
      <c r="T2060" t="s">
        <v>661</v>
      </c>
      <c r="U2060">
        <v>8</v>
      </c>
      <c r="V2060">
        <v>2</v>
      </c>
      <c r="W2060">
        <v>120</v>
      </c>
      <c r="X2060">
        <v>2020</v>
      </c>
    </row>
    <row r="2061" spans="1:24" x14ac:dyDescent="0.25">
      <c r="A2061">
        <v>9856</v>
      </c>
      <c r="B2061" t="s">
        <v>289</v>
      </c>
      <c r="C2061">
        <v>12</v>
      </c>
      <c r="D2061" t="s">
        <v>396</v>
      </c>
      <c r="E2061">
        <v>83</v>
      </c>
      <c r="F2061" t="s">
        <v>651</v>
      </c>
      <c r="G2061">
        <v>160</v>
      </c>
      <c r="H2061" t="s">
        <v>658</v>
      </c>
      <c r="I2061">
        <v>13755</v>
      </c>
      <c r="J2061" t="s">
        <v>295</v>
      </c>
      <c r="K2061">
        <v>30</v>
      </c>
      <c r="L2061" t="s">
        <v>1662</v>
      </c>
      <c r="M2061">
        <v>3240</v>
      </c>
      <c r="N2061" t="s">
        <v>654</v>
      </c>
      <c r="O2061">
        <v>3</v>
      </c>
      <c r="P2061" t="s">
        <v>655</v>
      </c>
      <c r="Q2061">
        <v>1</v>
      </c>
      <c r="R2061" t="s">
        <v>656</v>
      </c>
      <c r="S2061">
        <v>2</v>
      </c>
      <c r="T2061" t="s">
        <v>661</v>
      </c>
      <c r="U2061">
        <v>8</v>
      </c>
      <c r="V2061">
        <v>2</v>
      </c>
      <c r="W2061">
        <v>120</v>
      </c>
      <c r="X2061">
        <v>2020</v>
      </c>
    </row>
    <row r="2062" spans="1:24" x14ac:dyDescent="0.25">
      <c r="A2062">
        <v>9854</v>
      </c>
      <c r="B2062" t="s">
        <v>289</v>
      </c>
      <c r="C2062">
        <v>12</v>
      </c>
      <c r="D2062" t="s">
        <v>396</v>
      </c>
      <c r="E2062">
        <v>83</v>
      </c>
      <c r="F2062" t="s">
        <v>651</v>
      </c>
      <c r="G2062">
        <v>160</v>
      </c>
      <c r="H2062" t="s">
        <v>658</v>
      </c>
      <c r="I2062">
        <v>13755</v>
      </c>
      <c r="J2062" t="s">
        <v>295</v>
      </c>
      <c r="K2062">
        <v>30</v>
      </c>
      <c r="L2062" t="s">
        <v>1663</v>
      </c>
      <c r="M2062">
        <v>3238</v>
      </c>
      <c r="N2062" t="s">
        <v>654</v>
      </c>
      <c r="O2062">
        <v>3</v>
      </c>
      <c r="P2062" t="s">
        <v>655</v>
      </c>
      <c r="Q2062">
        <v>1</v>
      </c>
      <c r="R2062" t="s">
        <v>656</v>
      </c>
      <c r="S2062">
        <v>2</v>
      </c>
      <c r="T2062" t="s">
        <v>718</v>
      </c>
      <c r="U2062">
        <v>2</v>
      </c>
      <c r="V2062">
        <v>2</v>
      </c>
      <c r="W2062">
        <v>120</v>
      </c>
      <c r="X2062">
        <v>2020</v>
      </c>
    </row>
    <row r="2063" spans="1:24" x14ac:dyDescent="0.25">
      <c r="A2063">
        <v>9852</v>
      </c>
      <c r="B2063" t="s">
        <v>14</v>
      </c>
      <c r="C2063">
        <v>20</v>
      </c>
      <c r="D2063" t="s">
        <v>426</v>
      </c>
      <c r="E2063">
        <v>145</v>
      </c>
      <c r="F2063" t="s">
        <v>651</v>
      </c>
      <c r="G2063">
        <v>160</v>
      </c>
      <c r="H2063" t="s">
        <v>739</v>
      </c>
      <c r="I2063">
        <v>4413</v>
      </c>
      <c r="J2063" t="s">
        <v>699</v>
      </c>
      <c r="K2063">
        <v>10</v>
      </c>
      <c r="L2063" t="s">
        <v>1664</v>
      </c>
      <c r="M2063">
        <v>459</v>
      </c>
      <c r="N2063" t="s">
        <v>654</v>
      </c>
      <c r="O2063">
        <v>3</v>
      </c>
      <c r="P2063" t="s">
        <v>655</v>
      </c>
      <c r="Q2063">
        <v>1</v>
      </c>
      <c r="R2063" t="s">
        <v>669</v>
      </c>
      <c r="S2063">
        <v>1</v>
      </c>
      <c r="T2063" t="s">
        <v>1665</v>
      </c>
      <c r="U2063">
        <v>263</v>
      </c>
      <c r="V2063">
        <v>3</v>
      </c>
      <c r="W2063">
        <v>180</v>
      </c>
      <c r="X2063">
        <v>2020</v>
      </c>
    </row>
    <row r="2064" spans="1:24" x14ac:dyDescent="0.25">
      <c r="A2064">
        <v>9850</v>
      </c>
      <c r="B2064" t="s">
        <v>14</v>
      </c>
      <c r="C2064">
        <v>20</v>
      </c>
      <c r="D2064" t="s">
        <v>426</v>
      </c>
      <c r="E2064">
        <v>145</v>
      </c>
      <c r="F2064" t="s">
        <v>651</v>
      </c>
      <c r="G2064">
        <v>160</v>
      </c>
      <c r="H2064" t="s">
        <v>739</v>
      </c>
      <c r="I2064">
        <v>4413</v>
      </c>
      <c r="J2064" t="s">
        <v>699</v>
      </c>
      <c r="K2064">
        <v>10</v>
      </c>
      <c r="L2064" t="s">
        <v>1664</v>
      </c>
      <c r="M2064">
        <v>459</v>
      </c>
      <c r="N2064" t="s">
        <v>654</v>
      </c>
      <c r="O2064">
        <v>3</v>
      </c>
      <c r="P2064" t="s">
        <v>655</v>
      </c>
      <c r="Q2064">
        <v>1</v>
      </c>
      <c r="R2064" t="s">
        <v>669</v>
      </c>
      <c r="S2064">
        <v>1</v>
      </c>
      <c r="T2064" t="s">
        <v>1666</v>
      </c>
      <c r="U2064">
        <v>264</v>
      </c>
      <c r="V2064">
        <v>3</v>
      </c>
      <c r="W2064">
        <v>180</v>
      </c>
      <c r="X2064">
        <v>2020</v>
      </c>
    </row>
    <row r="2065" spans="1:24" x14ac:dyDescent="0.25">
      <c r="A2065">
        <v>9848</v>
      </c>
      <c r="B2065" t="s">
        <v>14</v>
      </c>
      <c r="C2065">
        <v>20</v>
      </c>
      <c r="D2065" t="s">
        <v>426</v>
      </c>
      <c r="E2065">
        <v>145</v>
      </c>
      <c r="F2065" t="s">
        <v>651</v>
      </c>
      <c r="G2065">
        <v>160</v>
      </c>
      <c r="H2065" t="s">
        <v>739</v>
      </c>
      <c r="I2065">
        <v>4413</v>
      </c>
      <c r="J2065" t="s">
        <v>667</v>
      </c>
      <c r="K2065">
        <v>11</v>
      </c>
      <c r="L2065" t="s">
        <v>667</v>
      </c>
      <c r="M2065">
        <v>35</v>
      </c>
      <c r="N2065" t="s">
        <v>654</v>
      </c>
      <c r="O2065">
        <v>3</v>
      </c>
      <c r="P2065" t="s">
        <v>655</v>
      </c>
      <c r="Q2065">
        <v>1</v>
      </c>
      <c r="R2065" t="s">
        <v>669</v>
      </c>
      <c r="S2065">
        <v>1</v>
      </c>
      <c r="T2065" t="s">
        <v>1009</v>
      </c>
      <c r="U2065">
        <v>35</v>
      </c>
      <c r="V2065">
        <v>3</v>
      </c>
      <c r="W2065">
        <v>180</v>
      </c>
      <c r="X2065">
        <v>2020</v>
      </c>
    </row>
    <row r="2066" spans="1:24" x14ac:dyDescent="0.25">
      <c r="A2066">
        <v>9846</v>
      </c>
      <c r="B2066" t="s">
        <v>14</v>
      </c>
      <c r="C2066">
        <v>20</v>
      </c>
      <c r="D2066" t="s">
        <v>426</v>
      </c>
      <c r="E2066">
        <v>145</v>
      </c>
      <c r="F2066" t="s">
        <v>651</v>
      </c>
      <c r="G2066">
        <v>160</v>
      </c>
      <c r="H2066" t="s">
        <v>739</v>
      </c>
      <c r="I2066">
        <v>4413</v>
      </c>
      <c r="J2066" t="s">
        <v>667</v>
      </c>
      <c r="K2066">
        <v>11</v>
      </c>
      <c r="L2066" t="s">
        <v>667</v>
      </c>
      <c r="M2066">
        <v>35</v>
      </c>
      <c r="N2066" t="s">
        <v>654</v>
      </c>
      <c r="O2066">
        <v>3</v>
      </c>
      <c r="P2066" t="s">
        <v>655</v>
      </c>
      <c r="Q2066">
        <v>1</v>
      </c>
      <c r="R2066" t="s">
        <v>669</v>
      </c>
      <c r="S2066">
        <v>1</v>
      </c>
      <c r="T2066" t="s">
        <v>1010</v>
      </c>
      <c r="U2066">
        <v>36</v>
      </c>
      <c r="V2066">
        <v>3</v>
      </c>
      <c r="W2066">
        <v>180</v>
      </c>
      <c r="X2066">
        <v>2020</v>
      </c>
    </row>
    <row r="2067" spans="1:24" x14ac:dyDescent="0.25">
      <c r="A2067">
        <v>9844</v>
      </c>
      <c r="B2067" t="s">
        <v>14</v>
      </c>
      <c r="C2067">
        <v>20</v>
      </c>
      <c r="D2067" t="s">
        <v>426</v>
      </c>
      <c r="E2067">
        <v>145</v>
      </c>
      <c r="F2067" t="s">
        <v>651</v>
      </c>
      <c r="G2067">
        <v>160</v>
      </c>
      <c r="H2067" t="s">
        <v>739</v>
      </c>
      <c r="I2067">
        <v>4413</v>
      </c>
      <c r="J2067" t="s">
        <v>667</v>
      </c>
      <c r="K2067">
        <v>11</v>
      </c>
      <c r="L2067" t="s">
        <v>667</v>
      </c>
      <c r="M2067">
        <v>35</v>
      </c>
      <c r="N2067" t="s">
        <v>654</v>
      </c>
      <c r="O2067">
        <v>3</v>
      </c>
      <c r="P2067" t="s">
        <v>655</v>
      </c>
      <c r="Q2067">
        <v>1</v>
      </c>
      <c r="R2067" t="s">
        <v>669</v>
      </c>
      <c r="S2067">
        <v>1</v>
      </c>
      <c r="T2067" t="s">
        <v>1667</v>
      </c>
      <c r="U2067">
        <v>37</v>
      </c>
      <c r="V2067">
        <v>3</v>
      </c>
      <c r="W2067">
        <v>180</v>
      </c>
      <c r="X2067">
        <v>2020</v>
      </c>
    </row>
    <row r="2068" spans="1:24" x14ac:dyDescent="0.25">
      <c r="A2068">
        <v>9842</v>
      </c>
      <c r="B2068" t="s">
        <v>14</v>
      </c>
      <c r="C2068">
        <v>20</v>
      </c>
      <c r="D2068" t="s">
        <v>426</v>
      </c>
      <c r="E2068">
        <v>145</v>
      </c>
      <c r="F2068" t="s">
        <v>651</v>
      </c>
      <c r="G2068">
        <v>160</v>
      </c>
      <c r="H2068" t="s">
        <v>739</v>
      </c>
      <c r="I2068">
        <v>4413</v>
      </c>
      <c r="J2068" t="s">
        <v>667</v>
      </c>
      <c r="K2068">
        <v>11</v>
      </c>
      <c r="L2068" t="s">
        <v>667</v>
      </c>
      <c r="M2068">
        <v>35</v>
      </c>
      <c r="N2068" t="s">
        <v>654</v>
      </c>
      <c r="O2068">
        <v>3</v>
      </c>
      <c r="P2068" t="s">
        <v>655</v>
      </c>
      <c r="Q2068">
        <v>1</v>
      </c>
      <c r="R2068" t="s">
        <v>669</v>
      </c>
      <c r="S2068">
        <v>1</v>
      </c>
      <c r="T2068" t="s">
        <v>702</v>
      </c>
      <c r="U2068">
        <v>39</v>
      </c>
      <c r="V2068">
        <v>3</v>
      </c>
      <c r="W2068">
        <v>180</v>
      </c>
      <c r="X2068">
        <v>2020</v>
      </c>
    </row>
    <row r="2069" spans="1:24" x14ac:dyDescent="0.25">
      <c r="A2069">
        <v>9840</v>
      </c>
      <c r="B2069" t="s">
        <v>14</v>
      </c>
      <c r="C2069">
        <v>20</v>
      </c>
      <c r="D2069" t="s">
        <v>426</v>
      </c>
      <c r="E2069">
        <v>145</v>
      </c>
      <c r="F2069" t="s">
        <v>651</v>
      </c>
      <c r="G2069">
        <v>160</v>
      </c>
      <c r="H2069" t="s">
        <v>739</v>
      </c>
      <c r="I2069">
        <v>4413</v>
      </c>
      <c r="J2069" t="s">
        <v>667</v>
      </c>
      <c r="K2069">
        <v>11</v>
      </c>
      <c r="L2069" t="s">
        <v>667</v>
      </c>
      <c r="M2069">
        <v>35</v>
      </c>
      <c r="N2069" t="s">
        <v>654</v>
      </c>
      <c r="O2069">
        <v>3</v>
      </c>
      <c r="P2069" t="s">
        <v>655</v>
      </c>
      <c r="Q2069">
        <v>1</v>
      </c>
      <c r="R2069" t="s">
        <v>669</v>
      </c>
      <c r="S2069">
        <v>1</v>
      </c>
      <c r="T2069" t="s">
        <v>701</v>
      </c>
      <c r="U2069">
        <v>38</v>
      </c>
      <c r="V2069">
        <v>3</v>
      </c>
      <c r="W2069">
        <v>180</v>
      </c>
      <c r="X2069">
        <v>2020</v>
      </c>
    </row>
    <row r="2070" spans="1:24" x14ac:dyDescent="0.25">
      <c r="A2070">
        <v>9838</v>
      </c>
      <c r="B2070" t="s">
        <v>14</v>
      </c>
      <c r="C2070">
        <v>20</v>
      </c>
      <c r="D2070" t="s">
        <v>426</v>
      </c>
      <c r="E2070">
        <v>145</v>
      </c>
      <c r="F2070" t="s">
        <v>651</v>
      </c>
      <c r="G2070">
        <v>160</v>
      </c>
      <c r="H2070" t="s">
        <v>739</v>
      </c>
      <c r="I2070">
        <v>4413</v>
      </c>
      <c r="J2070" t="s">
        <v>667</v>
      </c>
      <c r="K2070">
        <v>11</v>
      </c>
      <c r="L2070" t="s">
        <v>667</v>
      </c>
      <c r="M2070">
        <v>35</v>
      </c>
      <c r="N2070" t="s">
        <v>654</v>
      </c>
      <c r="O2070">
        <v>3</v>
      </c>
      <c r="P2070" t="s">
        <v>655</v>
      </c>
      <c r="Q2070">
        <v>1</v>
      </c>
      <c r="R2070" t="s">
        <v>669</v>
      </c>
      <c r="S2070">
        <v>1</v>
      </c>
      <c r="T2070" t="s">
        <v>942</v>
      </c>
      <c r="U2070">
        <v>58</v>
      </c>
      <c r="V2070">
        <v>3</v>
      </c>
      <c r="W2070">
        <v>180</v>
      </c>
      <c r="X2070">
        <v>2020</v>
      </c>
    </row>
    <row r="2071" spans="1:24" x14ac:dyDescent="0.25">
      <c r="A2071">
        <v>9836</v>
      </c>
      <c r="B2071" t="s">
        <v>14</v>
      </c>
      <c r="C2071">
        <v>20</v>
      </c>
      <c r="D2071" t="s">
        <v>426</v>
      </c>
      <c r="E2071">
        <v>145</v>
      </c>
      <c r="F2071" t="s">
        <v>651</v>
      </c>
      <c r="G2071">
        <v>160</v>
      </c>
      <c r="H2071" t="s">
        <v>739</v>
      </c>
      <c r="I2071">
        <v>4413</v>
      </c>
      <c r="J2071" t="s">
        <v>667</v>
      </c>
      <c r="K2071">
        <v>11</v>
      </c>
      <c r="L2071" t="s">
        <v>667</v>
      </c>
      <c r="M2071">
        <v>35</v>
      </c>
      <c r="N2071" t="s">
        <v>654</v>
      </c>
      <c r="O2071">
        <v>3</v>
      </c>
      <c r="P2071" t="s">
        <v>655</v>
      </c>
      <c r="Q2071">
        <v>1</v>
      </c>
      <c r="R2071" t="s">
        <v>669</v>
      </c>
      <c r="S2071">
        <v>1</v>
      </c>
      <c r="T2071" t="s">
        <v>1000</v>
      </c>
      <c r="U2071">
        <v>60</v>
      </c>
      <c r="V2071">
        <v>3</v>
      </c>
      <c r="W2071">
        <v>180</v>
      </c>
      <c r="X2071">
        <v>2020</v>
      </c>
    </row>
    <row r="2072" spans="1:24" x14ac:dyDescent="0.25">
      <c r="A2072">
        <v>9834</v>
      </c>
      <c r="B2072" t="s">
        <v>14</v>
      </c>
      <c r="C2072">
        <v>20</v>
      </c>
      <c r="D2072" t="s">
        <v>426</v>
      </c>
      <c r="E2072">
        <v>145</v>
      </c>
      <c r="F2072" t="s">
        <v>651</v>
      </c>
      <c r="G2072">
        <v>160</v>
      </c>
      <c r="H2072" t="s">
        <v>739</v>
      </c>
      <c r="I2072">
        <v>4413</v>
      </c>
      <c r="J2072" t="s">
        <v>667</v>
      </c>
      <c r="K2072">
        <v>11</v>
      </c>
      <c r="L2072" t="s">
        <v>667</v>
      </c>
      <c r="M2072">
        <v>35</v>
      </c>
      <c r="N2072" t="s">
        <v>654</v>
      </c>
      <c r="O2072">
        <v>3</v>
      </c>
      <c r="P2072" t="s">
        <v>655</v>
      </c>
      <c r="Q2072">
        <v>1</v>
      </c>
      <c r="R2072" t="s">
        <v>669</v>
      </c>
      <c r="S2072">
        <v>1</v>
      </c>
      <c r="T2072" t="s">
        <v>1472</v>
      </c>
      <c r="U2072">
        <v>61</v>
      </c>
      <c r="V2072">
        <v>3</v>
      </c>
      <c r="W2072">
        <v>180</v>
      </c>
      <c r="X2072">
        <v>2020</v>
      </c>
    </row>
    <row r="2073" spans="1:24" x14ac:dyDescent="0.25">
      <c r="A2073">
        <v>9832</v>
      </c>
      <c r="B2073" t="s">
        <v>14</v>
      </c>
      <c r="C2073">
        <v>20</v>
      </c>
      <c r="D2073" t="s">
        <v>426</v>
      </c>
      <c r="E2073">
        <v>145</v>
      </c>
      <c r="F2073" t="s">
        <v>651</v>
      </c>
      <c r="G2073">
        <v>160</v>
      </c>
      <c r="H2073" t="s">
        <v>739</v>
      </c>
      <c r="I2073">
        <v>4413</v>
      </c>
      <c r="J2073" t="s">
        <v>667</v>
      </c>
      <c r="K2073">
        <v>11</v>
      </c>
      <c r="L2073" t="s">
        <v>667</v>
      </c>
      <c r="M2073">
        <v>35</v>
      </c>
      <c r="N2073" t="s">
        <v>654</v>
      </c>
      <c r="O2073">
        <v>3</v>
      </c>
      <c r="P2073" t="s">
        <v>655</v>
      </c>
      <c r="Q2073">
        <v>1</v>
      </c>
      <c r="R2073" t="s">
        <v>669</v>
      </c>
      <c r="S2073">
        <v>1</v>
      </c>
      <c r="T2073" t="s">
        <v>1504</v>
      </c>
      <c r="U2073">
        <v>63</v>
      </c>
      <c r="V2073">
        <v>3</v>
      </c>
      <c r="W2073">
        <v>180</v>
      </c>
      <c r="X2073">
        <v>2020</v>
      </c>
    </row>
    <row r="2074" spans="1:24" x14ac:dyDescent="0.25">
      <c r="A2074">
        <v>9830</v>
      </c>
      <c r="B2074" t="s">
        <v>14</v>
      </c>
      <c r="C2074">
        <v>20</v>
      </c>
      <c r="D2074" t="s">
        <v>426</v>
      </c>
      <c r="E2074">
        <v>145</v>
      </c>
      <c r="F2074" t="s">
        <v>651</v>
      </c>
      <c r="G2074">
        <v>160</v>
      </c>
      <c r="H2074" t="s">
        <v>739</v>
      </c>
      <c r="I2074">
        <v>4413</v>
      </c>
      <c r="J2074" t="s">
        <v>667</v>
      </c>
      <c r="K2074">
        <v>11</v>
      </c>
      <c r="L2074" t="s">
        <v>667</v>
      </c>
      <c r="M2074">
        <v>35</v>
      </c>
      <c r="N2074" t="s">
        <v>654</v>
      </c>
      <c r="O2074">
        <v>3</v>
      </c>
      <c r="P2074" t="s">
        <v>655</v>
      </c>
      <c r="Q2074">
        <v>1</v>
      </c>
      <c r="R2074" t="s">
        <v>669</v>
      </c>
      <c r="S2074">
        <v>1</v>
      </c>
      <c r="T2074" t="s">
        <v>1424</v>
      </c>
      <c r="U2074">
        <v>62</v>
      </c>
      <c r="V2074">
        <v>3</v>
      </c>
      <c r="W2074">
        <v>180</v>
      </c>
      <c r="X2074">
        <v>2020</v>
      </c>
    </row>
    <row r="2075" spans="1:24" x14ac:dyDescent="0.25">
      <c r="A2075">
        <v>9828</v>
      </c>
      <c r="B2075" t="s">
        <v>247</v>
      </c>
      <c r="C2075">
        <v>39</v>
      </c>
      <c r="D2075" t="s">
        <v>490</v>
      </c>
      <c r="E2075">
        <v>299</v>
      </c>
      <c r="F2075" t="s">
        <v>651</v>
      </c>
      <c r="G2075">
        <v>160</v>
      </c>
      <c r="H2075" t="s">
        <v>817</v>
      </c>
      <c r="I2075">
        <v>11010</v>
      </c>
      <c r="J2075" t="s">
        <v>667</v>
      </c>
      <c r="K2075">
        <v>11</v>
      </c>
      <c r="L2075" t="s">
        <v>667</v>
      </c>
      <c r="M2075">
        <v>35</v>
      </c>
      <c r="N2075" t="s">
        <v>654</v>
      </c>
      <c r="O2075">
        <v>3</v>
      </c>
      <c r="P2075" t="s">
        <v>655</v>
      </c>
      <c r="Q2075">
        <v>1</v>
      </c>
      <c r="R2075" t="s">
        <v>669</v>
      </c>
      <c r="S2075">
        <v>1</v>
      </c>
      <c r="T2075" t="s">
        <v>1009</v>
      </c>
      <c r="U2075">
        <v>35</v>
      </c>
      <c r="V2075">
        <v>3</v>
      </c>
      <c r="W2075">
        <v>180</v>
      </c>
      <c r="X2075">
        <v>2020</v>
      </c>
    </row>
    <row r="2076" spans="1:24" x14ac:dyDescent="0.25">
      <c r="A2076">
        <v>9826</v>
      </c>
      <c r="B2076" t="s">
        <v>247</v>
      </c>
      <c r="C2076">
        <v>39</v>
      </c>
      <c r="D2076" t="s">
        <v>490</v>
      </c>
      <c r="E2076">
        <v>299</v>
      </c>
      <c r="F2076" t="s">
        <v>651</v>
      </c>
      <c r="G2076">
        <v>160</v>
      </c>
      <c r="H2076" t="s">
        <v>817</v>
      </c>
      <c r="I2076">
        <v>11010</v>
      </c>
      <c r="J2076" t="s">
        <v>667</v>
      </c>
      <c r="K2076">
        <v>11</v>
      </c>
      <c r="L2076" t="s">
        <v>667</v>
      </c>
      <c r="M2076">
        <v>35</v>
      </c>
      <c r="N2076" t="s">
        <v>654</v>
      </c>
      <c r="O2076">
        <v>3</v>
      </c>
      <c r="P2076" t="s">
        <v>655</v>
      </c>
      <c r="Q2076">
        <v>1</v>
      </c>
      <c r="R2076" t="s">
        <v>669</v>
      </c>
      <c r="S2076">
        <v>1</v>
      </c>
      <c r="T2076" t="s">
        <v>1010</v>
      </c>
      <c r="U2076">
        <v>36</v>
      </c>
      <c r="V2076">
        <v>3</v>
      </c>
      <c r="W2076">
        <v>180</v>
      </c>
      <c r="X2076">
        <v>2020</v>
      </c>
    </row>
    <row r="2077" spans="1:24" x14ac:dyDescent="0.25">
      <c r="A2077">
        <v>9824</v>
      </c>
      <c r="B2077" t="s">
        <v>247</v>
      </c>
      <c r="C2077">
        <v>39</v>
      </c>
      <c r="D2077" t="s">
        <v>490</v>
      </c>
      <c r="E2077">
        <v>299</v>
      </c>
      <c r="F2077" t="s">
        <v>651</v>
      </c>
      <c r="G2077">
        <v>160</v>
      </c>
      <c r="H2077" t="s">
        <v>817</v>
      </c>
      <c r="I2077">
        <v>11010</v>
      </c>
      <c r="J2077" t="s">
        <v>667</v>
      </c>
      <c r="K2077">
        <v>11</v>
      </c>
      <c r="L2077" t="s">
        <v>667</v>
      </c>
      <c r="M2077">
        <v>35</v>
      </c>
      <c r="N2077" t="s">
        <v>654</v>
      </c>
      <c r="O2077">
        <v>3</v>
      </c>
      <c r="P2077" t="s">
        <v>655</v>
      </c>
      <c r="Q2077">
        <v>1</v>
      </c>
      <c r="R2077" t="s">
        <v>669</v>
      </c>
      <c r="S2077">
        <v>1</v>
      </c>
      <c r="T2077" t="s">
        <v>942</v>
      </c>
      <c r="U2077">
        <v>58</v>
      </c>
      <c r="V2077">
        <v>3</v>
      </c>
      <c r="W2077">
        <v>180</v>
      </c>
      <c r="X2077">
        <v>2020</v>
      </c>
    </row>
    <row r="2078" spans="1:24" x14ac:dyDescent="0.25">
      <c r="A2078">
        <v>9822</v>
      </c>
      <c r="B2078" t="s">
        <v>247</v>
      </c>
      <c r="C2078">
        <v>39</v>
      </c>
      <c r="D2078" t="s">
        <v>490</v>
      </c>
      <c r="E2078">
        <v>299</v>
      </c>
      <c r="F2078" t="s">
        <v>651</v>
      </c>
      <c r="G2078">
        <v>160</v>
      </c>
      <c r="H2078" t="s">
        <v>817</v>
      </c>
      <c r="I2078">
        <v>11010</v>
      </c>
      <c r="J2078" t="s">
        <v>667</v>
      </c>
      <c r="K2078">
        <v>11</v>
      </c>
      <c r="L2078" t="s">
        <v>667</v>
      </c>
      <c r="M2078">
        <v>35</v>
      </c>
      <c r="N2078" t="s">
        <v>654</v>
      </c>
      <c r="O2078">
        <v>3</v>
      </c>
      <c r="P2078" t="s">
        <v>655</v>
      </c>
      <c r="Q2078">
        <v>1</v>
      </c>
      <c r="R2078" t="s">
        <v>669</v>
      </c>
      <c r="S2078">
        <v>1</v>
      </c>
      <c r="T2078" t="s">
        <v>1000</v>
      </c>
      <c r="U2078">
        <v>60</v>
      </c>
      <c r="V2078">
        <v>3</v>
      </c>
      <c r="W2078">
        <v>180</v>
      </c>
      <c r="X2078">
        <v>2020</v>
      </c>
    </row>
    <row r="2079" spans="1:24" x14ac:dyDescent="0.25">
      <c r="A2079">
        <v>9820</v>
      </c>
      <c r="B2079" t="s">
        <v>247</v>
      </c>
      <c r="C2079">
        <v>39</v>
      </c>
      <c r="D2079" t="s">
        <v>490</v>
      </c>
      <c r="E2079">
        <v>299</v>
      </c>
      <c r="F2079" t="s">
        <v>651</v>
      </c>
      <c r="G2079">
        <v>160</v>
      </c>
      <c r="H2079" t="s">
        <v>817</v>
      </c>
      <c r="I2079">
        <v>11010</v>
      </c>
      <c r="J2079" t="s">
        <v>667</v>
      </c>
      <c r="K2079">
        <v>11</v>
      </c>
      <c r="L2079" t="s">
        <v>667</v>
      </c>
      <c r="M2079">
        <v>35</v>
      </c>
      <c r="N2079" t="s">
        <v>654</v>
      </c>
      <c r="O2079">
        <v>3</v>
      </c>
      <c r="P2079" t="s">
        <v>655</v>
      </c>
      <c r="Q2079">
        <v>1</v>
      </c>
      <c r="R2079" t="s">
        <v>669</v>
      </c>
      <c r="S2079">
        <v>1</v>
      </c>
      <c r="T2079" t="s">
        <v>1035</v>
      </c>
      <c r="U2079">
        <v>46</v>
      </c>
      <c r="V2079">
        <v>3</v>
      </c>
      <c r="W2079">
        <v>180</v>
      </c>
      <c r="X2079">
        <v>2020</v>
      </c>
    </row>
    <row r="2080" spans="1:24" x14ac:dyDescent="0.25">
      <c r="A2080">
        <v>9818</v>
      </c>
      <c r="B2080" t="s">
        <v>247</v>
      </c>
      <c r="C2080">
        <v>39</v>
      </c>
      <c r="D2080" t="s">
        <v>490</v>
      </c>
      <c r="E2080">
        <v>299</v>
      </c>
      <c r="F2080" t="s">
        <v>651</v>
      </c>
      <c r="G2080">
        <v>160</v>
      </c>
      <c r="H2080" t="s">
        <v>817</v>
      </c>
      <c r="I2080">
        <v>11010</v>
      </c>
      <c r="J2080" t="s">
        <v>667</v>
      </c>
      <c r="K2080">
        <v>11</v>
      </c>
      <c r="L2080" t="s">
        <v>667</v>
      </c>
      <c r="M2080">
        <v>35</v>
      </c>
      <c r="N2080" t="s">
        <v>654</v>
      </c>
      <c r="O2080">
        <v>3</v>
      </c>
      <c r="P2080" t="s">
        <v>655</v>
      </c>
      <c r="Q2080">
        <v>1</v>
      </c>
      <c r="R2080" t="s">
        <v>669</v>
      </c>
      <c r="S2080">
        <v>1</v>
      </c>
      <c r="T2080" t="s">
        <v>1423</v>
      </c>
      <c r="U2080">
        <v>47</v>
      </c>
      <c r="V2080">
        <v>3</v>
      </c>
      <c r="W2080">
        <v>180</v>
      </c>
      <c r="X2080">
        <v>2020</v>
      </c>
    </row>
    <row r="2081" spans="1:24" x14ac:dyDescent="0.25">
      <c r="A2081">
        <v>9816</v>
      </c>
      <c r="B2081" t="s">
        <v>247</v>
      </c>
      <c r="C2081">
        <v>39</v>
      </c>
      <c r="D2081" t="s">
        <v>362</v>
      </c>
      <c r="E2081">
        <v>302</v>
      </c>
      <c r="F2081" t="s">
        <v>651</v>
      </c>
      <c r="G2081">
        <v>160</v>
      </c>
      <c r="H2081" t="s">
        <v>817</v>
      </c>
      <c r="I2081">
        <v>11010</v>
      </c>
      <c r="J2081" t="s">
        <v>736</v>
      </c>
      <c r="K2081">
        <v>8</v>
      </c>
      <c r="L2081" t="s">
        <v>737</v>
      </c>
      <c r="M2081">
        <v>24</v>
      </c>
      <c r="N2081" t="s">
        <v>668</v>
      </c>
      <c r="O2081">
        <v>4</v>
      </c>
      <c r="P2081" t="s">
        <v>655</v>
      </c>
      <c r="Q2081">
        <v>1</v>
      </c>
      <c r="R2081" t="s">
        <v>669</v>
      </c>
      <c r="S2081">
        <v>1</v>
      </c>
      <c r="T2081" t="s">
        <v>718</v>
      </c>
      <c r="U2081">
        <v>2</v>
      </c>
      <c r="V2081">
        <v>3</v>
      </c>
      <c r="W2081">
        <v>180</v>
      </c>
      <c r="X2081">
        <v>2020</v>
      </c>
    </row>
    <row r="2082" spans="1:24" x14ac:dyDescent="0.25">
      <c r="A2082">
        <v>9814</v>
      </c>
      <c r="B2082" t="s">
        <v>93</v>
      </c>
      <c r="C2082">
        <v>48</v>
      </c>
      <c r="D2082" t="s">
        <v>452</v>
      </c>
      <c r="E2082">
        <v>363</v>
      </c>
      <c r="F2082" t="s">
        <v>651</v>
      </c>
      <c r="G2082">
        <v>160</v>
      </c>
      <c r="H2082" t="s">
        <v>773</v>
      </c>
      <c r="I2082">
        <v>11846</v>
      </c>
      <c r="J2082" t="s">
        <v>299</v>
      </c>
      <c r="K2082">
        <v>27</v>
      </c>
      <c r="L2082" t="s">
        <v>690</v>
      </c>
      <c r="M2082">
        <v>89</v>
      </c>
      <c r="N2082" t="s">
        <v>668</v>
      </c>
      <c r="O2082">
        <v>4</v>
      </c>
      <c r="P2082" t="s">
        <v>655</v>
      </c>
      <c r="Q2082">
        <v>1</v>
      </c>
      <c r="R2082" t="s">
        <v>669</v>
      </c>
      <c r="S2082">
        <v>1</v>
      </c>
      <c r="T2082" t="s">
        <v>729</v>
      </c>
      <c r="U2082">
        <v>4</v>
      </c>
      <c r="V2082">
        <v>3</v>
      </c>
      <c r="W2082">
        <v>180</v>
      </c>
      <c r="X2082">
        <v>2020</v>
      </c>
    </row>
    <row r="2083" spans="1:24" x14ac:dyDescent="0.25">
      <c r="A2083">
        <v>9810</v>
      </c>
      <c r="B2083" t="s">
        <v>93</v>
      </c>
      <c r="C2083">
        <v>48</v>
      </c>
      <c r="D2083" t="s">
        <v>454</v>
      </c>
      <c r="E2083">
        <v>360</v>
      </c>
      <c r="F2083" t="s">
        <v>651</v>
      </c>
      <c r="G2083">
        <v>160</v>
      </c>
      <c r="H2083" t="s">
        <v>773</v>
      </c>
      <c r="I2083">
        <v>11846</v>
      </c>
      <c r="J2083" t="s">
        <v>756</v>
      </c>
      <c r="K2083">
        <v>19</v>
      </c>
      <c r="L2083" t="s">
        <v>1668</v>
      </c>
      <c r="M2083">
        <v>3234</v>
      </c>
      <c r="N2083" t="s">
        <v>654</v>
      </c>
      <c r="O2083">
        <v>3</v>
      </c>
      <c r="P2083" t="s">
        <v>655</v>
      </c>
      <c r="Q2083">
        <v>1</v>
      </c>
      <c r="R2083" t="s">
        <v>656</v>
      </c>
      <c r="S2083">
        <v>2</v>
      </c>
      <c r="T2083" t="s">
        <v>718</v>
      </c>
      <c r="U2083">
        <v>2</v>
      </c>
      <c r="V2083">
        <v>2</v>
      </c>
      <c r="W2083">
        <v>120</v>
      </c>
      <c r="X2083">
        <v>2020</v>
      </c>
    </row>
    <row r="2084" spans="1:24" x14ac:dyDescent="0.25">
      <c r="A2084">
        <v>9808</v>
      </c>
      <c r="B2084" t="s">
        <v>93</v>
      </c>
      <c r="C2084">
        <v>48</v>
      </c>
      <c r="D2084" t="s">
        <v>452</v>
      </c>
      <c r="E2084">
        <v>363</v>
      </c>
      <c r="F2084" t="s">
        <v>651</v>
      </c>
      <c r="G2084">
        <v>160</v>
      </c>
      <c r="H2084" t="s">
        <v>773</v>
      </c>
      <c r="I2084">
        <v>11846</v>
      </c>
      <c r="J2084" t="s">
        <v>295</v>
      </c>
      <c r="K2084">
        <v>30</v>
      </c>
      <c r="L2084" t="s">
        <v>1669</v>
      </c>
      <c r="M2084">
        <v>2696</v>
      </c>
      <c r="N2084" t="s">
        <v>654</v>
      </c>
      <c r="O2084">
        <v>3</v>
      </c>
      <c r="P2084" t="s">
        <v>746</v>
      </c>
      <c r="Q2084">
        <v>2</v>
      </c>
      <c r="R2084" t="s">
        <v>656</v>
      </c>
      <c r="S2084">
        <v>2</v>
      </c>
      <c r="T2084" t="s">
        <v>718</v>
      </c>
      <c r="U2084">
        <v>2</v>
      </c>
      <c r="V2084">
        <v>2</v>
      </c>
      <c r="W2084">
        <v>120</v>
      </c>
      <c r="X2084">
        <v>2020</v>
      </c>
    </row>
    <row r="2085" spans="1:24" x14ac:dyDescent="0.25">
      <c r="A2085">
        <v>9806</v>
      </c>
      <c r="B2085" t="s">
        <v>28</v>
      </c>
      <c r="C2085">
        <v>49</v>
      </c>
      <c r="D2085" t="s">
        <v>322</v>
      </c>
      <c r="E2085">
        <v>367</v>
      </c>
      <c r="F2085" t="s">
        <v>651</v>
      </c>
      <c r="G2085">
        <v>160</v>
      </c>
      <c r="H2085" t="s">
        <v>773</v>
      </c>
      <c r="I2085">
        <v>11846</v>
      </c>
      <c r="J2085" t="s">
        <v>839</v>
      </c>
      <c r="K2085">
        <v>89</v>
      </c>
      <c r="L2085" t="s">
        <v>1670</v>
      </c>
      <c r="M2085">
        <v>3232</v>
      </c>
      <c r="N2085" t="s">
        <v>654</v>
      </c>
      <c r="O2085">
        <v>3</v>
      </c>
      <c r="P2085" t="s">
        <v>655</v>
      </c>
      <c r="Q2085">
        <v>1</v>
      </c>
      <c r="R2085" t="s">
        <v>656</v>
      </c>
      <c r="S2085">
        <v>2</v>
      </c>
      <c r="T2085" t="s">
        <v>661</v>
      </c>
      <c r="U2085">
        <v>8</v>
      </c>
      <c r="V2085">
        <v>2</v>
      </c>
      <c r="W2085">
        <v>120</v>
      </c>
      <c r="X2085">
        <v>2020</v>
      </c>
    </row>
    <row r="2086" spans="1:24" x14ac:dyDescent="0.25">
      <c r="A2086">
        <v>9804</v>
      </c>
      <c r="B2086" t="s">
        <v>28</v>
      </c>
      <c r="C2086">
        <v>49</v>
      </c>
      <c r="D2086" t="s">
        <v>321</v>
      </c>
      <c r="E2086">
        <v>369</v>
      </c>
      <c r="F2086" t="s">
        <v>651</v>
      </c>
      <c r="G2086">
        <v>160</v>
      </c>
      <c r="H2086" t="s">
        <v>773</v>
      </c>
      <c r="I2086">
        <v>11846</v>
      </c>
      <c r="J2086" t="s">
        <v>878</v>
      </c>
      <c r="K2086">
        <v>91</v>
      </c>
      <c r="L2086" t="s">
        <v>1671</v>
      </c>
      <c r="M2086">
        <v>3230</v>
      </c>
      <c r="N2086" t="s">
        <v>654</v>
      </c>
      <c r="O2086">
        <v>3</v>
      </c>
      <c r="P2086" t="s">
        <v>655</v>
      </c>
      <c r="Q2086">
        <v>1</v>
      </c>
      <c r="R2086" t="s">
        <v>656</v>
      </c>
      <c r="S2086">
        <v>2</v>
      </c>
      <c r="T2086" t="s">
        <v>661</v>
      </c>
      <c r="U2086">
        <v>8</v>
      </c>
      <c r="V2086">
        <v>2</v>
      </c>
      <c r="W2086">
        <v>120</v>
      </c>
      <c r="X2086">
        <v>2020</v>
      </c>
    </row>
    <row r="2087" spans="1:24" x14ac:dyDescent="0.25">
      <c r="A2087">
        <v>9798</v>
      </c>
      <c r="B2087" t="s">
        <v>318</v>
      </c>
      <c r="C2087">
        <v>95</v>
      </c>
      <c r="D2087" t="s">
        <v>317</v>
      </c>
      <c r="E2087">
        <v>667</v>
      </c>
      <c r="F2087" t="s">
        <v>651</v>
      </c>
      <c r="G2087">
        <v>160</v>
      </c>
      <c r="H2087" t="s">
        <v>1672</v>
      </c>
      <c r="I2087">
        <v>6740</v>
      </c>
      <c r="J2087" t="s">
        <v>813</v>
      </c>
      <c r="K2087">
        <v>24</v>
      </c>
      <c r="L2087" t="s">
        <v>1673</v>
      </c>
      <c r="M2087">
        <v>3228</v>
      </c>
      <c r="N2087" t="s">
        <v>654</v>
      </c>
      <c r="O2087">
        <v>3</v>
      </c>
      <c r="P2087" t="s">
        <v>655</v>
      </c>
      <c r="Q2087">
        <v>1</v>
      </c>
      <c r="R2087" t="s">
        <v>669</v>
      </c>
      <c r="S2087">
        <v>1</v>
      </c>
      <c r="T2087" t="s">
        <v>657</v>
      </c>
      <c r="U2087">
        <v>7</v>
      </c>
      <c r="V2087">
        <v>3</v>
      </c>
      <c r="W2087">
        <v>180</v>
      </c>
      <c r="X2087">
        <v>2020</v>
      </c>
    </row>
    <row r="2088" spans="1:24" x14ac:dyDescent="0.25">
      <c r="A2088">
        <v>9792</v>
      </c>
      <c r="B2088" t="s">
        <v>129</v>
      </c>
      <c r="C2088">
        <v>10</v>
      </c>
      <c r="D2088" t="s">
        <v>348</v>
      </c>
      <c r="E2088">
        <v>76</v>
      </c>
      <c r="F2088" t="s">
        <v>651</v>
      </c>
      <c r="G2088">
        <v>160</v>
      </c>
      <c r="H2088" t="s">
        <v>658</v>
      </c>
      <c r="I2088">
        <v>13755</v>
      </c>
      <c r="J2088" t="s">
        <v>679</v>
      </c>
      <c r="K2088">
        <v>32</v>
      </c>
      <c r="L2088" t="s">
        <v>1674</v>
      </c>
      <c r="M2088">
        <v>3190</v>
      </c>
      <c r="N2088" t="s">
        <v>654</v>
      </c>
      <c r="O2088">
        <v>3</v>
      </c>
      <c r="P2088" t="s">
        <v>655</v>
      </c>
      <c r="Q2088">
        <v>1</v>
      </c>
      <c r="R2088" t="s">
        <v>669</v>
      </c>
      <c r="S2088">
        <v>1</v>
      </c>
      <c r="T2088" t="s">
        <v>661</v>
      </c>
      <c r="U2088">
        <v>8</v>
      </c>
      <c r="V2088">
        <v>3</v>
      </c>
      <c r="W2088">
        <v>180</v>
      </c>
      <c r="X2088">
        <v>2020</v>
      </c>
    </row>
    <row r="2089" spans="1:24" x14ac:dyDescent="0.25">
      <c r="A2089">
        <v>9788</v>
      </c>
      <c r="B2089" t="s">
        <v>213</v>
      </c>
      <c r="C2089">
        <v>15</v>
      </c>
      <c r="D2089" t="s">
        <v>477</v>
      </c>
      <c r="E2089">
        <v>97</v>
      </c>
      <c r="F2089" t="s">
        <v>651</v>
      </c>
      <c r="G2089">
        <v>160</v>
      </c>
      <c r="H2089" t="s">
        <v>741</v>
      </c>
      <c r="I2089">
        <v>1585</v>
      </c>
      <c r="J2089" t="s">
        <v>693</v>
      </c>
      <c r="K2089">
        <v>56</v>
      </c>
      <c r="L2089" t="s">
        <v>1675</v>
      </c>
      <c r="M2089">
        <v>513</v>
      </c>
      <c r="N2089" t="s">
        <v>654</v>
      </c>
      <c r="O2089">
        <v>3</v>
      </c>
      <c r="P2089" t="s">
        <v>655</v>
      </c>
      <c r="Q2089">
        <v>1</v>
      </c>
      <c r="R2089" t="s">
        <v>669</v>
      </c>
      <c r="S2089">
        <v>1</v>
      </c>
      <c r="T2089" t="s">
        <v>661</v>
      </c>
      <c r="U2089">
        <v>8</v>
      </c>
      <c r="V2089">
        <v>4</v>
      </c>
      <c r="W2089">
        <v>240</v>
      </c>
      <c r="X2089">
        <v>2020</v>
      </c>
    </row>
    <row r="2090" spans="1:24" x14ac:dyDescent="0.25">
      <c r="A2090">
        <v>9786</v>
      </c>
      <c r="B2090" t="s">
        <v>213</v>
      </c>
      <c r="C2090">
        <v>15</v>
      </c>
      <c r="D2090" t="s">
        <v>477</v>
      </c>
      <c r="E2090">
        <v>97</v>
      </c>
      <c r="F2090" t="s">
        <v>651</v>
      </c>
      <c r="G2090">
        <v>160</v>
      </c>
      <c r="H2090" t="s">
        <v>741</v>
      </c>
      <c r="I2090">
        <v>1585</v>
      </c>
      <c r="J2090" t="s">
        <v>848</v>
      </c>
      <c r="K2090">
        <v>62</v>
      </c>
      <c r="L2090" t="s">
        <v>911</v>
      </c>
      <c r="M2090">
        <v>3224</v>
      </c>
      <c r="N2090" t="s">
        <v>654</v>
      </c>
      <c r="O2090">
        <v>3</v>
      </c>
      <c r="P2090" t="s">
        <v>655</v>
      </c>
      <c r="Q2090">
        <v>1</v>
      </c>
      <c r="R2090" t="s">
        <v>669</v>
      </c>
      <c r="S2090">
        <v>1</v>
      </c>
      <c r="T2090" t="s">
        <v>661</v>
      </c>
      <c r="U2090">
        <v>8</v>
      </c>
      <c r="V2090">
        <v>4</v>
      </c>
      <c r="W2090">
        <v>240</v>
      </c>
      <c r="X2090">
        <v>2020</v>
      </c>
    </row>
    <row r="2091" spans="1:24" x14ac:dyDescent="0.25">
      <c r="A2091">
        <v>9784</v>
      </c>
      <c r="B2091" t="s">
        <v>213</v>
      </c>
      <c r="C2091">
        <v>15</v>
      </c>
      <c r="D2091" t="s">
        <v>477</v>
      </c>
      <c r="E2091">
        <v>97</v>
      </c>
      <c r="F2091" t="s">
        <v>651</v>
      </c>
      <c r="G2091">
        <v>160</v>
      </c>
      <c r="H2091" t="s">
        <v>741</v>
      </c>
      <c r="I2091">
        <v>1585</v>
      </c>
      <c r="J2091" t="s">
        <v>742</v>
      </c>
      <c r="K2091">
        <v>48</v>
      </c>
      <c r="L2091" t="s">
        <v>891</v>
      </c>
      <c r="M2091">
        <v>516</v>
      </c>
      <c r="N2091" t="s">
        <v>654</v>
      </c>
      <c r="O2091">
        <v>3</v>
      </c>
      <c r="P2091" t="s">
        <v>655</v>
      </c>
      <c r="Q2091">
        <v>1</v>
      </c>
      <c r="R2091" t="s">
        <v>669</v>
      </c>
      <c r="S2091">
        <v>1</v>
      </c>
      <c r="T2091" t="s">
        <v>661</v>
      </c>
      <c r="U2091">
        <v>8</v>
      </c>
      <c r="V2091">
        <v>4</v>
      </c>
      <c r="W2091">
        <v>240</v>
      </c>
      <c r="X2091">
        <v>2020</v>
      </c>
    </row>
    <row r="2092" spans="1:24" x14ac:dyDescent="0.25">
      <c r="A2092">
        <v>9782</v>
      </c>
      <c r="B2092" t="s">
        <v>218</v>
      </c>
      <c r="C2092">
        <v>17</v>
      </c>
      <c r="D2092" t="s">
        <v>488</v>
      </c>
      <c r="E2092">
        <v>110</v>
      </c>
      <c r="F2092" t="s">
        <v>651</v>
      </c>
      <c r="G2092">
        <v>160</v>
      </c>
      <c r="H2092" t="s">
        <v>744</v>
      </c>
      <c r="I2092">
        <v>3143</v>
      </c>
      <c r="J2092" t="s">
        <v>710</v>
      </c>
      <c r="K2092">
        <v>53</v>
      </c>
      <c r="L2092" t="s">
        <v>1676</v>
      </c>
      <c r="M2092">
        <v>3222</v>
      </c>
      <c r="N2092" t="s">
        <v>654</v>
      </c>
      <c r="O2092">
        <v>3</v>
      </c>
      <c r="P2092" t="s">
        <v>655</v>
      </c>
      <c r="Q2092">
        <v>1</v>
      </c>
      <c r="R2092" t="s">
        <v>669</v>
      </c>
      <c r="S2092">
        <v>1</v>
      </c>
      <c r="T2092" t="s">
        <v>661</v>
      </c>
      <c r="U2092">
        <v>8</v>
      </c>
      <c r="V2092">
        <v>4</v>
      </c>
      <c r="W2092">
        <v>240</v>
      </c>
      <c r="X2092">
        <v>2020</v>
      </c>
    </row>
    <row r="2093" spans="1:24" x14ac:dyDescent="0.25">
      <c r="A2093">
        <v>9780</v>
      </c>
      <c r="B2093" t="s">
        <v>218</v>
      </c>
      <c r="C2093">
        <v>17</v>
      </c>
      <c r="D2093" t="s">
        <v>572</v>
      </c>
      <c r="E2093">
        <v>111</v>
      </c>
      <c r="F2093" t="s">
        <v>651</v>
      </c>
      <c r="G2093">
        <v>160</v>
      </c>
      <c r="H2093" t="s">
        <v>744</v>
      </c>
      <c r="I2093">
        <v>3143</v>
      </c>
      <c r="J2093" t="s">
        <v>678</v>
      </c>
      <c r="K2093">
        <v>41</v>
      </c>
      <c r="L2093" t="s">
        <v>1677</v>
      </c>
      <c r="M2093">
        <v>3220</v>
      </c>
      <c r="N2093" t="s">
        <v>654</v>
      </c>
      <c r="O2093">
        <v>3</v>
      </c>
      <c r="P2093" t="s">
        <v>655</v>
      </c>
      <c r="Q2093">
        <v>1</v>
      </c>
      <c r="R2093" t="s">
        <v>669</v>
      </c>
      <c r="S2093">
        <v>1</v>
      </c>
      <c r="T2093" t="s">
        <v>661</v>
      </c>
      <c r="U2093">
        <v>8</v>
      </c>
      <c r="V2093">
        <v>4</v>
      </c>
      <c r="W2093">
        <v>240</v>
      </c>
      <c r="X2093">
        <v>2020</v>
      </c>
    </row>
    <row r="2094" spans="1:24" x14ac:dyDescent="0.25">
      <c r="A2094">
        <v>9778</v>
      </c>
      <c r="B2094" t="s">
        <v>218</v>
      </c>
      <c r="C2094">
        <v>17</v>
      </c>
      <c r="D2094" t="s">
        <v>571</v>
      </c>
      <c r="E2094">
        <v>112</v>
      </c>
      <c r="F2094" t="s">
        <v>651</v>
      </c>
      <c r="G2094">
        <v>160</v>
      </c>
      <c r="H2094" t="s">
        <v>744</v>
      </c>
      <c r="I2094">
        <v>3143</v>
      </c>
      <c r="J2094" t="s">
        <v>1259</v>
      </c>
      <c r="K2094">
        <v>57</v>
      </c>
      <c r="L2094" t="s">
        <v>1678</v>
      </c>
      <c r="M2094">
        <v>3218</v>
      </c>
      <c r="N2094" t="s">
        <v>654</v>
      </c>
      <c r="O2094">
        <v>3</v>
      </c>
      <c r="P2094" t="s">
        <v>655</v>
      </c>
      <c r="Q2094">
        <v>1</v>
      </c>
      <c r="R2094" t="s">
        <v>669</v>
      </c>
      <c r="S2094">
        <v>1</v>
      </c>
      <c r="T2094" t="s">
        <v>661</v>
      </c>
      <c r="U2094">
        <v>8</v>
      </c>
      <c r="V2094">
        <v>4</v>
      </c>
      <c r="W2094">
        <v>240</v>
      </c>
      <c r="X2094">
        <v>2020</v>
      </c>
    </row>
    <row r="2095" spans="1:24" x14ac:dyDescent="0.25">
      <c r="A2095">
        <v>9776</v>
      </c>
      <c r="B2095" t="s">
        <v>192</v>
      </c>
      <c r="C2095">
        <v>19</v>
      </c>
      <c r="D2095" t="s">
        <v>350</v>
      </c>
      <c r="E2095">
        <v>616</v>
      </c>
      <c r="F2095" t="s">
        <v>651</v>
      </c>
      <c r="G2095">
        <v>160</v>
      </c>
      <c r="H2095" t="s">
        <v>739</v>
      </c>
      <c r="I2095">
        <v>4413</v>
      </c>
      <c r="J2095" t="s">
        <v>880</v>
      </c>
      <c r="K2095">
        <v>58</v>
      </c>
      <c r="L2095" t="s">
        <v>1679</v>
      </c>
      <c r="M2095">
        <v>517</v>
      </c>
      <c r="N2095" t="s">
        <v>654</v>
      </c>
      <c r="O2095">
        <v>3</v>
      </c>
      <c r="P2095" t="s">
        <v>655</v>
      </c>
      <c r="Q2095">
        <v>1</v>
      </c>
      <c r="R2095" t="s">
        <v>669</v>
      </c>
      <c r="S2095">
        <v>1</v>
      </c>
      <c r="T2095" t="s">
        <v>661</v>
      </c>
      <c r="U2095">
        <v>8</v>
      </c>
      <c r="V2095">
        <v>4</v>
      </c>
      <c r="W2095">
        <v>240</v>
      </c>
      <c r="X2095">
        <v>2020</v>
      </c>
    </row>
    <row r="2096" spans="1:24" x14ac:dyDescent="0.25">
      <c r="A2096">
        <v>9774</v>
      </c>
      <c r="B2096" t="s">
        <v>32</v>
      </c>
      <c r="C2096">
        <v>24</v>
      </c>
      <c r="D2096" t="s">
        <v>470</v>
      </c>
      <c r="E2096">
        <v>181</v>
      </c>
      <c r="F2096" t="s">
        <v>651</v>
      </c>
      <c r="G2096">
        <v>160</v>
      </c>
      <c r="H2096" t="s">
        <v>747</v>
      </c>
      <c r="I2096">
        <v>4847</v>
      </c>
      <c r="J2096" t="s">
        <v>1080</v>
      </c>
      <c r="K2096">
        <v>49</v>
      </c>
      <c r="L2096" t="s">
        <v>1098</v>
      </c>
      <c r="M2096">
        <v>3216</v>
      </c>
      <c r="N2096" t="s">
        <v>654</v>
      </c>
      <c r="O2096">
        <v>3</v>
      </c>
      <c r="P2096" t="s">
        <v>655</v>
      </c>
      <c r="Q2096">
        <v>1</v>
      </c>
      <c r="R2096" t="s">
        <v>669</v>
      </c>
      <c r="S2096">
        <v>1</v>
      </c>
      <c r="T2096" t="s">
        <v>661</v>
      </c>
      <c r="U2096">
        <v>8</v>
      </c>
      <c r="V2096">
        <v>4</v>
      </c>
      <c r="W2096">
        <v>240</v>
      </c>
      <c r="X2096">
        <v>2020</v>
      </c>
    </row>
    <row r="2097" spans="1:24" x14ac:dyDescent="0.25">
      <c r="A2097">
        <v>9772</v>
      </c>
      <c r="B2097" t="s">
        <v>32</v>
      </c>
      <c r="C2097">
        <v>24</v>
      </c>
      <c r="D2097" t="s">
        <v>458</v>
      </c>
      <c r="E2097">
        <v>175</v>
      </c>
      <c r="F2097" t="s">
        <v>651</v>
      </c>
      <c r="G2097">
        <v>160</v>
      </c>
      <c r="H2097" t="s">
        <v>747</v>
      </c>
      <c r="I2097">
        <v>4847</v>
      </c>
      <c r="J2097" t="s">
        <v>885</v>
      </c>
      <c r="K2097">
        <v>1</v>
      </c>
      <c r="L2097" t="s">
        <v>1680</v>
      </c>
      <c r="M2097">
        <v>3214</v>
      </c>
      <c r="N2097" t="s">
        <v>654</v>
      </c>
      <c r="O2097">
        <v>3</v>
      </c>
      <c r="P2097" t="s">
        <v>655</v>
      </c>
      <c r="Q2097">
        <v>1</v>
      </c>
      <c r="R2097" t="s">
        <v>669</v>
      </c>
      <c r="S2097">
        <v>1</v>
      </c>
      <c r="T2097" t="s">
        <v>661</v>
      </c>
      <c r="U2097">
        <v>8</v>
      </c>
      <c r="V2097">
        <v>3</v>
      </c>
      <c r="W2097">
        <v>180</v>
      </c>
      <c r="X2097">
        <v>2020</v>
      </c>
    </row>
    <row r="2098" spans="1:24" x14ac:dyDescent="0.25">
      <c r="A2098">
        <v>9770</v>
      </c>
      <c r="B2098" t="s">
        <v>95</v>
      </c>
      <c r="C2098">
        <v>26</v>
      </c>
      <c r="D2098" t="s">
        <v>362</v>
      </c>
      <c r="E2098">
        <v>588</v>
      </c>
      <c r="F2098" t="s">
        <v>651</v>
      </c>
      <c r="G2098">
        <v>160</v>
      </c>
      <c r="H2098" t="s">
        <v>833</v>
      </c>
      <c r="I2098">
        <v>5562</v>
      </c>
      <c r="J2098" t="s">
        <v>726</v>
      </c>
      <c r="K2098">
        <v>2</v>
      </c>
      <c r="L2098" t="s">
        <v>1681</v>
      </c>
      <c r="M2098">
        <v>3212</v>
      </c>
      <c r="N2098" t="s">
        <v>654</v>
      </c>
      <c r="O2098">
        <v>3</v>
      </c>
      <c r="P2098" t="s">
        <v>655</v>
      </c>
      <c r="Q2098">
        <v>1</v>
      </c>
      <c r="R2098" t="s">
        <v>669</v>
      </c>
      <c r="S2098">
        <v>1</v>
      </c>
      <c r="T2098" t="s">
        <v>661</v>
      </c>
      <c r="U2098">
        <v>8</v>
      </c>
      <c r="V2098">
        <v>3</v>
      </c>
      <c r="W2098">
        <v>180</v>
      </c>
      <c r="X2098">
        <v>2020</v>
      </c>
    </row>
    <row r="2099" spans="1:24" x14ac:dyDescent="0.25">
      <c r="A2099">
        <v>9768</v>
      </c>
      <c r="B2099" t="s">
        <v>95</v>
      </c>
      <c r="C2099">
        <v>26</v>
      </c>
      <c r="D2099" t="s">
        <v>362</v>
      </c>
      <c r="E2099">
        <v>588</v>
      </c>
      <c r="F2099" t="s">
        <v>651</v>
      </c>
      <c r="G2099">
        <v>160</v>
      </c>
      <c r="H2099" t="s">
        <v>833</v>
      </c>
      <c r="I2099">
        <v>5562</v>
      </c>
      <c r="J2099" t="s">
        <v>897</v>
      </c>
      <c r="K2099">
        <v>3</v>
      </c>
      <c r="L2099" t="s">
        <v>1682</v>
      </c>
      <c r="M2099">
        <v>3210</v>
      </c>
      <c r="N2099" t="s">
        <v>654</v>
      </c>
      <c r="O2099">
        <v>3</v>
      </c>
      <c r="P2099" t="s">
        <v>655</v>
      </c>
      <c r="Q2099">
        <v>1</v>
      </c>
      <c r="R2099" t="s">
        <v>669</v>
      </c>
      <c r="S2099">
        <v>1</v>
      </c>
      <c r="T2099" t="s">
        <v>661</v>
      </c>
      <c r="U2099">
        <v>8</v>
      </c>
      <c r="V2099">
        <v>3</v>
      </c>
      <c r="W2099">
        <v>180</v>
      </c>
      <c r="X2099">
        <v>2020</v>
      </c>
    </row>
    <row r="2100" spans="1:24" x14ac:dyDescent="0.25">
      <c r="A2100">
        <v>9766</v>
      </c>
      <c r="B2100" t="s">
        <v>95</v>
      </c>
      <c r="C2100">
        <v>26</v>
      </c>
      <c r="D2100" t="s">
        <v>362</v>
      </c>
      <c r="E2100">
        <v>588</v>
      </c>
      <c r="F2100" t="s">
        <v>651</v>
      </c>
      <c r="G2100">
        <v>160</v>
      </c>
      <c r="H2100" t="s">
        <v>833</v>
      </c>
      <c r="I2100">
        <v>5562</v>
      </c>
      <c r="J2100" t="s">
        <v>885</v>
      </c>
      <c r="K2100">
        <v>1</v>
      </c>
      <c r="L2100" t="s">
        <v>1680</v>
      </c>
      <c r="M2100">
        <v>3214</v>
      </c>
      <c r="N2100" t="s">
        <v>654</v>
      </c>
      <c r="O2100">
        <v>3</v>
      </c>
      <c r="P2100" t="s">
        <v>655</v>
      </c>
      <c r="Q2100">
        <v>1</v>
      </c>
      <c r="R2100" t="s">
        <v>669</v>
      </c>
      <c r="S2100">
        <v>1</v>
      </c>
      <c r="T2100" t="s">
        <v>661</v>
      </c>
      <c r="U2100">
        <v>8</v>
      </c>
      <c r="V2100">
        <v>3</v>
      </c>
      <c r="W2100">
        <v>180</v>
      </c>
      <c r="X2100">
        <v>2020</v>
      </c>
    </row>
    <row r="2101" spans="1:24" x14ac:dyDescent="0.25">
      <c r="A2101">
        <v>9764</v>
      </c>
      <c r="B2101" t="s">
        <v>95</v>
      </c>
      <c r="C2101">
        <v>26</v>
      </c>
      <c r="D2101" t="s">
        <v>535</v>
      </c>
      <c r="E2101">
        <v>198</v>
      </c>
      <c r="F2101" t="s">
        <v>651</v>
      </c>
      <c r="G2101">
        <v>160</v>
      </c>
      <c r="H2101" t="s">
        <v>833</v>
      </c>
      <c r="I2101">
        <v>5562</v>
      </c>
      <c r="J2101" t="s">
        <v>716</v>
      </c>
      <c r="K2101">
        <v>68</v>
      </c>
      <c r="L2101" t="s">
        <v>1683</v>
      </c>
      <c r="M2101">
        <v>3208</v>
      </c>
      <c r="N2101" t="s">
        <v>654</v>
      </c>
      <c r="O2101">
        <v>3</v>
      </c>
      <c r="P2101" t="s">
        <v>655</v>
      </c>
      <c r="Q2101">
        <v>1</v>
      </c>
      <c r="R2101" t="s">
        <v>669</v>
      </c>
      <c r="S2101">
        <v>1</v>
      </c>
      <c r="T2101" t="s">
        <v>661</v>
      </c>
      <c r="U2101">
        <v>8</v>
      </c>
      <c r="V2101">
        <v>4</v>
      </c>
      <c r="W2101">
        <v>240</v>
      </c>
      <c r="X2101">
        <v>2020</v>
      </c>
    </row>
    <row r="2102" spans="1:24" x14ac:dyDescent="0.25">
      <c r="A2102">
        <v>9762</v>
      </c>
      <c r="B2102" t="s">
        <v>22</v>
      </c>
      <c r="C2102">
        <v>28</v>
      </c>
      <c r="D2102" t="s">
        <v>477</v>
      </c>
      <c r="E2102">
        <v>206</v>
      </c>
      <c r="F2102" t="s">
        <v>651</v>
      </c>
      <c r="G2102">
        <v>160</v>
      </c>
      <c r="H2102" t="s">
        <v>675</v>
      </c>
      <c r="I2102">
        <v>5952</v>
      </c>
      <c r="J2102" t="s">
        <v>738</v>
      </c>
      <c r="K2102">
        <v>61</v>
      </c>
      <c r="L2102" t="s">
        <v>1684</v>
      </c>
      <c r="M2102">
        <v>3206</v>
      </c>
      <c r="N2102" t="s">
        <v>654</v>
      </c>
      <c r="O2102">
        <v>3</v>
      </c>
      <c r="P2102" t="s">
        <v>655</v>
      </c>
      <c r="Q2102">
        <v>1</v>
      </c>
      <c r="R2102" t="s">
        <v>669</v>
      </c>
      <c r="S2102">
        <v>1</v>
      </c>
      <c r="T2102" t="s">
        <v>661</v>
      </c>
      <c r="U2102">
        <v>8</v>
      </c>
      <c r="V2102">
        <v>4</v>
      </c>
      <c r="W2102">
        <v>240</v>
      </c>
      <c r="X2102">
        <v>2020</v>
      </c>
    </row>
    <row r="2103" spans="1:24" x14ac:dyDescent="0.25">
      <c r="A2103">
        <v>9760</v>
      </c>
      <c r="B2103" t="s">
        <v>22</v>
      </c>
      <c r="C2103">
        <v>28</v>
      </c>
      <c r="D2103" t="s">
        <v>477</v>
      </c>
      <c r="E2103">
        <v>206</v>
      </c>
      <c r="F2103" t="s">
        <v>651</v>
      </c>
      <c r="G2103">
        <v>160</v>
      </c>
      <c r="H2103" t="s">
        <v>675</v>
      </c>
      <c r="I2103">
        <v>5952</v>
      </c>
      <c r="J2103" t="s">
        <v>693</v>
      </c>
      <c r="K2103">
        <v>56</v>
      </c>
      <c r="L2103" t="s">
        <v>1675</v>
      </c>
      <c r="M2103">
        <v>513</v>
      </c>
      <c r="N2103" t="s">
        <v>654</v>
      </c>
      <c r="O2103">
        <v>3</v>
      </c>
      <c r="P2103" t="s">
        <v>655</v>
      </c>
      <c r="Q2103">
        <v>1</v>
      </c>
      <c r="R2103" t="s">
        <v>669</v>
      </c>
      <c r="S2103">
        <v>1</v>
      </c>
      <c r="T2103" t="s">
        <v>661</v>
      </c>
      <c r="U2103">
        <v>8</v>
      </c>
      <c r="V2103">
        <v>4</v>
      </c>
      <c r="W2103">
        <v>240</v>
      </c>
      <c r="X2103">
        <v>2020</v>
      </c>
    </row>
    <row r="2104" spans="1:24" x14ac:dyDescent="0.25">
      <c r="A2104">
        <v>9758</v>
      </c>
      <c r="B2104" t="s">
        <v>22</v>
      </c>
      <c r="C2104">
        <v>28</v>
      </c>
      <c r="D2104" t="s">
        <v>477</v>
      </c>
      <c r="E2104">
        <v>206</v>
      </c>
      <c r="F2104" t="s">
        <v>651</v>
      </c>
      <c r="G2104">
        <v>160</v>
      </c>
      <c r="H2104" t="s">
        <v>675</v>
      </c>
      <c r="I2104">
        <v>5952</v>
      </c>
      <c r="J2104" t="s">
        <v>1236</v>
      </c>
      <c r="K2104">
        <v>60</v>
      </c>
      <c r="L2104" t="s">
        <v>1685</v>
      </c>
      <c r="M2104">
        <v>3204</v>
      </c>
      <c r="N2104" t="s">
        <v>654</v>
      </c>
      <c r="O2104">
        <v>3</v>
      </c>
      <c r="P2104" t="s">
        <v>655</v>
      </c>
      <c r="Q2104">
        <v>1</v>
      </c>
      <c r="R2104" t="s">
        <v>669</v>
      </c>
      <c r="S2104">
        <v>1</v>
      </c>
      <c r="T2104" t="s">
        <v>661</v>
      </c>
      <c r="U2104">
        <v>8</v>
      </c>
      <c r="V2104">
        <v>4</v>
      </c>
      <c r="W2104">
        <v>240</v>
      </c>
      <c r="X2104">
        <v>2020</v>
      </c>
    </row>
    <row r="2105" spans="1:24" x14ac:dyDescent="0.25">
      <c r="A2105">
        <v>9756</v>
      </c>
      <c r="B2105" t="s">
        <v>22</v>
      </c>
      <c r="C2105">
        <v>28</v>
      </c>
      <c r="D2105" t="s">
        <v>533</v>
      </c>
      <c r="E2105">
        <v>207</v>
      </c>
      <c r="F2105" t="s">
        <v>651</v>
      </c>
      <c r="G2105">
        <v>160</v>
      </c>
      <c r="H2105" t="s">
        <v>675</v>
      </c>
      <c r="I2105">
        <v>5952</v>
      </c>
      <c r="J2105" t="s">
        <v>749</v>
      </c>
      <c r="K2105">
        <v>63</v>
      </c>
      <c r="L2105" t="s">
        <v>1686</v>
      </c>
      <c r="M2105">
        <v>3202</v>
      </c>
      <c r="N2105" t="s">
        <v>654</v>
      </c>
      <c r="O2105">
        <v>3</v>
      </c>
      <c r="P2105" t="s">
        <v>655</v>
      </c>
      <c r="Q2105">
        <v>1</v>
      </c>
      <c r="R2105" t="s">
        <v>669</v>
      </c>
      <c r="S2105">
        <v>1</v>
      </c>
      <c r="T2105" t="s">
        <v>661</v>
      </c>
      <c r="U2105">
        <v>8</v>
      </c>
      <c r="V2105">
        <v>4</v>
      </c>
      <c r="W2105">
        <v>240</v>
      </c>
      <c r="X2105">
        <v>2020</v>
      </c>
    </row>
    <row r="2106" spans="1:24" x14ac:dyDescent="0.25">
      <c r="A2106">
        <v>9754</v>
      </c>
      <c r="B2106" t="s">
        <v>22</v>
      </c>
      <c r="C2106">
        <v>28</v>
      </c>
      <c r="D2106" t="s">
        <v>532</v>
      </c>
      <c r="E2106">
        <v>208</v>
      </c>
      <c r="F2106" t="s">
        <v>651</v>
      </c>
      <c r="G2106">
        <v>160</v>
      </c>
      <c r="H2106" t="s">
        <v>675</v>
      </c>
      <c r="I2106">
        <v>5952</v>
      </c>
      <c r="J2106" t="s">
        <v>714</v>
      </c>
      <c r="K2106">
        <v>52</v>
      </c>
      <c r="L2106" t="s">
        <v>1687</v>
      </c>
      <c r="M2106">
        <v>3200</v>
      </c>
      <c r="N2106" t="s">
        <v>654</v>
      </c>
      <c r="O2106">
        <v>3</v>
      </c>
      <c r="P2106" t="s">
        <v>655</v>
      </c>
      <c r="Q2106">
        <v>1</v>
      </c>
      <c r="R2106" t="s">
        <v>669</v>
      </c>
      <c r="S2106">
        <v>1</v>
      </c>
      <c r="T2106" t="s">
        <v>661</v>
      </c>
      <c r="U2106">
        <v>8</v>
      </c>
      <c r="V2106">
        <v>4</v>
      </c>
      <c r="W2106">
        <v>240</v>
      </c>
      <c r="X2106">
        <v>2020</v>
      </c>
    </row>
    <row r="2107" spans="1:24" x14ac:dyDescent="0.25">
      <c r="A2107">
        <v>9752</v>
      </c>
      <c r="B2107" t="s">
        <v>22</v>
      </c>
      <c r="C2107">
        <v>28</v>
      </c>
      <c r="D2107" t="s">
        <v>531</v>
      </c>
      <c r="E2107">
        <v>210</v>
      </c>
      <c r="F2107" t="s">
        <v>651</v>
      </c>
      <c r="G2107">
        <v>160</v>
      </c>
      <c r="H2107" t="s">
        <v>1231</v>
      </c>
      <c r="I2107">
        <v>3308</v>
      </c>
      <c r="J2107" t="s">
        <v>738</v>
      </c>
      <c r="K2107">
        <v>61</v>
      </c>
      <c r="L2107" t="s">
        <v>1684</v>
      </c>
      <c r="M2107">
        <v>3206</v>
      </c>
      <c r="N2107" t="s">
        <v>654</v>
      </c>
      <c r="O2107">
        <v>3</v>
      </c>
      <c r="P2107" t="s">
        <v>655</v>
      </c>
      <c r="Q2107">
        <v>1</v>
      </c>
      <c r="R2107" t="s">
        <v>669</v>
      </c>
      <c r="S2107">
        <v>1</v>
      </c>
      <c r="T2107" t="s">
        <v>661</v>
      </c>
      <c r="U2107">
        <v>8</v>
      </c>
      <c r="V2107">
        <v>4</v>
      </c>
      <c r="W2107">
        <v>240</v>
      </c>
      <c r="X2107">
        <v>2020</v>
      </c>
    </row>
    <row r="2108" spans="1:24" x14ac:dyDescent="0.25">
      <c r="A2108">
        <v>9750</v>
      </c>
      <c r="B2108" t="s">
        <v>22</v>
      </c>
      <c r="C2108">
        <v>28</v>
      </c>
      <c r="D2108" t="s">
        <v>530</v>
      </c>
      <c r="E2108">
        <v>211</v>
      </c>
      <c r="F2108" t="s">
        <v>651</v>
      </c>
      <c r="G2108">
        <v>160</v>
      </c>
      <c r="H2108" t="s">
        <v>675</v>
      </c>
      <c r="I2108">
        <v>5952</v>
      </c>
      <c r="J2108" t="s">
        <v>880</v>
      </c>
      <c r="K2108">
        <v>58</v>
      </c>
      <c r="L2108" t="s">
        <v>1679</v>
      </c>
      <c r="M2108">
        <v>517</v>
      </c>
      <c r="N2108" t="s">
        <v>654</v>
      </c>
      <c r="O2108">
        <v>3</v>
      </c>
      <c r="P2108" t="s">
        <v>655</v>
      </c>
      <c r="Q2108">
        <v>1</v>
      </c>
      <c r="R2108" t="s">
        <v>669</v>
      </c>
      <c r="S2108">
        <v>1</v>
      </c>
      <c r="T2108" t="s">
        <v>661</v>
      </c>
      <c r="U2108">
        <v>8</v>
      </c>
      <c r="V2108">
        <v>4</v>
      </c>
      <c r="W2108">
        <v>240</v>
      </c>
      <c r="X2108">
        <v>2020</v>
      </c>
    </row>
    <row r="2109" spans="1:24" x14ac:dyDescent="0.25">
      <c r="A2109">
        <v>9748</v>
      </c>
      <c r="B2109" t="s">
        <v>112</v>
      </c>
      <c r="C2109">
        <v>29</v>
      </c>
      <c r="D2109" t="s">
        <v>525</v>
      </c>
      <c r="E2109">
        <v>222</v>
      </c>
      <c r="F2109" t="s">
        <v>651</v>
      </c>
      <c r="G2109">
        <v>160</v>
      </c>
      <c r="H2109" t="s">
        <v>719</v>
      </c>
      <c r="I2109">
        <v>7630</v>
      </c>
      <c r="J2109" t="s">
        <v>742</v>
      </c>
      <c r="K2109">
        <v>48</v>
      </c>
      <c r="L2109" t="s">
        <v>891</v>
      </c>
      <c r="M2109">
        <v>516</v>
      </c>
      <c r="N2109" t="s">
        <v>654</v>
      </c>
      <c r="O2109">
        <v>3</v>
      </c>
      <c r="P2109" t="s">
        <v>655</v>
      </c>
      <c r="Q2109">
        <v>1</v>
      </c>
      <c r="R2109" t="s">
        <v>669</v>
      </c>
      <c r="S2109">
        <v>1</v>
      </c>
      <c r="T2109" t="s">
        <v>661</v>
      </c>
      <c r="U2109">
        <v>8</v>
      </c>
      <c r="V2109">
        <v>4</v>
      </c>
      <c r="W2109">
        <v>240</v>
      </c>
      <c r="X2109">
        <v>2020</v>
      </c>
    </row>
    <row r="2110" spans="1:24" x14ac:dyDescent="0.25">
      <c r="A2110">
        <v>9746</v>
      </c>
      <c r="B2110" t="s">
        <v>112</v>
      </c>
      <c r="C2110">
        <v>29</v>
      </c>
      <c r="D2110" t="s">
        <v>524</v>
      </c>
      <c r="E2110">
        <v>223</v>
      </c>
      <c r="F2110" t="s">
        <v>651</v>
      </c>
      <c r="G2110">
        <v>160</v>
      </c>
      <c r="H2110" t="s">
        <v>719</v>
      </c>
      <c r="I2110">
        <v>7630</v>
      </c>
      <c r="J2110" t="s">
        <v>1080</v>
      </c>
      <c r="K2110">
        <v>49</v>
      </c>
      <c r="L2110" t="s">
        <v>1098</v>
      </c>
      <c r="M2110">
        <v>3216</v>
      </c>
      <c r="N2110" t="s">
        <v>654</v>
      </c>
      <c r="O2110">
        <v>3</v>
      </c>
      <c r="P2110" t="s">
        <v>655</v>
      </c>
      <c r="Q2110">
        <v>1</v>
      </c>
      <c r="R2110" t="s">
        <v>669</v>
      </c>
      <c r="S2110">
        <v>1</v>
      </c>
      <c r="T2110" t="s">
        <v>661</v>
      </c>
      <c r="U2110">
        <v>8</v>
      </c>
      <c r="V2110">
        <v>4</v>
      </c>
      <c r="W2110">
        <v>240</v>
      </c>
      <c r="X2110">
        <v>2020</v>
      </c>
    </row>
    <row r="2111" spans="1:24" x14ac:dyDescent="0.25">
      <c r="A2111">
        <v>9744</v>
      </c>
      <c r="B2111" t="s">
        <v>112</v>
      </c>
      <c r="C2111">
        <v>29</v>
      </c>
      <c r="D2111" t="s">
        <v>523</v>
      </c>
      <c r="E2111">
        <v>224</v>
      </c>
      <c r="F2111" t="s">
        <v>651</v>
      </c>
      <c r="G2111">
        <v>160</v>
      </c>
      <c r="H2111" t="s">
        <v>719</v>
      </c>
      <c r="I2111">
        <v>7630</v>
      </c>
      <c r="J2111" t="s">
        <v>693</v>
      </c>
      <c r="K2111">
        <v>56</v>
      </c>
      <c r="L2111" t="s">
        <v>1675</v>
      </c>
      <c r="M2111">
        <v>513</v>
      </c>
      <c r="N2111" t="s">
        <v>654</v>
      </c>
      <c r="O2111">
        <v>3</v>
      </c>
      <c r="P2111" t="s">
        <v>655</v>
      </c>
      <c r="Q2111">
        <v>1</v>
      </c>
      <c r="R2111" t="s">
        <v>669</v>
      </c>
      <c r="S2111">
        <v>1</v>
      </c>
      <c r="T2111" t="s">
        <v>661</v>
      </c>
      <c r="U2111">
        <v>8</v>
      </c>
      <c r="V2111">
        <v>4</v>
      </c>
      <c r="W2111">
        <v>240</v>
      </c>
      <c r="X2111">
        <v>2020</v>
      </c>
    </row>
    <row r="2112" spans="1:24" x14ac:dyDescent="0.25">
      <c r="A2112">
        <v>9742</v>
      </c>
      <c r="B2112" t="s">
        <v>112</v>
      </c>
      <c r="C2112">
        <v>29</v>
      </c>
      <c r="D2112" t="s">
        <v>523</v>
      </c>
      <c r="E2112">
        <v>224</v>
      </c>
      <c r="F2112" t="s">
        <v>651</v>
      </c>
      <c r="G2112">
        <v>160</v>
      </c>
      <c r="H2112" t="s">
        <v>719</v>
      </c>
      <c r="I2112">
        <v>7630</v>
      </c>
      <c r="J2112" t="s">
        <v>738</v>
      </c>
      <c r="K2112">
        <v>61</v>
      </c>
      <c r="L2112" t="s">
        <v>1684</v>
      </c>
      <c r="M2112">
        <v>3206</v>
      </c>
      <c r="N2112" t="s">
        <v>654</v>
      </c>
      <c r="O2112">
        <v>3</v>
      </c>
      <c r="P2112" t="s">
        <v>655</v>
      </c>
      <c r="Q2112">
        <v>1</v>
      </c>
      <c r="R2112" t="s">
        <v>669</v>
      </c>
      <c r="S2112">
        <v>1</v>
      </c>
      <c r="T2112" t="s">
        <v>661</v>
      </c>
      <c r="U2112">
        <v>8</v>
      </c>
      <c r="V2112">
        <v>4</v>
      </c>
      <c r="W2112">
        <v>240</v>
      </c>
      <c r="X2112">
        <v>2020</v>
      </c>
    </row>
    <row r="2113" spans="1:24" x14ac:dyDescent="0.25">
      <c r="A2113">
        <v>9740</v>
      </c>
      <c r="B2113" t="s">
        <v>112</v>
      </c>
      <c r="C2113">
        <v>29</v>
      </c>
      <c r="D2113" t="s">
        <v>522</v>
      </c>
      <c r="E2113">
        <v>225</v>
      </c>
      <c r="F2113" t="s">
        <v>651</v>
      </c>
      <c r="G2113">
        <v>160</v>
      </c>
      <c r="H2113" t="s">
        <v>719</v>
      </c>
      <c r="I2113">
        <v>7630</v>
      </c>
      <c r="J2113" t="s">
        <v>710</v>
      </c>
      <c r="K2113">
        <v>53</v>
      </c>
      <c r="L2113" t="s">
        <v>1676</v>
      </c>
      <c r="M2113">
        <v>3222</v>
      </c>
      <c r="N2113" t="s">
        <v>654</v>
      </c>
      <c r="O2113">
        <v>3</v>
      </c>
      <c r="P2113" t="s">
        <v>655</v>
      </c>
      <c r="Q2113">
        <v>1</v>
      </c>
      <c r="R2113" t="s">
        <v>669</v>
      </c>
      <c r="S2113">
        <v>1</v>
      </c>
      <c r="T2113" t="s">
        <v>661</v>
      </c>
      <c r="U2113">
        <v>8</v>
      </c>
      <c r="V2113">
        <v>4</v>
      </c>
      <c r="W2113">
        <v>240</v>
      </c>
      <c r="X2113">
        <v>2020</v>
      </c>
    </row>
    <row r="2114" spans="1:24" x14ac:dyDescent="0.25">
      <c r="A2114">
        <v>9738</v>
      </c>
      <c r="B2114" t="s">
        <v>112</v>
      </c>
      <c r="C2114">
        <v>29</v>
      </c>
      <c r="D2114" t="s">
        <v>521</v>
      </c>
      <c r="E2114">
        <v>226</v>
      </c>
      <c r="F2114" t="s">
        <v>651</v>
      </c>
      <c r="G2114">
        <v>160</v>
      </c>
      <c r="H2114" t="s">
        <v>719</v>
      </c>
      <c r="I2114">
        <v>7630</v>
      </c>
      <c r="J2114" t="s">
        <v>714</v>
      </c>
      <c r="K2114">
        <v>52</v>
      </c>
      <c r="L2114" t="s">
        <v>1687</v>
      </c>
      <c r="M2114">
        <v>3200</v>
      </c>
      <c r="N2114" t="s">
        <v>654</v>
      </c>
      <c r="O2114">
        <v>3</v>
      </c>
      <c r="P2114" t="s">
        <v>655</v>
      </c>
      <c r="Q2114">
        <v>1</v>
      </c>
      <c r="R2114" t="s">
        <v>669</v>
      </c>
      <c r="S2114">
        <v>1</v>
      </c>
      <c r="T2114" t="s">
        <v>661</v>
      </c>
      <c r="U2114">
        <v>8</v>
      </c>
      <c r="V2114">
        <v>4</v>
      </c>
      <c r="W2114">
        <v>240</v>
      </c>
      <c r="X2114">
        <v>2020</v>
      </c>
    </row>
    <row r="2115" spans="1:24" x14ac:dyDescent="0.25">
      <c r="A2115">
        <v>9736</v>
      </c>
      <c r="B2115" t="s">
        <v>112</v>
      </c>
      <c r="C2115">
        <v>29</v>
      </c>
      <c r="D2115" t="s">
        <v>521</v>
      </c>
      <c r="E2115">
        <v>226</v>
      </c>
      <c r="F2115" t="s">
        <v>651</v>
      </c>
      <c r="G2115">
        <v>160</v>
      </c>
      <c r="H2115" t="s">
        <v>719</v>
      </c>
      <c r="I2115">
        <v>7630</v>
      </c>
      <c r="J2115" t="s">
        <v>695</v>
      </c>
      <c r="K2115">
        <v>54</v>
      </c>
      <c r="L2115" t="s">
        <v>1688</v>
      </c>
      <c r="M2115">
        <v>514</v>
      </c>
      <c r="N2115" t="s">
        <v>654</v>
      </c>
      <c r="O2115">
        <v>3</v>
      </c>
      <c r="P2115" t="s">
        <v>655</v>
      </c>
      <c r="Q2115">
        <v>1</v>
      </c>
      <c r="R2115" t="s">
        <v>669</v>
      </c>
      <c r="S2115">
        <v>1</v>
      </c>
      <c r="T2115" t="s">
        <v>661</v>
      </c>
      <c r="U2115">
        <v>8</v>
      </c>
      <c r="V2115">
        <v>4</v>
      </c>
      <c r="W2115">
        <v>240</v>
      </c>
      <c r="X2115">
        <v>2020</v>
      </c>
    </row>
    <row r="2116" spans="1:24" x14ac:dyDescent="0.25">
      <c r="A2116">
        <v>9734</v>
      </c>
      <c r="B2116" t="s">
        <v>112</v>
      </c>
      <c r="C2116">
        <v>29</v>
      </c>
      <c r="D2116" t="s">
        <v>520</v>
      </c>
      <c r="E2116">
        <v>227</v>
      </c>
      <c r="F2116" t="s">
        <v>651</v>
      </c>
      <c r="G2116">
        <v>160</v>
      </c>
      <c r="H2116" t="s">
        <v>719</v>
      </c>
      <c r="I2116">
        <v>7630</v>
      </c>
      <c r="J2116" t="s">
        <v>1080</v>
      </c>
      <c r="K2116">
        <v>49</v>
      </c>
      <c r="L2116" t="s">
        <v>1098</v>
      </c>
      <c r="M2116">
        <v>3216</v>
      </c>
      <c r="N2116" t="s">
        <v>654</v>
      </c>
      <c r="O2116">
        <v>3</v>
      </c>
      <c r="P2116" t="s">
        <v>655</v>
      </c>
      <c r="Q2116">
        <v>1</v>
      </c>
      <c r="R2116" t="s">
        <v>669</v>
      </c>
      <c r="S2116">
        <v>1</v>
      </c>
      <c r="T2116" t="s">
        <v>661</v>
      </c>
      <c r="U2116">
        <v>8</v>
      </c>
      <c r="V2116">
        <v>4</v>
      </c>
      <c r="W2116">
        <v>240</v>
      </c>
      <c r="X2116">
        <v>2020</v>
      </c>
    </row>
    <row r="2117" spans="1:24" x14ac:dyDescent="0.25">
      <c r="A2117">
        <v>9732</v>
      </c>
      <c r="B2117" t="s">
        <v>112</v>
      </c>
      <c r="C2117">
        <v>29</v>
      </c>
      <c r="D2117" t="s">
        <v>465</v>
      </c>
      <c r="E2117">
        <v>228</v>
      </c>
      <c r="F2117" t="s">
        <v>651</v>
      </c>
      <c r="G2117">
        <v>160</v>
      </c>
      <c r="H2117" t="s">
        <v>719</v>
      </c>
      <c r="I2117">
        <v>7630</v>
      </c>
      <c r="J2117" t="s">
        <v>707</v>
      </c>
      <c r="K2117">
        <v>59</v>
      </c>
      <c r="L2117" t="s">
        <v>1689</v>
      </c>
      <c r="M2117">
        <v>3198</v>
      </c>
      <c r="N2117" t="s">
        <v>654</v>
      </c>
      <c r="O2117">
        <v>3</v>
      </c>
      <c r="P2117" t="s">
        <v>655</v>
      </c>
      <c r="Q2117">
        <v>1</v>
      </c>
      <c r="R2117" t="s">
        <v>669</v>
      </c>
      <c r="S2117">
        <v>1</v>
      </c>
      <c r="T2117" t="s">
        <v>661</v>
      </c>
      <c r="U2117">
        <v>8</v>
      </c>
      <c r="V2117">
        <v>4</v>
      </c>
      <c r="W2117">
        <v>240</v>
      </c>
      <c r="X2117">
        <v>2020</v>
      </c>
    </row>
    <row r="2118" spans="1:24" x14ac:dyDescent="0.25">
      <c r="A2118">
        <v>9730</v>
      </c>
      <c r="B2118" t="s">
        <v>112</v>
      </c>
      <c r="C2118">
        <v>29</v>
      </c>
      <c r="D2118" t="s">
        <v>465</v>
      </c>
      <c r="E2118">
        <v>228</v>
      </c>
      <c r="F2118" t="s">
        <v>651</v>
      </c>
      <c r="G2118">
        <v>160</v>
      </c>
      <c r="H2118" t="s">
        <v>719</v>
      </c>
      <c r="I2118">
        <v>7630</v>
      </c>
      <c r="J2118" t="s">
        <v>738</v>
      </c>
      <c r="K2118">
        <v>61</v>
      </c>
      <c r="L2118" t="s">
        <v>1684</v>
      </c>
      <c r="M2118">
        <v>3206</v>
      </c>
      <c r="N2118" t="s">
        <v>654</v>
      </c>
      <c r="O2118">
        <v>3</v>
      </c>
      <c r="P2118" t="s">
        <v>655</v>
      </c>
      <c r="Q2118">
        <v>1</v>
      </c>
      <c r="R2118" t="s">
        <v>669</v>
      </c>
      <c r="S2118">
        <v>1</v>
      </c>
      <c r="T2118" t="s">
        <v>661</v>
      </c>
      <c r="U2118">
        <v>8</v>
      </c>
      <c r="V2118">
        <v>4</v>
      </c>
      <c r="W2118">
        <v>240</v>
      </c>
      <c r="X2118">
        <v>2020</v>
      </c>
    </row>
    <row r="2119" spans="1:24" x14ac:dyDescent="0.25">
      <c r="A2119">
        <v>9728</v>
      </c>
      <c r="B2119" t="s">
        <v>112</v>
      </c>
      <c r="C2119">
        <v>29</v>
      </c>
      <c r="D2119" t="s">
        <v>465</v>
      </c>
      <c r="E2119">
        <v>228</v>
      </c>
      <c r="F2119" t="s">
        <v>651</v>
      </c>
      <c r="G2119">
        <v>160</v>
      </c>
      <c r="H2119" t="s">
        <v>719</v>
      </c>
      <c r="I2119">
        <v>7630</v>
      </c>
      <c r="J2119" t="s">
        <v>716</v>
      </c>
      <c r="K2119">
        <v>68</v>
      </c>
      <c r="L2119" t="s">
        <v>1683</v>
      </c>
      <c r="M2119">
        <v>3208</v>
      </c>
      <c r="N2119" t="s">
        <v>654</v>
      </c>
      <c r="O2119">
        <v>3</v>
      </c>
      <c r="P2119" t="s">
        <v>655</v>
      </c>
      <c r="Q2119">
        <v>1</v>
      </c>
      <c r="R2119" t="s">
        <v>669</v>
      </c>
      <c r="S2119">
        <v>1</v>
      </c>
      <c r="T2119" t="s">
        <v>661</v>
      </c>
      <c r="U2119">
        <v>8</v>
      </c>
      <c r="V2119">
        <v>4</v>
      </c>
      <c r="W2119">
        <v>240</v>
      </c>
      <c r="X2119">
        <v>2020</v>
      </c>
    </row>
    <row r="2120" spans="1:24" x14ac:dyDescent="0.25">
      <c r="A2120">
        <v>9726</v>
      </c>
      <c r="B2120" t="s">
        <v>112</v>
      </c>
      <c r="C2120">
        <v>29</v>
      </c>
      <c r="D2120" t="s">
        <v>519</v>
      </c>
      <c r="E2120">
        <v>229</v>
      </c>
      <c r="F2120" t="s">
        <v>651</v>
      </c>
      <c r="G2120">
        <v>160</v>
      </c>
      <c r="H2120" t="s">
        <v>719</v>
      </c>
      <c r="I2120">
        <v>7630</v>
      </c>
      <c r="J2120" t="s">
        <v>1236</v>
      </c>
      <c r="K2120">
        <v>60</v>
      </c>
      <c r="L2120" t="s">
        <v>1685</v>
      </c>
      <c r="M2120">
        <v>3204</v>
      </c>
      <c r="N2120" t="s">
        <v>654</v>
      </c>
      <c r="O2120">
        <v>3</v>
      </c>
      <c r="P2120" t="s">
        <v>655</v>
      </c>
      <c r="Q2120">
        <v>1</v>
      </c>
      <c r="R2120" t="s">
        <v>669</v>
      </c>
      <c r="S2120">
        <v>1</v>
      </c>
      <c r="T2120" t="s">
        <v>661</v>
      </c>
      <c r="U2120">
        <v>8</v>
      </c>
      <c r="V2120">
        <v>4</v>
      </c>
      <c r="W2120">
        <v>240</v>
      </c>
      <c r="X2120">
        <v>2020</v>
      </c>
    </row>
    <row r="2121" spans="1:24" x14ac:dyDescent="0.25">
      <c r="A2121">
        <v>9724</v>
      </c>
      <c r="B2121" t="s">
        <v>112</v>
      </c>
      <c r="C2121">
        <v>29</v>
      </c>
      <c r="D2121" t="s">
        <v>518</v>
      </c>
      <c r="E2121">
        <v>230</v>
      </c>
      <c r="F2121" t="s">
        <v>651</v>
      </c>
      <c r="G2121">
        <v>160</v>
      </c>
      <c r="H2121" t="s">
        <v>719</v>
      </c>
      <c r="I2121">
        <v>7630</v>
      </c>
      <c r="J2121" t="s">
        <v>742</v>
      </c>
      <c r="K2121">
        <v>48</v>
      </c>
      <c r="L2121" t="s">
        <v>891</v>
      </c>
      <c r="M2121">
        <v>516</v>
      </c>
      <c r="N2121" t="s">
        <v>654</v>
      </c>
      <c r="O2121">
        <v>3</v>
      </c>
      <c r="P2121" t="s">
        <v>655</v>
      </c>
      <c r="Q2121">
        <v>1</v>
      </c>
      <c r="R2121" t="s">
        <v>669</v>
      </c>
      <c r="S2121">
        <v>1</v>
      </c>
      <c r="T2121" t="s">
        <v>661</v>
      </c>
      <c r="U2121">
        <v>8</v>
      </c>
      <c r="V2121">
        <v>4</v>
      </c>
      <c r="W2121">
        <v>240</v>
      </c>
      <c r="X2121">
        <v>2020</v>
      </c>
    </row>
    <row r="2122" spans="1:24" x14ac:dyDescent="0.25">
      <c r="A2122">
        <v>9722</v>
      </c>
      <c r="B2122" t="s">
        <v>112</v>
      </c>
      <c r="C2122">
        <v>29</v>
      </c>
      <c r="D2122" t="s">
        <v>518</v>
      </c>
      <c r="E2122">
        <v>230</v>
      </c>
      <c r="F2122" t="s">
        <v>651</v>
      </c>
      <c r="G2122">
        <v>160</v>
      </c>
      <c r="H2122" t="s">
        <v>719</v>
      </c>
      <c r="I2122">
        <v>7630</v>
      </c>
      <c r="J2122" t="s">
        <v>693</v>
      </c>
      <c r="K2122">
        <v>56</v>
      </c>
      <c r="L2122" t="s">
        <v>1675</v>
      </c>
      <c r="M2122">
        <v>513</v>
      </c>
      <c r="N2122" t="s">
        <v>654</v>
      </c>
      <c r="O2122">
        <v>3</v>
      </c>
      <c r="P2122" t="s">
        <v>655</v>
      </c>
      <c r="Q2122">
        <v>1</v>
      </c>
      <c r="R2122" t="s">
        <v>669</v>
      </c>
      <c r="S2122">
        <v>1</v>
      </c>
      <c r="T2122" t="s">
        <v>661</v>
      </c>
      <c r="U2122">
        <v>8</v>
      </c>
      <c r="V2122">
        <v>4</v>
      </c>
      <c r="W2122">
        <v>240</v>
      </c>
      <c r="X2122">
        <v>2020</v>
      </c>
    </row>
    <row r="2123" spans="1:24" x14ac:dyDescent="0.25">
      <c r="A2123">
        <v>9720</v>
      </c>
      <c r="B2123" t="s">
        <v>215</v>
      </c>
      <c r="C2123">
        <v>41</v>
      </c>
      <c r="D2123" t="s">
        <v>480</v>
      </c>
      <c r="E2123">
        <v>323</v>
      </c>
      <c r="F2123" t="s">
        <v>651</v>
      </c>
      <c r="G2123">
        <v>160</v>
      </c>
      <c r="H2123" t="s">
        <v>1207</v>
      </c>
      <c r="I2123">
        <v>5188</v>
      </c>
      <c r="J2123" t="s">
        <v>710</v>
      </c>
      <c r="K2123">
        <v>53</v>
      </c>
      <c r="L2123" t="s">
        <v>1676</v>
      </c>
      <c r="M2123">
        <v>3222</v>
      </c>
      <c r="N2123" t="s">
        <v>654</v>
      </c>
      <c r="O2123">
        <v>3</v>
      </c>
      <c r="P2123" t="s">
        <v>655</v>
      </c>
      <c r="Q2123">
        <v>1</v>
      </c>
      <c r="R2123" t="s">
        <v>669</v>
      </c>
      <c r="S2123">
        <v>1</v>
      </c>
      <c r="T2123" t="s">
        <v>661</v>
      </c>
      <c r="U2123">
        <v>8</v>
      </c>
      <c r="V2123">
        <v>4</v>
      </c>
      <c r="W2123">
        <v>240</v>
      </c>
      <c r="X2123">
        <v>2020</v>
      </c>
    </row>
    <row r="2124" spans="1:24" x14ac:dyDescent="0.25">
      <c r="A2124">
        <v>9716</v>
      </c>
      <c r="B2124" t="s">
        <v>186</v>
      </c>
      <c r="C2124">
        <v>47</v>
      </c>
      <c r="D2124" t="s">
        <v>460</v>
      </c>
      <c r="E2124">
        <v>354</v>
      </c>
      <c r="F2124" t="s">
        <v>651</v>
      </c>
      <c r="G2124">
        <v>160</v>
      </c>
      <c r="H2124" t="s">
        <v>773</v>
      </c>
      <c r="I2124">
        <v>11846</v>
      </c>
      <c r="J2124" t="s">
        <v>880</v>
      </c>
      <c r="K2124">
        <v>58</v>
      </c>
      <c r="L2124" t="s">
        <v>1679</v>
      </c>
      <c r="M2124">
        <v>517</v>
      </c>
      <c r="N2124" t="s">
        <v>668</v>
      </c>
      <c r="O2124">
        <v>4</v>
      </c>
      <c r="P2124" t="s">
        <v>746</v>
      </c>
      <c r="Q2124">
        <v>2</v>
      </c>
      <c r="R2124" t="s">
        <v>669</v>
      </c>
      <c r="S2124">
        <v>1</v>
      </c>
      <c r="T2124" t="s">
        <v>661</v>
      </c>
      <c r="U2124">
        <v>8</v>
      </c>
      <c r="V2124">
        <v>4</v>
      </c>
      <c r="W2124">
        <v>240</v>
      </c>
      <c r="X2124">
        <v>2020</v>
      </c>
    </row>
    <row r="2125" spans="1:24" x14ac:dyDescent="0.25">
      <c r="A2125">
        <v>9714</v>
      </c>
      <c r="B2125" t="s">
        <v>224</v>
      </c>
      <c r="C2125">
        <v>46</v>
      </c>
      <c r="D2125" t="s">
        <v>469</v>
      </c>
      <c r="E2125">
        <v>342</v>
      </c>
      <c r="F2125" t="s">
        <v>651</v>
      </c>
      <c r="G2125">
        <v>160</v>
      </c>
      <c r="H2125" t="s">
        <v>773</v>
      </c>
      <c r="I2125">
        <v>11846</v>
      </c>
      <c r="J2125" t="s">
        <v>1538</v>
      </c>
      <c r="K2125">
        <v>36</v>
      </c>
      <c r="L2125" t="s">
        <v>1690</v>
      </c>
      <c r="M2125">
        <v>3194</v>
      </c>
      <c r="N2125" t="s">
        <v>654</v>
      </c>
      <c r="O2125">
        <v>3</v>
      </c>
      <c r="P2125" t="s">
        <v>655</v>
      </c>
      <c r="Q2125">
        <v>1</v>
      </c>
      <c r="R2125" t="s">
        <v>669</v>
      </c>
      <c r="S2125">
        <v>1</v>
      </c>
      <c r="T2125" t="s">
        <v>661</v>
      </c>
      <c r="U2125">
        <v>8</v>
      </c>
      <c r="V2125">
        <v>6</v>
      </c>
      <c r="W2125">
        <v>360</v>
      </c>
      <c r="X2125">
        <v>2020</v>
      </c>
    </row>
    <row r="2126" spans="1:24" x14ac:dyDescent="0.25">
      <c r="A2126">
        <v>9710</v>
      </c>
      <c r="B2126" t="s">
        <v>224</v>
      </c>
      <c r="C2126">
        <v>46</v>
      </c>
      <c r="D2126" t="s">
        <v>471</v>
      </c>
      <c r="E2126">
        <v>340</v>
      </c>
      <c r="F2126" t="s">
        <v>651</v>
      </c>
      <c r="G2126">
        <v>160</v>
      </c>
      <c r="H2126" t="s">
        <v>773</v>
      </c>
      <c r="I2126">
        <v>11846</v>
      </c>
      <c r="J2126" t="s">
        <v>742</v>
      </c>
      <c r="K2126">
        <v>48</v>
      </c>
      <c r="L2126" t="s">
        <v>891</v>
      </c>
      <c r="M2126">
        <v>516</v>
      </c>
      <c r="N2126" t="s">
        <v>654</v>
      </c>
      <c r="O2126">
        <v>3</v>
      </c>
      <c r="P2126" t="s">
        <v>655</v>
      </c>
      <c r="Q2126">
        <v>1</v>
      </c>
      <c r="R2126" t="s">
        <v>669</v>
      </c>
      <c r="S2126">
        <v>1</v>
      </c>
      <c r="T2126" t="s">
        <v>661</v>
      </c>
      <c r="U2126">
        <v>8</v>
      </c>
      <c r="V2126">
        <v>4</v>
      </c>
      <c r="W2126">
        <v>240</v>
      </c>
      <c r="X2126">
        <v>2020</v>
      </c>
    </row>
    <row r="2127" spans="1:24" x14ac:dyDescent="0.25">
      <c r="A2127">
        <v>9708</v>
      </c>
      <c r="B2127" t="s">
        <v>224</v>
      </c>
      <c r="C2127">
        <v>46</v>
      </c>
      <c r="D2127" t="s">
        <v>470</v>
      </c>
      <c r="E2127">
        <v>341</v>
      </c>
      <c r="F2127" t="s">
        <v>651</v>
      </c>
      <c r="G2127">
        <v>160</v>
      </c>
      <c r="H2127" t="s">
        <v>773</v>
      </c>
      <c r="I2127">
        <v>11846</v>
      </c>
      <c r="J2127" t="s">
        <v>1080</v>
      </c>
      <c r="K2127">
        <v>49</v>
      </c>
      <c r="L2127" t="s">
        <v>1098</v>
      </c>
      <c r="M2127">
        <v>3216</v>
      </c>
      <c r="N2127" t="s">
        <v>654</v>
      </c>
      <c r="O2127">
        <v>3</v>
      </c>
      <c r="P2127" t="s">
        <v>655</v>
      </c>
      <c r="Q2127">
        <v>1</v>
      </c>
      <c r="R2127" t="s">
        <v>669</v>
      </c>
      <c r="S2127">
        <v>1</v>
      </c>
      <c r="T2127" t="s">
        <v>661</v>
      </c>
      <c r="U2127">
        <v>8</v>
      </c>
      <c r="V2127">
        <v>4</v>
      </c>
      <c r="W2127">
        <v>240</v>
      </c>
      <c r="X2127">
        <v>2020</v>
      </c>
    </row>
    <row r="2128" spans="1:24" x14ac:dyDescent="0.25">
      <c r="A2128">
        <v>9706</v>
      </c>
      <c r="B2128" t="s">
        <v>224</v>
      </c>
      <c r="C2128">
        <v>46</v>
      </c>
      <c r="D2128" t="s">
        <v>468</v>
      </c>
      <c r="E2128">
        <v>343</v>
      </c>
      <c r="F2128" t="s">
        <v>651</v>
      </c>
      <c r="G2128">
        <v>160</v>
      </c>
      <c r="H2128" t="s">
        <v>773</v>
      </c>
      <c r="I2128">
        <v>11846</v>
      </c>
      <c r="J2128" t="s">
        <v>710</v>
      </c>
      <c r="K2128">
        <v>53</v>
      </c>
      <c r="L2128" t="s">
        <v>1676</v>
      </c>
      <c r="M2128">
        <v>3222</v>
      </c>
      <c r="N2128" t="s">
        <v>654</v>
      </c>
      <c r="O2128">
        <v>3</v>
      </c>
      <c r="P2128" t="s">
        <v>655</v>
      </c>
      <c r="Q2128">
        <v>1</v>
      </c>
      <c r="R2128" t="s">
        <v>669</v>
      </c>
      <c r="S2128">
        <v>1</v>
      </c>
      <c r="T2128" t="s">
        <v>661</v>
      </c>
      <c r="U2128">
        <v>8</v>
      </c>
      <c r="V2128">
        <v>4</v>
      </c>
      <c r="W2128">
        <v>240</v>
      </c>
      <c r="X2128">
        <v>2020</v>
      </c>
    </row>
    <row r="2129" spans="1:24" x14ac:dyDescent="0.25">
      <c r="A2129">
        <v>9704</v>
      </c>
      <c r="B2129" t="s">
        <v>224</v>
      </c>
      <c r="C2129">
        <v>46</v>
      </c>
      <c r="D2129" t="s">
        <v>468</v>
      </c>
      <c r="E2129">
        <v>343</v>
      </c>
      <c r="F2129" t="s">
        <v>651</v>
      </c>
      <c r="G2129">
        <v>160</v>
      </c>
      <c r="H2129" t="s">
        <v>773</v>
      </c>
      <c r="I2129">
        <v>11846</v>
      </c>
      <c r="J2129" t="s">
        <v>710</v>
      </c>
      <c r="K2129">
        <v>53</v>
      </c>
      <c r="L2129" t="s">
        <v>1676</v>
      </c>
      <c r="M2129">
        <v>3222</v>
      </c>
      <c r="N2129" t="s">
        <v>654</v>
      </c>
      <c r="O2129">
        <v>3</v>
      </c>
      <c r="P2129" t="s">
        <v>689</v>
      </c>
      <c r="Q2129">
        <v>4</v>
      </c>
      <c r="R2129" t="s">
        <v>669</v>
      </c>
      <c r="S2129">
        <v>1</v>
      </c>
      <c r="T2129" t="s">
        <v>661</v>
      </c>
      <c r="U2129">
        <v>8</v>
      </c>
      <c r="V2129">
        <v>4</v>
      </c>
      <c r="W2129">
        <v>240</v>
      </c>
      <c r="X2129">
        <v>2020</v>
      </c>
    </row>
    <row r="2130" spans="1:24" x14ac:dyDescent="0.25">
      <c r="A2130">
        <v>9702</v>
      </c>
      <c r="B2130" t="s">
        <v>224</v>
      </c>
      <c r="C2130">
        <v>46</v>
      </c>
      <c r="D2130" t="s">
        <v>464</v>
      </c>
      <c r="E2130">
        <v>349</v>
      </c>
      <c r="F2130" t="s">
        <v>651</v>
      </c>
      <c r="G2130">
        <v>160</v>
      </c>
      <c r="H2130" t="s">
        <v>929</v>
      </c>
      <c r="I2130">
        <v>7015</v>
      </c>
      <c r="J2130" t="s">
        <v>714</v>
      </c>
      <c r="K2130">
        <v>52</v>
      </c>
      <c r="L2130" t="s">
        <v>1687</v>
      </c>
      <c r="M2130">
        <v>3200</v>
      </c>
      <c r="N2130" t="s">
        <v>654</v>
      </c>
      <c r="O2130">
        <v>3</v>
      </c>
      <c r="P2130" t="s">
        <v>655</v>
      </c>
      <c r="Q2130">
        <v>1</v>
      </c>
      <c r="R2130" t="s">
        <v>669</v>
      </c>
      <c r="S2130">
        <v>1</v>
      </c>
      <c r="T2130" t="s">
        <v>661</v>
      </c>
      <c r="U2130">
        <v>8</v>
      </c>
      <c r="V2130">
        <v>4</v>
      </c>
      <c r="W2130">
        <v>240</v>
      </c>
      <c r="X2130">
        <v>2020</v>
      </c>
    </row>
    <row r="2131" spans="1:24" x14ac:dyDescent="0.25">
      <c r="A2131">
        <v>9700</v>
      </c>
      <c r="B2131" t="s">
        <v>224</v>
      </c>
      <c r="C2131">
        <v>46</v>
      </c>
      <c r="D2131" t="s">
        <v>464</v>
      </c>
      <c r="E2131">
        <v>349</v>
      </c>
      <c r="F2131" t="s">
        <v>651</v>
      </c>
      <c r="G2131">
        <v>160</v>
      </c>
      <c r="H2131" t="s">
        <v>929</v>
      </c>
      <c r="I2131">
        <v>7015</v>
      </c>
      <c r="J2131" t="s">
        <v>730</v>
      </c>
      <c r="K2131">
        <v>66</v>
      </c>
      <c r="L2131" t="s">
        <v>1008</v>
      </c>
      <c r="M2131">
        <v>3192</v>
      </c>
      <c r="N2131" t="s">
        <v>654</v>
      </c>
      <c r="O2131">
        <v>3</v>
      </c>
      <c r="P2131" t="s">
        <v>655</v>
      </c>
      <c r="Q2131">
        <v>1</v>
      </c>
      <c r="R2131" t="s">
        <v>669</v>
      </c>
      <c r="S2131">
        <v>1</v>
      </c>
      <c r="T2131" t="s">
        <v>661</v>
      </c>
      <c r="U2131">
        <v>8</v>
      </c>
      <c r="V2131">
        <v>4</v>
      </c>
      <c r="W2131">
        <v>240</v>
      </c>
      <c r="X2131">
        <v>2020</v>
      </c>
    </row>
    <row r="2132" spans="1:24" x14ac:dyDescent="0.25">
      <c r="A2132">
        <v>9698</v>
      </c>
      <c r="B2132" t="s">
        <v>224</v>
      </c>
      <c r="C2132">
        <v>46</v>
      </c>
      <c r="D2132" t="s">
        <v>465</v>
      </c>
      <c r="E2132">
        <v>347</v>
      </c>
      <c r="F2132" t="s">
        <v>651</v>
      </c>
      <c r="G2132">
        <v>160</v>
      </c>
      <c r="H2132" t="s">
        <v>773</v>
      </c>
      <c r="I2132">
        <v>11846</v>
      </c>
      <c r="J2132" t="s">
        <v>693</v>
      </c>
      <c r="K2132">
        <v>56</v>
      </c>
      <c r="L2132" t="s">
        <v>1675</v>
      </c>
      <c r="M2132">
        <v>513</v>
      </c>
      <c r="N2132" t="s">
        <v>654</v>
      </c>
      <c r="O2132">
        <v>3</v>
      </c>
      <c r="P2132" t="s">
        <v>655</v>
      </c>
      <c r="Q2132">
        <v>1</v>
      </c>
      <c r="R2132" t="s">
        <v>669</v>
      </c>
      <c r="S2132">
        <v>1</v>
      </c>
      <c r="T2132" t="s">
        <v>661</v>
      </c>
      <c r="U2132">
        <v>8</v>
      </c>
      <c r="V2132">
        <v>4</v>
      </c>
      <c r="W2132">
        <v>240</v>
      </c>
      <c r="X2132">
        <v>2020</v>
      </c>
    </row>
    <row r="2133" spans="1:24" x14ac:dyDescent="0.25">
      <c r="A2133">
        <v>9696</v>
      </c>
      <c r="B2133" t="s">
        <v>224</v>
      </c>
      <c r="C2133">
        <v>46</v>
      </c>
      <c r="D2133" t="s">
        <v>465</v>
      </c>
      <c r="E2133">
        <v>347</v>
      </c>
      <c r="F2133" t="s">
        <v>651</v>
      </c>
      <c r="G2133">
        <v>160</v>
      </c>
      <c r="H2133" t="s">
        <v>773</v>
      </c>
      <c r="I2133">
        <v>11846</v>
      </c>
      <c r="J2133" t="s">
        <v>693</v>
      </c>
      <c r="K2133">
        <v>56</v>
      </c>
      <c r="L2133" t="s">
        <v>1675</v>
      </c>
      <c r="M2133">
        <v>513</v>
      </c>
      <c r="N2133" t="s">
        <v>668</v>
      </c>
      <c r="O2133">
        <v>4</v>
      </c>
      <c r="P2133" t="s">
        <v>746</v>
      </c>
      <c r="Q2133">
        <v>2</v>
      </c>
      <c r="R2133" t="s">
        <v>669</v>
      </c>
      <c r="S2133">
        <v>1</v>
      </c>
      <c r="T2133" t="s">
        <v>661</v>
      </c>
      <c r="U2133">
        <v>8</v>
      </c>
      <c r="V2133">
        <v>4</v>
      </c>
      <c r="W2133">
        <v>240</v>
      </c>
      <c r="X2133">
        <v>2020</v>
      </c>
    </row>
    <row r="2134" spans="1:24" x14ac:dyDescent="0.25">
      <c r="A2134">
        <v>9694</v>
      </c>
      <c r="B2134" t="s">
        <v>224</v>
      </c>
      <c r="C2134">
        <v>46</v>
      </c>
      <c r="D2134" t="s">
        <v>465</v>
      </c>
      <c r="E2134">
        <v>347</v>
      </c>
      <c r="F2134" t="s">
        <v>651</v>
      </c>
      <c r="G2134">
        <v>160</v>
      </c>
      <c r="H2134" t="s">
        <v>773</v>
      </c>
      <c r="I2134">
        <v>11846</v>
      </c>
      <c r="J2134" t="s">
        <v>738</v>
      </c>
      <c r="K2134">
        <v>61</v>
      </c>
      <c r="L2134" t="s">
        <v>1684</v>
      </c>
      <c r="M2134">
        <v>3206</v>
      </c>
      <c r="N2134" t="s">
        <v>654</v>
      </c>
      <c r="O2134">
        <v>3</v>
      </c>
      <c r="P2134" t="s">
        <v>655</v>
      </c>
      <c r="Q2134">
        <v>1</v>
      </c>
      <c r="R2134" t="s">
        <v>669</v>
      </c>
      <c r="S2134">
        <v>1</v>
      </c>
      <c r="T2134" t="s">
        <v>661</v>
      </c>
      <c r="U2134">
        <v>8</v>
      </c>
      <c r="V2134">
        <v>4</v>
      </c>
      <c r="W2134">
        <v>240</v>
      </c>
      <c r="X2134">
        <v>2020</v>
      </c>
    </row>
    <row r="2135" spans="1:24" x14ac:dyDescent="0.25">
      <c r="A2135">
        <v>9692</v>
      </c>
      <c r="B2135" t="s">
        <v>224</v>
      </c>
      <c r="C2135">
        <v>46</v>
      </c>
      <c r="D2135" t="s">
        <v>465</v>
      </c>
      <c r="E2135">
        <v>347</v>
      </c>
      <c r="F2135" t="s">
        <v>651</v>
      </c>
      <c r="G2135">
        <v>160</v>
      </c>
      <c r="H2135" t="s">
        <v>773</v>
      </c>
      <c r="I2135">
        <v>11846</v>
      </c>
      <c r="J2135" t="s">
        <v>716</v>
      </c>
      <c r="K2135">
        <v>68</v>
      </c>
      <c r="L2135" t="s">
        <v>1683</v>
      </c>
      <c r="M2135">
        <v>3208</v>
      </c>
      <c r="N2135" t="s">
        <v>654</v>
      </c>
      <c r="O2135">
        <v>3</v>
      </c>
      <c r="P2135" t="s">
        <v>655</v>
      </c>
      <c r="Q2135">
        <v>1</v>
      </c>
      <c r="R2135" t="s">
        <v>669</v>
      </c>
      <c r="S2135">
        <v>1</v>
      </c>
      <c r="T2135" t="s">
        <v>661</v>
      </c>
      <c r="U2135">
        <v>8</v>
      </c>
      <c r="V2135">
        <v>4</v>
      </c>
      <c r="W2135">
        <v>240</v>
      </c>
      <c r="X2135">
        <v>2020</v>
      </c>
    </row>
    <row r="2136" spans="1:24" x14ac:dyDescent="0.25">
      <c r="A2136">
        <v>9690</v>
      </c>
      <c r="B2136" t="s">
        <v>224</v>
      </c>
      <c r="C2136">
        <v>46</v>
      </c>
      <c r="D2136" t="s">
        <v>466</v>
      </c>
      <c r="E2136">
        <v>346</v>
      </c>
      <c r="F2136" t="s">
        <v>651</v>
      </c>
      <c r="G2136">
        <v>160</v>
      </c>
      <c r="H2136" t="s">
        <v>773</v>
      </c>
      <c r="I2136">
        <v>11846</v>
      </c>
      <c r="J2136" t="s">
        <v>730</v>
      </c>
      <c r="K2136">
        <v>66</v>
      </c>
      <c r="L2136" t="s">
        <v>1008</v>
      </c>
      <c r="M2136">
        <v>3192</v>
      </c>
      <c r="N2136" t="s">
        <v>654</v>
      </c>
      <c r="O2136">
        <v>3</v>
      </c>
      <c r="P2136" t="s">
        <v>655</v>
      </c>
      <c r="Q2136">
        <v>1</v>
      </c>
      <c r="R2136" t="s">
        <v>669</v>
      </c>
      <c r="S2136">
        <v>1</v>
      </c>
      <c r="T2136" t="s">
        <v>661</v>
      </c>
      <c r="U2136">
        <v>8</v>
      </c>
      <c r="V2136">
        <v>4</v>
      </c>
      <c r="W2136">
        <v>240</v>
      </c>
      <c r="X2136">
        <v>2020</v>
      </c>
    </row>
    <row r="2137" spans="1:24" x14ac:dyDescent="0.25">
      <c r="A2137">
        <v>9684</v>
      </c>
      <c r="B2137" t="s">
        <v>289</v>
      </c>
      <c r="C2137">
        <v>12</v>
      </c>
      <c r="D2137" t="s">
        <v>408</v>
      </c>
      <c r="E2137">
        <v>80</v>
      </c>
      <c r="F2137" t="s">
        <v>651</v>
      </c>
      <c r="G2137">
        <v>160</v>
      </c>
      <c r="H2137" t="s">
        <v>658</v>
      </c>
      <c r="I2137">
        <v>13755</v>
      </c>
      <c r="J2137" t="s">
        <v>65</v>
      </c>
      <c r="K2137">
        <v>15</v>
      </c>
      <c r="L2137" t="s">
        <v>1691</v>
      </c>
      <c r="M2137">
        <v>3248</v>
      </c>
      <c r="N2137" t="s">
        <v>654</v>
      </c>
      <c r="O2137">
        <v>3</v>
      </c>
      <c r="P2137" t="s">
        <v>655</v>
      </c>
      <c r="Q2137">
        <v>1</v>
      </c>
      <c r="R2137" t="s">
        <v>656</v>
      </c>
      <c r="S2137">
        <v>2</v>
      </c>
      <c r="T2137" t="s">
        <v>661</v>
      </c>
      <c r="U2137">
        <v>8</v>
      </c>
      <c r="V2137">
        <v>2</v>
      </c>
      <c r="W2137">
        <v>120</v>
      </c>
      <c r="X2137">
        <v>2020</v>
      </c>
    </row>
    <row r="2138" spans="1:24" x14ac:dyDescent="0.25">
      <c r="A2138">
        <v>9682</v>
      </c>
      <c r="B2138" t="s">
        <v>14</v>
      </c>
      <c r="C2138">
        <v>20</v>
      </c>
      <c r="D2138" t="s">
        <v>426</v>
      </c>
      <c r="E2138">
        <v>145</v>
      </c>
      <c r="F2138" t="s">
        <v>651</v>
      </c>
      <c r="G2138">
        <v>160</v>
      </c>
      <c r="H2138" t="s">
        <v>739</v>
      </c>
      <c r="I2138">
        <v>4413</v>
      </c>
      <c r="J2138" t="s">
        <v>699</v>
      </c>
      <c r="K2138">
        <v>10</v>
      </c>
      <c r="L2138" t="s">
        <v>1692</v>
      </c>
      <c r="M2138">
        <v>502</v>
      </c>
      <c r="N2138" t="s">
        <v>654</v>
      </c>
      <c r="O2138">
        <v>3</v>
      </c>
      <c r="P2138" t="s">
        <v>655</v>
      </c>
      <c r="Q2138">
        <v>1</v>
      </c>
      <c r="R2138" t="s">
        <v>669</v>
      </c>
      <c r="S2138">
        <v>1</v>
      </c>
      <c r="T2138" t="s">
        <v>1459</v>
      </c>
      <c r="U2138">
        <v>404</v>
      </c>
      <c r="V2138">
        <v>3</v>
      </c>
      <c r="W2138">
        <v>180</v>
      </c>
      <c r="X2138">
        <v>2020</v>
      </c>
    </row>
    <row r="2139" spans="1:24" x14ac:dyDescent="0.25">
      <c r="A2139">
        <v>9680</v>
      </c>
      <c r="B2139" t="s">
        <v>14</v>
      </c>
      <c r="C2139">
        <v>20</v>
      </c>
      <c r="D2139" t="s">
        <v>426</v>
      </c>
      <c r="E2139">
        <v>145</v>
      </c>
      <c r="F2139" t="s">
        <v>651</v>
      </c>
      <c r="G2139">
        <v>160</v>
      </c>
      <c r="H2139" t="s">
        <v>739</v>
      </c>
      <c r="I2139">
        <v>4413</v>
      </c>
      <c r="J2139" t="s">
        <v>699</v>
      </c>
      <c r="K2139">
        <v>10</v>
      </c>
      <c r="L2139" t="s">
        <v>1692</v>
      </c>
      <c r="M2139">
        <v>502</v>
      </c>
      <c r="N2139" t="s">
        <v>654</v>
      </c>
      <c r="O2139">
        <v>3</v>
      </c>
      <c r="P2139" t="s">
        <v>655</v>
      </c>
      <c r="Q2139">
        <v>1</v>
      </c>
      <c r="R2139" t="s">
        <v>669</v>
      </c>
      <c r="S2139">
        <v>1</v>
      </c>
      <c r="T2139" t="s">
        <v>1693</v>
      </c>
      <c r="U2139">
        <v>402</v>
      </c>
      <c r="V2139">
        <v>3</v>
      </c>
      <c r="W2139">
        <v>180</v>
      </c>
      <c r="X2139">
        <v>2020</v>
      </c>
    </row>
    <row r="2140" spans="1:24" x14ac:dyDescent="0.25">
      <c r="A2140">
        <v>9678</v>
      </c>
      <c r="B2140" t="s">
        <v>14</v>
      </c>
      <c r="C2140">
        <v>20</v>
      </c>
      <c r="D2140" t="s">
        <v>426</v>
      </c>
      <c r="E2140">
        <v>145</v>
      </c>
      <c r="F2140" t="s">
        <v>651</v>
      </c>
      <c r="G2140">
        <v>160</v>
      </c>
      <c r="H2140" t="s">
        <v>739</v>
      </c>
      <c r="I2140">
        <v>4413</v>
      </c>
      <c r="J2140" t="s">
        <v>699</v>
      </c>
      <c r="K2140">
        <v>10</v>
      </c>
      <c r="L2140" t="s">
        <v>1692</v>
      </c>
      <c r="M2140">
        <v>502</v>
      </c>
      <c r="N2140" t="s">
        <v>654</v>
      </c>
      <c r="O2140">
        <v>3</v>
      </c>
      <c r="P2140" t="s">
        <v>655</v>
      </c>
      <c r="Q2140">
        <v>1</v>
      </c>
      <c r="R2140" t="s">
        <v>669</v>
      </c>
      <c r="S2140">
        <v>1</v>
      </c>
      <c r="T2140" t="s">
        <v>1694</v>
      </c>
      <c r="U2140">
        <v>400</v>
      </c>
      <c r="V2140">
        <v>3</v>
      </c>
      <c r="W2140">
        <v>180</v>
      </c>
      <c r="X2140">
        <v>2020</v>
      </c>
    </row>
    <row r="2141" spans="1:24" x14ac:dyDescent="0.25">
      <c r="A2141">
        <v>9676</v>
      </c>
      <c r="B2141" t="s">
        <v>14</v>
      </c>
      <c r="C2141">
        <v>20</v>
      </c>
      <c r="D2141" t="s">
        <v>426</v>
      </c>
      <c r="E2141">
        <v>145</v>
      </c>
      <c r="F2141" t="s">
        <v>651</v>
      </c>
      <c r="G2141">
        <v>160</v>
      </c>
      <c r="H2141" t="s">
        <v>739</v>
      </c>
      <c r="I2141">
        <v>4413</v>
      </c>
      <c r="J2141" t="s">
        <v>699</v>
      </c>
      <c r="K2141">
        <v>10</v>
      </c>
      <c r="L2141" t="s">
        <v>1692</v>
      </c>
      <c r="M2141">
        <v>502</v>
      </c>
      <c r="N2141" t="s">
        <v>654</v>
      </c>
      <c r="O2141">
        <v>3</v>
      </c>
      <c r="P2141" t="s">
        <v>655</v>
      </c>
      <c r="Q2141">
        <v>1</v>
      </c>
      <c r="R2141" t="s">
        <v>669</v>
      </c>
      <c r="S2141">
        <v>1</v>
      </c>
      <c r="T2141" t="s">
        <v>1695</v>
      </c>
      <c r="U2141">
        <v>398</v>
      </c>
      <c r="V2141">
        <v>3</v>
      </c>
      <c r="W2141">
        <v>180</v>
      </c>
      <c r="X2141">
        <v>2020</v>
      </c>
    </row>
    <row r="2142" spans="1:24" x14ac:dyDescent="0.25">
      <c r="A2142">
        <v>9674</v>
      </c>
      <c r="B2142" t="s">
        <v>14</v>
      </c>
      <c r="C2142">
        <v>20</v>
      </c>
      <c r="D2142" t="s">
        <v>426</v>
      </c>
      <c r="E2142">
        <v>145</v>
      </c>
      <c r="F2142" t="s">
        <v>651</v>
      </c>
      <c r="G2142">
        <v>160</v>
      </c>
      <c r="H2142" t="s">
        <v>739</v>
      </c>
      <c r="I2142">
        <v>4413</v>
      </c>
      <c r="J2142" t="s">
        <v>699</v>
      </c>
      <c r="K2142">
        <v>10</v>
      </c>
      <c r="L2142" t="s">
        <v>1692</v>
      </c>
      <c r="M2142">
        <v>502</v>
      </c>
      <c r="N2142" t="s">
        <v>654</v>
      </c>
      <c r="O2142">
        <v>3</v>
      </c>
      <c r="P2142" t="s">
        <v>655</v>
      </c>
      <c r="Q2142">
        <v>1</v>
      </c>
      <c r="R2142" t="s">
        <v>669</v>
      </c>
      <c r="S2142">
        <v>1</v>
      </c>
      <c r="T2142" t="s">
        <v>1696</v>
      </c>
      <c r="U2142">
        <v>396</v>
      </c>
      <c r="V2142">
        <v>3</v>
      </c>
      <c r="W2142">
        <v>180</v>
      </c>
      <c r="X2142">
        <v>2020</v>
      </c>
    </row>
    <row r="2143" spans="1:24" x14ac:dyDescent="0.25">
      <c r="A2143">
        <v>9672</v>
      </c>
      <c r="B2143" t="s">
        <v>224</v>
      </c>
      <c r="C2143">
        <v>46</v>
      </c>
      <c r="D2143" t="s">
        <v>472</v>
      </c>
      <c r="E2143">
        <v>339</v>
      </c>
      <c r="F2143" t="s">
        <v>651</v>
      </c>
      <c r="G2143">
        <v>160</v>
      </c>
      <c r="H2143" t="s">
        <v>773</v>
      </c>
      <c r="I2143">
        <v>11846</v>
      </c>
      <c r="J2143" t="s">
        <v>676</v>
      </c>
      <c r="K2143">
        <v>4</v>
      </c>
      <c r="L2143" t="s">
        <v>1697</v>
      </c>
      <c r="M2143">
        <v>3196</v>
      </c>
      <c r="N2143" t="s">
        <v>654</v>
      </c>
      <c r="O2143">
        <v>3</v>
      </c>
      <c r="P2143" t="s">
        <v>655</v>
      </c>
      <c r="Q2143">
        <v>1</v>
      </c>
      <c r="R2143" t="s">
        <v>669</v>
      </c>
      <c r="S2143">
        <v>1</v>
      </c>
      <c r="T2143" t="s">
        <v>661</v>
      </c>
      <c r="U2143">
        <v>8</v>
      </c>
      <c r="V2143">
        <v>3</v>
      </c>
      <c r="W2143">
        <v>180</v>
      </c>
      <c r="X2143">
        <v>2020</v>
      </c>
    </row>
    <row r="2144" spans="1:24" x14ac:dyDescent="0.25">
      <c r="A2144">
        <v>9670</v>
      </c>
      <c r="B2144" t="s">
        <v>224</v>
      </c>
      <c r="C2144">
        <v>46</v>
      </c>
      <c r="D2144" t="s">
        <v>472</v>
      </c>
      <c r="E2144">
        <v>339</v>
      </c>
      <c r="F2144" t="s">
        <v>651</v>
      </c>
      <c r="G2144">
        <v>160</v>
      </c>
      <c r="H2144" t="s">
        <v>773</v>
      </c>
      <c r="I2144">
        <v>11846</v>
      </c>
      <c r="J2144" t="s">
        <v>676</v>
      </c>
      <c r="K2144">
        <v>4</v>
      </c>
      <c r="L2144" t="s">
        <v>1697</v>
      </c>
      <c r="M2144">
        <v>3196</v>
      </c>
      <c r="N2144" t="s">
        <v>654</v>
      </c>
      <c r="O2144">
        <v>3</v>
      </c>
      <c r="P2144" t="s">
        <v>689</v>
      </c>
      <c r="Q2144">
        <v>4</v>
      </c>
      <c r="R2144" t="s">
        <v>669</v>
      </c>
      <c r="S2144">
        <v>1</v>
      </c>
      <c r="T2144" t="s">
        <v>661</v>
      </c>
      <c r="U2144">
        <v>8</v>
      </c>
      <c r="V2144">
        <v>3</v>
      </c>
      <c r="W2144">
        <v>180</v>
      </c>
      <c r="X2144">
        <v>2020</v>
      </c>
    </row>
    <row r="2145" spans="1:24" x14ac:dyDescent="0.25">
      <c r="A2145">
        <v>9668</v>
      </c>
      <c r="B2145" t="s">
        <v>18</v>
      </c>
      <c r="C2145">
        <v>31</v>
      </c>
      <c r="D2145" t="s">
        <v>387</v>
      </c>
      <c r="E2145">
        <v>248</v>
      </c>
      <c r="F2145" t="s">
        <v>651</v>
      </c>
      <c r="G2145">
        <v>160</v>
      </c>
      <c r="H2145" t="s">
        <v>719</v>
      </c>
      <c r="I2145">
        <v>7630</v>
      </c>
      <c r="J2145" t="s">
        <v>684</v>
      </c>
      <c r="K2145">
        <v>22</v>
      </c>
      <c r="L2145" t="s">
        <v>1698</v>
      </c>
      <c r="M2145">
        <v>3188</v>
      </c>
      <c r="N2145" t="s">
        <v>654</v>
      </c>
      <c r="O2145">
        <v>3</v>
      </c>
      <c r="P2145" t="s">
        <v>655</v>
      </c>
      <c r="Q2145">
        <v>1</v>
      </c>
      <c r="R2145" t="s">
        <v>669</v>
      </c>
      <c r="S2145">
        <v>1</v>
      </c>
      <c r="T2145" t="s">
        <v>661</v>
      </c>
      <c r="U2145">
        <v>8</v>
      </c>
      <c r="V2145">
        <v>3</v>
      </c>
      <c r="W2145">
        <v>180</v>
      </c>
      <c r="X2145">
        <v>2020</v>
      </c>
    </row>
    <row r="2146" spans="1:24" x14ac:dyDescent="0.25">
      <c r="A2146">
        <v>9666</v>
      </c>
      <c r="B2146" t="s">
        <v>138</v>
      </c>
      <c r="C2146">
        <v>35</v>
      </c>
      <c r="D2146" t="s">
        <v>497</v>
      </c>
      <c r="E2146">
        <v>276</v>
      </c>
      <c r="F2146" t="s">
        <v>651</v>
      </c>
      <c r="G2146">
        <v>160</v>
      </c>
      <c r="H2146" t="s">
        <v>1054</v>
      </c>
      <c r="I2146">
        <v>7022</v>
      </c>
      <c r="J2146" t="s">
        <v>1055</v>
      </c>
      <c r="K2146">
        <v>69</v>
      </c>
      <c r="L2146" t="s">
        <v>1699</v>
      </c>
      <c r="M2146">
        <v>3184</v>
      </c>
      <c r="N2146" t="s">
        <v>654</v>
      </c>
      <c r="O2146">
        <v>3</v>
      </c>
      <c r="P2146" t="s">
        <v>655</v>
      </c>
      <c r="Q2146">
        <v>1</v>
      </c>
      <c r="R2146" t="s">
        <v>669</v>
      </c>
      <c r="S2146">
        <v>1</v>
      </c>
      <c r="T2146" t="s">
        <v>661</v>
      </c>
      <c r="U2146">
        <v>8</v>
      </c>
      <c r="V2146">
        <v>4</v>
      </c>
      <c r="W2146">
        <v>240</v>
      </c>
      <c r="X2146">
        <v>2020</v>
      </c>
    </row>
    <row r="2147" spans="1:24" x14ac:dyDescent="0.25">
      <c r="A2147">
        <v>9664</v>
      </c>
      <c r="B2147" t="s">
        <v>138</v>
      </c>
      <c r="C2147">
        <v>35</v>
      </c>
      <c r="D2147" t="s">
        <v>494</v>
      </c>
      <c r="E2147">
        <v>277</v>
      </c>
      <c r="F2147" t="s">
        <v>651</v>
      </c>
      <c r="G2147">
        <v>160</v>
      </c>
      <c r="H2147" t="s">
        <v>1054</v>
      </c>
      <c r="I2147">
        <v>7022</v>
      </c>
      <c r="J2147" t="s">
        <v>738</v>
      </c>
      <c r="K2147">
        <v>61</v>
      </c>
      <c r="L2147" t="s">
        <v>1684</v>
      </c>
      <c r="M2147">
        <v>3206</v>
      </c>
      <c r="N2147" t="s">
        <v>654</v>
      </c>
      <c r="O2147">
        <v>3</v>
      </c>
      <c r="P2147" t="s">
        <v>655</v>
      </c>
      <c r="Q2147">
        <v>1</v>
      </c>
      <c r="R2147" t="s">
        <v>669</v>
      </c>
      <c r="S2147">
        <v>1</v>
      </c>
      <c r="T2147" t="s">
        <v>661</v>
      </c>
      <c r="U2147">
        <v>8</v>
      </c>
      <c r="V2147">
        <v>4</v>
      </c>
      <c r="W2147">
        <v>240</v>
      </c>
      <c r="X2147">
        <v>2020</v>
      </c>
    </row>
    <row r="2148" spans="1:24" x14ac:dyDescent="0.25">
      <c r="A2148">
        <v>9662</v>
      </c>
      <c r="B2148" t="s">
        <v>138</v>
      </c>
      <c r="C2148">
        <v>35</v>
      </c>
      <c r="D2148" t="s">
        <v>494</v>
      </c>
      <c r="E2148">
        <v>277</v>
      </c>
      <c r="F2148" t="s">
        <v>651</v>
      </c>
      <c r="G2148">
        <v>160</v>
      </c>
      <c r="H2148" t="s">
        <v>1054</v>
      </c>
      <c r="I2148">
        <v>7022</v>
      </c>
      <c r="J2148" t="s">
        <v>714</v>
      </c>
      <c r="K2148">
        <v>52</v>
      </c>
      <c r="L2148" t="s">
        <v>1687</v>
      </c>
      <c r="M2148">
        <v>3200</v>
      </c>
      <c r="N2148" t="s">
        <v>654</v>
      </c>
      <c r="O2148">
        <v>3</v>
      </c>
      <c r="P2148" t="s">
        <v>655</v>
      </c>
      <c r="Q2148">
        <v>1</v>
      </c>
      <c r="R2148" t="s">
        <v>669</v>
      </c>
      <c r="S2148">
        <v>1</v>
      </c>
      <c r="T2148" t="s">
        <v>661</v>
      </c>
      <c r="U2148">
        <v>8</v>
      </c>
      <c r="V2148">
        <v>4</v>
      </c>
      <c r="W2148">
        <v>240</v>
      </c>
      <c r="X2148">
        <v>2020</v>
      </c>
    </row>
    <row r="2149" spans="1:24" x14ac:dyDescent="0.25">
      <c r="A2149">
        <v>9660</v>
      </c>
      <c r="B2149" t="s">
        <v>110</v>
      </c>
      <c r="C2149">
        <v>2</v>
      </c>
      <c r="D2149" t="s">
        <v>619</v>
      </c>
      <c r="E2149">
        <v>17</v>
      </c>
      <c r="F2149" t="s">
        <v>651</v>
      </c>
      <c r="G2149">
        <v>160</v>
      </c>
      <c r="H2149" t="s">
        <v>658</v>
      </c>
      <c r="I2149">
        <v>13755</v>
      </c>
      <c r="J2149" t="s">
        <v>1022</v>
      </c>
      <c r="K2149">
        <v>85</v>
      </c>
      <c r="L2149" t="s">
        <v>1700</v>
      </c>
      <c r="M2149">
        <v>3180</v>
      </c>
      <c r="N2149" t="s">
        <v>654</v>
      </c>
      <c r="O2149">
        <v>3</v>
      </c>
      <c r="P2149" t="s">
        <v>655</v>
      </c>
      <c r="Q2149">
        <v>1</v>
      </c>
      <c r="R2149" t="s">
        <v>656</v>
      </c>
      <c r="S2149">
        <v>2</v>
      </c>
      <c r="T2149" t="s">
        <v>661</v>
      </c>
      <c r="U2149">
        <v>8</v>
      </c>
      <c r="V2149">
        <v>2</v>
      </c>
      <c r="W2149">
        <v>120</v>
      </c>
      <c r="X2149">
        <v>2020</v>
      </c>
    </row>
    <row r="2150" spans="1:24" x14ac:dyDescent="0.25">
      <c r="A2150">
        <v>9658</v>
      </c>
      <c r="B2150" t="s">
        <v>110</v>
      </c>
      <c r="C2150">
        <v>2</v>
      </c>
      <c r="D2150" t="s">
        <v>618</v>
      </c>
      <c r="E2150">
        <v>18</v>
      </c>
      <c r="F2150" t="s">
        <v>651</v>
      </c>
      <c r="G2150">
        <v>160</v>
      </c>
      <c r="H2150" t="s">
        <v>658</v>
      </c>
      <c r="I2150">
        <v>13755</v>
      </c>
      <c r="J2150" t="s">
        <v>1022</v>
      </c>
      <c r="K2150">
        <v>85</v>
      </c>
      <c r="L2150" t="s">
        <v>1701</v>
      </c>
      <c r="M2150">
        <v>3182</v>
      </c>
      <c r="N2150" t="s">
        <v>654</v>
      </c>
      <c r="O2150">
        <v>3</v>
      </c>
      <c r="P2150" t="s">
        <v>655</v>
      </c>
      <c r="Q2150">
        <v>1</v>
      </c>
      <c r="R2150" t="s">
        <v>656</v>
      </c>
      <c r="S2150">
        <v>2</v>
      </c>
      <c r="T2150" t="s">
        <v>661</v>
      </c>
      <c r="U2150">
        <v>8</v>
      </c>
      <c r="V2150">
        <v>2</v>
      </c>
      <c r="W2150">
        <v>120</v>
      </c>
      <c r="X2150">
        <v>2020</v>
      </c>
    </row>
    <row r="2151" spans="1:24" x14ac:dyDescent="0.25">
      <c r="A2151">
        <v>9656</v>
      </c>
      <c r="B2151" t="s">
        <v>110</v>
      </c>
      <c r="C2151">
        <v>2</v>
      </c>
      <c r="D2151" t="s">
        <v>309</v>
      </c>
      <c r="E2151">
        <v>678</v>
      </c>
      <c r="F2151" t="s">
        <v>651</v>
      </c>
      <c r="G2151">
        <v>160</v>
      </c>
      <c r="H2151" t="s">
        <v>658</v>
      </c>
      <c r="I2151">
        <v>13755</v>
      </c>
      <c r="J2151" t="s">
        <v>684</v>
      </c>
      <c r="K2151">
        <v>22</v>
      </c>
      <c r="L2151" t="s">
        <v>1702</v>
      </c>
      <c r="M2151">
        <v>3178</v>
      </c>
      <c r="N2151" t="s">
        <v>654</v>
      </c>
      <c r="O2151">
        <v>3</v>
      </c>
      <c r="P2151" t="s">
        <v>655</v>
      </c>
      <c r="Q2151">
        <v>1</v>
      </c>
      <c r="R2151" t="s">
        <v>656</v>
      </c>
      <c r="S2151">
        <v>2</v>
      </c>
      <c r="T2151" t="s">
        <v>661</v>
      </c>
      <c r="U2151">
        <v>8</v>
      </c>
      <c r="V2151">
        <v>2</v>
      </c>
      <c r="W2151">
        <v>120</v>
      </c>
      <c r="X2151">
        <v>2020</v>
      </c>
    </row>
    <row r="2152" spans="1:24" x14ac:dyDescent="0.25">
      <c r="A2152">
        <v>9654</v>
      </c>
      <c r="B2152" t="s">
        <v>226</v>
      </c>
      <c r="C2152">
        <v>1</v>
      </c>
      <c r="D2152" t="s">
        <v>621</v>
      </c>
      <c r="E2152">
        <v>15</v>
      </c>
      <c r="F2152" t="s">
        <v>651</v>
      </c>
      <c r="G2152">
        <v>160</v>
      </c>
      <c r="H2152" t="s">
        <v>658</v>
      </c>
      <c r="I2152">
        <v>13755</v>
      </c>
      <c r="J2152" t="s">
        <v>730</v>
      </c>
      <c r="K2152">
        <v>66</v>
      </c>
      <c r="L2152" t="s">
        <v>1008</v>
      </c>
      <c r="M2152">
        <v>3192</v>
      </c>
      <c r="N2152" t="s">
        <v>654</v>
      </c>
      <c r="O2152">
        <v>3</v>
      </c>
      <c r="P2152" t="s">
        <v>655</v>
      </c>
      <c r="Q2152">
        <v>1</v>
      </c>
      <c r="R2152" t="s">
        <v>669</v>
      </c>
      <c r="S2152">
        <v>1</v>
      </c>
      <c r="T2152" t="s">
        <v>661</v>
      </c>
      <c r="U2152">
        <v>8</v>
      </c>
      <c r="V2152">
        <v>4</v>
      </c>
      <c r="W2152">
        <v>240</v>
      </c>
      <c r="X2152">
        <v>2020</v>
      </c>
    </row>
    <row r="2153" spans="1:24" x14ac:dyDescent="0.25">
      <c r="A2153">
        <v>9652</v>
      </c>
      <c r="B2153" t="s">
        <v>226</v>
      </c>
      <c r="C2153">
        <v>1</v>
      </c>
      <c r="D2153" t="s">
        <v>472</v>
      </c>
      <c r="E2153">
        <v>3</v>
      </c>
      <c r="F2153" t="s">
        <v>651</v>
      </c>
      <c r="G2153">
        <v>160</v>
      </c>
      <c r="H2153" t="s">
        <v>658</v>
      </c>
      <c r="I2153">
        <v>13755</v>
      </c>
      <c r="J2153" t="s">
        <v>767</v>
      </c>
      <c r="K2153">
        <v>44</v>
      </c>
      <c r="L2153" t="s">
        <v>1703</v>
      </c>
      <c r="M2153">
        <v>510</v>
      </c>
      <c r="N2153" t="s">
        <v>654</v>
      </c>
      <c r="O2153">
        <v>3</v>
      </c>
      <c r="P2153" t="s">
        <v>655</v>
      </c>
      <c r="Q2153">
        <v>1</v>
      </c>
      <c r="R2153" t="s">
        <v>669</v>
      </c>
      <c r="S2153">
        <v>1</v>
      </c>
      <c r="T2153" t="s">
        <v>661</v>
      </c>
      <c r="U2153">
        <v>8</v>
      </c>
      <c r="V2153">
        <v>4</v>
      </c>
      <c r="W2153">
        <v>240</v>
      </c>
      <c r="X2153">
        <v>2020</v>
      </c>
    </row>
    <row r="2154" spans="1:24" x14ac:dyDescent="0.25">
      <c r="A2154">
        <v>9650</v>
      </c>
      <c r="B2154" t="s">
        <v>226</v>
      </c>
      <c r="C2154">
        <v>1</v>
      </c>
      <c r="D2154" t="s">
        <v>624</v>
      </c>
      <c r="E2154">
        <v>11</v>
      </c>
      <c r="F2154" t="s">
        <v>651</v>
      </c>
      <c r="G2154">
        <v>160</v>
      </c>
      <c r="H2154" t="s">
        <v>658</v>
      </c>
      <c r="I2154">
        <v>13755</v>
      </c>
      <c r="J2154" t="s">
        <v>742</v>
      </c>
      <c r="K2154">
        <v>48</v>
      </c>
      <c r="L2154" t="s">
        <v>891</v>
      </c>
      <c r="M2154">
        <v>516</v>
      </c>
      <c r="N2154" t="s">
        <v>654</v>
      </c>
      <c r="O2154">
        <v>3</v>
      </c>
      <c r="P2154" t="s">
        <v>655</v>
      </c>
      <c r="Q2154">
        <v>1</v>
      </c>
      <c r="R2154" t="s">
        <v>669</v>
      </c>
      <c r="S2154">
        <v>1</v>
      </c>
      <c r="T2154" t="s">
        <v>661</v>
      </c>
      <c r="U2154">
        <v>8</v>
      </c>
      <c r="V2154">
        <v>4</v>
      </c>
      <c r="W2154">
        <v>240</v>
      </c>
      <c r="X2154">
        <v>2020</v>
      </c>
    </row>
    <row r="2155" spans="1:24" x14ac:dyDescent="0.25">
      <c r="A2155">
        <v>9648</v>
      </c>
      <c r="B2155" t="s">
        <v>226</v>
      </c>
      <c r="C2155">
        <v>1</v>
      </c>
      <c r="D2155" t="s">
        <v>522</v>
      </c>
      <c r="E2155">
        <v>4</v>
      </c>
      <c r="F2155" t="s">
        <v>651</v>
      </c>
      <c r="G2155">
        <v>160</v>
      </c>
      <c r="H2155" t="s">
        <v>658</v>
      </c>
      <c r="I2155">
        <v>13755</v>
      </c>
      <c r="J2155" t="s">
        <v>710</v>
      </c>
      <c r="K2155">
        <v>53</v>
      </c>
      <c r="L2155" t="s">
        <v>1676</v>
      </c>
      <c r="M2155">
        <v>3222</v>
      </c>
      <c r="N2155" t="s">
        <v>654</v>
      </c>
      <c r="O2155">
        <v>3</v>
      </c>
      <c r="P2155" t="s">
        <v>655</v>
      </c>
      <c r="Q2155">
        <v>1</v>
      </c>
      <c r="R2155" t="s">
        <v>669</v>
      </c>
      <c r="S2155">
        <v>1</v>
      </c>
      <c r="T2155" t="s">
        <v>661</v>
      </c>
      <c r="U2155">
        <v>8</v>
      </c>
      <c r="V2155">
        <v>4</v>
      </c>
      <c r="W2155">
        <v>240</v>
      </c>
      <c r="X2155">
        <v>2020</v>
      </c>
    </row>
    <row r="2156" spans="1:24" x14ac:dyDescent="0.25">
      <c r="A2156">
        <v>9646</v>
      </c>
      <c r="B2156" t="s">
        <v>226</v>
      </c>
      <c r="C2156">
        <v>1</v>
      </c>
      <c r="D2156" t="s">
        <v>522</v>
      </c>
      <c r="E2156">
        <v>4</v>
      </c>
      <c r="F2156" t="s">
        <v>651</v>
      </c>
      <c r="G2156">
        <v>160</v>
      </c>
      <c r="H2156" t="s">
        <v>658</v>
      </c>
      <c r="I2156">
        <v>13755</v>
      </c>
      <c r="J2156" t="s">
        <v>710</v>
      </c>
      <c r="K2156">
        <v>53</v>
      </c>
      <c r="L2156" t="s">
        <v>1676</v>
      </c>
      <c r="M2156">
        <v>3222</v>
      </c>
      <c r="N2156" t="s">
        <v>654</v>
      </c>
      <c r="O2156">
        <v>3</v>
      </c>
      <c r="P2156" t="s">
        <v>655</v>
      </c>
      <c r="Q2156">
        <v>1</v>
      </c>
      <c r="R2156" t="s">
        <v>669</v>
      </c>
      <c r="S2156">
        <v>1</v>
      </c>
      <c r="T2156" t="s">
        <v>718</v>
      </c>
      <c r="U2156">
        <v>2</v>
      </c>
      <c r="V2156">
        <v>4</v>
      </c>
      <c r="W2156">
        <v>240</v>
      </c>
      <c r="X2156">
        <v>2020</v>
      </c>
    </row>
    <row r="2157" spans="1:24" x14ac:dyDescent="0.25">
      <c r="A2157">
        <v>9644</v>
      </c>
      <c r="B2157" t="s">
        <v>226</v>
      </c>
      <c r="C2157">
        <v>1</v>
      </c>
      <c r="D2157" t="s">
        <v>630</v>
      </c>
      <c r="E2157">
        <v>2</v>
      </c>
      <c r="F2157" t="s">
        <v>651</v>
      </c>
      <c r="G2157">
        <v>160</v>
      </c>
      <c r="H2157" t="s">
        <v>658</v>
      </c>
      <c r="I2157">
        <v>13755</v>
      </c>
      <c r="J2157" t="s">
        <v>695</v>
      </c>
      <c r="K2157">
        <v>54</v>
      </c>
      <c r="L2157" t="s">
        <v>1688</v>
      </c>
      <c r="M2157">
        <v>514</v>
      </c>
      <c r="N2157" t="s">
        <v>654</v>
      </c>
      <c r="O2157">
        <v>3</v>
      </c>
      <c r="P2157" t="s">
        <v>655</v>
      </c>
      <c r="Q2157">
        <v>1</v>
      </c>
      <c r="R2157" t="s">
        <v>669</v>
      </c>
      <c r="S2157">
        <v>1</v>
      </c>
      <c r="T2157" t="s">
        <v>661</v>
      </c>
      <c r="U2157">
        <v>8</v>
      </c>
      <c r="V2157">
        <v>4</v>
      </c>
      <c r="W2157">
        <v>240</v>
      </c>
      <c r="X2157">
        <v>2020</v>
      </c>
    </row>
    <row r="2158" spans="1:24" x14ac:dyDescent="0.25">
      <c r="A2158">
        <v>9642</v>
      </c>
      <c r="B2158" t="s">
        <v>226</v>
      </c>
      <c r="C2158">
        <v>1</v>
      </c>
      <c r="D2158" t="s">
        <v>627</v>
      </c>
      <c r="E2158">
        <v>7</v>
      </c>
      <c r="F2158" t="s">
        <v>651</v>
      </c>
      <c r="G2158">
        <v>160</v>
      </c>
      <c r="H2158" t="s">
        <v>658</v>
      </c>
      <c r="I2158">
        <v>13755</v>
      </c>
      <c r="J2158" t="s">
        <v>848</v>
      </c>
      <c r="K2158">
        <v>62</v>
      </c>
      <c r="L2158" t="s">
        <v>911</v>
      </c>
      <c r="M2158">
        <v>3224</v>
      </c>
      <c r="N2158" t="s">
        <v>654</v>
      </c>
      <c r="O2158">
        <v>3</v>
      </c>
      <c r="P2158" t="s">
        <v>655</v>
      </c>
      <c r="Q2158">
        <v>1</v>
      </c>
      <c r="R2158" t="s">
        <v>669</v>
      </c>
      <c r="S2158">
        <v>1</v>
      </c>
      <c r="T2158" t="s">
        <v>661</v>
      </c>
      <c r="U2158">
        <v>8</v>
      </c>
      <c r="V2158">
        <v>4</v>
      </c>
      <c r="W2158">
        <v>240</v>
      </c>
      <c r="X2158">
        <v>2020</v>
      </c>
    </row>
    <row r="2159" spans="1:24" x14ac:dyDescent="0.25">
      <c r="A2159">
        <v>9640</v>
      </c>
      <c r="B2159" t="s">
        <v>226</v>
      </c>
      <c r="C2159">
        <v>1</v>
      </c>
      <c r="D2159" t="s">
        <v>628</v>
      </c>
      <c r="E2159">
        <v>6</v>
      </c>
      <c r="F2159" t="s">
        <v>651</v>
      </c>
      <c r="G2159">
        <v>160</v>
      </c>
      <c r="H2159" t="s">
        <v>658</v>
      </c>
      <c r="I2159">
        <v>13755</v>
      </c>
      <c r="J2159" t="s">
        <v>693</v>
      </c>
      <c r="K2159">
        <v>56</v>
      </c>
      <c r="L2159" t="s">
        <v>1675</v>
      </c>
      <c r="M2159">
        <v>513</v>
      </c>
      <c r="N2159" t="s">
        <v>654</v>
      </c>
      <c r="O2159">
        <v>3</v>
      </c>
      <c r="P2159" t="s">
        <v>655</v>
      </c>
      <c r="Q2159">
        <v>1</v>
      </c>
      <c r="R2159" t="s">
        <v>669</v>
      </c>
      <c r="S2159">
        <v>1</v>
      </c>
      <c r="T2159" t="s">
        <v>661</v>
      </c>
      <c r="U2159">
        <v>8</v>
      </c>
      <c r="V2159">
        <v>4</v>
      </c>
      <c r="W2159">
        <v>240</v>
      </c>
      <c r="X2159">
        <v>2020</v>
      </c>
    </row>
    <row r="2160" spans="1:24" x14ac:dyDescent="0.25">
      <c r="A2160">
        <v>9638</v>
      </c>
      <c r="B2160" t="s">
        <v>226</v>
      </c>
      <c r="C2160">
        <v>1</v>
      </c>
      <c r="D2160" t="s">
        <v>625</v>
      </c>
      <c r="E2160">
        <v>9</v>
      </c>
      <c r="F2160" t="s">
        <v>651</v>
      </c>
      <c r="G2160">
        <v>160</v>
      </c>
      <c r="H2160" t="s">
        <v>658</v>
      </c>
      <c r="I2160">
        <v>13755</v>
      </c>
      <c r="J2160" t="s">
        <v>1514</v>
      </c>
      <c r="K2160">
        <v>47</v>
      </c>
      <c r="L2160" t="s">
        <v>1704</v>
      </c>
      <c r="M2160">
        <v>3176</v>
      </c>
      <c r="N2160" t="s">
        <v>654</v>
      </c>
      <c r="O2160">
        <v>3</v>
      </c>
      <c r="P2160" t="s">
        <v>655</v>
      </c>
      <c r="Q2160">
        <v>1</v>
      </c>
      <c r="R2160" t="s">
        <v>669</v>
      </c>
      <c r="S2160">
        <v>1</v>
      </c>
      <c r="T2160" t="s">
        <v>661</v>
      </c>
      <c r="U2160">
        <v>8</v>
      </c>
      <c r="V2160">
        <v>4</v>
      </c>
      <c r="W2160">
        <v>240</v>
      </c>
      <c r="X2160">
        <v>2020</v>
      </c>
    </row>
    <row r="2161" spans="1:24" x14ac:dyDescent="0.25">
      <c r="A2161">
        <v>9636</v>
      </c>
      <c r="B2161" t="s">
        <v>226</v>
      </c>
      <c r="C2161">
        <v>1</v>
      </c>
      <c r="D2161" t="s">
        <v>361</v>
      </c>
      <c r="E2161">
        <v>1</v>
      </c>
      <c r="F2161" t="s">
        <v>651</v>
      </c>
      <c r="G2161">
        <v>160</v>
      </c>
      <c r="H2161" t="s">
        <v>658</v>
      </c>
      <c r="I2161">
        <v>13755</v>
      </c>
      <c r="J2161" t="s">
        <v>714</v>
      </c>
      <c r="K2161">
        <v>52</v>
      </c>
      <c r="L2161" t="s">
        <v>1687</v>
      </c>
      <c r="M2161">
        <v>3200</v>
      </c>
      <c r="N2161" t="s">
        <v>654</v>
      </c>
      <c r="O2161">
        <v>3</v>
      </c>
      <c r="P2161" t="s">
        <v>655</v>
      </c>
      <c r="Q2161">
        <v>1</v>
      </c>
      <c r="R2161" t="s">
        <v>669</v>
      </c>
      <c r="S2161">
        <v>1</v>
      </c>
      <c r="T2161" t="s">
        <v>661</v>
      </c>
      <c r="U2161">
        <v>8</v>
      </c>
      <c r="V2161">
        <v>4</v>
      </c>
      <c r="W2161">
        <v>240</v>
      </c>
      <c r="X2161">
        <v>2020</v>
      </c>
    </row>
    <row r="2162" spans="1:24" x14ac:dyDescent="0.25">
      <c r="A2162">
        <v>9634</v>
      </c>
      <c r="B2162" t="s">
        <v>226</v>
      </c>
      <c r="C2162">
        <v>1</v>
      </c>
      <c r="D2162" t="s">
        <v>615</v>
      </c>
      <c r="E2162">
        <v>12</v>
      </c>
      <c r="F2162" t="s">
        <v>651</v>
      </c>
      <c r="G2162">
        <v>160</v>
      </c>
      <c r="H2162" t="s">
        <v>658</v>
      </c>
      <c r="I2162">
        <v>13755</v>
      </c>
      <c r="J2162" t="s">
        <v>730</v>
      </c>
      <c r="K2162">
        <v>66</v>
      </c>
      <c r="L2162" t="s">
        <v>1008</v>
      </c>
      <c r="M2162">
        <v>3192</v>
      </c>
      <c r="N2162" t="s">
        <v>654</v>
      </c>
      <c r="O2162">
        <v>3</v>
      </c>
      <c r="P2162" t="s">
        <v>655</v>
      </c>
      <c r="Q2162">
        <v>1</v>
      </c>
      <c r="R2162" t="s">
        <v>669</v>
      </c>
      <c r="S2162">
        <v>1</v>
      </c>
      <c r="T2162" t="s">
        <v>729</v>
      </c>
      <c r="U2162">
        <v>4</v>
      </c>
      <c r="V2162">
        <v>4</v>
      </c>
      <c r="W2162">
        <v>240</v>
      </c>
      <c r="X2162">
        <v>2020</v>
      </c>
    </row>
    <row r="2163" spans="1:24" x14ac:dyDescent="0.25">
      <c r="A2163">
        <v>9632</v>
      </c>
      <c r="B2163" t="s">
        <v>226</v>
      </c>
      <c r="C2163">
        <v>1</v>
      </c>
      <c r="D2163" t="s">
        <v>629</v>
      </c>
      <c r="E2163">
        <v>5</v>
      </c>
      <c r="F2163" t="s">
        <v>651</v>
      </c>
      <c r="G2163">
        <v>160</v>
      </c>
      <c r="H2163" t="s">
        <v>658</v>
      </c>
      <c r="I2163">
        <v>13755</v>
      </c>
      <c r="J2163" t="s">
        <v>738</v>
      </c>
      <c r="K2163">
        <v>61</v>
      </c>
      <c r="L2163" t="s">
        <v>1684</v>
      </c>
      <c r="M2163">
        <v>3206</v>
      </c>
      <c r="N2163" t="s">
        <v>654</v>
      </c>
      <c r="O2163">
        <v>3</v>
      </c>
      <c r="P2163" t="s">
        <v>655</v>
      </c>
      <c r="Q2163">
        <v>1</v>
      </c>
      <c r="R2163" t="s">
        <v>669</v>
      </c>
      <c r="S2163">
        <v>1</v>
      </c>
      <c r="T2163" t="s">
        <v>661</v>
      </c>
      <c r="U2163">
        <v>8</v>
      </c>
      <c r="V2163">
        <v>4</v>
      </c>
      <c r="W2163">
        <v>240</v>
      </c>
      <c r="X2163">
        <v>2020</v>
      </c>
    </row>
    <row r="2164" spans="1:24" x14ac:dyDescent="0.25">
      <c r="A2164">
        <v>9630</v>
      </c>
      <c r="B2164" t="s">
        <v>226</v>
      </c>
      <c r="C2164">
        <v>1</v>
      </c>
      <c r="D2164" t="s">
        <v>519</v>
      </c>
      <c r="E2164">
        <v>10</v>
      </c>
      <c r="F2164" t="s">
        <v>651</v>
      </c>
      <c r="G2164">
        <v>160</v>
      </c>
      <c r="H2164" t="s">
        <v>658</v>
      </c>
      <c r="I2164">
        <v>13755</v>
      </c>
      <c r="J2164" t="s">
        <v>1236</v>
      </c>
      <c r="K2164">
        <v>60</v>
      </c>
      <c r="L2164" t="s">
        <v>1685</v>
      </c>
      <c r="M2164">
        <v>3204</v>
      </c>
      <c r="N2164" t="s">
        <v>654</v>
      </c>
      <c r="O2164">
        <v>3</v>
      </c>
      <c r="P2164" t="s">
        <v>655</v>
      </c>
      <c r="Q2164">
        <v>1</v>
      </c>
      <c r="R2164" t="s">
        <v>669</v>
      </c>
      <c r="S2164">
        <v>1</v>
      </c>
      <c r="T2164" t="s">
        <v>661</v>
      </c>
      <c r="U2164">
        <v>8</v>
      </c>
      <c r="V2164">
        <v>4</v>
      </c>
      <c r="W2164">
        <v>240</v>
      </c>
      <c r="X2164">
        <v>2020</v>
      </c>
    </row>
    <row r="2165" spans="1:24" x14ac:dyDescent="0.25">
      <c r="A2165">
        <v>9628</v>
      </c>
      <c r="B2165" t="s">
        <v>226</v>
      </c>
      <c r="C2165">
        <v>1</v>
      </c>
      <c r="D2165" t="s">
        <v>623</v>
      </c>
      <c r="E2165">
        <v>13</v>
      </c>
      <c r="F2165" t="s">
        <v>651</v>
      </c>
      <c r="G2165">
        <v>160</v>
      </c>
      <c r="H2165" t="s">
        <v>658</v>
      </c>
      <c r="I2165">
        <v>13755</v>
      </c>
      <c r="J2165" t="s">
        <v>705</v>
      </c>
      <c r="K2165">
        <v>70</v>
      </c>
      <c r="L2165" t="s">
        <v>1705</v>
      </c>
      <c r="M2165">
        <v>3174</v>
      </c>
      <c r="N2165" t="s">
        <v>654</v>
      </c>
      <c r="O2165">
        <v>3</v>
      </c>
      <c r="P2165" t="s">
        <v>655</v>
      </c>
      <c r="Q2165">
        <v>1</v>
      </c>
      <c r="R2165" t="s">
        <v>669</v>
      </c>
      <c r="S2165">
        <v>1</v>
      </c>
      <c r="T2165" t="s">
        <v>661</v>
      </c>
      <c r="U2165">
        <v>8</v>
      </c>
      <c r="V2165">
        <v>4</v>
      </c>
      <c r="W2165">
        <v>240</v>
      </c>
      <c r="X2165">
        <v>2020</v>
      </c>
    </row>
    <row r="2166" spans="1:24" x14ac:dyDescent="0.25">
      <c r="A2166">
        <v>9626</v>
      </c>
      <c r="B2166" t="s">
        <v>226</v>
      </c>
      <c r="C2166">
        <v>1</v>
      </c>
      <c r="D2166" t="s">
        <v>626</v>
      </c>
      <c r="E2166">
        <v>8</v>
      </c>
      <c r="F2166" t="s">
        <v>651</v>
      </c>
      <c r="G2166">
        <v>160</v>
      </c>
      <c r="H2166" t="s">
        <v>658</v>
      </c>
      <c r="I2166">
        <v>13755</v>
      </c>
      <c r="J2166" t="s">
        <v>707</v>
      </c>
      <c r="K2166">
        <v>59</v>
      </c>
      <c r="L2166" t="s">
        <v>1689</v>
      </c>
      <c r="M2166">
        <v>3198</v>
      </c>
      <c r="N2166" t="s">
        <v>654</v>
      </c>
      <c r="O2166">
        <v>3</v>
      </c>
      <c r="P2166" t="s">
        <v>655</v>
      </c>
      <c r="Q2166">
        <v>1</v>
      </c>
      <c r="R2166" t="s">
        <v>669</v>
      </c>
      <c r="S2166">
        <v>1</v>
      </c>
      <c r="T2166" t="s">
        <v>661</v>
      </c>
      <c r="U2166">
        <v>8</v>
      </c>
      <c r="V2166">
        <v>4</v>
      </c>
      <c r="W2166">
        <v>240</v>
      </c>
      <c r="X2166">
        <v>2020</v>
      </c>
    </row>
    <row r="2167" spans="1:24" x14ac:dyDescent="0.25">
      <c r="A2167">
        <v>9624</v>
      </c>
      <c r="B2167" t="s">
        <v>226</v>
      </c>
      <c r="C2167">
        <v>1</v>
      </c>
      <c r="D2167" t="s">
        <v>622</v>
      </c>
      <c r="E2167">
        <v>14</v>
      </c>
      <c r="F2167" t="s">
        <v>651</v>
      </c>
      <c r="G2167">
        <v>160</v>
      </c>
      <c r="H2167" t="s">
        <v>658</v>
      </c>
      <c r="I2167">
        <v>13755</v>
      </c>
      <c r="J2167" t="s">
        <v>705</v>
      </c>
      <c r="K2167">
        <v>70</v>
      </c>
      <c r="L2167" t="s">
        <v>1705</v>
      </c>
      <c r="M2167">
        <v>3174</v>
      </c>
      <c r="N2167" t="s">
        <v>668</v>
      </c>
      <c r="O2167">
        <v>4</v>
      </c>
      <c r="P2167" t="s">
        <v>655</v>
      </c>
      <c r="Q2167">
        <v>1</v>
      </c>
      <c r="R2167" t="s">
        <v>669</v>
      </c>
      <c r="S2167">
        <v>1</v>
      </c>
      <c r="T2167" t="s">
        <v>661</v>
      </c>
      <c r="U2167">
        <v>8</v>
      </c>
      <c r="V2167">
        <v>4</v>
      </c>
      <c r="W2167">
        <v>240</v>
      </c>
      <c r="X2167">
        <v>2020</v>
      </c>
    </row>
    <row r="2168" spans="1:24" x14ac:dyDescent="0.25">
      <c r="A2168">
        <v>9616</v>
      </c>
      <c r="B2168" t="s">
        <v>14</v>
      </c>
      <c r="C2168">
        <v>20</v>
      </c>
      <c r="D2168" t="s">
        <v>551</v>
      </c>
      <c r="E2168">
        <v>152</v>
      </c>
      <c r="F2168" t="s">
        <v>651</v>
      </c>
      <c r="G2168">
        <v>160</v>
      </c>
      <c r="H2168" t="s">
        <v>739</v>
      </c>
      <c r="I2168">
        <v>4413</v>
      </c>
      <c r="J2168" t="s">
        <v>682</v>
      </c>
      <c r="K2168">
        <v>20</v>
      </c>
      <c r="L2168" t="s">
        <v>1706</v>
      </c>
      <c r="M2168">
        <v>3083</v>
      </c>
      <c r="N2168" t="s">
        <v>668</v>
      </c>
      <c r="O2168">
        <v>4</v>
      </c>
      <c r="P2168" t="s">
        <v>655</v>
      </c>
      <c r="Q2168">
        <v>1</v>
      </c>
      <c r="R2168" t="s">
        <v>669</v>
      </c>
      <c r="S2168">
        <v>1</v>
      </c>
      <c r="T2168" t="s">
        <v>718</v>
      </c>
      <c r="U2168">
        <v>2</v>
      </c>
      <c r="V2168">
        <v>3</v>
      </c>
      <c r="W2168">
        <v>180</v>
      </c>
      <c r="X2168">
        <v>2020</v>
      </c>
    </row>
    <row r="2169" spans="1:24" x14ac:dyDescent="0.25">
      <c r="A2169">
        <v>9613</v>
      </c>
      <c r="B2169" t="s">
        <v>14</v>
      </c>
      <c r="C2169">
        <v>20</v>
      </c>
      <c r="D2169" t="s">
        <v>426</v>
      </c>
      <c r="E2169">
        <v>145</v>
      </c>
      <c r="F2169" t="s">
        <v>651</v>
      </c>
      <c r="G2169">
        <v>160</v>
      </c>
      <c r="H2169" t="s">
        <v>739</v>
      </c>
      <c r="I2169">
        <v>4413</v>
      </c>
      <c r="J2169" t="s">
        <v>699</v>
      </c>
      <c r="K2169">
        <v>10</v>
      </c>
      <c r="L2169" t="s">
        <v>1707</v>
      </c>
      <c r="M2169">
        <v>505</v>
      </c>
      <c r="N2169" t="s">
        <v>668</v>
      </c>
      <c r="O2169">
        <v>4</v>
      </c>
      <c r="P2169" t="s">
        <v>655</v>
      </c>
      <c r="Q2169">
        <v>1</v>
      </c>
      <c r="R2169" t="s">
        <v>669</v>
      </c>
      <c r="S2169">
        <v>1</v>
      </c>
      <c r="T2169" t="s">
        <v>1508</v>
      </c>
      <c r="U2169">
        <v>9</v>
      </c>
      <c r="V2169">
        <v>3</v>
      </c>
      <c r="W2169">
        <v>180</v>
      </c>
      <c r="X2169">
        <v>2020</v>
      </c>
    </row>
    <row r="2170" spans="1:24" x14ac:dyDescent="0.25">
      <c r="A2170">
        <v>9602</v>
      </c>
      <c r="B2170" t="s">
        <v>16</v>
      </c>
      <c r="C2170">
        <v>5</v>
      </c>
      <c r="D2170" t="s">
        <v>604</v>
      </c>
      <c r="E2170">
        <v>40</v>
      </c>
      <c r="F2170" t="s">
        <v>651</v>
      </c>
      <c r="G2170">
        <v>160</v>
      </c>
      <c r="H2170" t="s">
        <v>658</v>
      </c>
      <c r="I2170">
        <v>13755</v>
      </c>
      <c r="J2170" t="s">
        <v>703</v>
      </c>
      <c r="K2170">
        <v>16</v>
      </c>
      <c r="L2170" t="s">
        <v>1708</v>
      </c>
      <c r="M2170">
        <v>923</v>
      </c>
      <c r="N2170" t="s">
        <v>654</v>
      </c>
      <c r="O2170">
        <v>3</v>
      </c>
      <c r="P2170" t="s">
        <v>655</v>
      </c>
      <c r="Q2170">
        <v>1</v>
      </c>
      <c r="R2170" t="s">
        <v>656</v>
      </c>
      <c r="S2170">
        <v>2</v>
      </c>
      <c r="T2170" t="s">
        <v>718</v>
      </c>
      <c r="U2170">
        <v>2</v>
      </c>
      <c r="V2170">
        <v>2</v>
      </c>
      <c r="W2170">
        <v>120</v>
      </c>
      <c r="X2170">
        <v>2020</v>
      </c>
    </row>
    <row r="2171" spans="1:24" x14ac:dyDescent="0.25">
      <c r="A2171">
        <v>9600</v>
      </c>
      <c r="B2171" t="s">
        <v>213</v>
      </c>
      <c r="C2171">
        <v>15</v>
      </c>
      <c r="D2171" t="s">
        <v>477</v>
      </c>
      <c r="E2171">
        <v>97</v>
      </c>
      <c r="F2171" t="s">
        <v>651</v>
      </c>
      <c r="G2171">
        <v>160</v>
      </c>
      <c r="H2171" t="s">
        <v>741</v>
      </c>
      <c r="I2171">
        <v>1585</v>
      </c>
      <c r="J2171" t="s">
        <v>880</v>
      </c>
      <c r="K2171">
        <v>58</v>
      </c>
      <c r="L2171" t="s">
        <v>1709</v>
      </c>
      <c r="M2171">
        <v>1220</v>
      </c>
      <c r="N2171" t="s">
        <v>654</v>
      </c>
      <c r="O2171">
        <v>3</v>
      </c>
      <c r="P2171" t="s">
        <v>655</v>
      </c>
      <c r="Q2171">
        <v>1</v>
      </c>
      <c r="R2171" t="s">
        <v>656</v>
      </c>
      <c r="S2171">
        <v>2</v>
      </c>
      <c r="T2171" t="s">
        <v>661</v>
      </c>
      <c r="U2171">
        <v>8</v>
      </c>
      <c r="V2171">
        <v>2</v>
      </c>
      <c r="W2171">
        <v>120</v>
      </c>
      <c r="X2171">
        <v>2020</v>
      </c>
    </row>
    <row r="2172" spans="1:24" x14ac:dyDescent="0.25">
      <c r="A2172">
        <v>9598</v>
      </c>
      <c r="B2172" t="s">
        <v>226</v>
      </c>
      <c r="C2172">
        <v>1</v>
      </c>
      <c r="D2172" t="s">
        <v>615</v>
      </c>
      <c r="E2172">
        <v>12</v>
      </c>
      <c r="F2172" t="s">
        <v>651</v>
      </c>
      <c r="G2172">
        <v>160</v>
      </c>
      <c r="H2172" t="s">
        <v>658</v>
      </c>
      <c r="I2172">
        <v>13755</v>
      </c>
      <c r="J2172" t="s">
        <v>767</v>
      </c>
      <c r="K2172">
        <v>44</v>
      </c>
      <c r="L2172" t="s">
        <v>1710</v>
      </c>
      <c r="M2172">
        <v>533</v>
      </c>
      <c r="N2172" t="s">
        <v>654</v>
      </c>
      <c r="O2172">
        <v>3</v>
      </c>
      <c r="P2172" t="s">
        <v>655</v>
      </c>
      <c r="Q2172">
        <v>1</v>
      </c>
      <c r="R2172" t="s">
        <v>656</v>
      </c>
      <c r="S2172">
        <v>2</v>
      </c>
      <c r="T2172" t="s">
        <v>718</v>
      </c>
      <c r="U2172">
        <v>2</v>
      </c>
      <c r="V2172">
        <v>2</v>
      </c>
      <c r="W2172">
        <v>120</v>
      </c>
      <c r="X2172">
        <v>2020</v>
      </c>
    </row>
    <row r="2173" spans="1:24" x14ac:dyDescent="0.25">
      <c r="A2173">
        <v>9597</v>
      </c>
      <c r="B2173" t="s">
        <v>226</v>
      </c>
      <c r="C2173">
        <v>1</v>
      </c>
      <c r="D2173" t="s">
        <v>472</v>
      </c>
      <c r="E2173">
        <v>3</v>
      </c>
      <c r="F2173" t="s">
        <v>651</v>
      </c>
      <c r="G2173">
        <v>160</v>
      </c>
      <c r="H2173" t="s">
        <v>658</v>
      </c>
      <c r="I2173">
        <v>13755</v>
      </c>
      <c r="J2173" t="s">
        <v>767</v>
      </c>
      <c r="K2173">
        <v>44</v>
      </c>
      <c r="L2173" t="s">
        <v>1711</v>
      </c>
      <c r="M2173">
        <v>536</v>
      </c>
      <c r="N2173" t="s">
        <v>654</v>
      </c>
      <c r="O2173">
        <v>3</v>
      </c>
      <c r="P2173" t="s">
        <v>655</v>
      </c>
      <c r="Q2173">
        <v>1</v>
      </c>
      <c r="R2173" t="s">
        <v>656</v>
      </c>
      <c r="S2173">
        <v>2</v>
      </c>
      <c r="T2173" t="s">
        <v>661</v>
      </c>
      <c r="U2173">
        <v>8</v>
      </c>
      <c r="V2173">
        <v>2</v>
      </c>
      <c r="W2173">
        <v>120</v>
      </c>
      <c r="X2173">
        <v>2020</v>
      </c>
    </row>
    <row r="2174" spans="1:24" x14ac:dyDescent="0.25">
      <c r="A2174">
        <v>9596</v>
      </c>
      <c r="B2174" t="s">
        <v>226</v>
      </c>
      <c r="C2174">
        <v>1</v>
      </c>
      <c r="D2174" t="s">
        <v>472</v>
      </c>
      <c r="E2174">
        <v>3</v>
      </c>
      <c r="F2174" t="s">
        <v>651</v>
      </c>
      <c r="G2174">
        <v>160</v>
      </c>
      <c r="H2174" t="s">
        <v>658</v>
      </c>
      <c r="I2174">
        <v>13755</v>
      </c>
      <c r="J2174" t="s">
        <v>767</v>
      </c>
      <c r="K2174">
        <v>44</v>
      </c>
      <c r="L2174" t="s">
        <v>994</v>
      </c>
      <c r="M2174">
        <v>537</v>
      </c>
      <c r="N2174" t="s">
        <v>654</v>
      </c>
      <c r="O2174">
        <v>3</v>
      </c>
      <c r="P2174" t="s">
        <v>655</v>
      </c>
      <c r="Q2174">
        <v>1</v>
      </c>
      <c r="R2174" t="s">
        <v>656</v>
      </c>
      <c r="S2174">
        <v>2</v>
      </c>
      <c r="T2174" t="s">
        <v>718</v>
      </c>
      <c r="U2174">
        <v>2</v>
      </c>
      <c r="V2174">
        <v>2</v>
      </c>
      <c r="W2174">
        <v>120</v>
      </c>
      <c r="X2174">
        <v>2020</v>
      </c>
    </row>
    <row r="2175" spans="1:24" x14ac:dyDescent="0.25">
      <c r="A2175">
        <v>9595</v>
      </c>
      <c r="B2175" t="s">
        <v>226</v>
      </c>
      <c r="C2175">
        <v>1</v>
      </c>
      <c r="D2175" t="s">
        <v>472</v>
      </c>
      <c r="E2175">
        <v>3</v>
      </c>
      <c r="F2175" t="s">
        <v>651</v>
      </c>
      <c r="G2175">
        <v>160</v>
      </c>
      <c r="H2175" t="s">
        <v>658</v>
      </c>
      <c r="I2175">
        <v>13755</v>
      </c>
      <c r="J2175" t="s">
        <v>767</v>
      </c>
      <c r="K2175">
        <v>44</v>
      </c>
      <c r="L2175" t="s">
        <v>1712</v>
      </c>
      <c r="M2175">
        <v>540</v>
      </c>
      <c r="N2175" t="s">
        <v>654</v>
      </c>
      <c r="O2175">
        <v>3</v>
      </c>
      <c r="P2175" t="s">
        <v>655</v>
      </c>
      <c r="Q2175">
        <v>1</v>
      </c>
      <c r="R2175" t="s">
        <v>656</v>
      </c>
      <c r="S2175">
        <v>2</v>
      </c>
      <c r="T2175" t="s">
        <v>718</v>
      </c>
      <c r="U2175">
        <v>2</v>
      </c>
      <c r="V2175">
        <v>2</v>
      </c>
      <c r="W2175">
        <v>120</v>
      </c>
      <c r="X2175">
        <v>2020</v>
      </c>
    </row>
    <row r="2176" spans="1:24" x14ac:dyDescent="0.25">
      <c r="A2176">
        <v>9594</v>
      </c>
      <c r="B2176" t="s">
        <v>226</v>
      </c>
      <c r="C2176">
        <v>1</v>
      </c>
      <c r="D2176" t="s">
        <v>472</v>
      </c>
      <c r="E2176">
        <v>3</v>
      </c>
      <c r="F2176" t="s">
        <v>651</v>
      </c>
      <c r="G2176">
        <v>160</v>
      </c>
      <c r="H2176" t="s">
        <v>658</v>
      </c>
      <c r="I2176">
        <v>13755</v>
      </c>
      <c r="J2176" t="s">
        <v>767</v>
      </c>
      <c r="K2176">
        <v>44</v>
      </c>
      <c r="L2176" t="s">
        <v>1713</v>
      </c>
      <c r="M2176">
        <v>543</v>
      </c>
      <c r="N2176" t="s">
        <v>654</v>
      </c>
      <c r="O2176">
        <v>3</v>
      </c>
      <c r="P2176" t="s">
        <v>655</v>
      </c>
      <c r="Q2176">
        <v>1</v>
      </c>
      <c r="R2176" t="s">
        <v>656</v>
      </c>
      <c r="S2176">
        <v>2</v>
      </c>
      <c r="T2176" t="s">
        <v>661</v>
      </c>
      <c r="U2176">
        <v>8</v>
      </c>
      <c r="V2176">
        <v>2</v>
      </c>
      <c r="W2176">
        <v>120</v>
      </c>
      <c r="X2176">
        <v>2020</v>
      </c>
    </row>
    <row r="2177" spans="1:24" x14ac:dyDescent="0.25">
      <c r="A2177">
        <v>9592</v>
      </c>
      <c r="B2177" t="s">
        <v>226</v>
      </c>
      <c r="C2177">
        <v>1</v>
      </c>
      <c r="D2177" t="s">
        <v>522</v>
      </c>
      <c r="E2177">
        <v>4</v>
      </c>
      <c r="F2177" t="s">
        <v>651</v>
      </c>
      <c r="G2177">
        <v>160</v>
      </c>
      <c r="H2177" t="s">
        <v>658</v>
      </c>
      <c r="I2177">
        <v>13755</v>
      </c>
      <c r="J2177" t="s">
        <v>767</v>
      </c>
      <c r="K2177">
        <v>44</v>
      </c>
      <c r="L2177" t="s">
        <v>1714</v>
      </c>
      <c r="M2177">
        <v>545</v>
      </c>
      <c r="N2177" t="s">
        <v>654</v>
      </c>
      <c r="O2177">
        <v>3</v>
      </c>
      <c r="P2177" t="s">
        <v>655</v>
      </c>
      <c r="Q2177">
        <v>1</v>
      </c>
      <c r="R2177" t="s">
        <v>656</v>
      </c>
      <c r="S2177">
        <v>2</v>
      </c>
      <c r="T2177" t="s">
        <v>661</v>
      </c>
      <c r="U2177">
        <v>8</v>
      </c>
      <c r="V2177">
        <v>2</v>
      </c>
      <c r="W2177">
        <v>120</v>
      </c>
      <c r="X2177">
        <v>2020</v>
      </c>
    </row>
    <row r="2178" spans="1:24" x14ac:dyDescent="0.25">
      <c r="A2178">
        <v>9591</v>
      </c>
      <c r="B2178" t="s">
        <v>226</v>
      </c>
      <c r="C2178">
        <v>1</v>
      </c>
      <c r="D2178" t="s">
        <v>615</v>
      </c>
      <c r="E2178">
        <v>12</v>
      </c>
      <c r="F2178" t="s">
        <v>651</v>
      </c>
      <c r="G2178">
        <v>160</v>
      </c>
      <c r="H2178" t="s">
        <v>658</v>
      </c>
      <c r="I2178">
        <v>13755</v>
      </c>
      <c r="J2178" t="s">
        <v>767</v>
      </c>
      <c r="K2178">
        <v>44</v>
      </c>
      <c r="L2178" t="s">
        <v>1715</v>
      </c>
      <c r="M2178">
        <v>546</v>
      </c>
      <c r="N2178" t="s">
        <v>654</v>
      </c>
      <c r="O2178">
        <v>3</v>
      </c>
      <c r="P2178" t="s">
        <v>655</v>
      </c>
      <c r="Q2178">
        <v>1</v>
      </c>
      <c r="R2178" t="s">
        <v>656</v>
      </c>
      <c r="S2178">
        <v>2</v>
      </c>
      <c r="T2178" t="s">
        <v>769</v>
      </c>
      <c r="U2178">
        <v>3</v>
      </c>
      <c r="V2178">
        <v>2</v>
      </c>
      <c r="W2178">
        <v>120</v>
      </c>
      <c r="X2178">
        <v>2020</v>
      </c>
    </row>
    <row r="2179" spans="1:24" x14ac:dyDescent="0.25">
      <c r="A2179">
        <v>9590</v>
      </c>
      <c r="B2179" t="s">
        <v>213</v>
      </c>
      <c r="C2179">
        <v>15</v>
      </c>
      <c r="D2179" t="s">
        <v>426</v>
      </c>
      <c r="E2179">
        <v>98</v>
      </c>
      <c r="F2179" t="s">
        <v>651</v>
      </c>
      <c r="G2179">
        <v>160</v>
      </c>
      <c r="H2179" t="s">
        <v>741</v>
      </c>
      <c r="I2179">
        <v>1585</v>
      </c>
      <c r="J2179" t="s">
        <v>667</v>
      </c>
      <c r="K2179">
        <v>11</v>
      </c>
      <c r="L2179" t="s">
        <v>1420</v>
      </c>
      <c r="M2179">
        <v>34</v>
      </c>
      <c r="N2179" t="s">
        <v>654</v>
      </c>
      <c r="O2179">
        <v>3</v>
      </c>
      <c r="P2179" t="s">
        <v>655</v>
      </c>
      <c r="Q2179">
        <v>1</v>
      </c>
      <c r="R2179" t="s">
        <v>669</v>
      </c>
      <c r="S2179">
        <v>1</v>
      </c>
      <c r="T2179" t="s">
        <v>1009</v>
      </c>
      <c r="U2179">
        <v>35</v>
      </c>
      <c r="V2179">
        <v>3</v>
      </c>
      <c r="W2179">
        <v>180</v>
      </c>
      <c r="X2179">
        <v>2020</v>
      </c>
    </row>
    <row r="2180" spans="1:24" x14ac:dyDescent="0.25">
      <c r="A2180">
        <v>9589</v>
      </c>
      <c r="B2180" t="s">
        <v>12</v>
      </c>
      <c r="C2180">
        <v>7</v>
      </c>
      <c r="D2180" t="s">
        <v>306</v>
      </c>
      <c r="E2180">
        <v>688</v>
      </c>
      <c r="F2180" t="s">
        <v>651</v>
      </c>
      <c r="G2180">
        <v>160</v>
      </c>
      <c r="H2180" t="s">
        <v>658</v>
      </c>
      <c r="I2180">
        <v>13755</v>
      </c>
      <c r="J2180" t="s">
        <v>301</v>
      </c>
      <c r="K2180">
        <v>26</v>
      </c>
      <c r="L2180" t="s">
        <v>1592</v>
      </c>
      <c r="M2180">
        <v>3171</v>
      </c>
      <c r="N2180" t="s">
        <v>654</v>
      </c>
      <c r="O2180">
        <v>3</v>
      </c>
      <c r="P2180" t="s">
        <v>655</v>
      </c>
      <c r="Q2180">
        <v>1</v>
      </c>
      <c r="R2180" t="s">
        <v>656</v>
      </c>
      <c r="S2180">
        <v>2</v>
      </c>
      <c r="T2180" t="s">
        <v>718</v>
      </c>
      <c r="U2180">
        <v>2</v>
      </c>
      <c r="V2180">
        <v>2</v>
      </c>
      <c r="W2180">
        <v>120</v>
      </c>
      <c r="X2180">
        <v>2020</v>
      </c>
    </row>
    <row r="2181" spans="1:24" x14ac:dyDescent="0.25">
      <c r="A2181">
        <v>9587</v>
      </c>
      <c r="B2181" t="s">
        <v>12</v>
      </c>
      <c r="C2181">
        <v>7</v>
      </c>
      <c r="D2181" t="s">
        <v>592</v>
      </c>
      <c r="E2181">
        <v>68</v>
      </c>
      <c r="F2181" t="s">
        <v>651</v>
      </c>
      <c r="G2181">
        <v>160</v>
      </c>
      <c r="H2181" t="s">
        <v>658</v>
      </c>
      <c r="I2181">
        <v>13755</v>
      </c>
      <c r="J2181" t="s">
        <v>299</v>
      </c>
      <c r="K2181">
        <v>27</v>
      </c>
      <c r="L2181" t="s">
        <v>1716</v>
      </c>
      <c r="M2181">
        <v>3169</v>
      </c>
      <c r="N2181" t="s">
        <v>654</v>
      </c>
      <c r="O2181">
        <v>3</v>
      </c>
      <c r="P2181" t="s">
        <v>655</v>
      </c>
      <c r="Q2181">
        <v>1</v>
      </c>
      <c r="R2181" t="s">
        <v>656</v>
      </c>
      <c r="S2181">
        <v>2</v>
      </c>
      <c r="T2181" t="s">
        <v>661</v>
      </c>
      <c r="U2181">
        <v>8</v>
      </c>
      <c r="V2181">
        <v>2</v>
      </c>
      <c r="W2181">
        <v>120</v>
      </c>
      <c r="X2181">
        <v>2020</v>
      </c>
    </row>
    <row r="2182" spans="1:24" x14ac:dyDescent="0.25">
      <c r="A2182">
        <v>9586</v>
      </c>
      <c r="B2182" t="s">
        <v>318</v>
      </c>
      <c r="C2182">
        <v>95</v>
      </c>
      <c r="D2182" t="s">
        <v>344</v>
      </c>
      <c r="E2182">
        <v>628</v>
      </c>
      <c r="F2182" t="s">
        <v>651</v>
      </c>
      <c r="G2182">
        <v>160</v>
      </c>
      <c r="H2182" t="s">
        <v>739</v>
      </c>
      <c r="I2182">
        <v>4413</v>
      </c>
      <c r="J2182" t="s">
        <v>1028</v>
      </c>
      <c r="K2182">
        <v>33</v>
      </c>
      <c r="L2182" t="s">
        <v>1717</v>
      </c>
      <c r="M2182">
        <v>3168</v>
      </c>
      <c r="N2182" t="s">
        <v>654</v>
      </c>
      <c r="O2182">
        <v>3</v>
      </c>
      <c r="P2182" t="s">
        <v>655</v>
      </c>
      <c r="Q2182">
        <v>1</v>
      </c>
      <c r="R2182" t="s">
        <v>656</v>
      </c>
      <c r="S2182">
        <v>2</v>
      </c>
      <c r="T2182" t="s">
        <v>657</v>
      </c>
      <c r="U2182">
        <v>7</v>
      </c>
      <c r="V2182">
        <v>2</v>
      </c>
      <c r="W2182">
        <v>120</v>
      </c>
      <c r="X2182">
        <v>2020</v>
      </c>
    </row>
    <row r="2183" spans="1:24" x14ac:dyDescent="0.25">
      <c r="A2183">
        <v>9585</v>
      </c>
      <c r="B2183" t="s">
        <v>318</v>
      </c>
      <c r="C2183">
        <v>95</v>
      </c>
      <c r="D2183" t="s">
        <v>317</v>
      </c>
      <c r="E2183">
        <v>667</v>
      </c>
      <c r="F2183" t="s">
        <v>651</v>
      </c>
      <c r="G2183">
        <v>160</v>
      </c>
      <c r="H2183" t="s">
        <v>1672</v>
      </c>
      <c r="I2183">
        <v>6740</v>
      </c>
      <c r="J2183" t="s">
        <v>813</v>
      </c>
      <c r="K2183">
        <v>24</v>
      </c>
      <c r="L2183" t="s">
        <v>1718</v>
      </c>
      <c r="M2183">
        <v>3167</v>
      </c>
      <c r="N2183" t="s">
        <v>654</v>
      </c>
      <c r="O2183">
        <v>3</v>
      </c>
      <c r="P2183" t="s">
        <v>655</v>
      </c>
      <c r="Q2183">
        <v>1</v>
      </c>
      <c r="R2183" t="s">
        <v>656</v>
      </c>
      <c r="S2183">
        <v>2</v>
      </c>
      <c r="T2183" t="s">
        <v>657</v>
      </c>
      <c r="U2183">
        <v>7</v>
      </c>
      <c r="V2183">
        <v>2</v>
      </c>
      <c r="W2183">
        <v>120</v>
      </c>
      <c r="X2183">
        <v>2020</v>
      </c>
    </row>
    <row r="2184" spans="1:24" x14ac:dyDescent="0.25">
      <c r="A2184">
        <v>9584</v>
      </c>
      <c r="B2184" t="s">
        <v>14</v>
      </c>
      <c r="C2184">
        <v>20</v>
      </c>
      <c r="D2184" t="s">
        <v>458</v>
      </c>
      <c r="E2184">
        <v>138</v>
      </c>
      <c r="F2184" t="s">
        <v>651</v>
      </c>
      <c r="G2184">
        <v>160</v>
      </c>
      <c r="H2184" t="s">
        <v>739</v>
      </c>
      <c r="I2184">
        <v>4413</v>
      </c>
      <c r="J2184" t="s">
        <v>885</v>
      </c>
      <c r="K2184">
        <v>1</v>
      </c>
      <c r="L2184" t="s">
        <v>1719</v>
      </c>
      <c r="M2184">
        <v>3166</v>
      </c>
      <c r="N2184" t="s">
        <v>654</v>
      </c>
      <c r="O2184">
        <v>3</v>
      </c>
      <c r="P2184" t="s">
        <v>655</v>
      </c>
      <c r="Q2184">
        <v>1</v>
      </c>
      <c r="R2184" t="s">
        <v>656</v>
      </c>
      <c r="S2184">
        <v>2</v>
      </c>
      <c r="T2184" t="s">
        <v>718</v>
      </c>
      <c r="U2184">
        <v>2</v>
      </c>
      <c r="V2184">
        <v>2</v>
      </c>
      <c r="W2184">
        <v>120</v>
      </c>
      <c r="X2184">
        <v>2020</v>
      </c>
    </row>
    <row r="2185" spans="1:24" x14ac:dyDescent="0.25">
      <c r="A2185">
        <v>9583</v>
      </c>
      <c r="B2185" t="s">
        <v>14</v>
      </c>
      <c r="C2185">
        <v>20</v>
      </c>
      <c r="D2185" t="s">
        <v>558</v>
      </c>
      <c r="E2185">
        <v>141</v>
      </c>
      <c r="F2185" t="s">
        <v>651</v>
      </c>
      <c r="G2185">
        <v>160</v>
      </c>
      <c r="H2185" t="s">
        <v>739</v>
      </c>
      <c r="I2185">
        <v>4413</v>
      </c>
      <c r="J2185" t="s">
        <v>896</v>
      </c>
      <c r="K2185">
        <v>7</v>
      </c>
      <c r="L2185" t="s">
        <v>1720</v>
      </c>
      <c r="M2185">
        <v>3165</v>
      </c>
      <c r="N2185" t="s">
        <v>654</v>
      </c>
      <c r="O2185">
        <v>3</v>
      </c>
      <c r="P2185" t="s">
        <v>655</v>
      </c>
      <c r="Q2185">
        <v>1</v>
      </c>
      <c r="R2185" t="s">
        <v>656</v>
      </c>
      <c r="S2185">
        <v>2</v>
      </c>
      <c r="T2185" t="s">
        <v>661</v>
      </c>
      <c r="U2185">
        <v>8</v>
      </c>
      <c r="V2185">
        <v>2</v>
      </c>
      <c r="W2185">
        <v>120</v>
      </c>
      <c r="X2185">
        <v>2020</v>
      </c>
    </row>
    <row r="2186" spans="1:24" x14ac:dyDescent="0.25">
      <c r="A2186">
        <v>9582</v>
      </c>
      <c r="B2186" t="s">
        <v>14</v>
      </c>
      <c r="C2186">
        <v>20</v>
      </c>
      <c r="D2186" t="s">
        <v>556</v>
      </c>
      <c r="E2186">
        <v>146</v>
      </c>
      <c r="F2186" t="s">
        <v>651</v>
      </c>
      <c r="G2186">
        <v>160</v>
      </c>
      <c r="H2186" t="s">
        <v>739</v>
      </c>
      <c r="I2186">
        <v>4413</v>
      </c>
      <c r="J2186" t="s">
        <v>756</v>
      </c>
      <c r="K2186">
        <v>19</v>
      </c>
      <c r="L2186" t="s">
        <v>1721</v>
      </c>
      <c r="M2186">
        <v>3164</v>
      </c>
      <c r="N2186" t="s">
        <v>654</v>
      </c>
      <c r="O2186">
        <v>3</v>
      </c>
      <c r="P2186" t="s">
        <v>655</v>
      </c>
      <c r="Q2186">
        <v>1</v>
      </c>
      <c r="R2186" t="s">
        <v>656</v>
      </c>
      <c r="S2186">
        <v>2</v>
      </c>
      <c r="T2186" t="s">
        <v>661</v>
      </c>
      <c r="U2186">
        <v>8</v>
      </c>
      <c r="V2186">
        <v>2</v>
      </c>
      <c r="W2186">
        <v>120</v>
      </c>
      <c r="X2186">
        <v>2020</v>
      </c>
    </row>
    <row r="2187" spans="1:24" x14ac:dyDescent="0.25">
      <c r="A2187">
        <v>9581</v>
      </c>
      <c r="B2187" t="s">
        <v>14</v>
      </c>
      <c r="C2187">
        <v>20</v>
      </c>
      <c r="D2187" t="s">
        <v>551</v>
      </c>
      <c r="E2187">
        <v>152</v>
      </c>
      <c r="F2187" t="s">
        <v>651</v>
      </c>
      <c r="G2187">
        <v>160</v>
      </c>
      <c r="H2187" t="s">
        <v>739</v>
      </c>
      <c r="I2187">
        <v>4413</v>
      </c>
      <c r="J2187" t="s">
        <v>691</v>
      </c>
      <c r="K2187">
        <v>21</v>
      </c>
      <c r="L2187" t="s">
        <v>1722</v>
      </c>
      <c r="M2187">
        <v>3163</v>
      </c>
      <c r="N2187" t="s">
        <v>654</v>
      </c>
      <c r="O2187">
        <v>3</v>
      </c>
      <c r="P2187" t="s">
        <v>655</v>
      </c>
      <c r="Q2187">
        <v>1</v>
      </c>
      <c r="R2187" t="s">
        <v>656</v>
      </c>
      <c r="S2187">
        <v>2</v>
      </c>
      <c r="T2187" t="s">
        <v>657</v>
      </c>
      <c r="U2187">
        <v>7</v>
      </c>
      <c r="V2187">
        <v>2</v>
      </c>
      <c r="W2187">
        <v>120</v>
      </c>
      <c r="X2187">
        <v>2020</v>
      </c>
    </row>
    <row r="2188" spans="1:24" x14ac:dyDescent="0.25">
      <c r="A2188">
        <v>9580</v>
      </c>
      <c r="B2188" t="s">
        <v>14</v>
      </c>
      <c r="C2188">
        <v>20</v>
      </c>
      <c r="D2188" t="s">
        <v>387</v>
      </c>
      <c r="E2188">
        <v>148</v>
      </c>
      <c r="F2188" t="s">
        <v>651</v>
      </c>
      <c r="G2188">
        <v>160</v>
      </c>
      <c r="H2188" t="s">
        <v>739</v>
      </c>
      <c r="I2188">
        <v>4413</v>
      </c>
      <c r="J2188" t="s">
        <v>684</v>
      </c>
      <c r="K2188">
        <v>22</v>
      </c>
      <c r="L2188" t="s">
        <v>1723</v>
      </c>
      <c r="M2188">
        <v>3162</v>
      </c>
      <c r="N2188" t="s">
        <v>654</v>
      </c>
      <c r="O2188">
        <v>3</v>
      </c>
      <c r="P2188" t="s">
        <v>655</v>
      </c>
      <c r="Q2188">
        <v>1</v>
      </c>
      <c r="R2188" t="s">
        <v>656</v>
      </c>
      <c r="S2188">
        <v>2</v>
      </c>
      <c r="T2188" t="s">
        <v>661</v>
      </c>
      <c r="U2188">
        <v>8</v>
      </c>
      <c r="V2188">
        <v>2</v>
      </c>
      <c r="W2188">
        <v>120</v>
      </c>
      <c r="X2188">
        <v>2020</v>
      </c>
    </row>
    <row r="2189" spans="1:24" x14ac:dyDescent="0.25">
      <c r="A2189">
        <v>9579</v>
      </c>
      <c r="B2189" t="s">
        <v>14</v>
      </c>
      <c r="C2189">
        <v>20</v>
      </c>
      <c r="D2189" t="s">
        <v>387</v>
      </c>
      <c r="E2189">
        <v>148</v>
      </c>
      <c r="F2189" t="s">
        <v>651</v>
      </c>
      <c r="G2189">
        <v>160</v>
      </c>
      <c r="H2189" t="s">
        <v>1724</v>
      </c>
      <c r="I2189">
        <v>6744</v>
      </c>
      <c r="J2189" t="s">
        <v>684</v>
      </c>
      <c r="K2189">
        <v>22</v>
      </c>
      <c r="L2189" t="s">
        <v>1725</v>
      </c>
      <c r="M2189">
        <v>3161</v>
      </c>
      <c r="N2189" t="s">
        <v>654</v>
      </c>
      <c r="O2189">
        <v>3</v>
      </c>
      <c r="P2189" t="s">
        <v>655</v>
      </c>
      <c r="Q2189">
        <v>1</v>
      </c>
      <c r="R2189" t="s">
        <v>656</v>
      </c>
      <c r="S2189">
        <v>2</v>
      </c>
      <c r="T2189" t="s">
        <v>657</v>
      </c>
      <c r="U2189">
        <v>7</v>
      </c>
      <c r="V2189">
        <v>2</v>
      </c>
      <c r="W2189">
        <v>120</v>
      </c>
      <c r="X2189">
        <v>2020</v>
      </c>
    </row>
    <row r="2190" spans="1:24" x14ac:dyDescent="0.25">
      <c r="A2190">
        <v>9578</v>
      </c>
      <c r="B2190" t="s">
        <v>14</v>
      </c>
      <c r="C2190">
        <v>20</v>
      </c>
      <c r="D2190" t="s">
        <v>552</v>
      </c>
      <c r="E2190">
        <v>151</v>
      </c>
      <c r="F2190" t="s">
        <v>651</v>
      </c>
      <c r="G2190">
        <v>160</v>
      </c>
      <c r="H2190" t="s">
        <v>739</v>
      </c>
      <c r="I2190">
        <v>4413</v>
      </c>
      <c r="J2190" t="s">
        <v>301</v>
      </c>
      <c r="K2190">
        <v>26</v>
      </c>
      <c r="L2190" t="s">
        <v>1726</v>
      </c>
      <c r="M2190">
        <v>3160</v>
      </c>
      <c r="N2190" t="s">
        <v>654</v>
      </c>
      <c r="O2190">
        <v>3</v>
      </c>
      <c r="P2190" t="s">
        <v>655</v>
      </c>
      <c r="Q2190">
        <v>1</v>
      </c>
      <c r="R2190" t="s">
        <v>656</v>
      </c>
      <c r="S2190">
        <v>2</v>
      </c>
      <c r="T2190" t="s">
        <v>718</v>
      </c>
      <c r="U2190">
        <v>2</v>
      </c>
      <c r="V2190">
        <v>2</v>
      </c>
      <c r="W2190">
        <v>120</v>
      </c>
      <c r="X2190">
        <v>2020</v>
      </c>
    </row>
    <row r="2191" spans="1:24" x14ac:dyDescent="0.25">
      <c r="A2191">
        <v>9577</v>
      </c>
      <c r="B2191" t="s">
        <v>14</v>
      </c>
      <c r="C2191">
        <v>20</v>
      </c>
      <c r="D2191" t="s">
        <v>554</v>
      </c>
      <c r="E2191">
        <v>149</v>
      </c>
      <c r="F2191" t="s">
        <v>651</v>
      </c>
      <c r="G2191">
        <v>160</v>
      </c>
      <c r="H2191" t="s">
        <v>739</v>
      </c>
      <c r="I2191">
        <v>4413</v>
      </c>
      <c r="J2191" t="s">
        <v>296</v>
      </c>
      <c r="K2191">
        <v>97</v>
      </c>
      <c r="L2191" t="s">
        <v>1727</v>
      </c>
      <c r="M2191">
        <v>3159</v>
      </c>
      <c r="N2191" t="s">
        <v>654</v>
      </c>
      <c r="O2191">
        <v>3</v>
      </c>
      <c r="P2191" t="s">
        <v>655</v>
      </c>
      <c r="Q2191">
        <v>1</v>
      </c>
      <c r="R2191" t="s">
        <v>656</v>
      </c>
      <c r="S2191">
        <v>2</v>
      </c>
      <c r="T2191" t="s">
        <v>718</v>
      </c>
      <c r="U2191">
        <v>2</v>
      </c>
      <c r="V2191">
        <v>2</v>
      </c>
      <c r="W2191">
        <v>120</v>
      </c>
      <c r="X2191">
        <v>2020</v>
      </c>
    </row>
    <row r="2192" spans="1:24" x14ac:dyDescent="0.25">
      <c r="A2192">
        <v>9576</v>
      </c>
      <c r="B2192" t="s">
        <v>14</v>
      </c>
      <c r="C2192">
        <v>20</v>
      </c>
      <c r="D2192" t="s">
        <v>554</v>
      </c>
      <c r="E2192">
        <v>149</v>
      </c>
      <c r="F2192" t="s">
        <v>651</v>
      </c>
      <c r="G2192">
        <v>160</v>
      </c>
      <c r="H2192" t="s">
        <v>739</v>
      </c>
      <c r="I2192">
        <v>4413</v>
      </c>
      <c r="J2192" t="s">
        <v>299</v>
      </c>
      <c r="K2192">
        <v>27</v>
      </c>
      <c r="L2192" t="s">
        <v>1728</v>
      </c>
      <c r="M2192">
        <v>3158</v>
      </c>
      <c r="N2192" t="s">
        <v>654</v>
      </c>
      <c r="O2192">
        <v>3</v>
      </c>
      <c r="P2192" t="s">
        <v>655</v>
      </c>
      <c r="Q2192">
        <v>1</v>
      </c>
      <c r="R2192" t="s">
        <v>656</v>
      </c>
      <c r="S2192">
        <v>2</v>
      </c>
      <c r="T2192" t="s">
        <v>718</v>
      </c>
      <c r="U2192">
        <v>2</v>
      </c>
      <c r="V2192">
        <v>2</v>
      </c>
      <c r="W2192">
        <v>120</v>
      </c>
      <c r="X2192">
        <v>2020</v>
      </c>
    </row>
    <row r="2193" spans="1:24" x14ac:dyDescent="0.25">
      <c r="A2193">
        <v>9575</v>
      </c>
      <c r="B2193" t="s">
        <v>14</v>
      </c>
      <c r="C2193">
        <v>20</v>
      </c>
      <c r="D2193" t="s">
        <v>402</v>
      </c>
      <c r="E2193">
        <v>153</v>
      </c>
      <c r="F2193" t="s">
        <v>651</v>
      </c>
      <c r="G2193">
        <v>160</v>
      </c>
      <c r="H2193" t="s">
        <v>739</v>
      </c>
      <c r="I2193">
        <v>4413</v>
      </c>
      <c r="J2193" t="s">
        <v>819</v>
      </c>
      <c r="K2193">
        <v>101</v>
      </c>
      <c r="L2193" t="s">
        <v>1729</v>
      </c>
      <c r="M2193">
        <v>3157</v>
      </c>
      <c r="N2193" t="s">
        <v>654</v>
      </c>
      <c r="O2193">
        <v>3</v>
      </c>
      <c r="P2193" t="s">
        <v>655</v>
      </c>
      <c r="Q2193">
        <v>1</v>
      </c>
      <c r="R2193" t="s">
        <v>656</v>
      </c>
      <c r="S2193">
        <v>2</v>
      </c>
      <c r="T2193" t="s">
        <v>661</v>
      </c>
      <c r="U2193">
        <v>8</v>
      </c>
      <c r="V2193">
        <v>2</v>
      </c>
      <c r="W2193">
        <v>120</v>
      </c>
      <c r="X2193">
        <v>2020</v>
      </c>
    </row>
    <row r="2194" spans="1:24" x14ac:dyDescent="0.25">
      <c r="A2194">
        <v>9574</v>
      </c>
      <c r="B2194" t="s">
        <v>14</v>
      </c>
      <c r="C2194">
        <v>20</v>
      </c>
      <c r="D2194" t="s">
        <v>558</v>
      </c>
      <c r="E2194">
        <v>141</v>
      </c>
      <c r="F2194" t="s">
        <v>651</v>
      </c>
      <c r="G2194">
        <v>160</v>
      </c>
      <c r="H2194" t="s">
        <v>739</v>
      </c>
      <c r="I2194">
        <v>4413</v>
      </c>
      <c r="J2194" t="s">
        <v>831</v>
      </c>
      <c r="K2194">
        <v>5</v>
      </c>
      <c r="L2194" t="s">
        <v>1271</v>
      </c>
      <c r="M2194">
        <v>3156</v>
      </c>
      <c r="N2194" t="s">
        <v>654</v>
      </c>
      <c r="O2194">
        <v>3</v>
      </c>
      <c r="P2194" t="s">
        <v>655</v>
      </c>
      <c r="Q2194">
        <v>1</v>
      </c>
      <c r="R2194" t="s">
        <v>656</v>
      </c>
      <c r="S2194">
        <v>2</v>
      </c>
      <c r="T2194" t="s">
        <v>661</v>
      </c>
      <c r="U2194">
        <v>8</v>
      </c>
      <c r="V2194">
        <v>2</v>
      </c>
      <c r="W2194">
        <v>120</v>
      </c>
      <c r="X2194">
        <v>2020</v>
      </c>
    </row>
    <row r="2195" spans="1:24" x14ac:dyDescent="0.25">
      <c r="A2195">
        <v>9573</v>
      </c>
      <c r="B2195" t="s">
        <v>14</v>
      </c>
      <c r="C2195">
        <v>20</v>
      </c>
      <c r="D2195" t="s">
        <v>548</v>
      </c>
      <c r="E2195">
        <v>158</v>
      </c>
      <c r="F2195" t="s">
        <v>651</v>
      </c>
      <c r="G2195">
        <v>160</v>
      </c>
      <c r="H2195" t="s">
        <v>739</v>
      </c>
      <c r="I2195">
        <v>4413</v>
      </c>
      <c r="J2195" t="s">
        <v>1028</v>
      </c>
      <c r="K2195">
        <v>33</v>
      </c>
      <c r="L2195" t="s">
        <v>1730</v>
      </c>
      <c r="M2195">
        <v>3155</v>
      </c>
      <c r="N2195" t="s">
        <v>654</v>
      </c>
      <c r="O2195">
        <v>3</v>
      </c>
      <c r="P2195" t="s">
        <v>655</v>
      </c>
      <c r="Q2195">
        <v>1</v>
      </c>
      <c r="R2195" t="s">
        <v>656</v>
      </c>
      <c r="S2195">
        <v>2</v>
      </c>
      <c r="T2195" t="s">
        <v>718</v>
      </c>
      <c r="U2195">
        <v>2</v>
      </c>
      <c r="V2195">
        <v>2</v>
      </c>
      <c r="W2195">
        <v>120</v>
      </c>
      <c r="X2195">
        <v>2020</v>
      </c>
    </row>
    <row r="2196" spans="1:24" x14ac:dyDescent="0.25">
      <c r="A2196">
        <v>9572</v>
      </c>
      <c r="B2196" t="s">
        <v>14</v>
      </c>
      <c r="C2196">
        <v>20</v>
      </c>
      <c r="D2196" t="s">
        <v>548</v>
      </c>
      <c r="E2196">
        <v>158</v>
      </c>
      <c r="F2196" t="s">
        <v>651</v>
      </c>
      <c r="G2196">
        <v>160</v>
      </c>
      <c r="H2196" t="s">
        <v>739</v>
      </c>
      <c r="I2196">
        <v>4413</v>
      </c>
      <c r="J2196" t="s">
        <v>1028</v>
      </c>
      <c r="K2196">
        <v>33</v>
      </c>
      <c r="L2196" t="s">
        <v>1731</v>
      </c>
      <c r="M2196">
        <v>3154</v>
      </c>
      <c r="N2196" t="s">
        <v>654</v>
      </c>
      <c r="O2196">
        <v>3</v>
      </c>
      <c r="P2196" t="s">
        <v>655</v>
      </c>
      <c r="Q2196">
        <v>1</v>
      </c>
      <c r="R2196" t="s">
        <v>656</v>
      </c>
      <c r="S2196">
        <v>2</v>
      </c>
      <c r="T2196" t="s">
        <v>657</v>
      </c>
      <c r="U2196">
        <v>7</v>
      </c>
      <c r="V2196">
        <v>2</v>
      </c>
      <c r="W2196">
        <v>120</v>
      </c>
      <c r="X2196">
        <v>2020</v>
      </c>
    </row>
    <row r="2197" spans="1:24" x14ac:dyDescent="0.25">
      <c r="A2197">
        <v>9571</v>
      </c>
      <c r="B2197" t="s">
        <v>59</v>
      </c>
      <c r="C2197">
        <v>42</v>
      </c>
      <c r="D2197" t="s">
        <v>477</v>
      </c>
      <c r="E2197">
        <v>326</v>
      </c>
      <c r="F2197" t="s">
        <v>651</v>
      </c>
      <c r="G2197">
        <v>160</v>
      </c>
      <c r="H2197" t="s">
        <v>1060</v>
      </c>
      <c r="I2197">
        <v>6305</v>
      </c>
      <c r="J2197" t="s">
        <v>693</v>
      </c>
      <c r="K2197">
        <v>56</v>
      </c>
      <c r="L2197" t="s">
        <v>1732</v>
      </c>
      <c r="M2197">
        <v>3153</v>
      </c>
      <c r="N2197" t="s">
        <v>654</v>
      </c>
      <c r="O2197">
        <v>3</v>
      </c>
      <c r="P2197" t="s">
        <v>655</v>
      </c>
      <c r="Q2197">
        <v>1</v>
      </c>
      <c r="R2197" t="s">
        <v>656</v>
      </c>
      <c r="S2197">
        <v>2</v>
      </c>
      <c r="T2197" t="s">
        <v>661</v>
      </c>
      <c r="U2197">
        <v>8</v>
      </c>
      <c r="V2197">
        <v>1.5</v>
      </c>
      <c r="W2197">
        <v>90</v>
      </c>
      <c r="X2197">
        <v>2020</v>
      </c>
    </row>
    <row r="2198" spans="1:24" x14ac:dyDescent="0.25">
      <c r="A2198">
        <v>9570</v>
      </c>
      <c r="B2198" t="s">
        <v>129</v>
      </c>
      <c r="C2198">
        <v>10</v>
      </c>
      <c r="D2198" t="s">
        <v>348</v>
      </c>
      <c r="E2198">
        <v>76</v>
      </c>
      <c r="F2198" t="s">
        <v>651</v>
      </c>
      <c r="G2198">
        <v>160</v>
      </c>
      <c r="H2198" t="s">
        <v>658</v>
      </c>
      <c r="I2198">
        <v>13755</v>
      </c>
      <c r="J2198" t="s">
        <v>679</v>
      </c>
      <c r="K2198">
        <v>32</v>
      </c>
      <c r="L2198" t="s">
        <v>1733</v>
      </c>
      <c r="M2198">
        <v>3152</v>
      </c>
      <c r="N2198" t="s">
        <v>654</v>
      </c>
      <c r="O2198">
        <v>3</v>
      </c>
      <c r="P2198" t="s">
        <v>655</v>
      </c>
      <c r="Q2198">
        <v>1</v>
      </c>
      <c r="R2198" t="s">
        <v>656</v>
      </c>
      <c r="S2198">
        <v>2</v>
      </c>
      <c r="T2198" t="s">
        <v>661</v>
      </c>
      <c r="U2198">
        <v>8</v>
      </c>
      <c r="V2198">
        <v>2</v>
      </c>
      <c r="W2198">
        <v>120</v>
      </c>
      <c r="X2198">
        <v>2020</v>
      </c>
    </row>
    <row r="2199" spans="1:24" x14ac:dyDescent="0.25">
      <c r="A2199">
        <v>9569</v>
      </c>
      <c r="B2199" t="s">
        <v>129</v>
      </c>
      <c r="C2199">
        <v>10</v>
      </c>
      <c r="D2199" t="s">
        <v>348</v>
      </c>
      <c r="E2199">
        <v>76</v>
      </c>
      <c r="F2199" t="s">
        <v>651</v>
      </c>
      <c r="G2199">
        <v>160</v>
      </c>
      <c r="H2199" t="s">
        <v>658</v>
      </c>
      <c r="I2199">
        <v>13755</v>
      </c>
      <c r="J2199" t="s">
        <v>679</v>
      </c>
      <c r="K2199">
        <v>32</v>
      </c>
      <c r="L2199" t="s">
        <v>1267</v>
      </c>
      <c r="M2199">
        <v>467</v>
      </c>
      <c r="N2199" t="s">
        <v>654</v>
      </c>
      <c r="O2199">
        <v>3</v>
      </c>
      <c r="P2199" t="s">
        <v>655</v>
      </c>
      <c r="Q2199">
        <v>1</v>
      </c>
      <c r="R2199" t="s">
        <v>669</v>
      </c>
      <c r="S2199">
        <v>1</v>
      </c>
      <c r="T2199" t="s">
        <v>661</v>
      </c>
      <c r="U2199">
        <v>8</v>
      </c>
      <c r="V2199">
        <v>3</v>
      </c>
      <c r="W2199">
        <v>180</v>
      </c>
      <c r="X2199">
        <v>2020</v>
      </c>
    </row>
    <row r="2200" spans="1:24" x14ac:dyDescent="0.25">
      <c r="A2200">
        <v>9568</v>
      </c>
      <c r="B2200" t="s">
        <v>129</v>
      </c>
      <c r="C2200">
        <v>10</v>
      </c>
      <c r="D2200" t="s">
        <v>348</v>
      </c>
      <c r="E2200">
        <v>76</v>
      </c>
      <c r="F2200" t="s">
        <v>651</v>
      </c>
      <c r="G2200">
        <v>160</v>
      </c>
      <c r="H2200" t="s">
        <v>658</v>
      </c>
      <c r="I2200">
        <v>13755</v>
      </c>
      <c r="J2200" t="s">
        <v>679</v>
      </c>
      <c r="K2200">
        <v>32</v>
      </c>
      <c r="L2200" t="s">
        <v>1734</v>
      </c>
      <c r="M2200">
        <v>468</v>
      </c>
      <c r="N2200" t="s">
        <v>654</v>
      </c>
      <c r="O2200">
        <v>3</v>
      </c>
      <c r="P2200" t="s">
        <v>655</v>
      </c>
      <c r="Q2200">
        <v>1</v>
      </c>
      <c r="R2200" t="s">
        <v>669</v>
      </c>
      <c r="S2200">
        <v>1</v>
      </c>
      <c r="T2200" t="s">
        <v>661</v>
      </c>
      <c r="U2200">
        <v>8</v>
      </c>
      <c r="V2200">
        <v>3</v>
      </c>
      <c r="W2200">
        <v>180</v>
      </c>
      <c r="X2200">
        <v>2020</v>
      </c>
    </row>
    <row r="2201" spans="1:24" x14ac:dyDescent="0.25">
      <c r="A2201">
        <v>9566</v>
      </c>
      <c r="B2201" t="s">
        <v>108</v>
      </c>
      <c r="C2201">
        <v>13</v>
      </c>
      <c r="D2201" t="s">
        <v>583</v>
      </c>
      <c r="E2201">
        <v>84</v>
      </c>
      <c r="F2201" t="s">
        <v>651</v>
      </c>
      <c r="G2201">
        <v>160</v>
      </c>
      <c r="H2201" t="s">
        <v>854</v>
      </c>
      <c r="I2201">
        <v>1</v>
      </c>
      <c r="J2201" t="s">
        <v>802</v>
      </c>
      <c r="K2201">
        <v>12</v>
      </c>
      <c r="L2201" t="s">
        <v>1735</v>
      </c>
      <c r="M2201">
        <v>3151</v>
      </c>
      <c r="N2201" t="s">
        <v>654</v>
      </c>
      <c r="O2201">
        <v>3</v>
      </c>
      <c r="P2201" t="s">
        <v>655</v>
      </c>
      <c r="Q2201">
        <v>1</v>
      </c>
      <c r="R2201" t="s">
        <v>656</v>
      </c>
      <c r="S2201">
        <v>2</v>
      </c>
      <c r="T2201" t="s">
        <v>661</v>
      </c>
      <c r="U2201">
        <v>8</v>
      </c>
      <c r="V2201">
        <v>2</v>
      </c>
      <c r="W2201">
        <v>120</v>
      </c>
      <c r="X2201">
        <v>2020</v>
      </c>
    </row>
    <row r="2202" spans="1:24" x14ac:dyDescent="0.25">
      <c r="A2202">
        <v>9564</v>
      </c>
      <c r="B2202" t="s">
        <v>18</v>
      </c>
      <c r="C2202">
        <v>31</v>
      </c>
      <c r="D2202" t="s">
        <v>457</v>
      </c>
      <c r="E2202">
        <v>242</v>
      </c>
      <c r="F2202" t="s">
        <v>734</v>
      </c>
      <c r="G2202">
        <v>122</v>
      </c>
      <c r="H2202" t="s">
        <v>1126</v>
      </c>
      <c r="I2202">
        <v>13789</v>
      </c>
      <c r="J2202" t="s">
        <v>726</v>
      </c>
      <c r="K2202">
        <v>2</v>
      </c>
      <c r="L2202" t="s">
        <v>1736</v>
      </c>
      <c r="M2202">
        <v>3150</v>
      </c>
      <c r="N2202" t="s">
        <v>654</v>
      </c>
      <c r="O2202">
        <v>3</v>
      </c>
      <c r="P2202" t="s">
        <v>655</v>
      </c>
      <c r="Q2202">
        <v>1</v>
      </c>
      <c r="R2202" t="s">
        <v>656</v>
      </c>
      <c r="S2202">
        <v>2</v>
      </c>
      <c r="T2202" t="s">
        <v>661</v>
      </c>
      <c r="U2202">
        <v>8</v>
      </c>
      <c r="V2202">
        <v>2</v>
      </c>
      <c r="W2202">
        <v>120</v>
      </c>
      <c r="X2202">
        <v>2020</v>
      </c>
    </row>
    <row r="2203" spans="1:24" x14ac:dyDescent="0.25">
      <c r="A2203">
        <v>9563</v>
      </c>
      <c r="B2203" t="s">
        <v>18</v>
      </c>
      <c r="C2203">
        <v>31</v>
      </c>
      <c r="D2203" t="s">
        <v>457</v>
      </c>
      <c r="E2203">
        <v>242</v>
      </c>
      <c r="F2203" t="s">
        <v>651</v>
      </c>
      <c r="G2203">
        <v>160</v>
      </c>
      <c r="H2203" t="s">
        <v>719</v>
      </c>
      <c r="I2203">
        <v>7630</v>
      </c>
      <c r="J2203" t="s">
        <v>726</v>
      </c>
      <c r="K2203">
        <v>2</v>
      </c>
      <c r="L2203" t="s">
        <v>1737</v>
      </c>
      <c r="M2203">
        <v>3148</v>
      </c>
      <c r="N2203" t="s">
        <v>654</v>
      </c>
      <c r="O2203">
        <v>3</v>
      </c>
      <c r="P2203" t="s">
        <v>655</v>
      </c>
      <c r="Q2203">
        <v>1</v>
      </c>
      <c r="R2203" t="s">
        <v>656</v>
      </c>
      <c r="S2203">
        <v>2</v>
      </c>
      <c r="T2203" t="s">
        <v>718</v>
      </c>
      <c r="U2203">
        <v>2</v>
      </c>
      <c r="V2203">
        <v>2</v>
      </c>
      <c r="W2203">
        <v>120</v>
      </c>
      <c r="X2203">
        <v>2020</v>
      </c>
    </row>
    <row r="2204" spans="1:24" x14ac:dyDescent="0.25">
      <c r="A2204">
        <v>9562</v>
      </c>
      <c r="B2204" t="s">
        <v>18</v>
      </c>
      <c r="C2204">
        <v>31</v>
      </c>
      <c r="D2204" t="s">
        <v>511</v>
      </c>
      <c r="E2204">
        <v>243</v>
      </c>
      <c r="F2204" t="s">
        <v>651</v>
      </c>
      <c r="G2204">
        <v>160</v>
      </c>
      <c r="H2204" t="s">
        <v>719</v>
      </c>
      <c r="I2204">
        <v>7630</v>
      </c>
      <c r="J2204" t="s">
        <v>1738</v>
      </c>
      <c r="K2204">
        <v>55</v>
      </c>
      <c r="L2204" t="s">
        <v>1739</v>
      </c>
      <c r="M2204">
        <v>3147</v>
      </c>
      <c r="N2204" t="s">
        <v>654</v>
      </c>
      <c r="O2204">
        <v>3</v>
      </c>
      <c r="P2204" t="s">
        <v>655</v>
      </c>
      <c r="Q2204">
        <v>1</v>
      </c>
      <c r="R2204" t="s">
        <v>656</v>
      </c>
      <c r="S2204">
        <v>2</v>
      </c>
      <c r="T2204" t="s">
        <v>661</v>
      </c>
      <c r="U2204">
        <v>8</v>
      </c>
      <c r="V2204">
        <v>2</v>
      </c>
      <c r="W2204">
        <v>120</v>
      </c>
      <c r="X2204">
        <v>2020</v>
      </c>
    </row>
    <row r="2205" spans="1:24" x14ac:dyDescent="0.25">
      <c r="A2205">
        <v>9561</v>
      </c>
      <c r="B2205" t="s">
        <v>18</v>
      </c>
      <c r="C2205">
        <v>31</v>
      </c>
      <c r="D2205" t="s">
        <v>513</v>
      </c>
      <c r="E2205">
        <v>239</v>
      </c>
      <c r="F2205" t="s">
        <v>651</v>
      </c>
      <c r="G2205">
        <v>160</v>
      </c>
      <c r="H2205" t="s">
        <v>719</v>
      </c>
      <c r="I2205">
        <v>7630</v>
      </c>
      <c r="J2205" t="s">
        <v>295</v>
      </c>
      <c r="K2205">
        <v>30</v>
      </c>
      <c r="L2205" t="s">
        <v>1740</v>
      </c>
      <c r="M2205">
        <v>3146</v>
      </c>
      <c r="N2205" t="s">
        <v>654</v>
      </c>
      <c r="O2205">
        <v>3</v>
      </c>
      <c r="P2205" t="s">
        <v>655</v>
      </c>
      <c r="Q2205">
        <v>1</v>
      </c>
      <c r="R2205" t="s">
        <v>656</v>
      </c>
      <c r="S2205">
        <v>2</v>
      </c>
      <c r="T2205" t="s">
        <v>718</v>
      </c>
      <c r="U2205">
        <v>2</v>
      </c>
      <c r="V2205">
        <v>2</v>
      </c>
      <c r="W2205">
        <v>120</v>
      </c>
      <c r="X2205">
        <v>2020</v>
      </c>
    </row>
    <row r="2206" spans="1:24" x14ac:dyDescent="0.25">
      <c r="A2206">
        <v>9560</v>
      </c>
      <c r="B2206" t="s">
        <v>18</v>
      </c>
      <c r="C2206">
        <v>31</v>
      </c>
      <c r="D2206" t="s">
        <v>509</v>
      </c>
      <c r="E2206">
        <v>249</v>
      </c>
      <c r="F2206" t="s">
        <v>651</v>
      </c>
      <c r="G2206">
        <v>160</v>
      </c>
      <c r="H2206" t="s">
        <v>719</v>
      </c>
      <c r="I2206">
        <v>7630</v>
      </c>
      <c r="J2206" t="s">
        <v>864</v>
      </c>
      <c r="K2206">
        <v>14</v>
      </c>
      <c r="L2206" t="s">
        <v>1741</v>
      </c>
      <c r="M2206">
        <v>3145</v>
      </c>
      <c r="N2206" t="s">
        <v>654</v>
      </c>
      <c r="O2206">
        <v>3</v>
      </c>
      <c r="P2206" t="s">
        <v>655</v>
      </c>
      <c r="Q2206">
        <v>1</v>
      </c>
      <c r="R2206" t="s">
        <v>656</v>
      </c>
      <c r="S2206">
        <v>2</v>
      </c>
      <c r="T2206" t="s">
        <v>661</v>
      </c>
      <c r="U2206">
        <v>8</v>
      </c>
      <c r="V2206">
        <v>2</v>
      </c>
      <c r="W2206">
        <v>120</v>
      </c>
      <c r="X2206">
        <v>2020</v>
      </c>
    </row>
    <row r="2207" spans="1:24" x14ac:dyDescent="0.25">
      <c r="A2207">
        <v>9559</v>
      </c>
      <c r="B2207" t="s">
        <v>18</v>
      </c>
      <c r="C2207">
        <v>31</v>
      </c>
      <c r="D2207" t="s">
        <v>509</v>
      </c>
      <c r="E2207">
        <v>249</v>
      </c>
      <c r="F2207" t="s">
        <v>651</v>
      </c>
      <c r="G2207">
        <v>160</v>
      </c>
      <c r="H2207" t="s">
        <v>719</v>
      </c>
      <c r="I2207">
        <v>7630</v>
      </c>
      <c r="J2207" t="s">
        <v>864</v>
      </c>
      <c r="K2207">
        <v>14</v>
      </c>
      <c r="L2207" t="s">
        <v>1742</v>
      </c>
      <c r="M2207">
        <v>3144</v>
      </c>
      <c r="N2207" t="s">
        <v>654</v>
      </c>
      <c r="O2207">
        <v>3</v>
      </c>
      <c r="P2207" t="s">
        <v>655</v>
      </c>
      <c r="Q2207">
        <v>1</v>
      </c>
      <c r="R2207" t="s">
        <v>656</v>
      </c>
      <c r="S2207">
        <v>2</v>
      </c>
      <c r="T2207" t="s">
        <v>661</v>
      </c>
      <c r="U2207">
        <v>8</v>
      </c>
      <c r="V2207">
        <v>2</v>
      </c>
      <c r="W2207">
        <v>120</v>
      </c>
      <c r="X2207">
        <v>2020</v>
      </c>
    </row>
    <row r="2208" spans="1:24" x14ac:dyDescent="0.25">
      <c r="A2208">
        <v>9558</v>
      </c>
      <c r="B2208" t="s">
        <v>18</v>
      </c>
      <c r="C2208">
        <v>31</v>
      </c>
      <c r="D2208" t="s">
        <v>509</v>
      </c>
      <c r="E2208">
        <v>249</v>
      </c>
      <c r="F2208" t="s">
        <v>651</v>
      </c>
      <c r="G2208">
        <v>160</v>
      </c>
      <c r="H2208" t="s">
        <v>719</v>
      </c>
      <c r="I2208">
        <v>7630</v>
      </c>
      <c r="J2208" t="s">
        <v>864</v>
      </c>
      <c r="K2208">
        <v>14</v>
      </c>
      <c r="L2208" t="s">
        <v>1743</v>
      </c>
      <c r="M2208">
        <v>3143</v>
      </c>
      <c r="N2208" t="s">
        <v>654</v>
      </c>
      <c r="O2208">
        <v>3</v>
      </c>
      <c r="P2208" t="s">
        <v>655</v>
      </c>
      <c r="Q2208">
        <v>1</v>
      </c>
      <c r="R2208" t="s">
        <v>656</v>
      </c>
      <c r="S2208">
        <v>2</v>
      </c>
      <c r="T2208" t="s">
        <v>661</v>
      </c>
      <c r="U2208">
        <v>8</v>
      </c>
      <c r="V2208">
        <v>2</v>
      </c>
      <c r="W2208">
        <v>120</v>
      </c>
      <c r="X2208">
        <v>2020</v>
      </c>
    </row>
    <row r="2209" spans="1:24" x14ac:dyDescent="0.25">
      <c r="A2209">
        <v>9557</v>
      </c>
      <c r="B2209" t="s">
        <v>18</v>
      </c>
      <c r="C2209">
        <v>31</v>
      </c>
      <c r="D2209" t="s">
        <v>509</v>
      </c>
      <c r="E2209">
        <v>249</v>
      </c>
      <c r="F2209" t="s">
        <v>651</v>
      </c>
      <c r="G2209">
        <v>160</v>
      </c>
      <c r="H2209" t="s">
        <v>719</v>
      </c>
      <c r="I2209">
        <v>7630</v>
      </c>
      <c r="J2209" t="s">
        <v>864</v>
      </c>
      <c r="K2209">
        <v>14</v>
      </c>
      <c r="L2209" t="s">
        <v>1744</v>
      </c>
      <c r="M2209">
        <v>3142</v>
      </c>
      <c r="N2209" t="s">
        <v>654</v>
      </c>
      <c r="O2209">
        <v>3</v>
      </c>
      <c r="P2209" t="s">
        <v>655</v>
      </c>
      <c r="Q2209">
        <v>1</v>
      </c>
      <c r="R2209" t="s">
        <v>656</v>
      </c>
      <c r="S2209">
        <v>2</v>
      </c>
      <c r="T2209" t="s">
        <v>661</v>
      </c>
      <c r="U2209">
        <v>8</v>
      </c>
      <c r="V2209">
        <v>2</v>
      </c>
      <c r="W2209">
        <v>120</v>
      </c>
      <c r="X2209">
        <v>2020</v>
      </c>
    </row>
    <row r="2210" spans="1:24" x14ac:dyDescent="0.25">
      <c r="A2210">
        <v>9556</v>
      </c>
      <c r="B2210" t="s">
        <v>204</v>
      </c>
      <c r="C2210">
        <v>45</v>
      </c>
      <c r="D2210" t="s">
        <v>355</v>
      </c>
      <c r="E2210">
        <v>604</v>
      </c>
      <c r="F2210" t="s">
        <v>651</v>
      </c>
      <c r="G2210">
        <v>160</v>
      </c>
      <c r="H2210" t="s">
        <v>666</v>
      </c>
      <c r="I2210">
        <v>8767</v>
      </c>
      <c r="J2210" t="s">
        <v>679</v>
      </c>
      <c r="K2210">
        <v>32</v>
      </c>
      <c r="L2210" t="s">
        <v>1745</v>
      </c>
      <c r="M2210">
        <v>2531</v>
      </c>
      <c r="N2210" t="s">
        <v>654</v>
      </c>
      <c r="O2210">
        <v>3</v>
      </c>
      <c r="P2210" t="s">
        <v>655</v>
      </c>
      <c r="Q2210">
        <v>1</v>
      </c>
      <c r="R2210" t="s">
        <v>656</v>
      </c>
      <c r="S2210">
        <v>2</v>
      </c>
      <c r="T2210" t="s">
        <v>661</v>
      </c>
      <c r="U2210">
        <v>8</v>
      </c>
      <c r="V2210">
        <v>2</v>
      </c>
      <c r="W2210">
        <v>120</v>
      </c>
      <c r="X2210">
        <v>2020</v>
      </c>
    </row>
    <row r="2211" spans="1:24" x14ac:dyDescent="0.25">
      <c r="A2211">
        <v>9552</v>
      </c>
      <c r="B2211" t="s">
        <v>14</v>
      </c>
      <c r="C2211">
        <v>20</v>
      </c>
      <c r="D2211" t="s">
        <v>556</v>
      </c>
      <c r="E2211">
        <v>146</v>
      </c>
      <c r="F2211" t="s">
        <v>651</v>
      </c>
      <c r="G2211">
        <v>160</v>
      </c>
      <c r="H2211" t="s">
        <v>739</v>
      </c>
      <c r="I2211">
        <v>4413</v>
      </c>
      <c r="J2211" t="s">
        <v>895</v>
      </c>
      <c r="K2211">
        <v>13</v>
      </c>
      <c r="L2211" t="s">
        <v>1746</v>
      </c>
      <c r="M2211">
        <v>3090</v>
      </c>
      <c r="N2211" t="s">
        <v>654</v>
      </c>
      <c r="O2211">
        <v>3</v>
      </c>
      <c r="P2211" t="s">
        <v>655</v>
      </c>
      <c r="Q2211">
        <v>1</v>
      </c>
      <c r="R2211" t="s">
        <v>656</v>
      </c>
      <c r="S2211">
        <v>2</v>
      </c>
      <c r="T2211" t="s">
        <v>661</v>
      </c>
      <c r="U2211">
        <v>8</v>
      </c>
      <c r="V2211">
        <v>2</v>
      </c>
      <c r="W2211">
        <v>120</v>
      </c>
      <c r="X2211">
        <v>2020</v>
      </c>
    </row>
    <row r="2212" spans="1:24" x14ac:dyDescent="0.25">
      <c r="A2212">
        <v>9551</v>
      </c>
      <c r="B2212" t="s">
        <v>195</v>
      </c>
      <c r="C2212">
        <v>27</v>
      </c>
      <c r="D2212" t="s">
        <v>322</v>
      </c>
      <c r="E2212">
        <v>202</v>
      </c>
      <c r="F2212" t="s">
        <v>651</v>
      </c>
      <c r="G2212">
        <v>160</v>
      </c>
      <c r="H2212" t="s">
        <v>833</v>
      </c>
      <c r="I2212">
        <v>5562</v>
      </c>
      <c r="J2212" t="s">
        <v>839</v>
      </c>
      <c r="K2212">
        <v>89</v>
      </c>
      <c r="L2212" t="s">
        <v>1747</v>
      </c>
      <c r="M2212">
        <v>3089</v>
      </c>
      <c r="N2212" t="s">
        <v>654</v>
      </c>
      <c r="O2212">
        <v>3</v>
      </c>
      <c r="P2212" t="s">
        <v>655</v>
      </c>
      <c r="Q2212">
        <v>1</v>
      </c>
      <c r="R2212" t="s">
        <v>656</v>
      </c>
      <c r="S2212">
        <v>2</v>
      </c>
      <c r="T2212" t="s">
        <v>661</v>
      </c>
      <c r="U2212">
        <v>8</v>
      </c>
      <c r="V2212">
        <v>1</v>
      </c>
      <c r="W2212">
        <v>60</v>
      </c>
      <c r="X2212">
        <v>2020</v>
      </c>
    </row>
    <row r="2213" spans="1:24" x14ac:dyDescent="0.25">
      <c r="A2213">
        <v>9550</v>
      </c>
      <c r="B2213" t="s">
        <v>195</v>
      </c>
      <c r="C2213">
        <v>27</v>
      </c>
      <c r="D2213" t="s">
        <v>321</v>
      </c>
      <c r="E2213">
        <v>205</v>
      </c>
      <c r="F2213" t="s">
        <v>651</v>
      </c>
      <c r="G2213">
        <v>160</v>
      </c>
      <c r="H2213" t="s">
        <v>833</v>
      </c>
      <c r="I2213">
        <v>5562</v>
      </c>
      <c r="J2213" t="s">
        <v>878</v>
      </c>
      <c r="K2213">
        <v>91</v>
      </c>
      <c r="L2213" t="s">
        <v>1748</v>
      </c>
      <c r="M2213">
        <v>3088</v>
      </c>
      <c r="N2213" t="s">
        <v>654</v>
      </c>
      <c r="O2213">
        <v>3</v>
      </c>
      <c r="P2213" t="s">
        <v>655</v>
      </c>
      <c r="Q2213">
        <v>1</v>
      </c>
      <c r="R2213" t="s">
        <v>656</v>
      </c>
      <c r="S2213">
        <v>2</v>
      </c>
      <c r="T2213" t="s">
        <v>661</v>
      </c>
      <c r="U2213">
        <v>8</v>
      </c>
      <c r="V2213">
        <v>2</v>
      </c>
      <c r="W2213">
        <v>120</v>
      </c>
      <c r="X2213">
        <v>2020</v>
      </c>
    </row>
    <row r="2214" spans="1:24" x14ac:dyDescent="0.25">
      <c r="A2214">
        <v>9549</v>
      </c>
      <c r="B2214" t="s">
        <v>18</v>
      </c>
      <c r="C2214">
        <v>31</v>
      </c>
      <c r="D2214" t="s">
        <v>426</v>
      </c>
      <c r="E2214">
        <v>246</v>
      </c>
      <c r="F2214" t="s">
        <v>651</v>
      </c>
      <c r="G2214">
        <v>160</v>
      </c>
      <c r="H2214" t="s">
        <v>719</v>
      </c>
      <c r="I2214">
        <v>7630</v>
      </c>
      <c r="J2214" t="s">
        <v>699</v>
      </c>
      <c r="K2214">
        <v>10</v>
      </c>
      <c r="L2214" t="s">
        <v>1096</v>
      </c>
      <c r="M2214">
        <v>341</v>
      </c>
      <c r="N2214" t="s">
        <v>654</v>
      </c>
      <c r="O2214">
        <v>3</v>
      </c>
      <c r="P2214" t="s">
        <v>655</v>
      </c>
      <c r="Q2214">
        <v>1</v>
      </c>
      <c r="R2214" t="s">
        <v>669</v>
      </c>
      <c r="S2214">
        <v>1</v>
      </c>
      <c r="T2214" t="s">
        <v>1295</v>
      </c>
      <c r="U2214">
        <v>10</v>
      </c>
      <c r="V2214">
        <v>3</v>
      </c>
      <c r="W2214">
        <v>180</v>
      </c>
      <c r="X2214">
        <v>2020</v>
      </c>
    </row>
    <row r="2215" spans="1:24" x14ac:dyDescent="0.25">
      <c r="A2215">
        <v>9548</v>
      </c>
      <c r="B2215" t="s">
        <v>18</v>
      </c>
      <c r="C2215">
        <v>31</v>
      </c>
      <c r="D2215" t="s">
        <v>426</v>
      </c>
      <c r="E2215">
        <v>246</v>
      </c>
      <c r="F2215" t="s">
        <v>651</v>
      </c>
      <c r="G2215">
        <v>160</v>
      </c>
      <c r="H2215" t="s">
        <v>719</v>
      </c>
      <c r="I2215">
        <v>7630</v>
      </c>
      <c r="J2215" t="s">
        <v>699</v>
      </c>
      <c r="K2215">
        <v>10</v>
      </c>
      <c r="L2215" t="s">
        <v>1096</v>
      </c>
      <c r="M2215">
        <v>341</v>
      </c>
      <c r="N2215" t="s">
        <v>654</v>
      </c>
      <c r="O2215">
        <v>3</v>
      </c>
      <c r="P2215" t="s">
        <v>655</v>
      </c>
      <c r="Q2215">
        <v>1</v>
      </c>
      <c r="R2215" t="s">
        <v>669</v>
      </c>
      <c r="S2215">
        <v>1</v>
      </c>
      <c r="T2215" t="s">
        <v>1611</v>
      </c>
      <c r="U2215">
        <v>11</v>
      </c>
      <c r="V2215">
        <v>3</v>
      </c>
      <c r="W2215">
        <v>180</v>
      </c>
      <c r="X2215">
        <v>2020</v>
      </c>
    </row>
    <row r="2216" spans="1:24" x14ac:dyDescent="0.25">
      <c r="A2216">
        <v>9547</v>
      </c>
      <c r="B2216" t="s">
        <v>18</v>
      </c>
      <c r="C2216">
        <v>31</v>
      </c>
      <c r="D2216" t="s">
        <v>426</v>
      </c>
      <c r="E2216">
        <v>246</v>
      </c>
      <c r="F2216" t="s">
        <v>651</v>
      </c>
      <c r="G2216">
        <v>160</v>
      </c>
      <c r="H2216" t="s">
        <v>719</v>
      </c>
      <c r="I2216">
        <v>7630</v>
      </c>
      <c r="J2216" t="s">
        <v>699</v>
      </c>
      <c r="K2216">
        <v>10</v>
      </c>
      <c r="L2216" t="s">
        <v>1096</v>
      </c>
      <c r="M2216">
        <v>341</v>
      </c>
      <c r="N2216" t="s">
        <v>654</v>
      </c>
      <c r="O2216">
        <v>3</v>
      </c>
      <c r="P2216" t="s">
        <v>655</v>
      </c>
      <c r="Q2216">
        <v>1</v>
      </c>
      <c r="R2216" t="s">
        <v>669</v>
      </c>
      <c r="S2216">
        <v>1</v>
      </c>
      <c r="T2216" t="s">
        <v>1749</v>
      </c>
      <c r="U2216">
        <v>12</v>
      </c>
      <c r="V2216">
        <v>3</v>
      </c>
      <c r="W2216">
        <v>180</v>
      </c>
      <c r="X2216">
        <v>2020</v>
      </c>
    </row>
    <row r="2217" spans="1:24" x14ac:dyDescent="0.25">
      <c r="A2217">
        <v>9546</v>
      </c>
      <c r="B2217" t="s">
        <v>18</v>
      </c>
      <c r="C2217">
        <v>31</v>
      </c>
      <c r="D2217" t="s">
        <v>426</v>
      </c>
      <c r="E2217">
        <v>246</v>
      </c>
      <c r="F2217" t="s">
        <v>651</v>
      </c>
      <c r="G2217">
        <v>160</v>
      </c>
      <c r="H2217" t="s">
        <v>719</v>
      </c>
      <c r="I2217">
        <v>7630</v>
      </c>
      <c r="J2217" t="s">
        <v>699</v>
      </c>
      <c r="K2217">
        <v>10</v>
      </c>
      <c r="L2217" t="s">
        <v>1096</v>
      </c>
      <c r="M2217">
        <v>341</v>
      </c>
      <c r="N2217" t="s">
        <v>654</v>
      </c>
      <c r="O2217">
        <v>3</v>
      </c>
      <c r="P2217" t="s">
        <v>655</v>
      </c>
      <c r="Q2217">
        <v>1</v>
      </c>
      <c r="R2217" t="s">
        <v>669</v>
      </c>
      <c r="S2217">
        <v>1</v>
      </c>
      <c r="T2217" t="s">
        <v>1750</v>
      </c>
      <c r="U2217">
        <v>13</v>
      </c>
      <c r="V2217">
        <v>3</v>
      </c>
      <c r="W2217">
        <v>180</v>
      </c>
      <c r="X2217">
        <v>2020</v>
      </c>
    </row>
    <row r="2218" spans="1:24" x14ac:dyDescent="0.25">
      <c r="A2218">
        <v>9545</v>
      </c>
      <c r="B2218" t="s">
        <v>18</v>
      </c>
      <c r="C2218">
        <v>31</v>
      </c>
      <c r="D2218" t="s">
        <v>426</v>
      </c>
      <c r="E2218">
        <v>246</v>
      </c>
      <c r="F2218" t="s">
        <v>651</v>
      </c>
      <c r="G2218">
        <v>160</v>
      </c>
      <c r="H2218" t="s">
        <v>719</v>
      </c>
      <c r="I2218">
        <v>7630</v>
      </c>
      <c r="J2218" t="s">
        <v>699</v>
      </c>
      <c r="K2218">
        <v>10</v>
      </c>
      <c r="L2218" t="s">
        <v>1096</v>
      </c>
      <c r="M2218">
        <v>341</v>
      </c>
      <c r="N2218" t="s">
        <v>654</v>
      </c>
      <c r="O2218">
        <v>3</v>
      </c>
      <c r="P2218" t="s">
        <v>655</v>
      </c>
      <c r="Q2218">
        <v>1</v>
      </c>
      <c r="R2218" t="s">
        <v>669</v>
      </c>
      <c r="S2218">
        <v>1</v>
      </c>
      <c r="T2218" t="s">
        <v>1751</v>
      </c>
      <c r="U2218">
        <v>14</v>
      </c>
      <c r="V2218">
        <v>3</v>
      </c>
      <c r="W2218">
        <v>180</v>
      </c>
      <c r="X2218">
        <v>2020</v>
      </c>
    </row>
    <row r="2219" spans="1:24" x14ac:dyDescent="0.25">
      <c r="A2219">
        <v>9544</v>
      </c>
      <c r="B2219" t="s">
        <v>18</v>
      </c>
      <c r="C2219">
        <v>31</v>
      </c>
      <c r="D2219" t="s">
        <v>426</v>
      </c>
      <c r="E2219">
        <v>246</v>
      </c>
      <c r="F2219" t="s">
        <v>651</v>
      </c>
      <c r="G2219">
        <v>160</v>
      </c>
      <c r="H2219" t="s">
        <v>719</v>
      </c>
      <c r="I2219">
        <v>7630</v>
      </c>
      <c r="J2219" t="s">
        <v>699</v>
      </c>
      <c r="K2219">
        <v>10</v>
      </c>
      <c r="L2219" t="s">
        <v>1096</v>
      </c>
      <c r="M2219">
        <v>341</v>
      </c>
      <c r="N2219" t="s">
        <v>654</v>
      </c>
      <c r="O2219">
        <v>3</v>
      </c>
      <c r="P2219" t="s">
        <v>655</v>
      </c>
      <c r="Q2219">
        <v>1</v>
      </c>
      <c r="R2219" t="s">
        <v>669</v>
      </c>
      <c r="S2219">
        <v>1</v>
      </c>
      <c r="T2219" t="s">
        <v>1752</v>
      </c>
      <c r="U2219">
        <v>15</v>
      </c>
      <c r="V2219">
        <v>3</v>
      </c>
      <c r="W2219">
        <v>180</v>
      </c>
      <c r="X2219">
        <v>2020</v>
      </c>
    </row>
    <row r="2220" spans="1:24" x14ac:dyDescent="0.25">
      <c r="A2220">
        <v>9543</v>
      </c>
      <c r="B2220" t="s">
        <v>18</v>
      </c>
      <c r="C2220">
        <v>31</v>
      </c>
      <c r="D2220" t="s">
        <v>426</v>
      </c>
      <c r="E2220">
        <v>246</v>
      </c>
      <c r="F2220" t="s">
        <v>651</v>
      </c>
      <c r="G2220">
        <v>160</v>
      </c>
      <c r="H2220" t="s">
        <v>719</v>
      </c>
      <c r="I2220">
        <v>7630</v>
      </c>
      <c r="J2220" t="s">
        <v>699</v>
      </c>
      <c r="K2220">
        <v>10</v>
      </c>
      <c r="L2220" t="s">
        <v>1753</v>
      </c>
      <c r="M2220">
        <v>458</v>
      </c>
      <c r="N2220" t="s">
        <v>654</v>
      </c>
      <c r="O2220">
        <v>3</v>
      </c>
      <c r="P2220" t="s">
        <v>655</v>
      </c>
      <c r="Q2220">
        <v>1</v>
      </c>
      <c r="R2220" t="s">
        <v>669</v>
      </c>
      <c r="S2220">
        <v>1</v>
      </c>
      <c r="T2220" t="s">
        <v>1419</v>
      </c>
      <c r="U2220">
        <v>34</v>
      </c>
      <c r="V2220">
        <v>3</v>
      </c>
      <c r="W2220">
        <v>180</v>
      </c>
      <c r="X2220">
        <v>2020</v>
      </c>
    </row>
    <row r="2221" spans="1:24" x14ac:dyDescent="0.25">
      <c r="A2221">
        <v>9542</v>
      </c>
      <c r="B2221" t="s">
        <v>18</v>
      </c>
      <c r="C2221">
        <v>31</v>
      </c>
      <c r="D2221" t="s">
        <v>426</v>
      </c>
      <c r="E2221">
        <v>246</v>
      </c>
      <c r="F2221" t="s">
        <v>651</v>
      </c>
      <c r="G2221">
        <v>160</v>
      </c>
      <c r="H2221" t="s">
        <v>719</v>
      </c>
      <c r="I2221">
        <v>7630</v>
      </c>
      <c r="J2221" t="s">
        <v>699</v>
      </c>
      <c r="K2221">
        <v>10</v>
      </c>
      <c r="L2221" t="s">
        <v>1753</v>
      </c>
      <c r="M2221">
        <v>458</v>
      </c>
      <c r="N2221" t="s">
        <v>654</v>
      </c>
      <c r="O2221">
        <v>3</v>
      </c>
      <c r="P2221" t="s">
        <v>655</v>
      </c>
      <c r="Q2221">
        <v>1</v>
      </c>
      <c r="R2221" t="s">
        <v>669</v>
      </c>
      <c r="S2221">
        <v>1</v>
      </c>
      <c r="T2221" t="s">
        <v>1505</v>
      </c>
      <c r="U2221">
        <v>59</v>
      </c>
      <c r="V2221">
        <v>3</v>
      </c>
      <c r="W2221">
        <v>180</v>
      </c>
      <c r="X2221">
        <v>2020</v>
      </c>
    </row>
    <row r="2222" spans="1:24" x14ac:dyDescent="0.25">
      <c r="A2222">
        <v>9541</v>
      </c>
      <c r="B2222" t="s">
        <v>18</v>
      </c>
      <c r="C2222">
        <v>31</v>
      </c>
      <c r="D2222" t="s">
        <v>426</v>
      </c>
      <c r="E2222">
        <v>246</v>
      </c>
      <c r="F2222" t="s">
        <v>651</v>
      </c>
      <c r="G2222">
        <v>160</v>
      </c>
      <c r="H2222" t="s">
        <v>719</v>
      </c>
      <c r="I2222">
        <v>7630</v>
      </c>
      <c r="J2222" t="s">
        <v>699</v>
      </c>
      <c r="K2222">
        <v>10</v>
      </c>
      <c r="L2222" t="s">
        <v>1753</v>
      </c>
      <c r="M2222">
        <v>458</v>
      </c>
      <c r="N2222" t="s">
        <v>654</v>
      </c>
      <c r="O2222">
        <v>3</v>
      </c>
      <c r="P2222" t="s">
        <v>655</v>
      </c>
      <c r="Q2222">
        <v>1</v>
      </c>
      <c r="R2222" t="s">
        <v>669</v>
      </c>
      <c r="S2222">
        <v>1</v>
      </c>
      <c r="T2222" t="s">
        <v>1754</v>
      </c>
      <c r="U2222">
        <v>48</v>
      </c>
      <c r="V2222">
        <v>3</v>
      </c>
      <c r="W2222">
        <v>180</v>
      </c>
      <c r="X2222">
        <v>2020</v>
      </c>
    </row>
    <row r="2223" spans="1:24" x14ac:dyDescent="0.25">
      <c r="A2223">
        <v>9540</v>
      </c>
      <c r="B2223" t="s">
        <v>18</v>
      </c>
      <c r="C2223">
        <v>31</v>
      </c>
      <c r="D2223" t="s">
        <v>426</v>
      </c>
      <c r="E2223">
        <v>246</v>
      </c>
      <c r="F2223" t="s">
        <v>651</v>
      </c>
      <c r="G2223">
        <v>160</v>
      </c>
      <c r="H2223" t="s">
        <v>719</v>
      </c>
      <c r="I2223">
        <v>7630</v>
      </c>
      <c r="J2223" t="s">
        <v>699</v>
      </c>
      <c r="K2223">
        <v>10</v>
      </c>
      <c r="L2223" t="s">
        <v>1753</v>
      </c>
      <c r="M2223">
        <v>458</v>
      </c>
      <c r="N2223" t="s">
        <v>654</v>
      </c>
      <c r="O2223">
        <v>3</v>
      </c>
      <c r="P2223" t="s">
        <v>655</v>
      </c>
      <c r="Q2223">
        <v>1</v>
      </c>
      <c r="R2223" t="s">
        <v>669</v>
      </c>
      <c r="S2223">
        <v>1</v>
      </c>
      <c r="T2223" t="s">
        <v>1443</v>
      </c>
      <c r="U2223">
        <v>73</v>
      </c>
      <c r="V2223">
        <v>3</v>
      </c>
      <c r="W2223">
        <v>180</v>
      </c>
      <c r="X2223">
        <v>2020</v>
      </c>
    </row>
    <row r="2224" spans="1:24" x14ac:dyDescent="0.25">
      <c r="A2224">
        <v>9539</v>
      </c>
      <c r="B2224" t="s">
        <v>18</v>
      </c>
      <c r="C2224">
        <v>31</v>
      </c>
      <c r="D2224" t="s">
        <v>426</v>
      </c>
      <c r="E2224">
        <v>246</v>
      </c>
      <c r="F2224" t="s">
        <v>651</v>
      </c>
      <c r="G2224">
        <v>160</v>
      </c>
      <c r="H2224" t="s">
        <v>719</v>
      </c>
      <c r="I2224">
        <v>7630</v>
      </c>
      <c r="J2224" t="s">
        <v>699</v>
      </c>
      <c r="K2224">
        <v>10</v>
      </c>
      <c r="L2224" t="s">
        <v>1753</v>
      </c>
      <c r="M2224">
        <v>458</v>
      </c>
      <c r="N2224" t="s">
        <v>654</v>
      </c>
      <c r="O2224">
        <v>3</v>
      </c>
      <c r="P2224" t="s">
        <v>655</v>
      </c>
      <c r="Q2224">
        <v>1</v>
      </c>
      <c r="R2224" t="s">
        <v>669</v>
      </c>
      <c r="S2224">
        <v>1</v>
      </c>
      <c r="T2224" t="s">
        <v>1755</v>
      </c>
      <c r="U2224">
        <v>86</v>
      </c>
      <c r="V2224">
        <v>3</v>
      </c>
      <c r="W2224">
        <v>180</v>
      </c>
      <c r="X2224">
        <v>2020</v>
      </c>
    </row>
    <row r="2225" spans="1:24" x14ac:dyDescent="0.25">
      <c r="A2225">
        <v>9538</v>
      </c>
      <c r="B2225" t="s">
        <v>18</v>
      </c>
      <c r="C2225">
        <v>31</v>
      </c>
      <c r="D2225" t="s">
        <v>426</v>
      </c>
      <c r="E2225">
        <v>246</v>
      </c>
      <c r="F2225" t="s">
        <v>651</v>
      </c>
      <c r="G2225">
        <v>160</v>
      </c>
      <c r="H2225" t="s">
        <v>719</v>
      </c>
      <c r="I2225">
        <v>7630</v>
      </c>
      <c r="J2225" t="s">
        <v>699</v>
      </c>
      <c r="K2225">
        <v>10</v>
      </c>
      <c r="L2225" t="s">
        <v>1753</v>
      </c>
      <c r="M2225">
        <v>458</v>
      </c>
      <c r="N2225" t="s">
        <v>654</v>
      </c>
      <c r="O2225">
        <v>3</v>
      </c>
      <c r="P2225" t="s">
        <v>655</v>
      </c>
      <c r="Q2225">
        <v>1</v>
      </c>
      <c r="R2225" t="s">
        <v>669</v>
      </c>
      <c r="S2225">
        <v>1</v>
      </c>
      <c r="T2225" t="s">
        <v>1756</v>
      </c>
      <c r="U2225">
        <v>99</v>
      </c>
      <c r="V2225">
        <v>3</v>
      </c>
      <c r="W2225">
        <v>180</v>
      </c>
      <c r="X2225">
        <v>2020</v>
      </c>
    </row>
    <row r="2226" spans="1:24" x14ac:dyDescent="0.25">
      <c r="A2226">
        <v>9537</v>
      </c>
      <c r="B2226" t="s">
        <v>18</v>
      </c>
      <c r="C2226">
        <v>31</v>
      </c>
      <c r="D2226" t="s">
        <v>426</v>
      </c>
      <c r="E2226">
        <v>246</v>
      </c>
      <c r="F2226" t="s">
        <v>651</v>
      </c>
      <c r="G2226">
        <v>160</v>
      </c>
      <c r="H2226" t="s">
        <v>719</v>
      </c>
      <c r="I2226">
        <v>7630</v>
      </c>
      <c r="J2226" t="s">
        <v>699</v>
      </c>
      <c r="K2226">
        <v>10</v>
      </c>
      <c r="L2226" t="s">
        <v>1757</v>
      </c>
      <c r="M2226">
        <v>349</v>
      </c>
      <c r="N2226" t="s">
        <v>654</v>
      </c>
      <c r="O2226">
        <v>3</v>
      </c>
      <c r="P2226" t="s">
        <v>655</v>
      </c>
      <c r="Q2226">
        <v>1</v>
      </c>
      <c r="R2226" t="s">
        <v>669</v>
      </c>
      <c r="S2226">
        <v>1</v>
      </c>
      <c r="T2226" t="s">
        <v>1295</v>
      </c>
      <c r="U2226">
        <v>10</v>
      </c>
      <c r="V2226">
        <v>3</v>
      </c>
      <c r="W2226">
        <v>180</v>
      </c>
      <c r="X2226">
        <v>2020</v>
      </c>
    </row>
    <row r="2227" spans="1:24" x14ac:dyDescent="0.25">
      <c r="A2227">
        <v>9536</v>
      </c>
      <c r="B2227" t="s">
        <v>18</v>
      </c>
      <c r="C2227">
        <v>31</v>
      </c>
      <c r="D2227" t="s">
        <v>426</v>
      </c>
      <c r="E2227">
        <v>246</v>
      </c>
      <c r="F2227" t="s">
        <v>651</v>
      </c>
      <c r="G2227">
        <v>160</v>
      </c>
      <c r="H2227" t="s">
        <v>719</v>
      </c>
      <c r="I2227">
        <v>7630</v>
      </c>
      <c r="J2227" t="s">
        <v>699</v>
      </c>
      <c r="K2227">
        <v>10</v>
      </c>
      <c r="L2227" t="s">
        <v>1757</v>
      </c>
      <c r="M2227">
        <v>349</v>
      </c>
      <c r="N2227" t="s">
        <v>654</v>
      </c>
      <c r="O2227">
        <v>3</v>
      </c>
      <c r="P2227" t="s">
        <v>655</v>
      </c>
      <c r="Q2227">
        <v>1</v>
      </c>
      <c r="R2227" t="s">
        <v>669</v>
      </c>
      <c r="S2227">
        <v>1</v>
      </c>
      <c r="T2227" t="s">
        <v>1611</v>
      </c>
      <c r="U2227">
        <v>11</v>
      </c>
      <c r="V2227">
        <v>3</v>
      </c>
      <c r="W2227">
        <v>180</v>
      </c>
      <c r="X2227">
        <v>2020</v>
      </c>
    </row>
    <row r="2228" spans="1:24" x14ac:dyDescent="0.25">
      <c r="A2228">
        <v>9535</v>
      </c>
      <c r="B2228" t="s">
        <v>18</v>
      </c>
      <c r="C2228">
        <v>31</v>
      </c>
      <c r="D2228" t="s">
        <v>426</v>
      </c>
      <c r="E2228">
        <v>246</v>
      </c>
      <c r="F2228" t="s">
        <v>651</v>
      </c>
      <c r="G2228">
        <v>160</v>
      </c>
      <c r="H2228" t="s">
        <v>719</v>
      </c>
      <c r="I2228">
        <v>7630</v>
      </c>
      <c r="J2228" t="s">
        <v>699</v>
      </c>
      <c r="K2228">
        <v>10</v>
      </c>
      <c r="L2228" t="s">
        <v>1757</v>
      </c>
      <c r="M2228">
        <v>349</v>
      </c>
      <c r="N2228" t="s">
        <v>654</v>
      </c>
      <c r="O2228">
        <v>3</v>
      </c>
      <c r="P2228" t="s">
        <v>655</v>
      </c>
      <c r="Q2228">
        <v>1</v>
      </c>
      <c r="R2228" t="s">
        <v>669</v>
      </c>
      <c r="S2228">
        <v>1</v>
      </c>
      <c r="T2228" t="s">
        <v>1749</v>
      </c>
      <c r="U2228">
        <v>12</v>
      </c>
      <c r="V2228">
        <v>3</v>
      </c>
      <c r="W2228">
        <v>180</v>
      </c>
      <c r="X2228">
        <v>2020</v>
      </c>
    </row>
    <row r="2229" spans="1:24" x14ac:dyDescent="0.25">
      <c r="A2229">
        <v>9534</v>
      </c>
      <c r="B2229" t="s">
        <v>18</v>
      </c>
      <c r="C2229">
        <v>31</v>
      </c>
      <c r="D2229" t="s">
        <v>426</v>
      </c>
      <c r="E2229">
        <v>246</v>
      </c>
      <c r="F2229" t="s">
        <v>651</v>
      </c>
      <c r="G2229">
        <v>160</v>
      </c>
      <c r="H2229" t="s">
        <v>719</v>
      </c>
      <c r="I2229">
        <v>7630</v>
      </c>
      <c r="J2229" t="s">
        <v>699</v>
      </c>
      <c r="K2229">
        <v>10</v>
      </c>
      <c r="L2229" t="s">
        <v>1757</v>
      </c>
      <c r="M2229">
        <v>349</v>
      </c>
      <c r="N2229" t="s">
        <v>654</v>
      </c>
      <c r="O2229">
        <v>3</v>
      </c>
      <c r="P2229" t="s">
        <v>655</v>
      </c>
      <c r="Q2229">
        <v>1</v>
      </c>
      <c r="R2229" t="s">
        <v>669</v>
      </c>
      <c r="S2229">
        <v>1</v>
      </c>
      <c r="T2229" t="s">
        <v>1750</v>
      </c>
      <c r="U2229">
        <v>13</v>
      </c>
      <c r="V2229">
        <v>3</v>
      </c>
      <c r="W2229">
        <v>180</v>
      </c>
      <c r="X2229">
        <v>2020</v>
      </c>
    </row>
    <row r="2230" spans="1:24" x14ac:dyDescent="0.25">
      <c r="A2230">
        <v>9533</v>
      </c>
      <c r="B2230" t="s">
        <v>18</v>
      </c>
      <c r="C2230">
        <v>31</v>
      </c>
      <c r="D2230" t="s">
        <v>426</v>
      </c>
      <c r="E2230">
        <v>246</v>
      </c>
      <c r="F2230" t="s">
        <v>651</v>
      </c>
      <c r="G2230">
        <v>160</v>
      </c>
      <c r="H2230" t="s">
        <v>719</v>
      </c>
      <c r="I2230">
        <v>7630</v>
      </c>
      <c r="J2230" t="s">
        <v>699</v>
      </c>
      <c r="K2230">
        <v>10</v>
      </c>
      <c r="L2230" t="s">
        <v>1757</v>
      </c>
      <c r="M2230">
        <v>349</v>
      </c>
      <c r="N2230" t="s">
        <v>654</v>
      </c>
      <c r="O2230">
        <v>3</v>
      </c>
      <c r="P2230" t="s">
        <v>655</v>
      </c>
      <c r="Q2230">
        <v>1</v>
      </c>
      <c r="R2230" t="s">
        <v>669</v>
      </c>
      <c r="S2230">
        <v>1</v>
      </c>
      <c r="T2230" t="s">
        <v>1751</v>
      </c>
      <c r="U2230">
        <v>14</v>
      </c>
      <c r="V2230">
        <v>3</v>
      </c>
      <c r="W2230">
        <v>180</v>
      </c>
      <c r="X2230">
        <v>2020</v>
      </c>
    </row>
    <row r="2231" spans="1:24" x14ac:dyDescent="0.25">
      <c r="A2231">
        <v>9532</v>
      </c>
      <c r="B2231" t="s">
        <v>18</v>
      </c>
      <c r="C2231">
        <v>31</v>
      </c>
      <c r="D2231" t="s">
        <v>426</v>
      </c>
      <c r="E2231">
        <v>246</v>
      </c>
      <c r="F2231" t="s">
        <v>651</v>
      </c>
      <c r="G2231">
        <v>160</v>
      </c>
      <c r="H2231" t="s">
        <v>719</v>
      </c>
      <c r="I2231">
        <v>7630</v>
      </c>
      <c r="J2231" t="s">
        <v>699</v>
      </c>
      <c r="K2231">
        <v>10</v>
      </c>
      <c r="L2231" t="s">
        <v>1757</v>
      </c>
      <c r="M2231">
        <v>349</v>
      </c>
      <c r="N2231" t="s">
        <v>654</v>
      </c>
      <c r="O2231">
        <v>3</v>
      </c>
      <c r="P2231" t="s">
        <v>655</v>
      </c>
      <c r="Q2231">
        <v>1</v>
      </c>
      <c r="R2231" t="s">
        <v>669</v>
      </c>
      <c r="S2231">
        <v>1</v>
      </c>
      <c r="T2231" t="s">
        <v>1752</v>
      </c>
      <c r="U2231">
        <v>15</v>
      </c>
      <c r="V2231">
        <v>3</v>
      </c>
      <c r="W2231">
        <v>180</v>
      </c>
      <c r="X2231">
        <v>2020</v>
      </c>
    </row>
    <row r="2232" spans="1:24" x14ac:dyDescent="0.25">
      <c r="A2232">
        <v>9523</v>
      </c>
      <c r="B2232" t="s">
        <v>16</v>
      </c>
      <c r="C2232">
        <v>5</v>
      </c>
      <c r="D2232" t="s">
        <v>439</v>
      </c>
      <c r="E2232">
        <v>47</v>
      </c>
      <c r="F2232" t="s">
        <v>651</v>
      </c>
      <c r="G2232">
        <v>160</v>
      </c>
      <c r="H2232" t="s">
        <v>658</v>
      </c>
      <c r="I2232">
        <v>13755</v>
      </c>
      <c r="J2232" t="s">
        <v>699</v>
      </c>
      <c r="K2232">
        <v>10</v>
      </c>
      <c r="L2232" t="s">
        <v>700</v>
      </c>
      <c r="M2232">
        <v>348</v>
      </c>
      <c r="N2232" t="s">
        <v>654</v>
      </c>
      <c r="O2232">
        <v>3</v>
      </c>
      <c r="P2232" t="s">
        <v>655</v>
      </c>
      <c r="Q2232">
        <v>1</v>
      </c>
      <c r="R2232" t="s">
        <v>669</v>
      </c>
      <c r="S2232">
        <v>1</v>
      </c>
      <c r="T2232" t="s">
        <v>1758</v>
      </c>
      <c r="U2232">
        <v>386</v>
      </c>
      <c r="V2232">
        <v>3</v>
      </c>
      <c r="W2232">
        <v>180</v>
      </c>
      <c r="X2232">
        <v>2020</v>
      </c>
    </row>
    <row r="2233" spans="1:24" x14ac:dyDescent="0.25">
      <c r="A2233">
        <v>9522</v>
      </c>
      <c r="B2233" t="s">
        <v>16</v>
      </c>
      <c r="C2233">
        <v>5</v>
      </c>
      <c r="D2233" t="s">
        <v>439</v>
      </c>
      <c r="E2233">
        <v>47</v>
      </c>
      <c r="F2233" t="s">
        <v>651</v>
      </c>
      <c r="G2233">
        <v>160</v>
      </c>
      <c r="H2233" t="s">
        <v>658</v>
      </c>
      <c r="I2233">
        <v>13755</v>
      </c>
      <c r="J2233" t="s">
        <v>699</v>
      </c>
      <c r="K2233">
        <v>10</v>
      </c>
      <c r="L2233" t="s">
        <v>700</v>
      </c>
      <c r="M2233">
        <v>348</v>
      </c>
      <c r="N2233" t="s">
        <v>654</v>
      </c>
      <c r="O2233">
        <v>3</v>
      </c>
      <c r="P2233" t="s">
        <v>655</v>
      </c>
      <c r="Q2233">
        <v>1</v>
      </c>
      <c r="R2233" t="s">
        <v>669</v>
      </c>
      <c r="S2233">
        <v>1</v>
      </c>
      <c r="T2233" t="s">
        <v>1759</v>
      </c>
      <c r="U2233">
        <v>196</v>
      </c>
      <c r="V2233">
        <v>3</v>
      </c>
      <c r="W2233">
        <v>180</v>
      </c>
      <c r="X2233">
        <v>2020</v>
      </c>
    </row>
    <row r="2234" spans="1:24" x14ac:dyDescent="0.25">
      <c r="A2234">
        <v>9521</v>
      </c>
      <c r="B2234" t="s">
        <v>16</v>
      </c>
      <c r="C2234">
        <v>5</v>
      </c>
      <c r="D2234" t="s">
        <v>439</v>
      </c>
      <c r="E2234">
        <v>47</v>
      </c>
      <c r="F2234" t="s">
        <v>651</v>
      </c>
      <c r="G2234">
        <v>160</v>
      </c>
      <c r="H2234" t="s">
        <v>658</v>
      </c>
      <c r="I2234">
        <v>13755</v>
      </c>
      <c r="J2234" t="s">
        <v>699</v>
      </c>
      <c r="K2234">
        <v>10</v>
      </c>
      <c r="L2234" t="s">
        <v>700</v>
      </c>
      <c r="M2234">
        <v>348</v>
      </c>
      <c r="N2234" t="s">
        <v>654</v>
      </c>
      <c r="O2234">
        <v>3</v>
      </c>
      <c r="P2234" t="s">
        <v>655</v>
      </c>
      <c r="Q2234">
        <v>1</v>
      </c>
      <c r="R2234" t="s">
        <v>669</v>
      </c>
      <c r="S2234">
        <v>1</v>
      </c>
      <c r="T2234" t="s">
        <v>1760</v>
      </c>
      <c r="U2234">
        <v>385</v>
      </c>
      <c r="V2234">
        <v>3</v>
      </c>
      <c r="W2234">
        <v>180</v>
      </c>
      <c r="X2234">
        <v>2020</v>
      </c>
    </row>
    <row r="2235" spans="1:24" x14ac:dyDescent="0.25">
      <c r="A2235">
        <v>9520</v>
      </c>
      <c r="B2235" t="s">
        <v>16</v>
      </c>
      <c r="C2235">
        <v>5</v>
      </c>
      <c r="D2235" t="s">
        <v>439</v>
      </c>
      <c r="E2235">
        <v>47</v>
      </c>
      <c r="F2235" t="s">
        <v>651</v>
      </c>
      <c r="G2235">
        <v>160</v>
      </c>
      <c r="H2235" t="s">
        <v>658</v>
      </c>
      <c r="I2235">
        <v>13755</v>
      </c>
      <c r="J2235" t="s">
        <v>699</v>
      </c>
      <c r="K2235">
        <v>10</v>
      </c>
      <c r="L2235" t="s">
        <v>700</v>
      </c>
      <c r="M2235">
        <v>348</v>
      </c>
      <c r="N2235" t="s">
        <v>654</v>
      </c>
      <c r="O2235">
        <v>3</v>
      </c>
      <c r="P2235" t="s">
        <v>655</v>
      </c>
      <c r="Q2235">
        <v>1</v>
      </c>
      <c r="R2235" t="s">
        <v>669</v>
      </c>
      <c r="S2235">
        <v>1</v>
      </c>
      <c r="T2235" t="s">
        <v>1411</v>
      </c>
      <c r="U2235">
        <v>195</v>
      </c>
      <c r="V2235">
        <v>3</v>
      </c>
      <c r="W2235">
        <v>180</v>
      </c>
      <c r="X2235">
        <v>2020</v>
      </c>
    </row>
    <row r="2236" spans="1:24" x14ac:dyDescent="0.25">
      <c r="A2236">
        <v>9519</v>
      </c>
      <c r="B2236" t="s">
        <v>16</v>
      </c>
      <c r="C2236">
        <v>5</v>
      </c>
      <c r="D2236" t="s">
        <v>439</v>
      </c>
      <c r="E2236">
        <v>47</v>
      </c>
      <c r="F2236" t="s">
        <v>651</v>
      </c>
      <c r="G2236">
        <v>160</v>
      </c>
      <c r="H2236" t="s">
        <v>658</v>
      </c>
      <c r="I2236">
        <v>13755</v>
      </c>
      <c r="J2236" t="s">
        <v>699</v>
      </c>
      <c r="K2236">
        <v>10</v>
      </c>
      <c r="L2236" t="s">
        <v>700</v>
      </c>
      <c r="M2236">
        <v>348</v>
      </c>
      <c r="N2236" t="s">
        <v>654</v>
      </c>
      <c r="O2236">
        <v>3</v>
      </c>
      <c r="P2236" t="s">
        <v>655</v>
      </c>
      <c r="Q2236">
        <v>1</v>
      </c>
      <c r="R2236" t="s">
        <v>669</v>
      </c>
      <c r="S2236">
        <v>1</v>
      </c>
      <c r="T2236" t="s">
        <v>1761</v>
      </c>
      <c r="U2236">
        <v>197</v>
      </c>
      <c r="V2236">
        <v>3</v>
      </c>
      <c r="W2236">
        <v>180</v>
      </c>
      <c r="X2236">
        <v>2020</v>
      </c>
    </row>
    <row r="2237" spans="1:24" x14ac:dyDescent="0.25">
      <c r="A2237">
        <v>9518</v>
      </c>
      <c r="B2237" t="s">
        <v>16</v>
      </c>
      <c r="C2237">
        <v>5</v>
      </c>
      <c r="D2237" t="s">
        <v>439</v>
      </c>
      <c r="E2237">
        <v>47</v>
      </c>
      <c r="F2237" t="s">
        <v>651</v>
      </c>
      <c r="G2237">
        <v>160</v>
      </c>
      <c r="H2237" t="s">
        <v>658</v>
      </c>
      <c r="I2237">
        <v>13755</v>
      </c>
      <c r="J2237" t="s">
        <v>699</v>
      </c>
      <c r="K2237">
        <v>10</v>
      </c>
      <c r="L2237" t="s">
        <v>700</v>
      </c>
      <c r="M2237">
        <v>348</v>
      </c>
      <c r="N2237" t="s">
        <v>654</v>
      </c>
      <c r="O2237">
        <v>3</v>
      </c>
      <c r="P2237" t="s">
        <v>655</v>
      </c>
      <c r="Q2237">
        <v>1</v>
      </c>
      <c r="R2237" t="s">
        <v>669</v>
      </c>
      <c r="S2237">
        <v>1</v>
      </c>
      <c r="T2237" t="s">
        <v>1762</v>
      </c>
      <c r="U2237">
        <v>384</v>
      </c>
      <c r="V2237">
        <v>3</v>
      </c>
      <c r="W2237">
        <v>180</v>
      </c>
      <c r="X2237">
        <v>2020</v>
      </c>
    </row>
    <row r="2238" spans="1:24" x14ac:dyDescent="0.25">
      <c r="A2238">
        <v>9517</v>
      </c>
      <c r="B2238" t="s">
        <v>16</v>
      </c>
      <c r="C2238">
        <v>5</v>
      </c>
      <c r="D2238" t="s">
        <v>439</v>
      </c>
      <c r="E2238">
        <v>47</v>
      </c>
      <c r="F2238" t="s">
        <v>651</v>
      </c>
      <c r="G2238">
        <v>160</v>
      </c>
      <c r="H2238" t="s">
        <v>658</v>
      </c>
      <c r="I2238">
        <v>13755</v>
      </c>
      <c r="J2238" t="s">
        <v>699</v>
      </c>
      <c r="K2238">
        <v>10</v>
      </c>
      <c r="L2238" t="s">
        <v>700</v>
      </c>
      <c r="M2238">
        <v>348</v>
      </c>
      <c r="N2238" t="s">
        <v>654</v>
      </c>
      <c r="O2238">
        <v>3</v>
      </c>
      <c r="P2238" t="s">
        <v>655</v>
      </c>
      <c r="Q2238">
        <v>1</v>
      </c>
      <c r="R2238" t="s">
        <v>669</v>
      </c>
      <c r="S2238">
        <v>1</v>
      </c>
      <c r="T2238" t="s">
        <v>1763</v>
      </c>
      <c r="U2238">
        <v>383</v>
      </c>
      <c r="V2238">
        <v>3</v>
      </c>
      <c r="W2238">
        <v>180</v>
      </c>
      <c r="X2238">
        <v>2020</v>
      </c>
    </row>
    <row r="2239" spans="1:24" x14ac:dyDescent="0.25">
      <c r="A2239">
        <v>9516</v>
      </c>
      <c r="B2239" t="s">
        <v>16</v>
      </c>
      <c r="C2239">
        <v>5</v>
      </c>
      <c r="D2239" t="s">
        <v>439</v>
      </c>
      <c r="E2239">
        <v>47</v>
      </c>
      <c r="F2239" t="s">
        <v>651</v>
      </c>
      <c r="G2239">
        <v>160</v>
      </c>
      <c r="H2239" t="s">
        <v>658</v>
      </c>
      <c r="I2239">
        <v>13755</v>
      </c>
      <c r="J2239" t="s">
        <v>699</v>
      </c>
      <c r="K2239">
        <v>10</v>
      </c>
      <c r="L2239" t="s">
        <v>700</v>
      </c>
      <c r="M2239">
        <v>348</v>
      </c>
      <c r="N2239" t="s">
        <v>654</v>
      </c>
      <c r="O2239">
        <v>3</v>
      </c>
      <c r="P2239" t="s">
        <v>655</v>
      </c>
      <c r="Q2239">
        <v>1</v>
      </c>
      <c r="R2239" t="s">
        <v>669</v>
      </c>
      <c r="S2239">
        <v>1</v>
      </c>
      <c r="T2239" t="s">
        <v>1764</v>
      </c>
      <c r="U2239">
        <v>382</v>
      </c>
      <c r="V2239">
        <v>3</v>
      </c>
      <c r="W2239">
        <v>180</v>
      </c>
      <c r="X2239">
        <v>2020</v>
      </c>
    </row>
    <row r="2240" spans="1:24" x14ac:dyDescent="0.25">
      <c r="A2240">
        <v>9515</v>
      </c>
      <c r="B2240" t="s">
        <v>16</v>
      </c>
      <c r="C2240">
        <v>5</v>
      </c>
      <c r="D2240" t="s">
        <v>439</v>
      </c>
      <c r="E2240">
        <v>47</v>
      </c>
      <c r="F2240" t="s">
        <v>651</v>
      </c>
      <c r="G2240">
        <v>160</v>
      </c>
      <c r="H2240" t="s">
        <v>658</v>
      </c>
      <c r="I2240">
        <v>13755</v>
      </c>
      <c r="J2240" t="s">
        <v>699</v>
      </c>
      <c r="K2240">
        <v>10</v>
      </c>
      <c r="L2240" t="s">
        <v>700</v>
      </c>
      <c r="M2240">
        <v>348</v>
      </c>
      <c r="N2240" t="s">
        <v>654</v>
      </c>
      <c r="O2240">
        <v>3</v>
      </c>
      <c r="P2240" t="s">
        <v>655</v>
      </c>
      <c r="Q2240">
        <v>1</v>
      </c>
      <c r="R2240" t="s">
        <v>669</v>
      </c>
      <c r="S2240">
        <v>1</v>
      </c>
      <c r="T2240" t="s">
        <v>1765</v>
      </c>
      <c r="U2240">
        <v>381</v>
      </c>
      <c r="V2240">
        <v>3</v>
      </c>
      <c r="W2240">
        <v>180</v>
      </c>
      <c r="X2240">
        <v>2020</v>
      </c>
    </row>
    <row r="2241" spans="1:24" x14ac:dyDescent="0.25">
      <c r="A2241">
        <v>9514</v>
      </c>
      <c r="B2241" t="s">
        <v>16</v>
      </c>
      <c r="C2241">
        <v>5</v>
      </c>
      <c r="D2241" t="s">
        <v>439</v>
      </c>
      <c r="E2241">
        <v>47</v>
      </c>
      <c r="F2241" t="s">
        <v>651</v>
      </c>
      <c r="G2241">
        <v>160</v>
      </c>
      <c r="H2241" t="s">
        <v>658</v>
      </c>
      <c r="I2241">
        <v>13755</v>
      </c>
      <c r="J2241" t="s">
        <v>699</v>
      </c>
      <c r="K2241">
        <v>10</v>
      </c>
      <c r="L2241" t="s">
        <v>700</v>
      </c>
      <c r="M2241">
        <v>348</v>
      </c>
      <c r="N2241" t="s">
        <v>654</v>
      </c>
      <c r="O2241">
        <v>3</v>
      </c>
      <c r="P2241" t="s">
        <v>655</v>
      </c>
      <c r="Q2241">
        <v>1</v>
      </c>
      <c r="R2241" t="s">
        <v>669</v>
      </c>
      <c r="S2241">
        <v>1</v>
      </c>
      <c r="T2241" t="s">
        <v>1766</v>
      </c>
      <c r="U2241">
        <v>380</v>
      </c>
      <c r="V2241">
        <v>3</v>
      </c>
      <c r="W2241">
        <v>180</v>
      </c>
      <c r="X2241">
        <v>2020</v>
      </c>
    </row>
    <row r="2242" spans="1:24" x14ac:dyDescent="0.25">
      <c r="A2242">
        <v>9513</v>
      </c>
      <c r="B2242" t="s">
        <v>16</v>
      </c>
      <c r="C2242">
        <v>5</v>
      </c>
      <c r="D2242" t="s">
        <v>439</v>
      </c>
      <c r="E2242">
        <v>47</v>
      </c>
      <c r="F2242" t="s">
        <v>651</v>
      </c>
      <c r="G2242">
        <v>160</v>
      </c>
      <c r="H2242" t="s">
        <v>658</v>
      </c>
      <c r="I2242">
        <v>13755</v>
      </c>
      <c r="J2242" t="s">
        <v>699</v>
      </c>
      <c r="K2242">
        <v>10</v>
      </c>
      <c r="L2242" t="s">
        <v>1241</v>
      </c>
      <c r="M2242">
        <v>346</v>
      </c>
      <c r="N2242" t="s">
        <v>654</v>
      </c>
      <c r="O2242">
        <v>3</v>
      </c>
      <c r="P2242" t="s">
        <v>655</v>
      </c>
      <c r="Q2242">
        <v>1</v>
      </c>
      <c r="R2242" t="s">
        <v>669</v>
      </c>
      <c r="S2242">
        <v>1</v>
      </c>
      <c r="T2242" t="s">
        <v>1767</v>
      </c>
      <c r="U2242">
        <v>105</v>
      </c>
      <c r="V2242">
        <v>3</v>
      </c>
      <c r="W2242">
        <v>180</v>
      </c>
      <c r="X2242">
        <v>2020</v>
      </c>
    </row>
    <row r="2243" spans="1:24" x14ac:dyDescent="0.25">
      <c r="A2243">
        <v>9512</v>
      </c>
      <c r="B2243" t="s">
        <v>16</v>
      </c>
      <c r="C2243">
        <v>5</v>
      </c>
      <c r="D2243" t="s">
        <v>439</v>
      </c>
      <c r="E2243">
        <v>47</v>
      </c>
      <c r="F2243" t="s">
        <v>651</v>
      </c>
      <c r="G2243">
        <v>160</v>
      </c>
      <c r="H2243" t="s">
        <v>658</v>
      </c>
      <c r="I2243">
        <v>13755</v>
      </c>
      <c r="J2243" t="s">
        <v>699</v>
      </c>
      <c r="K2243">
        <v>10</v>
      </c>
      <c r="L2243" t="s">
        <v>1241</v>
      </c>
      <c r="M2243">
        <v>346</v>
      </c>
      <c r="N2243" t="s">
        <v>654</v>
      </c>
      <c r="O2243">
        <v>3</v>
      </c>
      <c r="P2243" t="s">
        <v>655</v>
      </c>
      <c r="Q2243">
        <v>1</v>
      </c>
      <c r="R2243" t="s">
        <v>669</v>
      </c>
      <c r="S2243">
        <v>1</v>
      </c>
      <c r="T2243" t="s">
        <v>1419</v>
      </c>
      <c r="U2243">
        <v>34</v>
      </c>
      <c r="V2243">
        <v>3</v>
      </c>
      <c r="W2243">
        <v>180</v>
      </c>
      <c r="X2243">
        <v>2020</v>
      </c>
    </row>
    <row r="2244" spans="1:24" x14ac:dyDescent="0.25">
      <c r="A2244">
        <v>9511</v>
      </c>
      <c r="B2244" t="s">
        <v>16</v>
      </c>
      <c r="C2244">
        <v>5</v>
      </c>
      <c r="D2244" t="s">
        <v>439</v>
      </c>
      <c r="E2244">
        <v>47</v>
      </c>
      <c r="F2244" t="s">
        <v>651</v>
      </c>
      <c r="G2244">
        <v>160</v>
      </c>
      <c r="H2244" t="s">
        <v>658</v>
      </c>
      <c r="I2244">
        <v>13755</v>
      </c>
      <c r="J2244" t="s">
        <v>699</v>
      </c>
      <c r="K2244">
        <v>10</v>
      </c>
      <c r="L2244" t="s">
        <v>1241</v>
      </c>
      <c r="M2244">
        <v>346</v>
      </c>
      <c r="N2244" t="s">
        <v>654</v>
      </c>
      <c r="O2244">
        <v>3</v>
      </c>
      <c r="P2244" t="s">
        <v>655</v>
      </c>
      <c r="Q2244">
        <v>1</v>
      </c>
      <c r="R2244" t="s">
        <v>669</v>
      </c>
      <c r="S2244">
        <v>1</v>
      </c>
      <c r="T2244" t="s">
        <v>1754</v>
      </c>
      <c r="U2244">
        <v>48</v>
      </c>
      <c r="V2244">
        <v>3</v>
      </c>
      <c r="W2244">
        <v>180</v>
      </c>
      <c r="X2244">
        <v>2020</v>
      </c>
    </row>
    <row r="2245" spans="1:24" x14ac:dyDescent="0.25">
      <c r="A2245">
        <v>9510</v>
      </c>
      <c r="B2245" t="s">
        <v>16</v>
      </c>
      <c r="C2245">
        <v>5</v>
      </c>
      <c r="D2245" t="s">
        <v>439</v>
      </c>
      <c r="E2245">
        <v>47</v>
      </c>
      <c r="F2245" t="s">
        <v>651</v>
      </c>
      <c r="G2245">
        <v>160</v>
      </c>
      <c r="H2245" t="s">
        <v>658</v>
      </c>
      <c r="I2245">
        <v>13755</v>
      </c>
      <c r="J2245" t="s">
        <v>699</v>
      </c>
      <c r="K2245">
        <v>10</v>
      </c>
      <c r="L2245" t="s">
        <v>1241</v>
      </c>
      <c r="M2245">
        <v>346</v>
      </c>
      <c r="N2245" t="s">
        <v>654</v>
      </c>
      <c r="O2245">
        <v>3</v>
      </c>
      <c r="P2245" t="s">
        <v>655</v>
      </c>
      <c r="Q2245">
        <v>1</v>
      </c>
      <c r="R2245" t="s">
        <v>669</v>
      </c>
      <c r="S2245">
        <v>1</v>
      </c>
      <c r="T2245" t="s">
        <v>1756</v>
      </c>
      <c r="U2245">
        <v>99</v>
      </c>
      <c r="V2245">
        <v>3</v>
      </c>
      <c r="W2245">
        <v>180</v>
      </c>
      <c r="X2245">
        <v>2020</v>
      </c>
    </row>
    <row r="2246" spans="1:24" x14ac:dyDescent="0.25">
      <c r="A2246">
        <v>9509</v>
      </c>
      <c r="B2246" t="s">
        <v>16</v>
      </c>
      <c r="C2246">
        <v>5</v>
      </c>
      <c r="D2246" t="s">
        <v>439</v>
      </c>
      <c r="E2246">
        <v>47</v>
      </c>
      <c r="F2246" t="s">
        <v>651</v>
      </c>
      <c r="G2246">
        <v>160</v>
      </c>
      <c r="H2246" t="s">
        <v>658</v>
      </c>
      <c r="I2246">
        <v>13755</v>
      </c>
      <c r="J2246" t="s">
        <v>699</v>
      </c>
      <c r="K2246">
        <v>10</v>
      </c>
      <c r="L2246" t="s">
        <v>1241</v>
      </c>
      <c r="M2246">
        <v>346</v>
      </c>
      <c r="N2246" t="s">
        <v>654</v>
      </c>
      <c r="O2246">
        <v>3</v>
      </c>
      <c r="P2246" t="s">
        <v>655</v>
      </c>
      <c r="Q2246">
        <v>1</v>
      </c>
      <c r="R2246" t="s">
        <v>669</v>
      </c>
      <c r="S2246">
        <v>1</v>
      </c>
      <c r="T2246" t="s">
        <v>1755</v>
      </c>
      <c r="U2246">
        <v>86</v>
      </c>
      <c r="V2246">
        <v>3</v>
      </c>
      <c r="W2246">
        <v>180</v>
      </c>
      <c r="X2246">
        <v>2020</v>
      </c>
    </row>
    <row r="2247" spans="1:24" x14ac:dyDescent="0.25">
      <c r="A2247">
        <v>9508</v>
      </c>
      <c r="B2247" t="s">
        <v>16</v>
      </c>
      <c r="C2247">
        <v>5</v>
      </c>
      <c r="D2247" t="s">
        <v>439</v>
      </c>
      <c r="E2247">
        <v>47</v>
      </c>
      <c r="F2247" t="s">
        <v>651</v>
      </c>
      <c r="G2247">
        <v>160</v>
      </c>
      <c r="H2247" t="s">
        <v>658</v>
      </c>
      <c r="I2247">
        <v>13755</v>
      </c>
      <c r="J2247" t="s">
        <v>699</v>
      </c>
      <c r="K2247">
        <v>10</v>
      </c>
      <c r="L2247" t="s">
        <v>1241</v>
      </c>
      <c r="M2247">
        <v>346</v>
      </c>
      <c r="N2247" t="s">
        <v>654</v>
      </c>
      <c r="O2247">
        <v>3</v>
      </c>
      <c r="P2247" t="s">
        <v>655</v>
      </c>
      <c r="Q2247">
        <v>1</v>
      </c>
      <c r="R2247" t="s">
        <v>669</v>
      </c>
      <c r="S2247">
        <v>1</v>
      </c>
      <c r="T2247" t="s">
        <v>1768</v>
      </c>
      <c r="U2247">
        <v>379</v>
      </c>
      <c r="V2247">
        <v>3</v>
      </c>
      <c r="W2247">
        <v>180</v>
      </c>
      <c r="X2247">
        <v>2020</v>
      </c>
    </row>
    <row r="2248" spans="1:24" x14ac:dyDescent="0.25">
      <c r="A2248">
        <v>9507</v>
      </c>
      <c r="B2248" t="s">
        <v>16</v>
      </c>
      <c r="C2248">
        <v>5</v>
      </c>
      <c r="D2248" t="s">
        <v>439</v>
      </c>
      <c r="E2248">
        <v>47</v>
      </c>
      <c r="F2248" t="s">
        <v>651</v>
      </c>
      <c r="G2248">
        <v>160</v>
      </c>
      <c r="H2248" t="s">
        <v>658</v>
      </c>
      <c r="I2248">
        <v>13755</v>
      </c>
      <c r="J2248" t="s">
        <v>699</v>
      </c>
      <c r="K2248">
        <v>10</v>
      </c>
      <c r="L2248" t="s">
        <v>1241</v>
      </c>
      <c r="M2248">
        <v>346</v>
      </c>
      <c r="N2248" t="s">
        <v>654</v>
      </c>
      <c r="O2248">
        <v>3</v>
      </c>
      <c r="P2248" t="s">
        <v>655</v>
      </c>
      <c r="Q2248">
        <v>1</v>
      </c>
      <c r="R2248" t="s">
        <v>669</v>
      </c>
      <c r="S2248">
        <v>1</v>
      </c>
      <c r="T2248" t="s">
        <v>1769</v>
      </c>
      <c r="U2248">
        <v>378</v>
      </c>
      <c r="V2248">
        <v>3</v>
      </c>
      <c r="W2248">
        <v>180</v>
      </c>
      <c r="X2248">
        <v>2020</v>
      </c>
    </row>
    <row r="2249" spans="1:24" x14ac:dyDescent="0.25">
      <c r="A2249">
        <v>9506</v>
      </c>
      <c r="B2249" t="s">
        <v>16</v>
      </c>
      <c r="C2249">
        <v>5</v>
      </c>
      <c r="D2249" t="s">
        <v>439</v>
      </c>
      <c r="E2249">
        <v>47</v>
      </c>
      <c r="F2249" t="s">
        <v>651</v>
      </c>
      <c r="G2249">
        <v>160</v>
      </c>
      <c r="H2249" t="s">
        <v>658</v>
      </c>
      <c r="I2249">
        <v>13755</v>
      </c>
      <c r="J2249" t="s">
        <v>699</v>
      </c>
      <c r="K2249">
        <v>10</v>
      </c>
      <c r="L2249" t="s">
        <v>1241</v>
      </c>
      <c r="M2249">
        <v>346</v>
      </c>
      <c r="N2249" t="s">
        <v>654</v>
      </c>
      <c r="O2249">
        <v>3</v>
      </c>
      <c r="P2249" t="s">
        <v>655</v>
      </c>
      <c r="Q2249">
        <v>1</v>
      </c>
      <c r="R2249" t="s">
        <v>669</v>
      </c>
      <c r="S2249">
        <v>1</v>
      </c>
      <c r="T2249" t="s">
        <v>1770</v>
      </c>
      <c r="U2249">
        <v>141</v>
      </c>
      <c r="V2249">
        <v>3</v>
      </c>
      <c r="W2249">
        <v>180</v>
      </c>
      <c r="X2249">
        <v>2020</v>
      </c>
    </row>
    <row r="2250" spans="1:24" x14ac:dyDescent="0.25">
      <c r="A2250">
        <v>9504</v>
      </c>
      <c r="B2250" t="s">
        <v>16</v>
      </c>
      <c r="C2250">
        <v>5</v>
      </c>
      <c r="D2250" t="s">
        <v>439</v>
      </c>
      <c r="E2250">
        <v>47</v>
      </c>
      <c r="F2250" t="s">
        <v>651</v>
      </c>
      <c r="G2250">
        <v>160</v>
      </c>
      <c r="H2250" t="s">
        <v>658</v>
      </c>
      <c r="I2250">
        <v>13755</v>
      </c>
      <c r="J2250" t="s">
        <v>699</v>
      </c>
      <c r="K2250">
        <v>10</v>
      </c>
      <c r="L2250" t="s">
        <v>700</v>
      </c>
      <c r="M2250">
        <v>348</v>
      </c>
      <c r="N2250" t="s">
        <v>654</v>
      </c>
      <c r="O2250">
        <v>3</v>
      </c>
      <c r="P2250" t="s">
        <v>655</v>
      </c>
      <c r="Q2250">
        <v>1</v>
      </c>
      <c r="R2250" t="s">
        <v>669</v>
      </c>
      <c r="S2250">
        <v>1</v>
      </c>
      <c r="T2250" t="s">
        <v>1771</v>
      </c>
      <c r="U2250">
        <v>376</v>
      </c>
      <c r="V2250">
        <v>3</v>
      </c>
      <c r="W2250">
        <v>180</v>
      </c>
      <c r="X2250">
        <v>2020</v>
      </c>
    </row>
    <row r="2251" spans="1:24" x14ac:dyDescent="0.25">
      <c r="A2251">
        <v>9503</v>
      </c>
      <c r="B2251" t="s">
        <v>16</v>
      </c>
      <c r="C2251">
        <v>5</v>
      </c>
      <c r="D2251" t="s">
        <v>439</v>
      </c>
      <c r="E2251">
        <v>47</v>
      </c>
      <c r="F2251" t="s">
        <v>651</v>
      </c>
      <c r="G2251">
        <v>160</v>
      </c>
      <c r="H2251" t="s">
        <v>658</v>
      </c>
      <c r="I2251">
        <v>13755</v>
      </c>
      <c r="J2251" t="s">
        <v>699</v>
      </c>
      <c r="K2251">
        <v>10</v>
      </c>
      <c r="L2251" t="s">
        <v>700</v>
      </c>
      <c r="M2251">
        <v>348</v>
      </c>
      <c r="N2251" t="s">
        <v>654</v>
      </c>
      <c r="O2251">
        <v>3</v>
      </c>
      <c r="P2251" t="s">
        <v>655</v>
      </c>
      <c r="Q2251">
        <v>1</v>
      </c>
      <c r="R2251" t="s">
        <v>669</v>
      </c>
      <c r="S2251">
        <v>1</v>
      </c>
      <c r="T2251" t="s">
        <v>1772</v>
      </c>
      <c r="U2251">
        <v>377</v>
      </c>
      <c r="V2251">
        <v>3</v>
      </c>
      <c r="W2251">
        <v>180</v>
      </c>
      <c r="X2251">
        <v>2020</v>
      </c>
    </row>
    <row r="2252" spans="1:24" x14ac:dyDescent="0.25">
      <c r="A2252">
        <v>9502</v>
      </c>
      <c r="B2252" t="s">
        <v>16</v>
      </c>
      <c r="C2252">
        <v>5</v>
      </c>
      <c r="D2252" t="s">
        <v>439</v>
      </c>
      <c r="E2252">
        <v>47</v>
      </c>
      <c r="F2252" t="s">
        <v>651</v>
      </c>
      <c r="G2252">
        <v>160</v>
      </c>
      <c r="H2252" t="s">
        <v>658</v>
      </c>
      <c r="I2252">
        <v>13755</v>
      </c>
      <c r="J2252" t="s">
        <v>699</v>
      </c>
      <c r="K2252">
        <v>10</v>
      </c>
      <c r="L2252" t="s">
        <v>700</v>
      </c>
      <c r="M2252">
        <v>348</v>
      </c>
      <c r="N2252" t="s">
        <v>654</v>
      </c>
      <c r="O2252">
        <v>3</v>
      </c>
      <c r="P2252" t="s">
        <v>655</v>
      </c>
      <c r="Q2252">
        <v>1</v>
      </c>
      <c r="R2252" t="s">
        <v>669</v>
      </c>
      <c r="S2252">
        <v>1</v>
      </c>
      <c r="T2252" t="s">
        <v>1773</v>
      </c>
      <c r="U2252">
        <v>375</v>
      </c>
      <c r="V2252">
        <v>3</v>
      </c>
      <c r="W2252">
        <v>180</v>
      </c>
      <c r="X2252">
        <v>2020</v>
      </c>
    </row>
    <row r="2253" spans="1:24" x14ac:dyDescent="0.25">
      <c r="A2253">
        <v>9501</v>
      </c>
      <c r="B2253" t="s">
        <v>16</v>
      </c>
      <c r="C2253">
        <v>5</v>
      </c>
      <c r="D2253" t="s">
        <v>439</v>
      </c>
      <c r="E2253">
        <v>47</v>
      </c>
      <c r="F2253" t="s">
        <v>651</v>
      </c>
      <c r="G2253">
        <v>160</v>
      </c>
      <c r="H2253" t="s">
        <v>658</v>
      </c>
      <c r="I2253">
        <v>13755</v>
      </c>
      <c r="J2253" t="s">
        <v>699</v>
      </c>
      <c r="K2253">
        <v>10</v>
      </c>
      <c r="L2253" t="s">
        <v>700</v>
      </c>
      <c r="M2253">
        <v>348</v>
      </c>
      <c r="N2253" t="s">
        <v>654</v>
      </c>
      <c r="O2253">
        <v>3</v>
      </c>
      <c r="P2253" t="s">
        <v>655</v>
      </c>
      <c r="Q2253">
        <v>1</v>
      </c>
      <c r="R2253" t="s">
        <v>669</v>
      </c>
      <c r="S2253">
        <v>1</v>
      </c>
      <c r="T2253" t="s">
        <v>1774</v>
      </c>
      <c r="U2253">
        <v>394</v>
      </c>
      <c r="V2253">
        <v>3</v>
      </c>
      <c r="W2253">
        <v>180</v>
      </c>
      <c r="X2253">
        <v>2020</v>
      </c>
    </row>
    <row r="2254" spans="1:24" x14ac:dyDescent="0.25">
      <c r="A2254">
        <v>9500</v>
      </c>
      <c r="B2254" t="s">
        <v>16</v>
      </c>
      <c r="C2254">
        <v>5</v>
      </c>
      <c r="D2254" t="s">
        <v>439</v>
      </c>
      <c r="E2254">
        <v>47</v>
      </c>
      <c r="F2254" t="s">
        <v>651</v>
      </c>
      <c r="G2254">
        <v>160</v>
      </c>
      <c r="H2254" t="s">
        <v>658</v>
      </c>
      <c r="I2254">
        <v>13755</v>
      </c>
      <c r="J2254" t="s">
        <v>699</v>
      </c>
      <c r="K2254">
        <v>10</v>
      </c>
      <c r="L2254" t="s">
        <v>700</v>
      </c>
      <c r="M2254">
        <v>348</v>
      </c>
      <c r="N2254" t="s">
        <v>654</v>
      </c>
      <c r="O2254">
        <v>3</v>
      </c>
      <c r="P2254" t="s">
        <v>655</v>
      </c>
      <c r="Q2254">
        <v>1</v>
      </c>
      <c r="R2254" t="s">
        <v>669</v>
      </c>
      <c r="S2254">
        <v>1</v>
      </c>
      <c r="T2254" t="s">
        <v>1775</v>
      </c>
      <c r="U2254">
        <v>393</v>
      </c>
      <c r="V2254">
        <v>3</v>
      </c>
      <c r="W2254">
        <v>180</v>
      </c>
      <c r="X2254">
        <v>2020</v>
      </c>
    </row>
    <row r="2255" spans="1:24" x14ac:dyDescent="0.25">
      <c r="A2255">
        <v>9499</v>
      </c>
      <c r="B2255" t="s">
        <v>16</v>
      </c>
      <c r="C2255">
        <v>5</v>
      </c>
      <c r="D2255" t="s">
        <v>439</v>
      </c>
      <c r="E2255">
        <v>47</v>
      </c>
      <c r="F2255" t="s">
        <v>651</v>
      </c>
      <c r="G2255">
        <v>160</v>
      </c>
      <c r="H2255" t="s">
        <v>658</v>
      </c>
      <c r="I2255">
        <v>13755</v>
      </c>
      <c r="J2255" t="s">
        <v>699</v>
      </c>
      <c r="K2255">
        <v>10</v>
      </c>
      <c r="L2255" t="s">
        <v>700</v>
      </c>
      <c r="M2255">
        <v>348</v>
      </c>
      <c r="N2255" t="s">
        <v>654</v>
      </c>
      <c r="O2255">
        <v>3</v>
      </c>
      <c r="P2255" t="s">
        <v>655</v>
      </c>
      <c r="Q2255">
        <v>1</v>
      </c>
      <c r="R2255" t="s">
        <v>669</v>
      </c>
      <c r="S2255">
        <v>1</v>
      </c>
      <c r="T2255" t="s">
        <v>1776</v>
      </c>
      <c r="U2255">
        <v>392</v>
      </c>
      <c r="V2255">
        <v>3</v>
      </c>
      <c r="W2255">
        <v>180</v>
      </c>
      <c r="X2255">
        <v>2020</v>
      </c>
    </row>
    <row r="2256" spans="1:24" x14ac:dyDescent="0.25">
      <c r="A2256">
        <v>9498</v>
      </c>
      <c r="B2256" t="s">
        <v>16</v>
      </c>
      <c r="C2256">
        <v>5</v>
      </c>
      <c r="D2256" t="s">
        <v>439</v>
      </c>
      <c r="E2256">
        <v>47</v>
      </c>
      <c r="F2256" t="s">
        <v>651</v>
      </c>
      <c r="G2256">
        <v>160</v>
      </c>
      <c r="H2256" t="s">
        <v>658</v>
      </c>
      <c r="I2256">
        <v>13755</v>
      </c>
      <c r="J2256" t="s">
        <v>699</v>
      </c>
      <c r="K2256">
        <v>10</v>
      </c>
      <c r="L2256" t="s">
        <v>700</v>
      </c>
      <c r="M2256">
        <v>348</v>
      </c>
      <c r="N2256" t="s">
        <v>654</v>
      </c>
      <c r="O2256">
        <v>3</v>
      </c>
      <c r="P2256" t="s">
        <v>655</v>
      </c>
      <c r="Q2256">
        <v>1</v>
      </c>
      <c r="R2256" t="s">
        <v>669</v>
      </c>
      <c r="S2256">
        <v>1</v>
      </c>
      <c r="T2256" t="s">
        <v>1777</v>
      </c>
      <c r="U2256">
        <v>391</v>
      </c>
      <c r="V2256">
        <v>3</v>
      </c>
      <c r="W2256">
        <v>180</v>
      </c>
      <c r="X2256">
        <v>2020</v>
      </c>
    </row>
    <row r="2257" spans="1:24" x14ac:dyDescent="0.25">
      <c r="A2257">
        <v>9497</v>
      </c>
      <c r="B2257" t="s">
        <v>16</v>
      </c>
      <c r="C2257">
        <v>5</v>
      </c>
      <c r="D2257" t="s">
        <v>439</v>
      </c>
      <c r="E2257">
        <v>47</v>
      </c>
      <c r="F2257" t="s">
        <v>651</v>
      </c>
      <c r="G2257">
        <v>160</v>
      </c>
      <c r="H2257" t="s">
        <v>658</v>
      </c>
      <c r="I2257">
        <v>13755</v>
      </c>
      <c r="J2257" t="s">
        <v>699</v>
      </c>
      <c r="K2257">
        <v>10</v>
      </c>
      <c r="L2257" t="s">
        <v>700</v>
      </c>
      <c r="M2257">
        <v>348</v>
      </c>
      <c r="N2257" t="s">
        <v>654</v>
      </c>
      <c r="O2257">
        <v>3</v>
      </c>
      <c r="P2257" t="s">
        <v>655</v>
      </c>
      <c r="Q2257">
        <v>1</v>
      </c>
      <c r="R2257" t="s">
        <v>669</v>
      </c>
      <c r="S2257">
        <v>1</v>
      </c>
      <c r="T2257" t="s">
        <v>1778</v>
      </c>
      <c r="U2257">
        <v>390</v>
      </c>
      <c r="V2257">
        <v>3</v>
      </c>
      <c r="W2257">
        <v>180</v>
      </c>
      <c r="X2257">
        <v>2020</v>
      </c>
    </row>
    <row r="2258" spans="1:24" x14ac:dyDescent="0.25">
      <c r="A2258">
        <v>9496</v>
      </c>
      <c r="B2258" t="s">
        <v>16</v>
      </c>
      <c r="C2258">
        <v>5</v>
      </c>
      <c r="D2258" t="s">
        <v>439</v>
      </c>
      <c r="E2258">
        <v>47</v>
      </c>
      <c r="F2258" t="s">
        <v>651</v>
      </c>
      <c r="G2258">
        <v>160</v>
      </c>
      <c r="H2258" t="s">
        <v>658</v>
      </c>
      <c r="I2258">
        <v>13755</v>
      </c>
      <c r="J2258" t="s">
        <v>699</v>
      </c>
      <c r="K2258">
        <v>10</v>
      </c>
      <c r="L2258" t="s">
        <v>700</v>
      </c>
      <c r="M2258">
        <v>348</v>
      </c>
      <c r="N2258" t="s">
        <v>654</v>
      </c>
      <c r="O2258">
        <v>3</v>
      </c>
      <c r="P2258" t="s">
        <v>655</v>
      </c>
      <c r="Q2258">
        <v>1</v>
      </c>
      <c r="R2258" t="s">
        <v>669</v>
      </c>
      <c r="S2258">
        <v>1</v>
      </c>
      <c r="T2258" t="s">
        <v>1779</v>
      </c>
      <c r="U2258">
        <v>389</v>
      </c>
      <c r="V2258">
        <v>3</v>
      </c>
      <c r="W2258">
        <v>180</v>
      </c>
      <c r="X2258">
        <v>2020</v>
      </c>
    </row>
    <row r="2259" spans="1:24" x14ac:dyDescent="0.25">
      <c r="A2259">
        <v>9495</v>
      </c>
      <c r="B2259" t="s">
        <v>16</v>
      </c>
      <c r="C2259">
        <v>5</v>
      </c>
      <c r="D2259" t="s">
        <v>439</v>
      </c>
      <c r="E2259">
        <v>47</v>
      </c>
      <c r="F2259" t="s">
        <v>651</v>
      </c>
      <c r="G2259">
        <v>160</v>
      </c>
      <c r="H2259" t="s">
        <v>658</v>
      </c>
      <c r="I2259">
        <v>13755</v>
      </c>
      <c r="J2259" t="s">
        <v>699</v>
      </c>
      <c r="K2259">
        <v>10</v>
      </c>
      <c r="L2259" t="s">
        <v>700</v>
      </c>
      <c r="M2259">
        <v>348</v>
      </c>
      <c r="N2259" t="s">
        <v>654</v>
      </c>
      <c r="O2259">
        <v>3</v>
      </c>
      <c r="P2259" t="s">
        <v>655</v>
      </c>
      <c r="Q2259">
        <v>1</v>
      </c>
      <c r="R2259" t="s">
        <v>669</v>
      </c>
      <c r="S2259">
        <v>1</v>
      </c>
      <c r="T2259" t="s">
        <v>1780</v>
      </c>
      <c r="U2259">
        <v>388</v>
      </c>
      <c r="V2259">
        <v>3</v>
      </c>
      <c r="W2259">
        <v>180</v>
      </c>
      <c r="X2259">
        <v>2020</v>
      </c>
    </row>
    <row r="2260" spans="1:24" x14ac:dyDescent="0.25">
      <c r="A2260">
        <v>9494</v>
      </c>
      <c r="B2260" t="s">
        <v>16</v>
      </c>
      <c r="C2260">
        <v>5</v>
      </c>
      <c r="D2260" t="s">
        <v>439</v>
      </c>
      <c r="E2260">
        <v>47</v>
      </c>
      <c r="F2260" t="s">
        <v>651</v>
      </c>
      <c r="G2260">
        <v>160</v>
      </c>
      <c r="H2260" t="s">
        <v>658</v>
      </c>
      <c r="I2260">
        <v>13755</v>
      </c>
      <c r="J2260" t="s">
        <v>699</v>
      </c>
      <c r="K2260">
        <v>10</v>
      </c>
      <c r="L2260" t="s">
        <v>700</v>
      </c>
      <c r="M2260">
        <v>348</v>
      </c>
      <c r="N2260" t="s">
        <v>654</v>
      </c>
      <c r="O2260">
        <v>3</v>
      </c>
      <c r="P2260" t="s">
        <v>655</v>
      </c>
      <c r="Q2260">
        <v>1</v>
      </c>
      <c r="R2260" t="s">
        <v>669</v>
      </c>
      <c r="S2260">
        <v>1</v>
      </c>
      <c r="T2260" t="s">
        <v>1781</v>
      </c>
      <c r="U2260">
        <v>387</v>
      </c>
      <c r="V2260">
        <v>3</v>
      </c>
      <c r="W2260">
        <v>180</v>
      </c>
      <c r="X2260">
        <v>2020</v>
      </c>
    </row>
    <row r="2261" spans="1:24" x14ac:dyDescent="0.25">
      <c r="A2261">
        <v>9493</v>
      </c>
      <c r="B2261" t="s">
        <v>16</v>
      </c>
      <c r="C2261">
        <v>5</v>
      </c>
      <c r="D2261" t="s">
        <v>439</v>
      </c>
      <c r="E2261">
        <v>47</v>
      </c>
      <c r="F2261" t="s">
        <v>651</v>
      </c>
      <c r="G2261">
        <v>160</v>
      </c>
      <c r="H2261" t="s">
        <v>658</v>
      </c>
      <c r="I2261">
        <v>13755</v>
      </c>
      <c r="J2261" t="s">
        <v>699</v>
      </c>
      <c r="K2261">
        <v>10</v>
      </c>
      <c r="L2261" t="s">
        <v>700</v>
      </c>
      <c r="M2261">
        <v>348</v>
      </c>
      <c r="N2261" t="s">
        <v>654</v>
      </c>
      <c r="O2261">
        <v>3</v>
      </c>
      <c r="P2261" t="s">
        <v>655</v>
      </c>
      <c r="Q2261">
        <v>1</v>
      </c>
      <c r="R2261" t="s">
        <v>669</v>
      </c>
      <c r="S2261">
        <v>1</v>
      </c>
      <c r="T2261" t="s">
        <v>1782</v>
      </c>
      <c r="U2261">
        <v>374</v>
      </c>
      <c r="V2261">
        <v>3</v>
      </c>
      <c r="W2261">
        <v>180</v>
      </c>
      <c r="X2261">
        <v>2020</v>
      </c>
    </row>
    <row r="2262" spans="1:24" x14ac:dyDescent="0.25">
      <c r="A2262">
        <v>9492</v>
      </c>
      <c r="B2262" t="s">
        <v>16</v>
      </c>
      <c r="C2262">
        <v>5</v>
      </c>
      <c r="D2262" t="s">
        <v>439</v>
      </c>
      <c r="E2262">
        <v>47</v>
      </c>
      <c r="F2262" t="s">
        <v>651</v>
      </c>
      <c r="G2262">
        <v>160</v>
      </c>
      <c r="H2262" t="s">
        <v>658</v>
      </c>
      <c r="I2262">
        <v>13755</v>
      </c>
      <c r="J2262" t="s">
        <v>699</v>
      </c>
      <c r="K2262">
        <v>10</v>
      </c>
      <c r="L2262" t="s">
        <v>700</v>
      </c>
      <c r="M2262">
        <v>348</v>
      </c>
      <c r="N2262" t="s">
        <v>654</v>
      </c>
      <c r="O2262">
        <v>3</v>
      </c>
      <c r="P2262" t="s">
        <v>655</v>
      </c>
      <c r="Q2262">
        <v>1</v>
      </c>
      <c r="R2262" t="s">
        <v>669</v>
      </c>
      <c r="S2262">
        <v>1</v>
      </c>
      <c r="T2262" t="s">
        <v>1783</v>
      </c>
      <c r="U2262">
        <v>373</v>
      </c>
      <c r="V2262">
        <v>3</v>
      </c>
      <c r="W2262">
        <v>180</v>
      </c>
      <c r="X2262">
        <v>2020</v>
      </c>
    </row>
    <row r="2263" spans="1:24" x14ac:dyDescent="0.25">
      <c r="A2263">
        <v>9491</v>
      </c>
      <c r="B2263" t="s">
        <v>16</v>
      </c>
      <c r="C2263">
        <v>5</v>
      </c>
      <c r="D2263" t="s">
        <v>439</v>
      </c>
      <c r="E2263">
        <v>47</v>
      </c>
      <c r="F2263" t="s">
        <v>651</v>
      </c>
      <c r="G2263">
        <v>160</v>
      </c>
      <c r="H2263" t="s">
        <v>658</v>
      </c>
      <c r="I2263">
        <v>13755</v>
      </c>
      <c r="J2263" t="s">
        <v>699</v>
      </c>
      <c r="K2263">
        <v>10</v>
      </c>
      <c r="L2263" t="s">
        <v>700</v>
      </c>
      <c r="M2263">
        <v>348</v>
      </c>
      <c r="N2263" t="s">
        <v>654</v>
      </c>
      <c r="O2263">
        <v>3</v>
      </c>
      <c r="P2263" t="s">
        <v>655</v>
      </c>
      <c r="Q2263">
        <v>1</v>
      </c>
      <c r="R2263" t="s">
        <v>669</v>
      </c>
      <c r="S2263">
        <v>1</v>
      </c>
      <c r="T2263" t="s">
        <v>1613</v>
      </c>
      <c r="U2263">
        <v>107</v>
      </c>
      <c r="V2263">
        <v>3</v>
      </c>
      <c r="W2263">
        <v>180</v>
      </c>
      <c r="X2263">
        <v>2020</v>
      </c>
    </row>
    <row r="2264" spans="1:24" x14ac:dyDescent="0.25">
      <c r="A2264">
        <v>9490</v>
      </c>
      <c r="B2264" t="s">
        <v>16</v>
      </c>
      <c r="C2264">
        <v>5</v>
      </c>
      <c r="D2264" t="s">
        <v>439</v>
      </c>
      <c r="E2264">
        <v>47</v>
      </c>
      <c r="F2264" t="s">
        <v>651</v>
      </c>
      <c r="G2264">
        <v>160</v>
      </c>
      <c r="H2264" t="s">
        <v>658</v>
      </c>
      <c r="I2264">
        <v>13755</v>
      </c>
      <c r="J2264" t="s">
        <v>699</v>
      </c>
      <c r="K2264">
        <v>10</v>
      </c>
      <c r="L2264" t="s">
        <v>700</v>
      </c>
      <c r="M2264">
        <v>348</v>
      </c>
      <c r="N2264" t="s">
        <v>654</v>
      </c>
      <c r="O2264">
        <v>3</v>
      </c>
      <c r="P2264" t="s">
        <v>655</v>
      </c>
      <c r="Q2264">
        <v>1</v>
      </c>
      <c r="R2264" t="s">
        <v>669</v>
      </c>
      <c r="S2264">
        <v>1</v>
      </c>
      <c r="T2264" t="s">
        <v>1784</v>
      </c>
      <c r="U2264">
        <v>112</v>
      </c>
      <c r="V2264">
        <v>3</v>
      </c>
      <c r="W2264">
        <v>180</v>
      </c>
      <c r="X2264">
        <v>2020</v>
      </c>
    </row>
    <row r="2265" spans="1:24" x14ac:dyDescent="0.25">
      <c r="A2265">
        <v>9489</v>
      </c>
      <c r="B2265" t="s">
        <v>16</v>
      </c>
      <c r="C2265">
        <v>5</v>
      </c>
      <c r="D2265" t="s">
        <v>439</v>
      </c>
      <c r="E2265">
        <v>47</v>
      </c>
      <c r="F2265" t="s">
        <v>651</v>
      </c>
      <c r="G2265">
        <v>160</v>
      </c>
      <c r="H2265" t="s">
        <v>658</v>
      </c>
      <c r="I2265">
        <v>13755</v>
      </c>
      <c r="J2265" t="s">
        <v>699</v>
      </c>
      <c r="K2265">
        <v>10</v>
      </c>
      <c r="L2265" t="s">
        <v>700</v>
      </c>
      <c r="M2265">
        <v>348</v>
      </c>
      <c r="N2265" t="s">
        <v>654</v>
      </c>
      <c r="O2265">
        <v>3</v>
      </c>
      <c r="P2265" t="s">
        <v>655</v>
      </c>
      <c r="Q2265">
        <v>1</v>
      </c>
      <c r="R2265" t="s">
        <v>669</v>
      </c>
      <c r="S2265">
        <v>1</v>
      </c>
      <c r="T2265" t="s">
        <v>1785</v>
      </c>
      <c r="U2265">
        <v>110</v>
      </c>
      <c r="V2265">
        <v>3</v>
      </c>
      <c r="W2265">
        <v>180</v>
      </c>
      <c r="X2265">
        <v>2020</v>
      </c>
    </row>
    <row r="2266" spans="1:24" x14ac:dyDescent="0.25">
      <c r="A2266">
        <v>9488</v>
      </c>
      <c r="B2266" t="s">
        <v>16</v>
      </c>
      <c r="C2266">
        <v>5</v>
      </c>
      <c r="D2266" t="s">
        <v>439</v>
      </c>
      <c r="E2266">
        <v>47</v>
      </c>
      <c r="F2266" t="s">
        <v>651</v>
      </c>
      <c r="G2266">
        <v>160</v>
      </c>
      <c r="H2266" t="s">
        <v>658</v>
      </c>
      <c r="I2266">
        <v>13755</v>
      </c>
      <c r="J2266" t="s">
        <v>699</v>
      </c>
      <c r="K2266">
        <v>10</v>
      </c>
      <c r="L2266" t="s">
        <v>700</v>
      </c>
      <c r="M2266">
        <v>348</v>
      </c>
      <c r="N2266" t="s">
        <v>654</v>
      </c>
      <c r="O2266">
        <v>3</v>
      </c>
      <c r="P2266" t="s">
        <v>655</v>
      </c>
      <c r="Q2266">
        <v>1</v>
      </c>
      <c r="R2266" t="s">
        <v>669</v>
      </c>
      <c r="S2266">
        <v>1</v>
      </c>
      <c r="T2266" t="s">
        <v>1786</v>
      </c>
      <c r="U2266">
        <v>108</v>
      </c>
      <c r="V2266">
        <v>3</v>
      </c>
      <c r="W2266">
        <v>180</v>
      </c>
      <c r="X2266">
        <v>2020</v>
      </c>
    </row>
    <row r="2267" spans="1:24" x14ac:dyDescent="0.25">
      <c r="A2267">
        <v>9487</v>
      </c>
      <c r="B2267" t="s">
        <v>16</v>
      </c>
      <c r="C2267">
        <v>5</v>
      </c>
      <c r="D2267" t="s">
        <v>439</v>
      </c>
      <c r="E2267">
        <v>47</v>
      </c>
      <c r="F2267" t="s">
        <v>651</v>
      </c>
      <c r="G2267">
        <v>160</v>
      </c>
      <c r="H2267" t="s">
        <v>658</v>
      </c>
      <c r="I2267">
        <v>13755</v>
      </c>
      <c r="J2267" t="s">
        <v>699</v>
      </c>
      <c r="K2267">
        <v>10</v>
      </c>
      <c r="L2267" t="s">
        <v>700</v>
      </c>
      <c r="M2267">
        <v>348</v>
      </c>
      <c r="N2267" t="s">
        <v>654</v>
      </c>
      <c r="O2267">
        <v>3</v>
      </c>
      <c r="P2267" t="s">
        <v>655</v>
      </c>
      <c r="Q2267">
        <v>1</v>
      </c>
      <c r="R2267" t="s">
        <v>669</v>
      </c>
      <c r="S2267">
        <v>1</v>
      </c>
      <c r="T2267" t="s">
        <v>1787</v>
      </c>
      <c r="U2267">
        <v>246</v>
      </c>
      <c r="V2267">
        <v>3</v>
      </c>
      <c r="W2267">
        <v>180</v>
      </c>
      <c r="X2267">
        <v>2020</v>
      </c>
    </row>
    <row r="2268" spans="1:24" x14ac:dyDescent="0.25">
      <c r="A2268">
        <v>9486</v>
      </c>
      <c r="B2268" t="s">
        <v>16</v>
      </c>
      <c r="C2268">
        <v>5</v>
      </c>
      <c r="D2268" t="s">
        <v>439</v>
      </c>
      <c r="E2268">
        <v>47</v>
      </c>
      <c r="F2268" t="s">
        <v>651</v>
      </c>
      <c r="G2268">
        <v>160</v>
      </c>
      <c r="H2268" t="s">
        <v>658</v>
      </c>
      <c r="I2268">
        <v>13755</v>
      </c>
      <c r="J2268" t="s">
        <v>699</v>
      </c>
      <c r="K2268">
        <v>10</v>
      </c>
      <c r="L2268" t="s">
        <v>700</v>
      </c>
      <c r="M2268">
        <v>348</v>
      </c>
      <c r="N2268" t="s">
        <v>654</v>
      </c>
      <c r="O2268">
        <v>3</v>
      </c>
      <c r="P2268" t="s">
        <v>655</v>
      </c>
      <c r="Q2268">
        <v>1</v>
      </c>
      <c r="R2268" t="s">
        <v>669</v>
      </c>
      <c r="S2268">
        <v>1</v>
      </c>
      <c r="T2268" t="s">
        <v>1788</v>
      </c>
      <c r="U2268">
        <v>109</v>
      </c>
      <c r="V2268">
        <v>3</v>
      </c>
      <c r="W2268">
        <v>180</v>
      </c>
      <c r="X2268">
        <v>2020</v>
      </c>
    </row>
    <row r="2269" spans="1:24" x14ac:dyDescent="0.25">
      <c r="A2269">
        <v>9485</v>
      </c>
      <c r="B2269" t="s">
        <v>16</v>
      </c>
      <c r="C2269">
        <v>5</v>
      </c>
      <c r="D2269" t="s">
        <v>439</v>
      </c>
      <c r="E2269">
        <v>47</v>
      </c>
      <c r="F2269" t="s">
        <v>651</v>
      </c>
      <c r="G2269">
        <v>160</v>
      </c>
      <c r="H2269" t="s">
        <v>658</v>
      </c>
      <c r="I2269">
        <v>13755</v>
      </c>
      <c r="J2269" t="s">
        <v>699</v>
      </c>
      <c r="K2269">
        <v>10</v>
      </c>
      <c r="L2269" t="s">
        <v>700</v>
      </c>
      <c r="M2269">
        <v>348</v>
      </c>
      <c r="N2269" t="s">
        <v>654</v>
      </c>
      <c r="O2269">
        <v>3</v>
      </c>
      <c r="P2269" t="s">
        <v>655</v>
      </c>
      <c r="Q2269">
        <v>1</v>
      </c>
      <c r="R2269" t="s">
        <v>669</v>
      </c>
      <c r="S2269">
        <v>1</v>
      </c>
      <c r="T2269" t="s">
        <v>1767</v>
      </c>
      <c r="U2269">
        <v>105</v>
      </c>
      <c r="V2269">
        <v>3</v>
      </c>
      <c r="W2269">
        <v>180</v>
      </c>
      <c r="X2269">
        <v>2020</v>
      </c>
    </row>
    <row r="2270" spans="1:24" x14ac:dyDescent="0.25">
      <c r="A2270">
        <v>9484</v>
      </c>
      <c r="B2270" t="s">
        <v>16</v>
      </c>
      <c r="C2270">
        <v>5</v>
      </c>
      <c r="D2270" t="s">
        <v>439</v>
      </c>
      <c r="E2270">
        <v>47</v>
      </c>
      <c r="F2270" t="s">
        <v>651</v>
      </c>
      <c r="G2270">
        <v>160</v>
      </c>
      <c r="H2270" t="s">
        <v>658</v>
      </c>
      <c r="I2270">
        <v>13755</v>
      </c>
      <c r="J2270" t="s">
        <v>699</v>
      </c>
      <c r="K2270">
        <v>10</v>
      </c>
      <c r="L2270" t="s">
        <v>700</v>
      </c>
      <c r="M2270">
        <v>348</v>
      </c>
      <c r="N2270" t="s">
        <v>654</v>
      </c>
      <c r="O2270">
        <v>3</v>
      </c>
      <c r="P2270" t="s">
        <v>655</v>
      </c>
      <c r="Q2270">
        <v>1</v>
      </c>
      <c r="R2270" t="s">
        <v>669</v>
      </c>
      <c r="S2270">
        <v>1</v>
      </c>
      <c r="T2270" t="s">
        <v>1789</v>
      </c>
      <c r="U2270">
        <v>372</v>
      </c>
      <c r="V2270">
        <v>3</v>
      </c>
      <c r="W2270">
        <v>180</v>
      </c>
      <c r="X2270">
        <v>2020</v>
      </c>
    </row>
    <row r="2271" spans="1:24" x14ac:dyDescent="0.25">
      <c r="A2271">
        <v>9483</v>
      </c>
      <c r="B2271" t="s">
        <v>16</v>
      </c>
      <c r="C2271">
        <v>5</v>
      </c>
      <c r="D2271" t="s">
        <v>439</v>
      </c>
      <c r="E2271">
        <v>47</v>
      </c>
      <c r="F2271" t="s">
        <v>651</v>
      </c>
      <c r="G2271">
        <v>160</v>
      </c>
      <c r="H2271" t="s">
        <v>658</v>
      </c>
      <c r="I2271">
        <v>13755</v>
      </c>
      <c r="J2271" t="s">
        <v>699</v>
      </c>
      <c r="K2271">
        <v>10</v>
      </c>
      <c r="L2271" t="s">
        <v>700</v>
      </c>
      <c r="M2271">
        <v>348</v>
      </c>
      <c r="N2271" t="s">
        <v>654</v>
      </c>
      <c r="O2271">
        <v>3</v>
      </c>
      <c r="P2271" t="s">
        <v>655</v>
      </c>
      <c r="Q2271">
        <v>1</v>
      </c>
      <c r="R2271" t="s">
        <v>669</v>
      </c>
      <c r="S2271">
        <v>1</v>
      </c>
      <c r="T2271" t="s">
        <v>701</v>
      </c>
      <c r="U2271">
        <v>38</v>
      </c>
      <c r="V2271">
        <v>3</v>
      </c>
      <c r="W2271">
        <v>180</v>
      </c>
      <c r="X2271">
        <v>2020</v>
      </c>
    </row>
    <row r="2272" spans="1:24" x14ac:dyDescent="0.25">
      <c r="A2272">
        <v>9482</v>
      </c>
      <c r="B2272" t="s">
        <v>16</v>
      </c>
      <c r="C2272">
        <v>5</v>
      </c>
      <c r="D2272" t="s">
        <v>439</v>
      </c>
      <c r="E2272">
        <v>47</v>
      </c>
      <c r="F2272" t="s">
        <v>651</v>
      </c>
      <c r="G2272">
        <v>160</v>
      </c>
      <c r="H2272" t="s">
        <v>658</v>
      </c>
      <c r="I2272">
        <v>13755</v>
      </c>
      <c r="J2272" t="s">
        <v>699</v>
      </c>
      <c r="K2272">
        <v>10</v>
      </c>
      <c r="L2272" t="s">
        <v>700</v>
      </c>
      <c r="M2272">
        <v>348</v>
      </c>
      <c r="N2272" t="s">
        <v>654</v>
      </c>
      <c r="O2272">
        <v>3</v>
      </c>
      <c r="P2272" t="s">
        <v>655</v>
      </c>
      <c r="Q2272">
        <v>1</v>
      </c>
      <c r="R2272" t="s">
        <v>669</v>
      </c>
      <c r="S2272">
        <v>1</v>
      </c>
      <c r="T2272" t="s">
        <v>1010</v>
      </c>
      <c r="U2272">
        <v>36</v>
      </c>
      <c r="V2272">
        <v>3</v>
      </c>
      <c r="W2272">
        <v>180</v>
      </c>
      <c r="X2272">
        <v>2020</v>
      </c>
    </row>
    <row r="2273" spans="1:24" x14ac:dyDescent="0.25">
      <c r="A2273">
        <v>9481</v>
      </c>
      <c r="B2273" t="s">
        <v>16</v>
      </c>
      <c r="C2273">
        <v>5</v>
      </c>
      <c r="D2273" t="s">
        <v>439</v>
      </c>
      <c r="E2273">
        <v>47</v>
      </c>
      <c r="F2273" t="s">
        <v>651</v>
      </c>
      <c r="G2273">
        <v>160</v>
      </c>
      <c r="H2273" t="s">
        <v>658</v>
      </c>
      <c r="I2273">
        <v>13755</v>
      </c>
      <c r="J2273" t="s">
        <v>699</v>
      </c>
      <c r="K2273">
        <v>10</v>
      </c>
      <c r="L2273" t="s">
        <v>700</v>
      </c>
      <c r="M2273">
        <v>348</v>
      </c>
      <c r="N2273" t="s">
        <v>654</v>
      </c>
      <c r="O2273">
        <v>3</v>
      </c>
      <c r="P2273" t="s">
        <v>655</v>
      </c>
      <c r="Q2273">
        <v>1</v>
      </c>
      <c r="R2273" t="s">
        <v>669</v>
      </c>
      <c r="S2273">
        <v>1</v>
      </c>
      <c r="T2273" t="s">
        <v>1790</v>
      </c>
      <c r="U2273">
        <v>146</v>
      </c>
      <c r="V2273">
        <v>3</v>
      </c>
      <c r="W2273">
        <v>180</v>
      </c>
      <c r="X2273">
        <v>2020</v>
      </c>
    </row>
    <row r="2274" spans="1:24" x14ac:dyDescent="0.25">
      <c r="A2274">
        <v>9480</v>
      </c>
      <c r="B2274" t="s">
        <v>16</v>
      </c>
      <c r="C2274">
        <v>5</v>
      </c>
      <c r="D2274" t="s">
        <v>439</v>
      </c>
      <c r="E2274">
        <v>47</v>
      </c>
      <c r="F2274" t="s">
        <v>651</v>
      </c>
      <c r="G2274">
        <v>160</v>
      </c>
      <c r="H2274" t="s">
        <v>658</v>
      </c>
      <c r="I2274">
        <v>13755</v>
      </c>
      <c r="J2274" t="s">
        <v>699</v>
      </c>
      <c r="K2274">
        <v>10</v>
      </c>
      <c r="L2274" t="s">
        <v>700</v>
      </c>
      <c r="M2274">
        <v>348</v>
      </c>
      <c r="N2274" t="s">
        <v>654</v>
      </c>
      <c r="O2274">
        <v>3</v>
      </c>
      <c r="P2274" t="s">
        <v>655</v>
      </c>
      <c r="Q2274">
        <v>1</v>
      </c>
      <c r="R2274" t="s">
        <v>669</v>
      </c>
      <c r="S2274">
        <v>1</v>
      </c>
      <c r="T2274" t="s">
        <v>1009</v>
      </c>
      <c r="U2274">
        <v>35</v>
      </c>
      <c r="V2274">
        <v>3</v>
      </c>
      <c r="W2274">
        <v>180</v>
      </c>
      <c r="X2274">
        <v>2020</v>
      </c>
    </row>
    <row r="2275" spans="1:24" x14ac:dyDescent="0.25">
      <c r="A2275">
        <v>9479</v>
      </c>
      <c r="B2275" t="s">
        <v>16</v>
      </c>
      <c r="C2275">
        <v>5</v>
      </c>
      <c r="D2275" t="s">
        <v>439</v>
      </c>
      <c r="E2275">
        <v>47</v>
      </c>
      <c r="F2275" t="s">
        <v>651</v>
      </c>
      <c r="G2275">
        <v>160</v>
      </c>
      <c r="H2275" t="s">
        <v>658</v>
      </c>
      <c r="I2275">
        <v>13755</v>
      </c>
      <c r="J2275" t="s">
        <v>699</v>
      </c>
      <c r="K2275">
        <v>10</v>
      </c>
      <c r="L2275" t="s">
        <v>700</v>
      </c>
      <c r="M2275">
        <v>348</v>
      </c>
      <c r="N2275" t="s">
        <v>654</v>
      </c>
      <c r="O2275">
        <v>3</v>
      </c>
      <c r="P2275" t="s">
        <v>655</v>
      </c>
      <c r="Q2275">
        <v>1</v>
      </c>
      <c r="R2275" t="s">
        <v>669</v>
      </c>
      <c r="S2275">
        <v>1</v>
      </c>
      <c r="T2275" t="s">
        <v>702</v>
      </c>
      <c r="U2275">
        <v>39</v>
      </c>
      <c r="V2275">
        <v>3</v>
      </c>
      <c r="W2275">
        <v>180</v>
      </c>
      <c r="X2275">
        <v>2020</v>
      </c>
    </row>
    <row r="2276" spans="1:24" x14ac:dyDescent="0.25">
      <c r="A2276">
        <v>9478</v>
      </c>
      <c r="B2276" t="s">
        <v>16</v>
      </c>
      <c r="C2276">
        <v>5</v>
      </c>
      <c r="D2276" t="s">
        <v>439</v>
      </c>
      <c r="E2276">
        <v>47</v>
      </c>
      <c r="F2276" t="s">
        <v>651</v>
      </c>
      <c r="G2276">
        <v>160</v>
      </c>
      <c r="H2276" t="s">
        <v>658</v>
      </c>
      <c r="I2276">
        <v>13755</v>
      </c>
      <c r="J2276" t="s">
        <v>699</v>
      </c>
      <c r="K2276">
        <v>10</v>
      </c>
      <c r="L2276" t="s">
        <v>700</v>
      </c>
      <c r="M2276">
        <v>348</v>
      </c>
      <c r="N2276" t="s">
        <v>654</v>
      </c>
      <c r="O2276">
        <v>3</v>
      </c>
      <c r="P2276" t="s">
        <v>655</v>
      </c>
      <c r="Q2276">
        <v>1</v>
      </c>
      <c r="R2276" t="s">
        <v>669</v>
      </c>
      <c r="S2276">
        <v>1</v>
      </c>
      <c r="T2276" t="s">
        <v>1419</v>
      </c>
      <c r="U2276">
        <v>34</v>
      </c>
      <c r="V2276">
        <v>3</v>
      </c>
      <c r="W2276">
        <v>180</v>
      </c>
      <c r="X2276">
        <v>2020</v>
      </c>
    </row>
    <row r="2277" spans="1:24" x14ac:dyDescent="0.25">
      <c r="A2277">
        <v>9477</v>
      </c>
      <c r="B2277" t="s">
        <v>16</v>
      </c>
      <c r="C2277">
        <v>5</v>
      </c>
      <c r="D2277" t="s">
        <v>439</v>
      </c>
      <c r="E2277">
        <v>47</v>
      </c>
      <c r="F2277" t="s">
        <v>651</v>
      </c>
      <c r="G2277">
        <v>160</v>
      </c>
      <c r="H2277" t="s">
        <v>658</v>
      </c>
      <c r="I2277">
        <v>13755</v>
      </c>
      <c r="J2277" t="s">
        <v>699</v>
      </c>
      <c r="K2277">
        <v>10</v>
      </c>
      <c r="L2277" t="s">
        <v>700</v>
      </c>
      <c r="M2277">
        <v>348</v>
      </c>
      <c r="N2277" t="s">
        <v>654</v>
      </c>
      <c r="O2277">
        <v>3</v>
      </c>
      <c r="P2277" t="s">
        <v>655</v>
      </c>
      <c r="Q2277">
        <v>1</v>
      </c>
      <c r="R2277" t="s">
        <v>669</v>
      </c>
      <c r="S2277">
        <v>1</v>
      </c>
      <c r="T2277" t="s">
        <v>1667</v>
      </c>
      <c r="U2277">
        <v>37</v>
      </c>
      <c r="V2277">
        <v>3</v>
      </c>
      <c r="W2277">
        <v>180</v>
      </c>
      <c r="X2277">
        <v>2020</v>
      </c>
    </row>
    <row r="2278" spans="1:24" x14ac:dyDescent="0.25">
      <c r="A2278">
        <v>9476</v>
      </c>
      <c r="B2278" t="s">
        <v>16</v>
      </c>
      <c r="C2278">
        <v>5</v>
      </c>
      <c r="D2278" t="s">
        <v>439</v>
      </c>
      <c r="E2278">
        <v>47</v>
      </c>
      <c r="F2278" t="s">
        <v>651</v>
      </c>
      <c r="G2278">
        <v>160</v>
      </c>
      <c r="H2278" t="s">
        <v>658</v>
      </c>
      <c r="I2278">
        <v>13755</v>
      </c>
      <c r="J2278" t="s">
        <v>699</v>
      </c>
      <c r="K2278">
        <v>10</v>
      </c>
      <c r="L2278" t="s">
        <v>700</v>
      </c>
      <c r="M2278">
        <v>348</v>
      </c>
      <c r="N2278" t="s">
        <v>654</v>
      </c>
      <c r="O2278">
        <v>3</v>
      </c>
      <c r="P2278" t="s">
        <v>655</v>
      </c>
      <c r="Q2278">
        <v>1</v>
      </c>
      <c r="R2278" t="s">
        <v>669</v>
      </c>
      <c r="S2278">
        <v>1</v>
      </c>
      <c r="T2278" t="s">
        <v>1791</v>
      </c>
      <c r="U2278">
        <v>236</v>
      </c>
      <c r="V2278">
        <v>3</v>
      </c>
      <c r="W2278">
        <v>180</v>
      </c>
      <c r="X2278">
        <v>2020</v>
      </c>
    </row>
    <row r="2279" spans="1:24" x14ac:dyDescent="0.25">
      <c r="A2279">
        <v>9475</v>
      </c>
      <c r="B2279" t="s">
        <v>16</v>
      </c>
      <c r="C2279">
        <v>5</v>
      </c>
      <c r="D2279" t="s">
        <v>439</v>
      </c>
      <c r="E2279">
        <v>47</v>
      </c>
      <c r="F2279" t="s">
        <v>651</v>
      </c>
      <c r="G2279">
        <v>160</v>
      </c>
      <c r="H2279" t="s">
        <v>658</v>
      </c>
      <c r="I2279">
        <v>13755</v>
      </c>
      <c r="J2279" t="s">
        <v>699</v>
      </c>
      <c r="K2279">
        <v>10</v>
      </c>
      <c r="L2279" t="s">
        <v>700</v>
      </c>
      <c r="M2279">
        <v>348</v>
      </c>
      <c r="N2279" t="s">
        <v>654</v>
      </c>
      <c r="O2279">
        <v>3</v>
      </c>
      <c r="P2279" t="s">
        <v>655</v>
      </c>
      <c r="Q2279">
        <v>1</v>
      </c>
      <c r="R2279" t="s">
        <v>669</v>
      </c>
      <c r="S2279">
        <v>1</v>
      </c>
      <c r="T2279" t="s">
        <v>1792</v>
      </c>
      <c r="U2279">
        <v>371</v>
      </c>
      <c r="V2279">
        <v>3</v>
      </c>
      <c r="W2279">
        <v>180</v>
      </c>
      <c r="X2279">
        <v>2020</v>
      </c>
    </row>
    <row r="2280" spans="1:24" x14ac:dyDescent="0.25">
      <c r="A2280">
        <v>9474</v>
      </c>
      <c r="B2280" t="s">
        <v>16</v>
      </c>
      <c r="C2280">
        <v>5</v>
      </c>
      <c r="D2280" t="s">
        <v>439</v>
      </c>
      <c r="E2280">
        <v>47</v>
      </c>
      <c r="F2280" t="s">
        <v>651</v>
      </c>
      <c r="G2280">
        <v>160</v>
      </c>
      <c r="H2280" t="s">
        <v>658</v>
      </c>
      <c r="I2280">
        <v>13755</v>
      </c>
      <c r="J2280" t="s">
        <v>699</v>
      </c>
      <c r="K2280">
        <v>10</v>
      </c>
      <c r="L2280" t="s">
        <v>700</v>
      </c>
      <c r="M2280">
        <v>348</v>
      </c>
      <c r="N2280" t="s">
        <v>654</v>
      </c>
      <c r="O2280">
        <v>3</v>
      </c>
      <c r="P2280" t="s">
        <v>655</v>
      </c>
      <c r="Q2280">
        <v>1</v>
      </c>
      <c r="R2280" t="s">
        <v>669</v>
      </c>
      <c r="S2280">
        <v>1</v>
      </c>
      <c r="T2280" t="s">
        <v>1754</v>
      </c>
      <c r="U2280">
        <v>48</v>
      </c>
      <c r="V2280">
        <v>3</v>
      </c>
      <c r="W2280">
        <v>180</v>
      </c>
      <c r="X2280">
        <v>2020</v>
      </c>
    </row>
    <row r="2281" spans="1:24" x14ac:dyDescent="0.25">
      <c r="A2281">
        <v>9473</v>
      </c>
      <c r="B2281" t="s">
        <v>16</v>
      </c>
      <c r="C2281">
        <v>5</v>
      </c>
      <c r="D2281" t="s">
        <v>439</v>
      </c>
      <c r="E2281">
        <v>47</v>
      </c>
      <c r="F2281" t="s">
        <v>651</v>
      </c>
      <c r="G2281">
        <v>160</v>
      </c>
      <c r="H2281" t="s">
        <v>658</v>
      </c>
      <c r="I2281">
        <v>13755</v>
      </c>
      <c r="J2281" t="s">
        <v>699</v>
      </c>
      <c r="K2281">
        <v>10</v>
      </c>
      <c r="L2281" t="s">
        <v>700</v>
      </c>
      <c r="M2281">
        <v>348</v>
      </c>
      <c r="N2281" t="s">
        <v>654</v>
      </c>
      <c r="O2281">
        <v>3</v>
      </c>
      <c r="P2281" t="s">
        <v>655</v>
      </c>
      <c r="Q2281">
        <v>1</v>
      </c>
      <c r="R2281" t="s">
        <v>669</v>
      </c>
      <c r="S2281">
        <v>1</v>
      </c>
      <c r="T2281" t="s">
        <v>1421</v>
      </c>
      <c r="U2281">
        <v>51</v>
      </c>
      <c r="V2281">
        <v>3</v>
      </c>
      <c r="W2281">
        <v>180</v>
      </c>
      <c r="X2281">
        <v>2020</v>
      </c>
    </row>
    <row r="2282" spans="1:24" x14ac:dyDescent="0.25">
      <c r="A2282">
        <v>9472</v>
      </c>
      <c r="B2282" t="s">
        <v>16</v>
      </c>
      <c r="C2282">
        <v>5</v>
      </c>
      <c r="D2282" t="s">
        <v>439</v>
      </c>
      <c r="E2282">
        <v>47</v>
      </c>
      <c r="F2282" t="s">
        <v>651</v>
      </c>
      <c r="G2282">
        <v>160</v>
      </c>
      <c r="H2282" t="s">
        <v>658</v>
      </c>
      <c r="I2282">
        <v>13755</v>
      </c>
      <c r="J2282" t="s">
        <v>699</v>
      </c>
      <c r="K2282">
        <v>10</v>
      </c>
      <c r="L2282" t="s">
        <v>700</v>
      </c>
      <c r="M2282">
        <v>348</v>
      </c>
      <c r="N2282" t="s">
        <v>654</v>
      </c>
      <c r="O2282">
        <v>3</v>
      </c>
      <c r="P2282" t="s">
        <v>655</v>
      </c>
      <c r="Q2282">
        <v>1</v>
      </c>
      <c r="R2282" t="s">
        <v>669</v>
      </c>
      <c r="S2282">
        <v>1</v>
      </c>
      <c r="T2282" t="s">
        <v>1793</v>
      </c>
      <c r="U2282">
        <v>49</v>
      </c>
      <c r="V2282">
        <v>3</v>
      </c>
      <c r="W2282">
        <v>180</v>
      </c>
      <c r="X2282">
        <v>2020</v>
      </c>
    </row>
    <row r="2283" spans="1:24" x14ac:dyDescent="0.25">
      <c r="A2283">
        <v>9471</v>
      </c>
      <c r="B2283" t="s">
        <v>16</v>
      </c>
      <c r="C2283">
        <v>5</v>
      </c>
      <c r="D2283" t="s">
        <v>439</v>
      </c>
      <c r="E2283">
        <v>47</v>
      </c>
      <c r="F2283" t="s">
        <v>651</v>
      </c>
      <c r="G2283">
        <v>160</v>
      </c>
      <c r="H2283" t="s">
        <v>658</v>
      </c>
      <c r="I2283">
        <v>13755</v>
      </c>
      <c r="J2283" t="s">
        <v>699</v>
      </c>
      <c r="K2283">
        <v>10</v>
      </c>
      <c r="L2283" t="s">
        <v>700</v>
      </c>
      <c r="M2283">
        <v>348</v>
      </c>
      <c r="N2283" t="s">
        <v>654</v>
      </c>
      <c r="O2283">
        <v>3</v>
      </c>
      <c r="P2283" t="s">
        <v>655</v>
      </c>
      <c r="Q2283">
        <v>1</v>
      </c>
      <c r="R2283" t="s">
        <v>669</v>
      </c>
      <c r="S2283">
        <v>1</v>
      </c>
      <c r="T2283" t="s">
        <v>1035</v>
      </c>
      <c r="U2283">
        <v>46</v>
      </c>
      <c r="V2283">
        <v>3</v>
      </c>
      <c r="W2283">
        <v>180</v>
      </c>
      <c r="X2283">
        <v>2020</v>
      </c>
    </row>
    <row r="2284" spans="1:24" x14ac:dyDescent="0.25">
      <c r="A2284">
        <v>9470</v>
      </c>
      <c r="B2284" t="s">
        <v>16</v>
      </c>
      <c r="C2284">
        <v>5</v>
      </c>
      <c r="D2284" t="s">
        <v>439</v>
      </c>
      <c r="E2284">
        <v>47</v>
      </c>
      <c r="F2284" t="s">
        <v>651</v>
      </c>
      <c r="G2284">
        <v>160</v>
      </c>
      <c r="H2284" t="s">
        <v>658</v>
      </c>
      <c r="I2284">
        <v>13755</v>
      </c>
      <c r="J2284" t="s">
        <v>699</v>
      </c>
      <c r="K2284">
        <v>10</v>
      </c>
      <c r="L2284" t="s">
        <v>700</v>
      </c>
      <c r="M2284">
        <v>348</v>
      </c>
      <c r="N2284" t="s">
        <v>654</v>
      </c>
      <c r="O2284">
        <v>3</v>
      </c>
      <c r="P2284" t="s">
        <v>655</v>
      </c>
      <c r="Q2284">
        <v>1</v>
      </c>
      <c r="R2284" t="s">
        <v>669</v>
      </c>
      <c r="S2284">
        <v>1</v>
      </c>
      <c r="T2284" t="s">
        <v>1423</v>
      </c>
      <c r="U2284">
        <v>47</v>
      </c>
      <c r="V2284">
        <v>3</v>
      </c>
      <c r="W2284">
        <v>180</v>
      </c>
      <c r="X2284">
        <v>2020</v>
      </c>
    </row>
    <row r="2285" spans="1:24" x14ac:dyDescent="0.25">
      <c r="A2285">
        <v>9469</v>
      </c>
      <c r="B2285" t="s">
        <v>16</v>
      </c>
      <c r="C2285">
        <v>5</v>
      </c>
      <c r="D2285" t="s">
        <v>439</v>
      </c>
      <c r="E2285">
        <v>47</v>
      </c>
      <c r="F2285" t="s">
        <v>651</v>
      </c>
      <c r="G2285">
        <v>160</v>
      </c>
      <c r="H2285" t="s">
        <v>658</v>
      </c>
      <c r="I2285">
        <v>13755</v>
      </c>
      <c r="J2285" t="s">
        <v>699</v>
      </c>
      <c r="K2285">
        <v>10</v>
      </c>
      <c r="L2285" t="s">
        <v>700</v>
      </c>
      <c r="M2285">
        <v>348</v>
      </c>
      <c r="N2285" t="s">
        <v>654</v>
      </c>
      <c r="O2285">
        <v>3</v>
      </c>
      <c r="P2285" t="s">
        <v>655</v>
      </c>
      <c r="Q2285">
        <v>1</v>
      </c>
      <c r="R2285" t="s">
        <v>669</v>
      </c>
      <c r="S2285">
        <v>1</v>
      </c>
      <c r="T2285" t="s">
        <v>1794</v>
      </c>
      <c r="U2285">
        <v>238</v>
      </c>
      <c r="V2285">
        <v>3</v>
      </c>
      <c r="W2285">
        <v>180</v>
      </c>
      <c r="X2285">
        <v>2020</v>
      </c>
    </row>
    <row r="2286" spans="1:24" x14ac:dyDescent="0.25">
      <c r="A2286">
        <v>9468</v>
      </c>
      <c r="B2286" t="s">
        <v>16</v>
      </c>
      <c r="C2286">
        <v>5</v>
      </c>
      <c r="D2286" t="s">
        <v>439</v>
      </c>
      <c r="E2286">
        <v>47</v>
      </c>
      <c r="F2286" t="s">
        <v>651</v>
      </c>
      <c r="G2286">
        <v>160</v>
      </c>
      <c r="H2286" t="s">
        <v>658</v>
      </c>
      <c r="I2286">
        <v>13755</v>
      </c>
      <c r="J2286" t="s">
        <v>699</v>
      </c>
      <c r="K2286">
        <v>10</v>
      </c>
      <c r="L2286" t="s">
        <v>700</v>
      </c>
      <c r="M2286">
        <v>348</v>
      </c>
      <c r="N2286" t="s">
        <v>654</v>
      </c>
      <c r="O2286">
        <v>3</v>
      </c>
      <c r="P2286" t="s">
        <v>655</v>
      </c>
      <c r="Q2286">
        <v>1</v>
      </c>
      <c r="R2286" t="s">
        <v>669</v>
      </c>
      <c r="S2286">
        <v>1</v>
      </c>
      <c r="T2286" t="s">
        <v>1424</v>
      </c>
      <c r="U2286">
        <v>62</v>
      </c>
      <c r="V2286">
        <v>3</v>
      </c>
      <c r="W2286">
        <v>180</v>
      </c>
      <c r="X2286">
        <v>2020</v>
      </c>
    </row>
    <row r="2287" spans="1:24" x14ac:dyDescent="0.25">
      <c r="A2287">
        <v>9467</v>
      </c>
      <c r="B2287" t="s">
        <v>16</v>
      </c>
      <c r="C2287">
        <v>5</v>
      </c>
      <c r="D2287" t="s">
        <v>439</v>
      </c>
      <c r="E2287">
        <v>47</v>
      </c>
      <c r="F2287" t="s">
        <v>651</v>
      </c>
      <c r="G2287">
        <v>160</v>
      </c>
      <c r="H2287" t="s">
        <v>658</v>
      </c>
      <c r="I2287">
        <v>13755</v>
      </c>
      <c r="J2287" t="s">
        <v>699</v>
      </c>
      <c r="K2287">
        <v>10</v>
      </c>
      <c r="L2287" t="s">
        <v>700</v>
      </c>
      <c r="M2287">
        <v>348</v>
      </c>
      <c r="N2287" t="s">
        <v>654</v>
      </c>
      <c r="O2287">
        <v>3</v>
      </c>
      <c r="P2287" t="s">
        <v>655</v>
      </c>
      <c r="Q2287">
        <v>1</v>
      </c>
      <c r="R2287" t="s">
        <v>669</v>
      </c>
      <c r="S2287">
        <v>1</v>
      </c>
      <c r="T2287" t="s">
        <v>942</v>
      </c>
      <c r="U2287">
        <v>58</v>
      </c>
      <c r="V2287">
        <v>3</v>
      </c>
      <c r="W2287">
        <v>180</v>
      </c>
      <c r="X2287">
        <v>2020</v>
      </c>
    </row>
    <row r="2288" spans="1:24" x14ac:dyDescent="0.25">
      <c r="A2288">
        <v>9466</v>
      </c>
      <c r="B2288" t="s">
        <v>16</v>
      </c>
      <c r="C2288">
        <v>5</v>
      </c>
      <c r="D2288" t="s">
        <v>439</v>
      </c>
      <c r="E2288">
        <v>47</v>
      </c>
      <c r="F2288" t="s">
        <v>651</v>
      </c>
      <c r="G2288">
        <v>160</v>
      </c>
      <c r="H2288" t="s">
        <v>658</v>
      </c>
      <c r="I2288">
        <v>13755</v>
      </c>
      <c r="J2288" t="s">
        <v>699</v>
      </c>
      <c r="K2288">
        <v>10</v>
      </c>
      <c r="L2288" t="s">
        <v>700</v>
      </c>
      <c r="M2288">
        <v>348</v>
      </c>
      <c r="N2288" t="s">
        <v>654</v>
      </c>
      <c r="O2288">
        <v>3</v>
      </c>
      <c r="P2288" t="s">
        <v>655</v>
      </c>
      <c r="Q2288">
        <v>1</v>
      </c>
      <c r="R2288" t="s">
        <v>669</v>
      </c>
      <c r="S2288">
        <v>1</v>
      </c>
      <c r="T2288" t="s">
        <v>1795</v>
      </c>
      <c r="U2288">
        <v>370</v>
      </c>
      <c r="V2288">
        <v>3</v>
      </c>
      <c r="W2288">
        <v>180</v>
      </c>
      <c r="X2288">
        <v>2020</v>
      </c>
    </row>
    <row r="2289" spans="1:24" x14ac:dyDescent="0.25">
      <c r="A2289">
        <v>9465</v>
      </c>
      <c r="B2289" t="s">
        <v>16</v>
      </c>
      <c r="C2289">
        <v>5</v>
      </c>
      <c r="D2289" t="s">
        <v>439</v>
      </c>
      <c r="E2289">
        <v>47</v>
      </c>
      <c r="F2289" t="s">
        <v>651</v>
      </c>
      <c r="G2289">
        <v>160</v>
      </c>
      <c r="H2289" t="s">
        <v>658</v>
      </c>
      <c r="I2289">
        <v>13755</v>
      </c>
      <c r="J2289" t="s">
        <v>699</v>
      </c>
      <c r="K2289">
        <v>10</v>
      </c>
      <c r="L2289" t="s">
        <v>700</v>
      </c>
      <c r="M2289">
        <v>348</v>
      </c>
      <c r="N2289" t="s">
        <v>654</v>
      </c>
      <c r="O2289">
        <v>3</v>
      </c>
      <c r="P2289" t="s">
        <v>655</v>
      </c>
      <c r="Q2289">
        <v>1</v>
      </c>
      <c r="R2289" t="s">
        <v>669</v>
      </c>
      <c r="S2289">
        <v>1</v>
      </c>
      <c r="T2289" t="s">
        <v>1796</v>
      </c>
      <c r="U2289">
        <v>237</v>
      </c>
      <c r="V2289">
        <v>3</v>
      </c>
      <c r="W2289">
        <v>180</v>
      </c>
      <c r="X2289">
        <v>2020</v>
      </c>
    </row>
    <row r="2290" spans="1:24" x14ac:dyDescent="0.25">
      <c r="A2290">
        <v>9464</v>
      </c>
      <c r="B2290" t="s">
        <v>16</v>
      </c>
      <c r="C2290">
        <v>5</v>
      </c>
      <c r="D2290" t="s">
        <v>439</v>
      </c>
      <c r="E2290">
        <v>47</v>
      </c>
      <c r="F2290" t="s">
        <v>651</v>
      </c>
      <c r="G2290">
        <v>160</v>
      </c>
      <c r="H2290" t="s">
        <v>658</v>
      </c>
      <c r="I2290">
        <v>13755</v>
      </c>
      <c r="J2290" t="s">
        <v>699</v>
      </c>
      <c r="K2290">
        <v>10</v>
      </c>
      <c r="L2290" t="s">
        <v>700</v>
      </c>
      <c r="M2290">
        <v>348</v>
      </c>
      <c r="N2290" t="s">
        <v>654</v>
      </c>
      <c r="O2290">
        <v>3</v>
      </c>
      <c r="P2290" t="s">
        <v>655</v>
      </c>
      <c r="Q2290">
        <v>1</v>
      </c>
      <c r="R2290" t="s">
        <v>669</v>
      </c>
      <c r="S2290">
        <v>1</v>
      </c>
      <c r="T2290" t="s">
        <v>1797</v>
      </c>
      <c r="U2290">
        <v>131</v>
      </c>
      <c r="V2290">
        <v>3</v>
      </c>
      <c r="W2290">
        <v>180</v>
      </c>
      <c r="X2290">
        <v>2020</v>
      </c>
    </row>
    <row r="2291" spans="1:24" x14ac:dyDescent="0.25">
      <c r="A2291">
        <v>9463</v>
      </c>
      <c r="B2291" t="s">
        <v>16</v>
      </c>
      <c r="C2291">
        <v>5</v>
      </c>
      <c r="D2291" t="s">
        <v>439</v>
      </c>
      <c r="E2291">
        <v>47</v>
      </c>
      <c r="F2291" t="s">
        <v>651</v>
      </c>
      <c r="G2291">
        <v>160</v>
      </c>
      <c r="H2291" t="s">
        <v>658</v>
      </c>
      <c r="I2291">
        <v>13755</v>
      </c>
      <c r="J2291" t="s">
        <v>699</v>
      </c>
      <c r="K2291">
        <v>10</v>
      </c>
      <c r="L2291" t="s">
        <v>700</v>
      </c>
      <c r="M2291">
        <v>348</v>
      </c>
      <c r="N2291" t="s">
        <v>654</v>
      </c>
      <c r="O2291">
        <v>3</v>
      </c>
      <c r="P2291" t="s">
        <v>655</v>
      </c>
      <c r="Q2291">
        <v>1</v>
      </c>
      <c r="R2291" t="s">
        <v>669</v>
      </c>
      <c r="S2291">
        <v>1</v>
      </c>
      <c r="T2291" t="s">
        <v>1798</v>
      </c>
      <c r="U2291">
        <v>134</v>
      </c>
      <c r="V2291">
        <v>3</v>
      </c>
      <c r="W2291">
        <v>180</v>
      </c>
      <c r="X2291">
        <v>2020</v>
      </c>
    </row>
    <row r="2292" spans="1:24" x14ac:dyDescent="0.25">
      <c r="A2292">
        <v>9462</v>
      </c>
      <c r="B2292" t="s">
        <v>16</v>
      </c>
      <c r="C2292">
        <v>5</v>
      </c>
      <c r="D2292" t="s">
        <v>439</v>
      </c>
      <c r="E2292">
        <v>47</v>
      </c>
      <c r="F2292" t="s">
        <v>651</v>
      </c>
      <c r="G2292">
        <v>160</v>
      </c>
      <c r="H2292" t="s">
        <v>658</v>
      </c>
      <c r="I2292">
        <v>13755</v>
      </c>
      <c r="J2292" t="s">
        <v>699</v>
      </c>
      <c r="K2292">
        <v>10</v>
      </c>
      <c r="L2292" t="s">
        <v>700</v>
      </c>
      <c r="M2292">
        <v>348</v>
      </c>
      <c r="N2292" t="s">
        <v>654</v>
      </c>
      <c r="O2292">
        <v>3</v>
      </c>
      <c r="P2292" t="s">
        <v>655</v>
      </c>
      <c r="Q2292">
        <v>1</v>
      </c>
      <c r="R2292" t="s">
        <v>669</v>
      </c>
      <c r="S2292">
        <v>1</v>
      </c>
      <c r="T2292" t="s">
        <v>1799</v>
      </c>
      <c r="U2292">
        <v>135</v>
      </c>
      <c r="V2292">
        <v>3</v>
      </c>
      <c r="W2292">
        <v>180</v>
      </c>
      <c r="X2292">
        <v>2020</v>
      </c>
    </row>
    <row r="2293" spans="1:24" x14ac:dyDescent="0.25">
      <c r="A2293">
        <v>9461</v>
      </c>
      <c r="B2293" t="s">
        <v>16</v>
      </c>
      <c r="C2293">
        <v>5</v>
      </c>
      <c r="D2293" t="s">
        <v>439</v>
      </c>
      <c r="E2293">
        <v>47</v>
      </c>
      <c r="F2293" t="s">
        <v>651</v>
      </c>
      <c r="G2293">
        <v>160</v>
      </c>
      <c r="H2293" t="s">
        <v>658</v>
      </c>
      <c r="I2293">
        <v>13755</v>
      </c>
      <c r="J2293" t="s">
        <v>699</v>
      </c>
      <c r="K2293">
        <v>10</v>
      </c>
      <c r="L2293" t="s">
        <v>700</v>
      </c>
      <c r="M2293">
        <v>348</v>
      </c>
      <c r="N2293" t="s">
        <v>654</v>
      </c>
      <c r="O2293">
        <v>3</v>
      </c>
      <c r="P2293" t="s">
        <v>655</v>
      </c>
      <c r="Q2293">
        <v>1</v>
      </c>
      <c r="R2293" t="s">
        <v>669</v>
      </c>
      <c r="S2293">
        <v>1</v>
      </c>
      <c r="T2293" t="s">
        <v>1800</v>
      </c>
      <c r="U2293">
        <v>133</v>
      </c>
      <c r="V2293">
        <v>3</v>
      </c>
      <c r="W2293">
        <v>180</v>
      </c>
      <c r="X2293">
        <v>2020</v>
      </c>
    </row>
    <row r="2294" spans="1:24" x14ac:dyDescent="0.25">
      <c r="A2294">
        <v>9460</v>
      </c>
      <c r="B2294" t="s">
        <v>16</v>
      </c>
      <c r="C2294">
        <v>5</v>
      </c>
      <c r="D2294" t="s">
        <v>439</v>
      </c>
      <c r="E2294">
        <v>47</v>
      </c>
      <c r="F2294" t="s">
        <v>651</v>
      </c>
      <c r="G2294">
        <v>160</v>
      </c>
      <c r="H2294" t="s">
        <v>658</v>
      </c>
      <c r="I2294">
        <v>13755</v>
      </c>
      <c r="J2294" t="s">
        <v>699</v>
      </c>
      <c r="K2294">
        <v>10</v>
      </c>
      <c r="L2294" t="s">
        <v>700</v>
      </c>
      <c r="M2294">
        <v>348</v>
      </c>
      <c r="N2294" t="s">
        <v>654</v>
      </c>
      <c r="O2294">
        <v>3</v>
      </c>
      <c r="P2294" t="s">
        <v>655</v>
      </c>
      <c r="Q2294">
        <v>1</v>
      </c>
      <c r="R2294" t="s">
        <v>669</v>
      </c>
      <c r="S2294">
        <v>1</v>
      </c>
      <c r="T2294" t="s">
        <v>1801</v>
      </c>
      <c r="U2294">
        <v>132</v>
      </c>
      <c r="V2294">
        <v>3</v>
      </c>
      <c r="W2294">
        <v>180</v>
      </c>
      <c r="X2294">
        <v>2020</v>
      </c>
    </row>
    <row r="2295" spans="1:24" x14ac:dyDescent="0.25">
      <c r="A2295">
        <v>9459</v>
      </c>
      <c r="B2295" t="s">
        <v>16</v>
      </c>
      <c r="C2295">
        <v>5</v>
      </c>
      <c r="D2295" t="s">
        <v>439</v>
      </c>
      <c r="E2295">
        <v>47</v>
      </c>
      <c r="F2295" t="s">
        <v>651</v>
      </c>
      <c r="G2295">
        <v>160</v>
      </c>
      <c r="H2295" t="s">
        <v>658</v>
      </c>
      <c r="I2295">
        <v>13755</v>
      </c>
      <c r="J2295" t="s">
        <v>699</v>
      </c>
      <c r="K2295">
        <v>10</v>
      </c>
      <c r="L2295" t="s">
        <v>700</v>
      </c>
      <c r="M2295">
        <v>348</v>
      </c>
      <c r="N2295" t="s">
        <v>654</v>
      </c>
      <c r="O2295">
        <v>3</v>
      </c>
      <c r="P2295" t="s">
        <v>655</v>
      </c>
      <c r="Q2295">
        <v>1</v>
      </c>
      <c r="R2295" t="s">
        <v>669</v>
      </c>
      <c r="S2295">
        <v>1</v>
      </c>
      <c r="T2295" t="s">
        <v>1802</v>
      </c>
      <c r="U2295">
        <v>369</v>
      </c>
      <c r="V2295">
        <v>3</v>
      </c>
      <c r="W2295">
        <v>180</v>
      </c>
      <c r="X2295">
        <v>2020</v>
      </c>
    </row>
    <row r="2296" spans="1:24" x14ac:dyDescent="0.25">
      <c r="A2296">
        <v>9458</v>
      </c>
      <c r="B2296" t="s">
        <v>16</v>
      </c>
      <c r="C2296">
        <v>5</v>
      </c>
      <c r="D2296" t="s">
        <v>439</v>
      </c>
      <c r="E2296">
        <v>47</v>
      </c>
      <c r="F2296" t="s">
        <v>651</v>
      </c>
      <c r="G2296">
        <v>160</v>
      </c>
      <c r="H2296" t="s">
        <v>658</v>
      </c>
      <c r="I2296">
        <v>13755</v>
      </c>
      <c r="J2296" t="s">
        <v>699</v>
      </c>
      <c r="K2296">
        <v>10</v>
      </c>
      <c r="L2296" t="s">
        <v>700</v>
      </c>
      <c r="M2296">
        <v>348</v>
      </c>
      <c r="N2296" t="s">
        <v>654</v>
      </c>
      <c r="O2296">
        <v>3</v>
      </c>
      <c r="P2296" t="s">
        <v>655</v>
      </c>
      <c r="Q2296">
        <v>1</v>
      </c>
      <c r="R2296" t="s">
        <v>669</v>
      </c>
      <c r="S2296">
        <v>1</v>
      </c>
      <c r="T2296" t="s">
        <v>1803</v>
      </c>
      <c r="U2296">
        <v>136</v>
      </c>
      <c r="V2296">
        <v>3</v>
      </c>
      <c r="W2296">
        <v>180</v>
      </c>
      <c r="X2296">
        <v>2020</v>
      </c>
    </row>
    <row r="2297" spans="1:24" x14ac:dyDescent="0.25">
      <c r="A2297">
        <v>9457</v>
      </c>
      <c r="B2297" t="s">
        <v>16</v>
      </c>
      <c r="C2297">
        <v>5</v>
      </c>
      <c r="D2297" t="s">
        <v>439</v>
      </c>
      <c r="E2297">
        <v>47</v>
      </c>
      <c r="F2297" t="s">
        <v>651</v>
      </c>
      <c r="G2297">
        <v>160</v>
      </c>
      <c r="H2297" t="s">
        <v>658</v>
      </c>
      <c r="I2297">
        <v>13755</v>
      </c>
      <c r="J2297" t="s">
        <v>699</v>
      </c>
      <c r="K2297">
        <v>10</v>
      </c>
      <c r="L2297" t="s">
        <v>700</v>
      </c>
      <c r="M2297">
        <v>348</v>
      </c>
      <c r="N2297" t="s">
        <v>654</v>
      </c>
      <c r="O2297">
        <v>3</v>
      </c>
      <c r="P2297" t="s">
        <v>655</v>
      </c>
      <c r="Q2297">
        <v>1</v>
      </c>
      <c r="R2297" t="s">
        <v>669</v>
      </c>
      <c r="S2297">
        <v>1</v>
      </c>
      <c r="T2297" t="s">
        <v>1804</v>
      </c>
      <c r="U2297">
        <v>245</v>
      </c>
      <c r="V2297">
        <v>3</v>
      </c>
      <c r="W2297">
        <v>180</v>
      </c>
      <c r="X2297">
        <v>2020</v>
      </c>
    </row>
    <row r="2298" spans="1:24" x14ac:dyDescent="0.25">
      <c r="A2298">
        <v>9456</v>
      </c>
      <c r="B2298" t="s">
        <v>16</v>
      </c>
      <c r="C2298">
        <v>5</v>
      </c>
      <c r="D2298" t="s">
        <v>439</v>
      </c>
      <c r="E2298">
        <v>47</v>
      </c>
      <c r="F2298" t="s">
        <v>651</v>
      </c>
      <c r="G2298">
        <v>160</v>
      </c>
      <c r="H2298" t="s">
        <v>658</v>
      </c>
      <c r="I2298">
        <v>13755</v>
      </c>
      <c r="J2298" t="s">
        <v>699</v>
      </c>
      <c r="K2298">
        <v>10</v>
      </c>
      <c r="L2298" t="s">
        <v>700</v>
      </c>
      <c r="M2298">
        <v>348</v>
      </c>
      <c r="N2298" t="s">
        <v>654</v>
      </c>
      <c r="O2298">
        <v>3</v>
      </c>
      <c r="P2298" t="s">
        <v>655</v>
      </c>
      <c r="Q2298">
        <v>1</v>
      </c>
      <c r="R2298" t="s">
        <v>669</v>
      </c>
      <c r="S2298">
        <v>1</v>
      </c>
      <c r="T2298" t="s">
        <v>1805</v>
      </c>
      <c r="U2298">
        <v>26</v>
      </c>
      <c r="V2298">
        <v>3</v>
      </c>
      <c r="W2298">
        <v>180</v>
      </c>
      <c r="X2298">
        <v>2020</v>
      </c>
    </row>
    <row r="2299" spans="1:24" x14ac:dyDescent="0.25">
      <c r="A2299">
        <v>9455</v>
      </c>
      <c r="B2299" t="s">
        <v>16</v>
      </c>
      <c r="C2299">
        <v>5</v>
      </c>
      <c r="D2299" t="s">
        <v>439</v>
      </c>
      <c r="E2299">
        <v>47</v>
      </c>
      <c r="F2299" t="s">
        <v>651</v>
      </c>
      <c r="G2299">
        <v>160</v>
      </c>
      <c r="H2299" t="s">
        <v>658</v>
      </c>
      <c r="I2299">
        <v>13755</v>
      </c>
      <c r="J2299" t="s">
        <v>699</v>
      </c>
      <c r="K2299">
        <v>10</v>
      </c>
      <c r="L2299" t="s">
        <v>700</v>
      </c>
      <c r="M2299">
        <v>348</v>
      </c>
      <c r="N2299" t="s">
        <v>654</v>
      </c>
      <c r="O2299">
        <v>3</v>
      </c>
      <c r="P2299" t="s">
        <v>655</v>
      </c>
      <c r="Q2299">
        <v>1</v>
      </c>
      <c r="R2299" t="s">
        <v>669</v>
      </c>
      <c r="S2299">
        <v>1</v>
      </c>
      <c r="T2299" t="s">
        <v>1806</v>
      </c>
      <c r="U2299">
        <v>24</v>
      </c>
      <c r="V2299">
        <v>3</v>
      </c>
      <c r="W2299">
        <v>180</v>
      </c>
      <c r="X2299">
        <v>2020</v>
      </c>
    </row>
    <row r="2300" spans="1:24" x14ac:dyDescent="0.25">
      <c r="A2300">
        <v>9454</v>
      </c>
      <c r="B2300" t="s">
        <v>16</v>
      </c>
      <c r="C2300">
        <v>5</v>
      </c>
      <c r="D2300" t="s">
        <v>439</v>
      </c>
      <c r="E2300">
        <v>47</v>
      </c>
      <c r="F2300" t="s">
        <v>651</v>
      </c>
      <c r="G2300">
        <v>160</v>
      </c>
      <c r="H2300" t="s">
        <v>658</v>
      </c>
      <c r="I2300">
        <v>13755</v>
      </c>
      <c r="J2300" t="s">
        <v>699</v>
      </c>
      <c r="K2300">
        <v>10</v>
      </c>
      <c r="L2300" t="s">
        <v>700</v>
      </c>
      <c r="M2300">
        <v>348</v>
      </c>
      <c r="N2300" t="s">
        <v>654</v>
      </c>
      <c r="O2300">
        <v>3</v>
      </c>
      <c r="P2300" t="s">
        <v>655</v>
      </c>
      <c r="Q2300">
        <v>1</v>
      </c>
      <c r="R2300" t="s">
        <v>669</v>
      </c>
      <c r="S2300">
        <v>1</v>
      </c>
      <c r="T2300" t="s">
        <v>1807</v>
      </c>
      <c r="U2300">
        <v>368</v>
      </c>
      <c r="V2300">
        <v>3</v>
      </c>
      <c r="W2300">
        <v>180</v>
      </c>
      <c r="X2300">
        <v>2020</v>
      </c>
    </row>
    <row r="2301" spans="1:24" x14ac:dyDescent="0.25">
      <c r="A2301">
        <v>9453</v>
      </c>
      <c r="B2301" t="s">
        <v>16</v>
      </c>
      <c r="C2301">
        <v>5</v>
      </c>
      <c r="D2301" t="s">
        <v>439</v>
      </c>
      <c r="E2301">
        <v>47</v>
      </c>
      <c r="F2301" t="s">
        <v>651</v>
      </c>
      <c r="G2301">
        <v>160</v>
      </c>
      <c r="H2301" t="s">
        <v>658</v>
      </c>
      <c r="I2301">
        <v>13755</v>
      </c>
      <c r="J2301" t="s">
        <v>699</v>
      </c>
      <c r="K2301">
        <v>10</v>
      </c>
      <c r="L2301" t="s">
        <v>700</v>
      </c>
      <c r="M2301">
        <v>348</v>
      </c>
      <c r="N2301" t="s">
        <v>654</v>
      </c>
      <c r="O2301">
        <v>3</v>
      </c>
      <c r="P2301" t="s">
        <v>655</v>
      </c>
      <c r="Q2301">
        <v>1</v>
      </c>
      <c r="R2301" t="s">
        <v>669</v>
      </c>
      <c r="S2301">
        <v>1</v>
      </c>
      <c r="T2301" t="s">
        <v>1808</v>
      </c>
      <c r="U2301">
        <v>367</v>
      </c>
      <c r="V2301">
        <v>3</v>
      </c>
      <c r="W2301">
        <v>180</v>
      </c>
      <c r="X2301">
        <v>2020</v>
      </c>
    </row>
    <row r="2302" spans="1:24" x14ac:dyDescent="0.25">
      <c r="A2302">
        <v>9452</v>
      </c>
      <c r="B2302" t="s">
        <v>16</v>
      </c>
      <c r="C2302">
        <v>5</v>
      </c>
      <c r="D2302" t="s">
        <v>439</v>
      </c>
      <c r="E2302">
        <v>47</v>
      </c>
      <c r="F2302" t="s">
        <v>651</v>
      </c>
      <c r="G2302">
        <v>160</v>
      </c>
      <c r="H2302" t="s">
        <v>658</v>
      </c>
      <c r="I2302">
        <v>13755</v>
      </c>
      <c r="J2302" t="s">
        <v>699</v>
      </c>
      <c r="K2302">
        <v>10</v>
      </c>
      <c r="L2302" t="s">
        <v>700</v>
      </c>
      <c r="M2302">
        <v>348</v>
      </c>
      <c r="N2302" t="s">
        <v>654</v>
      </c>
      <c r="O2302">
        <v>3</v>
      </c>
      <c r="P2302" t="s">
        <v>655</v>
      </c>
      <c r="Q2302">
        <v>1</v>
      </c>
      <c r="R2302" t="s">
        <v>669</v>
      </c>
      <c r="S2302">
        <v>1</v>
      </c>
      <c r="T2302" t="s">
        <v>1809</v>
      </c>
      <c r="U2302">
        <v>366</v>
      </c>
      <c r="V2302">
        <v>3</v>
      </c>
      <c r="W2302">
        <v>180</v>
      </c>
      <c r="X2302">
        <v>2020</v>
      </c>
    </row>
    <row r="2303" spans="1:24" x14ac:dyDescent="0.25">
      <c r="A2303">
        <v>9451</v>
      </c>
      <c r="B2303" t="s">
        <v>16</v>
      </c>
      <c r="C2303">
        <v>5</v>
      </c>
      <c r="D2303" t="s">
        <v>439</v>
      </c>
      <c r="E2303">
        <v>47</v>
      </c>
      <c r="F2303" t="s">
        <v>651</v>
      </c>
      <c r="G2303">
        <v>160</v>
      </c>
      <c r="H2303" t="s">
        <v>658</v>
      </c>
      <c r="I2303">
        <v>13755</v>
      </c>
      <c r="J2303" t="s">
        <v>699</v>
      </c>
      <c r="K2303">
        <v>10</v>
      </c>
      <c r="L2303" t="s">
        <v>700</v>
      </c>
      <c r="M2303">
        <v>348</v>
      </c>
      <c r="N2303" t="s">
        <v>654</v>
      </c>
      <c r="O2303">
        <v>3</v>
      </c>
      <c r="P2303" t="s">
        <v>655</v>
      </c>
      <c r="Q2303">
        <v>1</v>
      </c>
      <c r="R2303" t="s">
        <v>669</v>
      </c>
      <c r="S2303">
        <v>1</v>
      </c>
      <c r="T2303" t="s">
        <v>1810</v>
      </c>
      <c r="U2303">
        <v>365</v>
      </c>
      <c r="V2303">
        <v>3</v>
      </c>
      <c r="W2303">
        <v>180</v>
      </c>
      <c r="X2303">
        <v>2020</v>
      </c>
    </row>
    <row r="2304" spans="1:24" x14ac:dyDescent="0.25">
      <c r="A2304">
        <v>9450</v>
      </c>
      <c r="B2304" t="s">
        <v>16</v>
      </c>
      <c r="C2304">
        <v>5</v>
      </c>
      <c r="D2304" t="s">
        <v>439</v>
      </c>
      <c r="E2304">
        <v>47</v>
      </c>
      <c r="F2304" t="s">
        <v>651</v>
      </c>
      <c r="G2304">
        <v>160</v>
      </c>
      <c r="H2304" t="s">
        <v>658</v>
      </c>
      <c r="I2304">
        <v>13755</v>
      </c>
      <c r="J2304" t="s">
        <v>699</v>
      </c>
      <c r="K2304">
        <v>10</v>
      </c>
      <c r="L2304" t="s">
        <v>700</v>
      </c>
      <c r="M2304">
        <v>348</v>
      </c>
      <c r="N2304" t="s">
        <v>654</v>
      </c>
      <c r="O2304">
        <v>3</v>
      </c>
      <c r="P2304" t="s">
        <v>655</v>
      </c>
      <c r="Q2304">
        <v>1</v>
      </c>
      <c r="R2304" t="s">
        <v>669</v>
      </c>
      <c r="S2304">
        <v>1</v>
      </c>
      <c r="T2304" t="s">
        <v>1811</v>
      </c>
      <c r="U2304">
        <v>364</v>
      </c>
      <c r="V2304">
        <v>3</v>
      </c>
      <c r="W2304">
        <v>180</v>
      </c>
      <c r="X2304">
        <v>2020</v>
      </c>
    </row>
    <row r="2305" spans="1:24" x14ac:dyDescent="0.25">
      <c r="A2305">
        <v>9449</v>
      </c>
      <c r="B2305" t="s">
        <v>16</v>
      </c>
      <c r="C2305">
        <v>5</v>
      </c>
      <c r="D2305" t="s">
        <v>439</v>
      </c>
      <c r="E2305">
        <v>47</v>
      </c>
      <c r="F2305" t="s">
        <v>651</v>
      </c>
      <c r="G2305">
        <v>160</v>
      </c>
      <c r="H2305" t="s">
        <v>658</v>
      </c>
      <c r="I2305">
        <v>13755</v>
      </c>
      <c r="J2305" t="s">
        <v>699</v>
      </c>
      <c r="K2305">
        <v>10</v>
      </c>
      <c r="L2305" t="s">
        <v>700</v>
      </c>
      <c r="M2305">
        <v>348</v>
      </c>
      <c r="N2305" t="s">
        <v>654</v>
      </c>
      <c r="O2305">
        <v>3</v>
      </c>
      <c r="P2305" t="s">
        <v>655</v>
      </c>
      <c r="Q2305">
        <v>1</v>
      </c>
      <c r="R2305" t="s">
        <v>669</v>
      </c>
      <c r="S2305">
        <v>1</v>
      </c>
      <c r="T2305" t="s">
        <v>1812</v>
      </c>
      <c r="U2305">
        <v>363</v>
      </c>
      <c r="V2305">
        <v>3</v>
      </c>
      <c r="W2305">
        <v>180</v>
      </c>
      <c r="X2305">
        <v>2020</v>
      </c>
    </row>
    <row r="2306" spans="1:24" x14ac:dyDescent="0.25">
      <c r="A2306">
        <v>9448</v>
      </c>
      <c r="B2306" t="s">
        <v>16</v>
      </c>
      <c r="C2306">
        <v>5</v>
      </c>
      <c r="D2306" t="s">
        <v>439</v>
      </c>
      <c r="E2306">
        <v>47</v>
      </c>
      <c r="F2306" t="s">
        <v>651</v>
      </c>
      <c r="G2306">
        <v>160</v>
      </c>
      <c r="H2306" t="s">
        <v>658</v>
      </c>
      <c r="I2306">
        <v>13755</v>
      </c>
      <c r="J2306" t="s">
        <v>699</v>
      </c>
      <c r="K2306">
        <v>10</v>
      </c>
      <c r="L2306" t="s">
        <v>700</v>
      </c>
      <c r="M2306">
        <v>348</v>
      </c>
      <c r="N2306" t="s">
        <v>654</v>
      </c>
      <c r="O2306">
        <v>3</v>
      </c>
      <c r="P2306" t="s">
        <v>655</v>
      </c>
      <c r="Q2306">
        <v>1</v>
      </c>
      <c r="R2306" t="s">
        <v>669</v>
      </c>
      <c r="S2306">
        <v>1</v>
      </c>
      <c r="T2306" t="s">
        <v>1813</v>
      </c>
      <c r="U2306">
        <v>94</v>
      </c>
      <c r="V2306">
        <v>3</v>
      </c>
      <c r="W2306">
        <v>180</v>
      </c>
      <c r="X2306">
        <v>2020</v>
      </c>
    </row>
    <row r="2307" spans="1:24" x14ac:dyDescent="0.25">
      <c r="A2307">
        <v>9447</v>
      </c>
      <c r="B2307" t="s">
        <v>16</v>
      </c>
      <c r="C2307">
        <v>5</v>
      </c>
      <c r="D2307" t="s">
        <v>439</v>
      </c>
      <c r="E2307">
        <v>47</v>
      </c>
      <c r="F2307" t="s">
        <v>651</v>
      </c>
      <c r="G2307">
        <v>160</v>
      </c>
      <c r="H2307" t="s">
        <v>658</v>
      </c>
      <c r="I2307">
        <v>13755</v>
      </c>
      <c r="J2307" t="s">
        <v>699</v>
      </c>
      <c r="K2307">
        <v>10</v>
      </c>
      <c r="L2307" t="s">
        <v>700</v>
      </c>
      <c r="M2307">
        <v>348</v>
      </c>
      <c r="N2307" t="s">
        <v>654</v>
      </c>
      <c r="O2307">
        <v>3</v>
      </c>
      <c r="P2307" t="s">
        <v>655</v>
      </c>
      <c r="Q2307">
        <v>1</v>
      </c>
      <c r="R2307" t="s">
        <v>669</v>
      </c>
      <c r="S2307">
        <v>1</v>
      </c>
      <c r="T2307" t="s">
        <v>1814</v>
      </c>
      <c r="U2307">
        <v>96</v>
      </c>
      <c r="V2307">
        <v>3</v>
      </c>
      <c r="W2307">
        <v>180</v>
      </c>
      <c r="X2307">
        <v>2020</v>
      </c>
    </row>
    <row r="2308" spans="1:24" x14ac:dyDescent="0.25">
      <c r="A2308">
        <v>9446</v>
      </c>
      <c r="B2308" t="s">
        <v>16</v>
      </c>
      <c r="C2308">
        <v>5</v>
      </c>
      <c r="D2308" t="s">
        <v>439</v>
      </c>
      <c r="E2308">
        <v>47</v>
      </c>
      <c r="F2308" t="s">
        <v>651</v>
      </c>
      <c r="G2308">
        <v>160</v>
      </c>
      <c r="H2308" t="s">
        <v>658</v>
      </c>
      <c r="I2308">
        <v>13755</v>
      </c>
      <c r="J2308" t="s">
        <v>699</v>
      </c>
      <c r="K2308">
        <v>10</v>
      </c>
      <c r="L2308" t="s">
        <v>700</v>
      </c>
      <c r="M2308">
        <v>348</v>
      </c>
      <c r="N2308" t="s">
        <v>654</v>
      </c>
      <c r="O2308">
        <v>3</v>
      </c>
      <c r="P2308" t="s">
        <v>655</v>
      </c>
      <c r="Q2308">
        <v>1</v>
      </c>
      <c r="R2308" t="s">
        <v>669</v>
      </c>
      <c r="S2308">
        <v>1</v>
      </c>
      <c r="T2308" t="s">
        <v>1756</v>
      </c>
      <c r="U2308">
        <v>99</v>
      </c>
      <c r="V2308">
        <v>3</v>
      </c>
      <c r="W2308">
        <v>180</v>
      </c>
      <c r="X2308">
        <v>2020</v>
      </c>
    </row>
    <row r="2309" spans="1:24" x14ac:dyDescent="0.25">
      <c r="A2309">
        <v>9445</v>
      </c>
      <c r="B2309" t="s">
        <v>16</v>
      </c>
      <c r="C2309">
        <v>5</v>
      </c>
      <c r="D2309" t="s">
        <v>439</v>
      </c>
      <c r="E2309">
        <v>47</v>
      </c>
      <c r="F2309" t="s">
        <v>651</v>
      </c>
      <c r="G2309">
        <v>160</v>
      </c>
      <c r="H2309" t="s">
        <v>658</v>
      </c>
      <c r="I2309">
        <v>13755</v>
      </c>
      <c r="J2309" t="s">
        <v>699</v>
      </c>
      <c r="K2309">
        <v>10</v>
      </c>
      <c r="L2309" t="s">
        <v>700</v>
      </c>
      <c r="M2309">
        <v>348</v>
      </c>
      <c r="N2309" t="s">
        <v>654</v>
      </c>
      <c r="O2309">
        <v>3</v>
      </c>
      <c r="P2309" t="s">
        <v>655</v>
      </c>
      <c r="Q2309">
        <v>1</v>
      </c>
      <c r="R2309" t="s">
        <v>669</v>
      </c>
      <c r="S2309">
        <v>1</v>
      </c>
      <c r="T2309" t="s">
        <v>1815</v>
      </c>
      <c r="U2309">
        <v>240</v>
      </c>
      <c r="V2309">
        <v>3</v>
      </c>
      <c r="W2309">
        <v>180</v>
      </c>
      <c r="X2309">
        <v>2020</v>
      </c>
    </row>
    <row r="2310" spans="1:24" x14ac:dyDescent="0.25">
      <c r="A2310">
        <v>9444</v>
      </c>
      <c r="B2310" t="s">
        <v>16</v>
      </c>
      <c r="C2310">
        <v>5</v>
      </c>
      <c r="D2310" t="s">
        <v>439</v>
      </c>
      <c r="E2310">
        <v>47</v>
      </c>
      <c r="F2310" t="s">
        <v>651</v>
      </c>
      <c r="G2310">
        <v>160</v>
      </c>
      <c r="H2310" t="s">
        <v>658</v>
      </c>
      <c r="I2310">
        <v>13755</v>
      </c>
      <c r="J2310" t="s">
        <v>699</v>
      </c>
      <c r="K2310">
        <v>10</v>
      </c>
      <c r="L2310" t="s">
        <v>700</v>
      </c>
      <c r="M2310">
        <v>348</v>
      </c>
      <c r="N2310" t="s">
        <v>654</v>
      </c>
      <c r="O2310">
        <v>3</v>
      </c>
      <c r="P2310" t="s">
        <v>655</v>
      </c>
      <c r="Q2310">
        <v>1</v>
      </c>
      <c r="R2310" t="s">
        <v>669</v>
      </c>
      <c r="S2310">
        <v>1</v>
      </c>
      <c r="T2310" t="s">
        <v>1816</v>
      </c>
      <c r="U2310">
        <v>97</v>
      </c>
      <c r="V2310">
        <v>3</v>
      </c>
      <c r="W2310">
        <v>180</v>
      </c>
      <c r="X2310">
        <v>2020</v>
      </c>
    </row>
    <row r="2311" spans="1:24" x14ac:dyDescent="0.25">
      <c r="A2311">
        <v>9443</v>
      </c>
      <c r="B2311" t="s">
        <v>16</v>
      </c>
      <c r="C2311">
        <v>5</v>
      </c>
      <c r="D2311" t="s">
        <v>439</v>
      </c>
      <c r="E2311">
        <v>47</v>
      </c>
      <c r="F2311" t="s">
        <v>651</v>
      </c>
      <c r="G2311">
        <v>160</v>
      </c>
      <c r="H2311" t="s">
        <v>658</v>
      </c>
      <c r="I2311">
        <v>13755</v>
      </c>
      <c r="J2311" t="s">
        <v>699</v>
      </c>
      <c r="K2311">
        <v>10</v>
      </c>
      <c r="L2311" t="s">
        <v>700</v>
      </c>
      <c r="M2311">
        <v>348</v>
      </c>
      <c r="N2311" t="s">
        <v>654</v>
      </c>
      <c r="O2311">
        <v>3</v>
      </c>
      <c r="P2311" t="s">
        <v>655</v>
      </c>
      <c r="Q2311">
        <v>1</v>
      </c>
      <c r="R2311" t="s">
        <v>669</v>
      </c>
      <c r="S2311">
        <v>1</v>
      </c>
      <c r="T2311" t="s">
        <v>1817</v>
      </c>
      <c r="U2311">
        <v>95</v>
      </c>
      <c r="V2311">
        <v>3</v>
      </c>
      <c r="W2311">
        <v>180</v>
      </c>
      <c r="X2311">
        <v>2020</v>
      </c>
    </row>
    <row r="2312" spans="1:24" x14ac:dyDescent="0.25">
      <c r="A2312">
        <v>9442</v>
      </c>
      <c r="B2312" t="s">
        <v>16</v>
      </c>
      <c r="C2312">
        <v>5</v>
      </c>
      <c r="D2312" t="s">
        <v>439</v>
      </c>
      <c r="E2312">
        <v>47</v>
      </c>
      <c r="F2312" t="s">
        <v>651</v>
      </c>
      <c r="G2312">
        <v>160</v>
      </c>
      <c r="H2312" t="s">
        <v>658</v>
      </c>
      <c r="I2312">
        <v>13755</v>
      </c>
      <c r="J2312" t="s">
        <v>699</v>
      </c>
      <c r="K2312">
        <v>10</v>
      </c>
      <c r="L2312" t="s">
        <v>700</v>
      </c>
      <c r="M2312">
        <v>348</v>
      </c>
      <c r="N2312" t="s">
        <v>654</v>
      </c>
      <c r="O2312">
        <v>3</v>
      </c>
      <c r="P2312" t="s">
        <v>655</v>
      </c>
      <c r="Q2312">
        <v>1</v>
      </c>
      <c r="R2312" t="s">
        <v>669</v>
      </c>
      <c r="S2312">
        <v>1</v>
      </c>
      <c r="T2312" t="s">
        <v>1818</v>
      </c>
      <c r="U2312">
        <v>82</v>
      </c>
      <c r="V2312">
        <v>3</v>
      </c>
      <c r="W2312">
        <v>180</v>
      </c>
      <c r="X2312">
        <v>2020</v>
      </c>
    </row>
    <row r="2313" spans="1:24" x14ac:dyDescent="0.25">
      <c r="A2313">
        <v>9441</v>
      </c>
      <c r="B2313" t="s">
        <v>16</v>
      </c>
      <c r="C2313">
        <v>5</v>
      </c>
      <c r="D2313" t="s">
        <v>439</v>
      </c>
      <c r="E2313">
        <v>47</v>
      </c>
      <c r="F2313" t="s">
        <v>651</v>
      </c>
      <c r="G2313">
        <v>160</v>
      </c>
      <c r="H2313" t="s">
        <v>658</v>
      </c>
      <c r="I2313">
        <v>13755</v>
      </c>
      <c r="J2313" t="s">
        <v>699</v>
      </c>
      <c r="K2313">
        <v>10</v>
      </c>
      <c r="L2313" t="s">
        <v>700</v>
      </c>
      <c r="M2313">
        <v>348</v>
      </c>
      <c r="N2313" t="s">
        <v>654</v>
      </c>
      <c r="O2313">
        <v>3</v>
      </c>
      <c r="P2313" t="s">
        <v>655</v>
      </c>
      <c r="Q2313">
        <v>1</v>
      </c>
      <c r="R2313" t="s">
        <v>669</v>
      </c>
      <c r="S2313">
        <v>1</v>
      </c>
      <c r="T2313" t="s">
        <v>1819</v>
      </c>
      <c r="U2313">
        <v>239</v>
      </c>
      <c r="V2313">
        <v>3</v>
      </c>
      <c r="W2313">
        <v>180</v>
      </c>
      <c r="X2313">
        <v>2020</v>
      </c>
    </row>
    <row r="2314" spans="1:24" x14ac:dyDescent="0.25">
      <c r="A2314">
        <v>9440</v>
      </c>
      <c r="B2314" t="s">
        <v>16</v>
      </c>
      <c r="C2314">
        <v>5</v>
      </c>
      <c r="D2314" t="s">
        <v>439</v>
      </c>
      <c r="E2314">
        <v>47</v>
      </c>
      <c r="F2314" t="s">
        <v>651</v>
      </c>
      <c r="G2314">
        <v>160</v>
      </c>
      <c r="H2314" t="s">
        <v>658</v>
      </c>
      <c r="I2314">
        <v>13755</v>
      </c>
      <c r="J2314" t="s">
        <v>699</v>
      </c>
      <c r="K2314">
        <v>10</v>
      </c>
      <c r="L2314" t="s">
        <v>700</v>
      </c>
      <c r="M2314">
        <v>348</v>
      </c>
      <c r="N2314" t="s">
        <v>654</v>
      </c>
      <c r="O2314">
        <v>3</v>
      </c>
      <c r="P2314" t="s">
        <v>655</v>
      </c>
      <c r="Q2314">
        <v>1</v>
      </c>
      <c r="R2314" t="s">
        <v>669</v>
      </c>
      <c r="S2314">
        <v>1</v>
      </c>
      <c r="T2314" t="s">
        <v>1755</v>
      </c>
      <c r="U2314">
        <v>86</v>
      </c>
      <c r="V2314">
        <v>3</v>
      </c>
      <c r="W2314">
        <v>180</v>
      </c>
      <c r="X2314">
        <v>2020</v>
      </c>
    </row>
    <row r="2315" spans="1:24" x14ac:dyDescent="0.25">
      <c r="A2315">
        <v>9439</v>
      </c>
      <c r="B2315" t="s">
        <v>16</v>
      </c>
      <c r="C2315">
        <v>5</v>
      </c>
      <c r="D2315" t="s">
        <v>439</v>
      </c>
      <c r="E2315">
        <v>47</v>
      </c>
      <c r="F2315" t="s">
        <v>651</v>
      </c>
      <c r="G2315">
        <v>160</v>
      </c>
      <c r="H2315" t="s">
        <v>658</v>
      </c>
      <c r="I2315">
        <v>13755</v>
      </c>
      <c r="J2315" t="s">
        <v>699</v>
      </c>
      <c r="K2315">
        <v>10</v>
      </c>
      <c r="L2315" t="s">
        <v>700</v>
      </c>
      <c r="M2315">
        <v>348</v>
      </c>
      <c r="N2315" t="s">
        <v>654</v>
      </c>
      <c r="O2315">
        <v>3</v>
      </c>
      <c r="P2315" t="s">
        <v>655</v>
      </c>
      <c r="Q2315">
        <v>1</v>
      </c>
      <c r="R2315" t="s">
        <v>669</v>
      </c>
      <c r="S2315">
        <v>1</v>
      </c>
      <c r="T2315" t="s">
        <v>1820</v>
      </c>
      <c r="U2315">
        <v>85</v>
      </c>
      <c r="V2315">
        <v>3</v>
      </c>
      <c r="W2315">
        <v>180</v>
      </c>
      <c r="X2315">
        <v>2020</v>
      </c>
    </row>
    <row r="2316" spans="1:24" x14ac:dyDescent="0.25">
      <c r="A2316">
        <v>9438</v>
      </c>
      <c r="B2316" t="s">
        <v>16</v>
      </c>
      <c r="C2316">
        <v>5</v>
      </c>
      <c r="D2316" t="s">
        <v>439</v>
      </c>
      <c r="E2316">
        <v>47</v>
      </c>
      <c r="F2316" t="s">
        <v>651</v>
      </c>
      <c r="G2316">
        <v>160</v>
      </c>
      <c r="H2316" t="s">
        <v>658</v>
      </c>
      <c r="I2316">
        <v>13755</v>
      </c>
      <c r="J2316" t="s">
        <v>699</v>
      </c>
      <c r="K2316">
        <v>10</v>
      </c>
      <c r="L2316" t="s">
        <v>700</v>
      </c>
      <c r="M2316">
        <v>348</v>
      </c>
      <c r="N2316" t="s">
        <v>654</v>
      </c>
      <c r="O2316">
        <v>3</v>
      </c>
      <c r="P2316" t="s">
        <v>655</v>
      </c>
      <c r="Q2316">
        <v>1</v>
      </c>
      <c r="R2316" t="s">
        <v>669</v>
      </c>
      <c r="S2316">
        <v>1</v>
      </c>
      <c r="T2316" t="s">
        <v>1821</v>
      </c>
      <c r="U2316">
        <v>362</v>
      </c>
      <c r="V2316">
        <v>3</v>
      </c>
      <c r="W2316">
        <v>180</v>
      </c>
      <c r="X2316">
        <v>2020</v>
      </c>
    </row>
    <row r="2317" spans="1:24" x14ac:dyDescent="0.25">
      <c r="A2317">
        <v>9437</v>
      </c>
      <c r="B2317" t="s">
        <v>16</v>
      </c>
      <c r="C2317">
        <v>5</v>
      </c>
      <c r="D2317" t="s">
        <v>439</v>
      </c>
      <c r="E2317">
        <v>47</v>
      </c>
      <c r="F2317" t="s">
        <v>651</v>
      </c>
      <c r="G2317">
        <v>160</v>
      </c>
      <c r="H2317" t="s">
        <v>658</v>
      </c>
      <c r="I2317">
        <v>13755</v>
      </c>
      <c r="J2317" t="s">
        <v>699</v>
      </c>
      <c r="K2317">
        <v>10</v>
      </c>
      <c r="L2317" t="s">
        <v>700</v>
      </c>
      <c r="M2317">
        <v>348</v>
      </c>
      <c r="N2317" t="s">
        <v>654</v>
      </c>
      <c r="O2317">
        <v>3</v>
      </c>
      <c r="P2317" t="s">
        <v>655</v>
      </c>
      <c r="Q2317">
        <v>1</v>
      </c>
      <c r="R2317" t="s">
        <v>669</v>
      </c>
      <c r="S2317">
        <v>1</v>
      </c>
      <c r="T2317" t="s">
        <v>1822</v>
      </c>
      <c r="U2317">
        <v>83</v>
      </c>
      <c r="V2317">
        <v>3</v>
      </c>
      <c r="W2317">
        <v>180</v>
      </c>
      <c r="X2317">
        <v>2020</v>
      </c>
    </row>
    <row r="2318" spans="1:24" x14ac:dyDescent="0.25">
      <c r="A2318">
        <v>9436</v>
      </c>
      <c r="B2318" t="s">
        <v>16</v>
      </c>
      <c r="C2318">
        <v>5</v>
      </c>
      <c r="D2318" t="s">
        <v>439</v>
      </c>
      <c r="E2318">
        <v>47</v>
      </c>
      <c r="F2318" t="s">
        <v>651</v>
      </c>
      <c r="G2318">
        <v>160</v>
      </c>
      <c r="H2318" t="s">
        <v>658</v>
      </c>
      <c r="I2318">
        <v>13755</v>
      </c>
      <c r="J2318" t="s">
        <v>699</v>
      </c>
      <c r="K2318">
        <v>10</v>
      </c>
      <c r="L2318" t="s">
        <v>700</v>
      </c>
      <c r="M2318">
        <v>348</v>
      </c>
      <c r="N2318" t="s">
        <v>654</v>
      </c>
      <c r="O2318">
        <v>3</v>
      </c>
      <c r="P2318" t="s">
        <v>655</v>
      </c>
      <c r="Q2318">
        <v>1</v>
      </c>
      <c r="R2318" t="s">
        <v>669</v>
      </c>
      <c r="S2318">
        <v>1</v>
      </c>
      <c r="T2318" t="s">
        <v>1823</v>
      </c>
      <c r="U2318">
        <v>84</v>
      </c>
      <c r="V2318">
        <v>3</v>
      </c>
      <c r="W2318">
        <v>180</v>
      </c>
      <c r="X2318">
        <v>2020</v>
      </c>
    </row>
    <row r="2319" spans="1:24" x14ac:dyDescent="0.25">
      <c r="A2319">
        <v>9435</v>
      </c>
      <c r="B2319" t="s">
        <v>16</v>
      </c>
      <c r="C2319">
        <v>5</v>
      </c>
      <c r="D2319" t="s">
        <v>439</v>
      </c>
      <c r="E2319">
        <v>47</v>
      </c>
      <c r="F2319" t="s">
        <v>651</v>
      </c>
      <c r="G2319">
        <v>160</v>
      </c>
      <c r="H2319" t="s">
        <v>658</v>
      </c>
      <c r="I2319">
        <v>13755</v>
      </c>
      <c r="J2319" t="s">
        <v>699</v>
      </c>
      <c r="K2319">
        <v>10</v>
      </c>
      <c r="L2319" t="s">
        <v>700</v>
      </c>
      <c r="M2319">
        <v>348</v>
      </c>
      <c r="N2319" t="s">
        <v>654</v>
      </c>
      <c r="O2319">
        <v>3</v>
      </c>
      <c r="P2319" t="s">
        <v>655</v>
      </c>
      <c r="Q2319">
        <v>1</v>
      </c>
      <c r="R2319" t="s">
        <v>669</v>
      </c>
      <c r="S2319">
        <v>1</v>
      </c>
      <c r="T2319" t="s">
        <v>1824</v>
      </c>
      <c r="U2319">
        <v>361</v>
      </c>
      <c r="V2319">
        <v>3</v>
      </c>
      <c r="W2319">
        <v>180</v>
      </c>
      <c r="X2319">
        <v>2020</v>
      </c>
    </row>
    <row r="2320" spans="1:24" x14ac:dyDescent="0.25">
      <c r="A2320">
        <v>9434</v>
      </c>
      <c r="B2320" t="s">
        <v>16</v>
      </c>
      <c r="C2320">
        <v>5</v>
      </c>
      <c r="D2320" t="s">
        <v>439</v>
      </c>
      <c r="E2320">
        <v>47</v>
      </c>
      <c r="F2320" t="s">
        <v>651</v>
      </c>
      <c r="G2320">
        <v>160</v>
      </c>
      <c r="H2320" t="s">
        <v>658</v>
      </c>
      <c r="I2320">
        <v>13755</v>
      </c>
      <c r="J2320" t="s">
        <v>699</v>
      </c>
      <c r="K2320">
        <v>10</v>
      </c>
      <c r="L2320" t="s">
        <v>700</v>
      </c>
      <c r="M2320">
        <v>348</v>
      </c>
      <c r="N2320" t="s">
        <v>654</v>
      </c>
      <c r="O2320">
        <v>3</v>
      </c>
      <c r="P2320" t="s">
        <v>655</v>
      </c>
      <c r="Q2320">
        <v>1</v>
      </c>
      <c r="R2320" t="s">
        <v>669</v>
      </c>
      <c r="S2320">
        <v>1</v>
      </c>
      <c r="T2320" t="s">
        <v>1825</v>
      </c>
      <c r="U2320">
        <v>360</v>
      </c>
      <c r="V2320">
        <v>3</v>
      </c>
      <c r="W2320">
        <v>180</v>
      </c>
      <c r="X2320">
        <v>2020</v>
      </c>
    </row>
    <row r="2321" spans="1:24" x14ac:dyDescent="0.25">
      <c r="A2321">
        <v>9433</v>
      </c>
      <c r="B2321" t="s">
        <v>16</v>
      </c>
      <c r="C2321">
        <v>5</v>
      </c>
      <c r="D2321" t="s">
        <v>439</v>
      </c>
      <c r="E2321">
        <v>47</v>
      </c>
      <c r="F2321" t="s">
        <v>651</v>
      </c>
      <c r="G2321">
        <v>160</v>
      </c>
      <c r="H2321" t="s">
        <v>658</v>
      </c>
      <c r="I2321">
        <v>13755</v>
      </c>
      <c r="J2321" t="s">
        <v>699</v>
      </c>
      <c r="K2321">
        <v>10</v>
      </c>
      <c r="L2321" t="s">
        <v>700</v>
      </c>
      <c r="M2321">
        <v>348</v>
      </c>
      <c r="N2321" t="s">
        <v>654</v>
      </c>
      <c r="O2321">
        <v>3</v>
      </c>
      <c r="P2321" t="s">
        <v>655</v>
      </c>
      <c r="Q2321">
        <v>1</v>
      </c>
      <c r="R2321" t="s">
        <v>669</v>
      </c>
      <c r="S2321">
        <v>1</v>
      </c>
      <c r="T2321" t="s">
        <v>1826</v>
      </c>
      <c r="U2321">
        <v>359</v>
      </c>
      <c r="V2321">
        <v>3</v>
      </c>
      <c r="W2321">
        <v>180</v>
      </c>
      <c r="X2321">
        <v>2020</v>
      </c>
    </row>
    <row r="2322" spans="1:24" x14ac:dyDescent="0.25">
      <c r="A2322">
        <v>9432</v>
      </c>
      <c r="B2322" t="s">
        <v>16</v>
      </c>
      <c r="C2322">
        <v>5</v>
      </c>
      <c r="D2322" t="s">
        <v>439</v>
      </c>
      <c r="E2322">
        <v>47</v>
      </c>
      <c r="F2322" t="s">
        <v>651</v>
      </c>
      <c r="G2322">
        <v>160</v>
      </c>
      <c r="H2322" t="s">
        <v>658</v>
      </c>
      <c r="I2322">
        <v>13755</v>
      </c>
      <c r="J2322" t="s">
        <v>699</v>
      </c>
      <c r="K2322">
        <v>10</v>
      </c>
      <c r="L2322" t="s">
        <v>700</v>
      </c>
      <c r="M2322">
        <v>348</v>
      </c>
      <c r="N2322" t="s">
        <v>654</v>
      </c>
      <c r="O2322">
        <v>3</v>
      </c>
      <c r="P2322" t="s">
        <v>655</v>
      </c>
      <c r="Q2322">
        <v>1</v>
      </c>
      <c r="R2322" t="s">
        <v>669</v>
      </c>
      <c r="S2322">
        <v>1</v>
      </c>
      <c r="T2322" t="s">
        <v>1827</v>
      </c>
      <c r="U2322">
        <v>358</v>
      </c>
      <c r="V2322">
        <v>3</v>
      </c>
      <c r="W2322">
        <v>180</v>
      </c>
      <c r="X2322">
        <v>2020</v>
      </c>
    </row>
    <row r="2323" spans="1:24" x14ac:dyDescent="0.25">
      <c r="A2323">
        <v>9431</v>
      </c>
      <c r="B2323" t="s">
        <v>16</v>
      </c>
      <c r="C2323">
        <v>5</v>
      </c>
      <c r="D2323" t="s">
        <v>439</v>
      </c>
      <c r="E2323">
        <v>47</v>
      </c>
      <c r="F2323" t="s">
        <v>651</v>
      </c>
      <c r="G2323">
        <v>160</v>
      </c>
      <c r="H2323" t="s">
        <v>658</v>
      </c>
      <c r="I2323">
        <v>13755</v>
      </c>
      <c r="J2323" t="s">
        <v>699</v>
      </c>
      <c r="K2323">
        <v>10</v>
      </c>
      <c r="L2323" t="s">
        <v>700</v>
      </c>
      <c r="M2323">
        <v>348</v>
      </c>
      <c r="N2323" t="s">
        <v>654</v>
      </c>
      <c r="O2323">
        <v>3</v>
      </c>
      <c r="P2323" t="s">
        <v>655</v>
      </c>
      <c r="Q2323">
        <v>1</v>
      </c>
      <c r="R2323" t="s">
        <v>669</v>
      </c>
      <c r="S2323">
        <v>1</v>
      </c>
      <c r="T2323" t="s">
        <v>1828</v>
      </c>
      <c r="U2323">
        <v>357</v>
      </c>
      <c r="V2323">
        <v>3</v>
      </c>
      <c r="W2323">
        <v>180</v>
      </c>
      <c r="X2323">
        <v>2020</v>
      </c>
    </row>
    <row r="2324" spans="1:24" x14ac:dyDescent="0.25">
      <c r="A2324">
        <v>9430</v>
      </c>
      <c r="B2324" t="s">
        <v>16</v>
      </c>
      <c r="C2324">
        <v>5</v>
      </c>
      <c r="D2324" t="s">
        <v>439</v>
      </c>
      <c r="E2324">
        <v>47</v>
      </c>
      <c r="F2324" t="s">
        <v>651</v>
      </c>
      <c r="G2324">
        <v>160</v>
      </c>
      <c r="H2324" t="s">
        <v>658</v>
      </c>
      <c r="I2324">
        <v>13755</v>
      </c>
      <c r="J2324" t="s">
        <v>699</v>
      </c>
      <c r="K2324">
        <v>10</v>
      </c>
      <c r="L2324" t="s">
        <v>700</v>
      </c>
      <c r="M2324">
        <v>348</v>
      </c>
      <c r="N2324" t="s">
        <v>654</v>
      </c>
      <c r="O2324">
        <v>3</v>
      </c>
      <c r="P2324" t="s">
        <v>655</v>
      </c>
      <c r="Q2324">
        <v>1</v>
      </c>
      <c r="R2324" t="s">
        <v>669</v>
      </c>
      <c r="S2324">
        <v>1</v>
      </c>
      <c r="T2324" t="s">
        <v>1829</v>
      </c>
      <c r="U2324">
        <v>356</v>
      </c>
      <c r="V2324">
        <v>3</v>
      </c>
      <c r="W2324">
        <v>180</v>
      </c>
      <c r="X2324">
        <v>2020</v>
      </c>
    </row>
    <row r="2325" spans="1:24" x14ac:dyDescent="0.25">
      <c r="A2325">
        <v>9429</v>
      </c>
      <c r="B2325" t="s">
        <v>16</v>
      </c>
      <c r="C2325">
        <v>5</v>
      </c>
      <c r="D2325" t="s">
        <v>439</v>
      </c>
      <c r="E2325">
        <v>47</v>
      </c>
      <c r="F2325" t="s">
        <v>651</v>
      </c>
      <c r="G2325">
        <v>160</v>
      </c>
      <c r="H2325" t="s">
        <v>658</v>
      </c>
      <c r="I2325">
        <v>13755</v>
      </c>
      <c r="J2325" t="s">
        <v>699</v>
      </c>
      <c r="K2325">
        <v>10</v>
      </c>
      <c r="L2325" t="s">
        <v>700</v>
      </c>
      <c r="M2325">
        <v>348</v>
      </c>
      <c r="N2325" t="s">
        <v>654</v>
      </c>
      <c r="O2325">
        <v>3</v>
      </c>
      <c r="P2325" t="s">
        <v>655</v>
      </c>
      <c r="Q2325">
        <v>1</v>
      </c>
      <c r="R2325" t="s">
        <v>669</v>
      </c>
      <c r="S2325">
        <v>1</v>
      </c>
      <c r="T2325" t="s">
        <v>1830</v>
      </c>
      <c r="U2325">
        <v>355</v>
      </c>
      <c r="V2325">
        <v>3</v>
      </c>
      <c r="W2325">
        <v>180</v>
      </c>
      <c r="X2325">
        <v>2020</v>
      </c>
    </row>
    <row r="2326" spans="1:24" x14ac:dyDescent="0.25">
      <c r="A2326">
        <v>9428</v>
      </c>
      <c r="B2326" t="s">
        <v>16</v>
      </c>
      <c r="C2326">
        <v>5</v>
      </c>
      <c r="D2326" t="s">
        <v>439</v>
      </c>
      <c r="E2326">
        <v>47</v>
      </c>
      <c r="F2326" t="s">
        <v>651</v>
      </c>
      <c r="G2326">
        <v>160</v>
      </c>
      <c r="H2326" t="s">
        <v>658</v>
      </c>
      <c r="I2326">
        <v>13755</v>
      </c>
      <c r="J2326" t="s">
        <v>699</v>
      </c>
      <c r="K2326">
        <v>10</v>
      </c>
      <c r="L2326" t="s">
        <v>700</v>
      </c>
      <c r="M2326">
        <v>348</v>
      </c>
      <c r="N2326" t="s">
        <v>654</v>
      </c>
      <c r="O2326">
        <v>3</v>
      </c>
      <c r="P2326" t="s">
        <v>655</v>
      </c>
      <c r="Q2326">
        <v>1</v>
      </c>
      <c r="R2326" t="s">
        <v>669</v>
      </c>
      <c r="S2326">
        <v>1</v>
      </c>
      <c r="T2326" t="s">
        <v>1831</v>
      </c>
      <c r="U2326">
        <v>223</v>
      </c>
      <c r="V2326">
        <v>3</v>
      </c>
      <c r="W2326">
        <v>180</v>
      </c>
      <c r="X2326">
        <v>2020</v>
      </c>
    </row>
    <row r="2327" spans="1:24" x14ac:dyDescent="0.25">
      <c r="A2327">
        <v>9427</v>
      </c>
      <c r="B2327" t="s">
        <v>16</v>
      </c>
      <c r="C2327">
        <v>5</v>
      </c>
      <c r="D2327" t="s">
        <v>439</v>
      </c>
      <c r="E2327">
        <v>47</v>
      </c>
      <c r="F2327" t="s">
        <v>651</v>
      </c>
      <c r="G2327">
        <v>160</v>
      </c>
      <c r="H2327" t="s">
        <v>658</v>
      </c>
      <c r="I2327">
        <v>13755</v>
      </c>
      <c r="J2327" t="s">
        <v>699</v>
      </c>
      <c r="K2327">
        <v>10</v>
      </c>
      <c r="L2327" t="s">
        <v>700</v>
      </c>
      <c r="M2327">
        <v>348</v>
      </c>
      <c r="N2327" t="s">
        <v>654</v>
      </c>
      <c r="O2327">
        <v>3</v>
      </c>
      <c r="P2327" t="s">
        <v>655</v>
      </c>
      <c r="Q2327">
        <v>1</v>
      </c>
      <c r="R2327" t="s">
        <v>669</v>
      </c>
      <c r="S2327">
        <v>1</v>
      </c>
      <c r="T2327" t="s">
        <v>1832</v>
      </c>
      <c r="U2327">
        <v>225</v>
      </c>
      <c r="V2327">
        <v>3</v>
      </c>
      <c r="W2327">
        <v>180</v>
      </c>
      <c r="X2327">
        <v>2020</v>
      </c>
    </row>
    <row r="2328" spans="1:24" x14ac:dyDescent="0.25">
      <c r="A2328">
        <v>9426</v>
      </c>
      <c r="B2328" t="s">
        <v>16</v>
      </c>
      <c r="C2328">
        <v>5</v>
      </c>
      <c r="D2328" t="s">
        <v>439</v>
      </c>
      <c r="E2328">
        <v>47</v>
      </c>
      <c r="F2328" t="s">
        <v>651</v>
      </c>
      <c r="G2328">
        <v>160</v>
      </c>
      <c r="H2328" t="s">
        <v>658</v>
      </c>
      <c r="I2328">
        <v>13755</v>
      </c>
      <c r="J2328" t="s">
        <v>699</v>
      </c>
      <c r="K2328">
        <v>10</v>
      </c>
      <c r="L2328" t="s">
        <v>700</v>
      </c>
      <c r="M2328">
        <v>348</v>
      </c>
      <c r="N2328" t="s">
        <v>654</v>
      </c>
      <c r="O2328">
        <v>3</v>
      </c>
      <c r="P2328" t="s">
        <v>655</v>
      </c>
      <c r="Q2328">
        <v>1</v>
      </c>
      <c r="R2328" t="s">
        <v>669</v>
      </c>
      <c r="S2328">
        <v>1</v>
      </c>
      <c r="T2328" t="s">
        <v>1833</v>
      </c>
      <c r="U2328">
        <v>227</v>
      </c>
      <c r="V2328">
        <v>3</v>
      </c>
      <c r="W2328">
        <v>180</v>
      </c>
      <c r="X2328">
        <v>2020</v>
      </c>
    </row>
    <row r="2329" spans="1:24" x14ac:dyDescent="0.25">
      <c r="A2329">
        <v>9425</v>
      </c>
      <c r="B2329" t="s">
        <v>16</v>
      </c>
      <c r="C2329">
        <v>5</v>
      </c>
      <c r="D2329" t="s">
        <v>439</v>
      </c>
      <c r="E2329">
        <v>47</v>
      </c>
      <c r="F2329" t="s">
        <v>651</v>
      </c>
      <c r="G2329">
        <v>160</v>
      </c>
      <c r="H2329" t="s">
        <v>658</v>
      </c>
      <c r="I2329">
        <v>13755</v>
      </c>
      <c r="J2329" t="s">
        <v>699</v>
      </c>
      <c r="K2329">
        <v>10</v>
      </c>
      <c r="L2329" t="s">
        <v>700</v>
      </c>
      <c r="M2329">
        <v>348</v>
      </c>
      <c r="N2329" t="s">
        <v>654</v>
      </c>
      <c r="O2329">
        <v>3</v>
      </c>
      <c r="P2329" t="s">
        <v>655</v>
      </c>
      <c r="Q2329">
        <v>1</v>
      </c>
      <c r="R2329" t="s">
        <v>669</v>
      </c>
      <c r="S2329">
        <v>1</v>
      </c>
      <c r="T2329" t="s">
        <v>1834</v>
      </c>
      <c r="U2329">
        <v>354</v>
      </c>
      <c r="V2329">
        <v>3</v>
      </c>
      <c r="W2329">
        <v>180</v>
      </c>
      <c r="X2329">
        <v>2020</v>
      </c>
    </row>
    <row r="2330" spans="1:24" x14ac:dyDescent="0.25">
      <c r="A2330">
        <v>9424</v>
      </c>
      <c r="B2330" t="s">
        <v>16</v>
      </c>
      <c r="C2330">
        <v>5</v>
      </c>
      <c r="D2330" t="s">
        <v>439</v>
      </c>
      <c r="E2330">
        <v>47</v>
      </c>
      <c r="F2330" t="s">
        <v>651</v>
      </c>
      <c r="G2330">
        <v>160</v>
      </c>
      <c r="H2330" t="s">
        <v>658</v>
      </c>
      <c r="I2330">
        <v>13755</v>
      </c>
      <c r="J2330" t="s">
        <v>699</v>
      </c>
      <c r="K2330">
        <v>10</v>
      </c>
      <c r="L2330" t="s">
        <v>700</v>
      </c>
      <c r="M2330">
        <v>348</v>
      </c>
      <c r="N2330" t="s">
        <v>654</v>
      </c>
      <c r="O2330">
        <v>3</v>
      </c>
      <c r="P2330" t="s">
        <v>655</v>
      </c>
      <c r="Q2330">
        <v>1</v>
      </c>
      <c r="R2330" t="s">
        <v>669</v>
      </c>
      <c r="S2330">
        <v>1</v>
      </c>
      <c r="T2330" t="s">
        <v>1835</v>
      </c>
      <c r="U2330">
        <v>224</v>
      </c>
      <c r="V2330">
        <v>3</v>
      </c>
      <c r="W2330">
        <v>180</v>
      </c>
      <c r="X2330">
        <v>2020</v>
      </c>
    </row>
    <row r="2331" spans="1:24" x14ac:dyDescent="0.25">
      <c r="A2331">
        <v>9423</v>
      </c>
      <c r="B2331" t="s">
        <v>16</v>
      </c>
      <c r="C2331">
        <v>5</v>
      </c>
      <c r="D2331" t="s">
        <v>439</v>
      </c>
      <c r="E2331">
        <v>47</v>
      </c>
      <c r="F2331" t="s">
        <v>651</v>
      </c>
      <c r="G2331">
        <v>160</v>
      </c>
      <c r="H2331" t="s">
        <v>658</v>
      </c>
      <c r="I2331">
        <v>13755</v>
      </c>
      <c r="J2331" t="s">
        <v>699</v>
      </c>
      <c r="K2331">
        <v>10</v>
      </c>
      <c r="L2331" t="s">
        <v>700</v>
      </c>
      <c r="M2331">
        <v>348</v>
      </c>
      <c r="N2331" t="s">
        <v>654</v>
      </c>
      <c r="O2331">
        <v>3</v>
      </c>
      <c r="P2331" t="s">
        <v>655</v>
      </c>
      <c r="Q2331">
        <v>1</v>
      </c>
      <c r="R2331" t="s">
        <v>669</v>
      </c>
      <c r="S2331">
        <v>1</v>
      </c>
      <c r="T2331" t="s">
        <v>1836</v>
      </c>
      <c r="U2331">
        <v>226</v>
      </c>
      <c r="V2331">
        <v>3</v>
      </c>
      <c r="W2331">
        <v>180</v>
      </c>
      <c r="X2331">
        <v>2020</v>
      </c>
    </row>
    <row r="2332" spans="1:24" x14ac:dyDescent="0.25">
      <c r="A2332">
        <v>9422</v>
      </c>
      <c r="B2332" t="s">
        <v>16</v>
      </c>
      <c r="C2332">
        <v>5</v>
      </c>
      <c r="D2332" t="s">
        <v>439</v>
      </c>
      <c r="E2332">
        <v>47</v>
      </c>
      <c r="F2332" t="s">
        <v>651</v>
      </c>
      <c r="G2332">
        <v>160</v>
      </c>
      <c r="H2332" t="s">
        <v>658</v>
      </c>
      <c r="I2332">
        <v>13755</v>
      </c>
      <c r="J2332" t="s">
        <v>699</v>
      </c>
      <c r="K2332">
        <v>10</v>
      </c>
      <c r="L2332" t="s">
        <v>700</v>
      </c>
      <c r="M2332">
        <v>348</v>
      </c>
      <c r="N2332" t="s">
        <v>654</v>
      </c>
      <c r="O2332">
        <v>3</v>
      </c>
      <c r="P2332" t="s">
        <v>655</v>
      </c>
      <c r="Q2332">
        <v>1</v>
      </c>
      <c r="R2332" t="s">
        <v>669</v>
      </c>
      <c r="S2332">
        <v>1</v>
      </c>
      <c r="T2332" t="s">
        <v>1768</v>
      </c>
      <c r="U2332">
        <v>379</v>
      </c>
      <c r="V2332">
        <v>3</v>
      </c>
      <c r="W2332">
        <v>180</v>
      </c>
      <c r="X2332">
        <v>2020</v>
      </c>
    </row>
    <row r="2333" spans="1:24" x14ac:dyDescent="0.25">
      <c r="A2333">
        <v>9421</v>
      </c>
      <c r="B2333" t="s">
        <v>16</v>
      </c>
      <c r="C2333">
        <v>5</v>
      </c>
      <c r="D2333" t="s">
        <v>439</v>
      </c>
      <c r="E2333">
        <v>47</v>
      </c>
      <c r="F2333" t="s">
        <v>651</v>
      </c>
      <c r="G2333">
        <v>160</v>
      </c>
      <c r="H2333" t="s">
        <v>658</v>
      </c>
      <c r="I2333">
        <v>13755</v>
      </c>
      <c r="J2333" t="s">
        <v>699</v>
      </c>
      <c r="K2333">
        <v>10</v>
      </c>
      <c r="L2333" t="s">
        <v>700</v>
      </c>
      <c r="M2333">
        <v>348</v>
      </c>
      <c r="N2333" t="s">
        <v>654</v>
      </c>
      <c r="O2333">
        <v>3</v>
      </c>
      <c r="P2333" t="s">
        <v>655</v>
      </c>
      <c r="Q2333">
        <v>1</v>
      </c>
      <c r="R2333" t="s">
        <v>669</v>
      </c>
      <c r="S2333">
        <v>1</v>
      </c>
      <c r="T2333" t="s">
        <v>1837</v>
      </c>
      <c r="U2333">
        <v>70</v>
      </c>
      <c r="V2333">
        <v>3</v>
      </c>
      <c r="W2333">
        <v>180</v>
      </c>
      <c r="X2333">
        <v>2020</v>
      </c>
    </row>
    <row r="2334" spans="1:24" x14ac:dyDescent="0.25">
      <c r="A2334">
        <v>9420</v>
      </c>
      <c r="B2334" t="s">
        <v>16</v>
      </c>
      <c r="C2334">
        <v>5</v>
      </c>
      <c r="D2334" t="s">
        <v>439</v>
      </c>
      <c r="E2334">
        <v>47</v>
      </c>
      <c r="F2334" t="s">
        <v>651</v>
      </c>
      <c r="G2334">
        <v>160</v>
      </c>
      <c r="H2334" t="s">
        <v>658</v>
      </c>
      <c r="I2334">
        <v>13755</v>
      </c>
      <c r="J2334" t="s">
        <v>699</v>
      </c>
      <c r="K2334">
        <v>10</v>
      </c>
      <c r="L2334" t="s">
        <v>700</v>
      </c>
      <c r="M2334">
        <v>348</v>
      </c>
      <c r="N2334" t="s">
        <v>654</v>
      </c>
      <c r="O2334">
        <v>3</v>
      </c>
      <c r="P2334" t="s">
        <v>655</v>
      </c>
      <c r="Q2334">
        <v>1</v>
      </c>
      <c r="R2334" t="s">
        <v>669</v>
      </c>
      <c r="S2334">
        <v>1</v>
      </c>
      <c r="T2334" t="s">
        <v>1838</v>
      </c>
      <c r="U2334">
        <v>72</v>
      </c>
      <c r="V2334">
        <v>3</v>
      </c>
      <c r="W2334">
        <v>180</v>
      </c>
      <c r="X2334">
        <v>2020</v>
      </c>
    </row>
    <row r="2335" spans="1:24" x14ac:dyDescent="0.25">
      <c r="A2335">
        <v>9419</v>
      </c>
      <c r="B2335" t="s">
        <v>16</v>
      </c>
      <c r="C2335">
        <v>5</v>
      </c>
      <c r="D2335" t="s">
        <v>439</v>
      </c>
      <c r="E2335">
        <v>47</v>
      </c>
      <c r="F2335" t="s">
        <v>651</v>
      </c>
      <c r="G2335">
        <v>160</v>
      </c>
      <c r="H2335" t="s">
        <v>658</v>
      </c>
      <c r="I2335">
        <v>13755</v>
      </c>
      <c r="J2335" t="s">
        <v>699</v>
      </c>
      <c r="K2335">
        <v>10</v>
      </c>
      <c r="L2335" t="s">
        <v>700</v>
      </c>
      <c r="M2335">
        <v>348</v>
      </c>
      <c r="N2335" t="s">
        <v>654</v>
      </c>
      <c r="O2335">
        <v>3</v>
      </c>
      <c r="P2335" t="s">
        <v>655</v>
      </c>
      <c r="Q2335">
        <v>1</v>
      </c>
      <c r="R2335" t="s">
        <v>669</v>
      </c>
      <c r="S2335">
        <v>1</v>
      </c>
      <c r="T2335" t="s">
        <v>1839</v>
      </c>
      <c r="U2335">
        <v>74</v>
      </c>
      <c r="V2335">
        <v>3</v>
      </c>
      <c r="W2335">
        <v>180</v>
      </c>
      <c r="X2335">
        <v>2020</v>
      </c>
    </row>
    <row r="2336" spans="1:24" x14ac:dyDescent="0.25">
      <c r="A2336">
        <v>9418</v>
      </c>
      <c r="B2336" t="s">
        <v>16</v>
      </c>
      <c r="C2336">
        <v>5</v>
      </c>
      <c r="D2336" t="s">
        <v>439</v>
      </c>
      <c r="E2336">
        <v>47</v>
      </c>
      <c r="F2336" t="s">
        <v>651</v>
      </c>
      <c r="G2336">
        <v>160</v>
      </c>
      <c r="H2336" t="s">
        <v>658</v>
      </c>
      <c r="I2336">
        <v>13755</v>
      </c>
      <c r="J2336" t="s">
        <v>699</v>
      </c>
      <c r="K2336">
        <v>10</v>
      </c>
      <c r="L2336" t="s">
        <v>700</v>
      </c>
      <c r="M2336">
        <v>348</v>
      </c>
      <c r="N2336" t="s">
        <v>654</v>
      </c>
      <c r="O2336">
        <v>3</v>
      </c>
      <c r="P2336" t="s">
        <v>655</v>
      </c>
      <c r="Q2336">
        <v>1</v>
      </c>
      <c r="R2336" t="s">
        <v>669</v>
      </c>
      <c r="S2336">
        <v>1</v>
      </c>
      <c r="T2336" t="s">
        <v>1840</v>
      </c>
      <c r="U2336">
        <v>75</v>
      </c>
      <c r="V2336">
        <v>3</v>
      </c>
      <c r="W2336">
        <v>180</v>
      </c>
      <c r="X2336">
        <v>2020</v>
      </c>
    </row>
    <row r="2337" spans="1:24" x14ac:dyDescent="0.25">
      <c r="A2337">
        <v>9417</v>
      </c>
      <c r="B2337" t="s">
        <v>16</v>
      </c>
      <c r="C2337">
        <v>5</v>
      </c>
      <c r="D2337" t="s">
        <v>439</v>
      </c>
      <c r="E2337">
        <v>47</v>
      </c>
      <c r="F2337" t="s">
        <v>651</v>
      </c>
      <c r="G2337">
        <v>160</v>
      </c>
      <c r="H2337" t="s">
        <v>658</v>
      </c>
      <c r="I2337">
        <v>13755</v>
      </c>
      <c r="J2337" t="s">
        <v>699</v>
      </c>
      <c r="K2337">
        <v>10</v>
      </c>
      <c r="L2337" t="s">
        <v>700</v>
      </c>
      <c r="M2337">
        <v>348</v>
      </c>
      <c r="N2337" t="s">
        <v>654</v>
      </c>
      <c r="O2337">
        <v>3</v>
      </c>
      <c r="P2337" t="s">
        <v>655</v>
      </c>
      <c r="Q2337">
        <v>1</v>
      </c>
      <c r="R2337" t="s">
        <v>669</v>
      </c>
      <c r="S2337">
        <v>1</v>
      </c>
      <c r="T2337" t="s">
        <v>1422</v>
      </c>
      <c r="U2337">
        <v>71</v>
      </c>
      <c r="V2337">
        <v>3</v>
      </c>
      <c r="W2337">
        <v>180</v>
      </c>
      <c r="X2337">
        <v>2020</v>
      </c>
    </row>
    <row r="2338" spans="1:24" x14ac:dyDescent="0.25">
      <c r="A2338">
        <v>9416</v>
      </c>
      <c r="B2338" t="s">
        <v>16</v>
      </c>
      <c r="C2338">
        <v>5</v>
      </c>
      <c r="D2338" t="s">
        <v>439</v>
      </c>
      <c r="E2338">
        <v>47</v>
      </c>
      <c r="F2338" t="s">
        <v>651</v>
      </c>
      <c r="G2338">
        <v>160</v>
      </c>
      <c r="H2338" t="s">
        <v>658</v>
      </c>
      <c r="I2338">
        <v>13755</v>
      </c>
      <c r="J2338" t="s">
        <v>699</v>
      </c>
      <c r="K2338">
        <v>10</v>
      </c>
      <c r="L2338" t="s">
        <v>700</v>
      </c>
      <c r="M2338">
        <v>348</v>
      </c>
      <c r="N2338" t="s">
        <v>654</v>
      </c>
      <c r="O2338">
        <v>3</v>
      </c>
      <c r="P2338" t="s">
        <v>655</v>
      </c>
      <c r="Q2338">
        <v>1</v>
      </c>
      <c r="R2338" t="s">
        <v>669</v>
      </c>
      <c r="S2338">
        <v>1</v>
      </c>
      <c r="T2338" t="s">
        <v>1841</v>
      </c>
      <c r="U2338">
        <v>353</v>
      </c>
      <c r="V2338">
        <v>3</v>
      </c>
      <c r="W2338">
        <v>180</v>
      </c>
      <c r="X2338">
        <v>2020</v>
      </c>
    </row>
    <row r="2339" spans="1:24" x14ac:dyDescent="0.25">
      <c r="A2339">
        <v>9415</v>
      </c>
      <c r="B2339" t="s">
        <v>16</v>
      </c>
      <c r="C2339">
        <v>5</v>
      </c>
      <c r="D2339" t="s">
        <v>439</v>
      </c>
      <c r="E2339">
        <v>47</v>
      </c>
      <c r="F2339" t="s">
        <v>651</v>
      </c>
      <c r="G2339">
        <v>160</v>
      </c>
      <c r="H2339" t="s">
        <v>658</v>
      </c>
      <c r="I2339">
        <v>13755</v>
      </c>
      <c r="J2339" t="s">
        <v>699</v>
      </c>
      <c r="K2339">
        <v>10</v>
      </c>
      <c r="L2339" t="s">
        <v>700</v>
      </c>
      <c r="M2339">
        <v>348</v>
      </c>
      <c r="N2339" t="s">
        <v>654</v>
      </c>
      <c r="O2339">
        <v>3</v>
      </c>
      <c r="P2339" t="s">
        <v>655</v>
      </c>
      <c r="Q2339">
        <v>1</v>
      </c>
      <c r="R2339" t="s">
        <v>669</v>
      </c>
      <c r="S2339">
        <v>1</v>
      </c>
      <c r="T2339" t="s">
        <v>1842</v>
      </c>
      <c r="U2339">
        <v>352</v>
      </c>
      <c r="V2339">
        <v>3</v>
      </c>
      <c r="W2339">
        <v>180</v>
      </c>
      <c r="X2339">
        <v>2020</v>
      </c>
    </row>
    <row r="2340" spans="1:24" x14ac:dyDescent="0.25">
      <c r="A2340">
        <v>9414</v>
      </c>
      <c r="B2340" t="s">
        <v>16</v>
      </c>
      <c r="C2340">
        <v>5</v>
      </c>
      <c r="D2340" t="s">
        <v>439</v>
      </c>
      <c r="E2340">
        <v>47</v>
      </c>
      <c r="F2340" t="s">
        <v>651</v>
      </c>
      <c r="G2340">
        <v>160</v>
      </c>
      <c r="H2340" t="s">
        <v>658</v>
      </c>
      <c r="I2340">
        <v>13755</v>
      </c>
      <c r="J2340" t="s">
        <v>699</v>
      </c>
      <c r="K2340">
        <v>10</v>
      </c>
      <c r="L2340" t="s">
        <v>700</v>
      </c>
      <c r="M2340">
        <v>348</v>
      </c>
      <c r="N2340" t="s">
        <v>654</v>
      </c>
      <c r="O2340">
        <v>3</v>
      </c>
      <c r="P2340" t="s">
        <v>655</v>
      </c>
      <c r="Q2340">
        <v>1</v>
      </c>
      <c r="R2340" t="s">
        <v>669</v>
      </c>
      <c r="S2340">
        <v>1</v>
      </c>
      <c r="T2340" t="s">
        <v>1843</v>
      </c>
      <c r="U2340">
        <v>351</v>
      </c>
      <c r="V2340">
        <v>3</v>
      </c>
      <c r="W2340">
        <v>180</v>
      </c>
      <c r="X2340">
        <v>2020</v>
      </c>
    </row>
    <row r="2341" spans="1:24" x14ac:dyDescent="0.25">
      <c r="A2341">
        <v>9413</v>
      </c>
      <c r="B2341" t="s">
        <v>16</v>
      </c>
      <c r="C2341">
        <v>5</v>
      </c>
      <c r="D2341" t="s">
        <v>439</v>
      </c>
      <c r="E2341">
        <v>47</v>
      </c>
      <c r="F2341" t="s">
        <v>651</v>
      </c>
      <c r="G2341">
        <v>160</v>
      </c>
      <c r="H2341" t="s">
        <v>658</v>
      </c>
      <c r="I2341">
        <v>13755</v>
      </c>
      <c r="J2341" t="s">
        <v>699</v>
      </c>
      <c r="K2341">
        <v>10</v>
      </c>
      <c r="L2341" t="s">
        <v>700</v>
      </c>
      <c r="M2341">
        <v>348</v>
      </c>
      <c r="N2341" t="s">
        <v>654</v>
      </c>
      <c r="O2341">
        <v>3</v>
      </c>
      <c r="P2341" t="s">
        <v>655</v>
      </c>
      <c r="Q2341">
        <v>1</v>
      </c>
      <c r="R2341" t="s">
        <v>669</v>
      </c>
      <c r="S2341">
        <v>1</v>
      </c>
      <c r="T2341" t="s">
        <v>1769</v>
      </c>
      <c r="U2341">
        <v>378</v>
      </c>
      <c r="V2341">
        <v>3</v>
      </c>
      <c r="W2341">
        <v>180</v>
      </c>
      <c r="X2341">
        <v>2020</v>
      </c>
    </row>
    <row r="2342" spans="1:24" x14ac:dyDescent="0.25">
      <c r="A2342">
        <v>9412</v>
      </c>
      <c r="B2342" t="s">
        <v>16</v>
      </c>
      <c r="C2342">
        <v>5</v>
      </c>
      <c r="D2342" t="s">
        <v>439</v>
      </c>
      <c r="E2342">
        <v>47</v>
      </c>
      <c r="F2342" t="s">
        <v>651</v>
      </c>
      <c r="G2342">
        <v>160</v>
      </c>
      <c r="H2342" t="s">
        <v>658</v>
      </c>
      <c r="I2342">
        <v>13755</v>
      </c>
      <c r="J2342" t="s">
        <v>699</v>
      </c>
      <c r="K2342">
        <v>10</v>
      </c>
      <c r="L2342" t="s">
        <v>700</v>
      </c>
      <c r="M2342">
        <v>348</v>
      </c>
      <c r="N2342" t="s">
        <v>654</v>
      </c>
      <c r="O2342">
        <v>3</v>
      </c>
      <c r="P2342" t="s">
        <v>655</v>
      </c>
      <c r="Q2342">
        <v>1</v>
      </c>
      <c r="R2342" t="s">
        <v>669</v>
      </c>
      <c r="S2342">
        <v>1</v>
      </c>
      <c r="T2342" t="s">
        <v>1844</v>
      </c>
      <c r="U2342">
        <v>148</v>
      </c>
      <c r="V2342">
        <v>3</v>
      </c>
      <c r="W2342">
        <v>180</v>
      </c>
      <c r="X2342">
        <v>2020</v>
      </c>
    </row>
    <row r="2343" spans="1:24" x14ac:dyDescent="0.25">
      <c r="A2343">
        <v>9411</v>
      </c>
      <c r="B2343" t="s">
        <v>16</v>
      </c>
      <c r="C2343">
        <v>5</v>
      </c>
      <c r="D2343" t="s">
        <v>439</v>
      </c>
      <c r="E2343">
        <v>47</v>
      </c>
      <c r="F2343" t="s">
        <v>651</v>
      </c>
      <c r="G2343">
        <v>160</v>
      </c>
      <c r="H2343" t="s">
        <v>658</v>
      </c>
      <c r="I2343">
        <v>13755</v>
      </c>
      <c r="J2343" t="s">
        <v>699</v>
      </c>
      <c r="K2343">
        <v>10</v>
      </c>
      <c r="L2343" t="s">
        <v>700</v>
      </c>
      <c r="M2343">
        <v>348</v>
      </c>
      <c r="N2343" t="s">
        <v>654</v>
      </c>
      <c r="O2343">
        <v>3</v>
      </c>
      <c r="P2343" t="s">
        <v>655</v>
      </c>
      <c r="Q2343">
        <v>1</v>
      </c>
      <c r="R2343" t="s">
        <v>669</v>
      </c>
      <c r="S2343">
        <v>1</v>
      </c>
      <c r="T2343" t="s">
        <v>1845</v>
      </c>
      <c r="U2343">
        <v>350</v>
      </c>
      <c r="V2343">
        <v>3</v>
      </c>
      <c r="W2343">
        <v>180</v>
      </c>
      <c r="X2343">
        <v>2020</v>
      </c>
    </row>
    <row r="2344" spans="1:24" x14ac:dyDescent="0.25">
      <c r="A2344">
        <v>9410</v>
      </c>
      <c r="B2344" t="s">
        <v>16</v>
      </c>
      <c r="C2344">
        <v>5</v>
      </c>
      <c r="D2344" t="s">
        <v>439</v>
      </c>
      <c r="E2344">
        <v>47</v>
      </c>
      <c r="F2344" t="s">
        <v>651</v>
      </c>
      <c r="G2344">
        <v>160</v>
      </c>
      <c r="H2344" t="s">
        <v>658</v>
      </c>
      <c r="I2344">
        <v>13755</v>
      </c>
      <c r="J2344" t="s">
        <v>699</v>
      </c>
      <c r="K2344">
        <v>10</v>
      </c>
      <c r="L2344" t="s">
        <v>700</v>
      </c>
      <c r="M2344">
        <v>348</v>
      </c>
      <c r="N2344" t="s">
        <v>654</v>
      </c>
      <c r="O2344">
        <v>3</v>
      </c>
      <c r="P2344" t="s">
        <v>655</v>
      </c>
      <c r="Q2344">
        <v>1</v>
      </c>
      <c r="R2344" t="s">
        <v>669</v>
      </c>
      <c r="S2344">
        <v>1</v>
      </c>
      <c r="T2344" t="s">
        <v>1770</v>
      </c>
      <c r="U2344">
        <v>141</v>
      </c>
      <c r="V2344">
        <v>3</v>
      </c>
      <c r="W2344">
        <v>180</v>
      </c>
      <c r="X2344">
        <v>2020</v>
      </c>
    </row>
    <row r="2345" spans="1:24" x14ac:dyDescent="0.25">
      <c r="A2345">
        <v>9409</v>
      </c>
      <c r="B2345" t="s">
        <v>16</v>
      </c>
      <c r="C2345">
        <v>5</v>
      </c>
      <c r="D2345" t="s">
        <v>439</v>
      </c>
      <c r="E2345">
        <v>47</v>
      </c>
      <c r="F2345" t="s">
        <v>651</v>
      </c>
      <c r="G2345">
        <v>160</v>
      </c>
      <c r="H2345" t="s">
        <v>658</v>
      </c>
      <c r="I2345">
        <v>13755</v>
      </c>
      <c r="J2345" t="s">
        <v>699</v>
      </c>
      <c r="K2345">
        <v>10</v>
      </c>
      <c r="L2345" t="s">
        <v>700</v>
      </c>
      <c r="M2345">
        <v>348</v>
      </c>
      <c r="N2345" t="s">
        <v>654</v>
      </c>
      <c r="O2345">
        <v>3</v>
      </c>
      <c r="P2345" t="s">
        <v>655</v>
      </c>
      <c r="Q2345">
        <v>1</v>
      </c>
      <c r="R2345" t="s">
        <v>669</v>
      </c>
      <c r="S2345">
        <v>1</v>
      </c>
      <c r="T2345" t="s">
        <v>1846</v>
      </c>
      <c r="U2345">
        <v>144</v>
      </c>
      <c r="V2345">
        <v>3</v>
      </c>
      <c r="W2345">
        <v>180</v>
      </c>
      <c r="X2345">
        <v>2020</v>
      </c>
    </row>
    <row r="2346" spans="1:24" x14ac:dyDescent="0.25">
      <c r="A2346">
        <v>9408</v>
      </c>
      <c r="B2346" t="s">
        <v>16</v>
      </c>
      <c r="C2346">
        <v>5</v>
      </c>
      <c r="D2346" t="s">
        <v>439</v>
      </c>
      <c r="E2346">
        <v>47</v>
      </c>
      <c r="F2346" t="s">
        <v>651</v>
      </c>
      <c r="G2346">
        <v>160</v>
      </c>
      <c r="H2346" t="s">
        <v>658</v>
      </c>
      <c r="I2346">
        <v>13755</v>
      </c>
      <c r="J2346" t="s">
        <v>699</v>
      </c>
      <c r="K2346">
        <v>10</v>
      </c>
      <c r="L2346" t="s">
        <v>1847</v>
      </c>
      <c r="M2346">
        <v>352</v>
      </c>
      <c r="N2346" t="s">
        <v>654</v>
      </c>
      <c r="O2346">
        <v>3</v>
      </c>
      <c r="P2346" t="s">
        <v>655</v>
      </c>
      <c r="Q2346">
        <v>1</v>
      </c>
      <c r="R2346" t="s">
        <v>669</v>
      </c>
      <c r="S2346">
        <v>1</v>
      </c>
      <c r="T2346" t="s">
        <v>1848</v>
      </c>
      <c r="U2346">
        <v>334</v>
      </c>
      <c r="V2346">
        <v>3</v>
      </c>
      <c r="W2346">
        <v>180</v>
      </c>
      <c r="X2346">
        <v>2020</v>
      </c>
    </row>
    <row r="2347" spans="1:24" x14ac:dyDescent="0.25">
      <c r="A2347">
        <v>9407</v>
      </c>
      <c r="B2347" t="s">
        <v>16</v>
      </c>
      <c r="C2347">
        <v>5</v>
      </c>
      <c r="D2347" t="s">
        <v>439</v>
      </c>
      <c r="E2347">
        <v>47</v>
      </c>
      <c r="F2347" t="s">
        <v>651</v>
      </c>
      <c r="G2347">
        <v>160</v>
      </c>
      <c r="H2347" t="s">
        <v>658</v>
      </c>
      <c r="I2347">
        <v>13755</v>
      </c>
      <c r="J2347" t="s">
        <v>667</v>
      </c>
      <c r="K2347">
        <v>11</v>
      </c>
      <c r="L2347" t="s">
        <v>667</v>
      </c>
      <c r="M2347">
        <v>35</v>
      </c>
      <c r="N2347" t="s">
        <v>654</v>
      </c>
      <c r="O2347">
        <v>3</v>
      </c>
      <c r="P2347" t="s">
        <v>655</v>
      </c>
      <c r="Q2347">
        <v>1</v>
      </c>
      <c r="R2347" t="s">
        <v>669</v>
      </c>
      <c r="S2347">
        <v>1</v>
      </c>
      <c r="T2347" t="s">
        <v>1010</v>
      </c>
      <c r="U2347">
        <v>36</v>
      </c>
      <c r="V2347">
        <v>3</v>
      </c>
      <c r="W2347">
        <v>180</v>
      </c>
      <c r="X2347">
        <v>2020</v>
      </c>
    </row>
    <row r="2348" spans="1:24" x14ac:dyDescent="0.25">
      <c r="A2348">
        <v>9406</v>
      </c>
      <c r="B2348" t="s">
        <v>16</v>
      </c>
      <c r="C2348">
        <v>5</v>
      </c>
      <c r="D2348" t="s">
        <v>439</v>
      </c>
      <c r="E2348">
        <v>47</v>
      </c>
      <c r="F2348" t="s">
        <v>651</v>
      </c>
      <c r="G2348">
        <v>160</v>
      </c>
      <c r="H2348" t="s">
        <v>658</v>
      </c>
      <c r="I2348">
        <v>13755</v>
      </c>
      <c r="J2348" t="s">
        <v>667</v>
      </c>
      <c r="K2348">
        <v>11</v>
      </c>
      <c r="L2348" t="s">
        <v>667</v>
      </c>
      <c r="M2348">
        <v>35</v>
      </c>
      <c r="N2348" t="s">
        <v>654</v>
      </c>
      <c r="O2348">
        <v>3</v>
      </c>
      <c r="P2348" t="s">
        <v>655</v>
      </c>
      <c r="Q2348">
        <v>1</v>
      </c>
      <c r="R2348" t="s">
        <v>669</v>
      </c>
      <c r="S2348">
        <v>1</v>
      </c>
      <c r="T2348" t="s">
        <v>1009</v>
      </c>
      <c r="U2348">
        <v>35</v>
      </c>
      <c r="V2348">
        <v>3</v>
      </c>
      <c r="W2348">
        <v>180</v>
      </c>
      <c r="X2348">
        <v>2020</v>
      </c>
    </row>
    <row r="2349" spans="1:24" x14ac:dyDescent="0.25">
      <c r="A2349">
        <v>9405</v>
      </c>
      <c r="B2349" t="s">
        <v>16</v>
      </c>
      <c r="C2349">
        <v>5</v>
      </c>
      <c r="D2349" t="s">
        <v>439</v>
      </c>
      <c r="E2349">
        <v>47</v>
      </c>
      <c r="F2349" t="s">
        <v>651</v>
      </c>
      <c r="G2349">
        <v>160</v>
      </c>
      <c r="H2349" t="s">
        <v>658</v>
      </c>
      <c r="I2349">
        <v>13755</v>
      </c>
      <c r="J2349" t="s">
        <v>667</v>
      </c>
      <c r="K2349">
        <v>11</v>
      </c>
      <c r="L2349" t="s">
        <v>667</v>
      </c>
      <c r="M2349">
        <v>35</v>
      </c>
      <c r="N2349" t="s">
        <v>654</v>
      </c>
      <c r="O2349">
        <v>3</v>
      </c>
      <c r="P2349" t="s">
        <v>655</v>
      </c>
      <c r="Q2349">
        <v>1</v>
      </c>
      <c r="R2349" t="s">
        <v>669</v>
      </c>
      <c r="S2349">
        <v>1</v>
      </c>
      <c r="T2349" t="s">
        <v>1667</v>
      </c>
      <c r="U2349">
        <v>37</v>
      </c>
      <c r="V2349">
        <v>3</v>
      </c>
      <c r="W2349">
        <v>180</v>
      </c>
      <c r="X2349">
        <v>2020</v>
      </c>
    </row>
    <row r="2350" spans="1:24" x14ac:dyDescent="0.25">
      <c r="A2350">
        <v>9404</v>
      </c>
      <c r="B2350" t="s">
        <v>16</v>
      </c>
      <c r="C2350">
        <v>5</v>
      </c>
      <c r="D2350" t="s">
        <v>439</v>
      </c>
      <c r="E2350">
        <v>47</v>
      </c>
      <c r="F2350" t="s">
        <v>651</v>
      </c>
      <c r="G2350">
        <v>160</v>
      </c>
      <c r="H2350" t="s">
        <v>658</v>
      </c>
      <c r="I2350">
        <v>13755</v>
      </c>
      <c r="J2350" t="s">
        <v>667</v>
      </c>
      <c r="K2350">
        <v>11</v>
      </c>
      <c r="L2350" t="s">
        <v>667</v>
      </c>
      <c r="M2350">
        <v>35</v>
      </c>
      <c r="N2350" t="s">
        <v>654</v>
      </c>
      <c r="O2350">
        <v>3</v>
      </c>
      <c r="P2350" t="s">
        <v>655</v>
      </c>
      <c r="Q2350">
        <v>1</v>
      </c>
      <c r="R2350" t="s">
        <v>669</v>
      </c>
      <c r="S2350">
        <v>1</v>
      </c>
      <c r="T2350" t="s">
        <v>702</v>
      </c>
      <c r="U2350">
        <v>39</v>
      </c>
      <c r="V2350">
        <v>3</v>
      </c>
      <c r="W2350">
        <v>180</v>
      </c>
      <c r="X2350">
        <v>2020</v>
      </c>
    </row>
    <row r="2351" spans="1:24" x14ac:dyDescent="0.25">
      <c r="A2351">
        <v>9403</v>
      </c>
      <c r="B2351" t="s">
        <v>16</v>
      </c>
      <c r="C2351">
        <v>5</v>
      </c>
      <c r="D2351" t="s">
        <v>439</v>
      </c>
      <c r="E2351">
        <v>47</v>
      </c>
      <c r="F2351" t="s">
        <v>651</v>
      </c>
      <c r="G2351">
        <v>160</v>
      </c>
      <c r="H2351" t="s">
        <v>658</v>
      </c>
      <c r="I2351">
        <v>13755</v>
      </c>
      <c r="J2351" t="s">
        <v>667</v>
      </c>
      <c r="K2351">
        <v>11</v>
      </c>
      <c r="L2351" t="s">
        <v>667</v>
      </c>
      <c r="M2351">
        <v>35</v>
      </c>
      <c r="N2351" t="s">
        <v>654</v>
      </c>
      <c r="O2351">
        <v>3</v>
      </c>
      <c r="P2351" t="s">
        <v>655</v>
      </c>
      <c r="Q2351">
        <v>1</v>
      </c>
      <c r="R2351" t="s">
        <v>669</v>
      </c>
      <c r="S2351">
        <v>1</v>
      </c>
      <c r="T2351" t="s">
        <v>701</v>
      </c>
      <c r="U2351">
        <v>38</v>
      </c>
      <c r="V2351">
        <v>3</v>
      </c>
      <c r="W2351">
        <v>180</v>
      </c>
      <c r="X2351">
        <v>2020</v>
      </c>
    </row>
    <row r="2352" spans="1:24" x14ac:dyDescent="0.25">
      <c r="A2352">
        <v>9402</v>
      </c>
      <c r="B2352" t="s">
        <v>16</v>
      </c>
      <c r="C2352">
        <v>5</v>
      </c>
      <c r="D2352" t="s">
        <v>439</v>
      </c>
      <c r="E2352">
        <v>47</v>
      </c>
      <c r="F2352" t="s">
        <v>651</v>
      </c>
      <c r="G2352">
        <v>160</v>
      </c>
      <c r="H2352" t="s">
        <v>658</v>
      </c>
      <c r="I2352">
        <v>13755</v>
      </c>
      <c r="J2352" t="s">
        <v>667</v>
      </c>
      <c r="K2352">
        <v>11</v>
      </c>
      <c r="L2352" t="s">
        <v>1420</v>
      </c>
      <c r="M2352">
        <v>34</v>
      </c>
      <c r="N2352" t="s">
        <v>654</v>
      </c>
      <c r="O2352">
        <v>3</v>
      </c>
      <c r="P2352" t="s">
        <v>655</v>
      </c>
      <c r="Q2352">
        <v>1</v>
      </c>
      <c r="R2352" t="s">
        <v>669</v>
      </c>
      <c r="S2352">
        <v>1</v>
      </c>
      <c r="T2352" t="s">
        <v>701</v>
      </c>
      <c r="U2352">
        <v>38</v>
      </c>
      <c r="V2352">
        <v>3</v>
      </c>
      <c r="W2352">
        <v>180</v>
      </c>
      <c r="X2352">
        <v>2020</v>
      </c>
    </row>
    <row r="2353" spans="1:24" x14ac:dyDescent="0.25">
      <c r="A2353">
        <v>9401</v>
      </c>
      <c r="B2353" t="s">
        <v>16</v>
      </c>
      <c r="C2353">
        <v>5</v>
      </c>
      <c r="D2353" t="s">
        <v>439</v>
      </c>
      <c r="E2353">
        <v>47</v>
      </c>
      <c r="F2353" t="s">
        <v>651</v>
      </c>
      <c r="G2353">
        <v>160</v>
      </c>
      <c r="H2353" t="s">
        <v>658</v>
      </c>
      <c r="I2353">
        <v>13755</v>
      </c>
      <c r="J2353" t="s">
        <v>667</v>
      </c>
      <c r="K2353">
        <v>11</v>
      </c>
      <c r="L2353" t="s">
        <v>1420</v>
      </c>
      <c r="M2353">
        <v>34</v>
      </c>
      <c r="N2353" t="s">
        <v>654</v>
      </c>
      <c r="O2353">
        <v>3</v>
      </c>
      <c r="P2353" t="s">
        <v>655</v>
      </c>
      <c r="Q2353">
        <v>1</v>
      </c>
      <c r="R2353" t="s">
        <v>669</v>
      </c>
      <c r="S2353">
        <v>1</v>
      </c>
      <c r="T2353" t="s">
        <v>1009</v>
      </c>
      <c r="U2353">
        <v>35</v>
      </c>
      <c r="V2353">
        <v>3</v>
      </c>
      <c r="W2353">
        <v>180</v>
      </c>
      <c r="X2353">
        <v>2020</v>
      </c>
    </row>
    <row r="2354" spans="1:24" x14ac:dyDescent="0.25">
      <c r="A2354">
        <v>9400</v>
      </c>
      <c r="B2354" t="s">
        <v>16</v>
      </c>
      <c r="C2354">
        <v>5</v>
      </c>
      <c r="D2354" t="s">
        <v>439</v>
      </c>
      <c r="E2354">
        <v>47</v>
      </c>
      <c r="F2354" t="s">
        <v>651</v>
      </c>
      <c r="G2354">
        <v>160</v>
      </c>
      <c r="H2354" t="s">
        <v>658</v>
      </c>
      <c r="I2354">
        <v>13755</v>
      </c>
      <c r="J2354" t="s">
        <v>667</v>
      </c>
      <c r="K2354">
        <v>11</v>
      </c>
      <c r="L2354" t="s">
        <v>1420</v>
      </c>
      <c r="M2354">
        <v>34</v>
      </c>
      <c r="N2354" t="s">
        <v>654</v>
      </c>
      <c r="O2354">
        <v>3</v>
      </c>
      <c r="P2354" t="s">
        <v>655</v>
      </c>
      <c r="Q2354">
        <v>1</v>
      </c>
      <c r="R2354" t="s">
        <v>669</v>
      </c>
      <c r="S2354">
        <v>1</v>
      </c>
      <c r="T2354" t="s">
        <v>1010</v>
      </c>
      <c r="U2354">
        <v>36</v>
      </c>
      <c r="V2354">
        <v>3</v>
      </c>
      <c r="W2354">
        <v>180</v>
      </c>
      <c r="X2354">
        <v>2020</v>
      </c>
    </row>
    <row r="2355" spans="1:24" x14ac:dyDescent="0.25">
      <c r="A2355">
        <v>9399</v>
      </c>
      <c r="B2355" t="s">
        <v>16</v>
      </c>
      <c r="C2355">
        <v>5</v>
      </c>
      <c r="D2355" t="s">
        <v>439</v>
      </c>
      <c r="E2355">
        <v>47</v>
      </c>
      <c r="F2355" t="s">
        <v>651</v>
      </c>
      <c r="G2355">
        <v>160</v>
      </c>
      <c r="H2355" t="s">
        <v>658</v>
      </c>
      <c r="I2355">
        <v>13755</v>
      </c>
      <c r="J2355" t="s">
        <v>667</v>
      </c>
      <c r="K2355">
        <v>11</v>
      </c>
      <c r="L2355" t="s">
        <v>1420</v>
      </c>
      <c r="M2355">
        <v>34</v>
      </c>
      <c r="N2355" t="s">
        <v>654</v>
      </c>
      <c r="O2355">
        <v>3</v>
      </c>
      <c r="P2355" t="s">
        <v>655</v>
      </c>
      <c r="Q2355">
        <v>1</v>
      </c>
      <c r="R2355" t="s">
        <v>669</v>
      </c>
      <c r="S2355">
        <v>1</v>
      </c>
      <c r="T2355" t="s">
        <v>702</v>
      </c>
      <c r="U2355">
        <v>39</v>
      </c>
      <c r="V2355">
        <v>3</v>
      </c>
      <c r="W2355">
        <v>180</v>
      </c>
      <c r="X2355">
        <v>2020</v>
      </c>
    </row>
    <row r="2356" spans="1:24" x14ac:dyDescent="0.25">
      <c r="A2356">
        <v>9398</v>
      </c>
      <c r="B2356" t="s">
        <v>16</v>
      </c>
      <c r="C2356">
        <v>5</v>
      </c>
      <c r="D2356" t="s">
        <v>439</v>
      </c>
      <c r="E2356">
        <v>47</v>
      </c>
      <c r="F2356" t="s">
        <v>651</v>
      </c>
      <c r="G2356">
        <v>160</v>
      </c>
      <c r="H2356" t="s">
        <v>658</v>
      </c>
      <c r="I2356">
        <v>13755</v>
      </c>
      <c r="J2356" t="s">
        <v>667</v>
      </c>
      <c r="K2356">
        <v>11</v>
      </c>
      <c r="L2356" t="s">
        <v>1420</v>
      </c>
      <c r="M2356">
        <v>34</v>
      </c>
      <c r="N2356" t="s">
        <v>654</v>
      </c>
      <c r="O2356">
        <v>3</v>
      </c>
      <c r="P2356" t="s">
        <v>655</v>
      </c>
      <c r="Q2356">
        <v>1</v>
      </c>
      <c r="R2356" t="s">
        <v>669</v>
      </c>
      <c r="S2356">
        <v>1</v>
      </c>
      <c r="T2356" t="s">
        <v>1667</v>
      </c>
      <c r="U2356">
        <v>37</v>
      </c>
      <c r="V2356">
        <v>3</v>
      </c>
      <c r="W2356">
        <v>180</v>
      </c>
      <c r="X2356">
        <v>2020</v>
      </c>
    </row>
    <row r="2357" spans="1:24" x14ac:dyDescent="0.25">
      <c r="A2357">
        <v>9397</v>
      </c>
      <c r="B2357" t="s">
        <v>16</v>
      </c>
      <c r="C2357">
        <v>5</v>
      </c>
      <c r="D2357" t="s">
        <v>439</v>
      </c>
      <c r="E2357">
        <v>47</v>
      </c>
      <c r="F2357" t="s">
        <v>651</v>
      </c>
      <c r="G2357">
        <v>160</v>
      </c>
      <c r="H2357" t="s">
        <v>658</v>
      </c>
      <c r="I2357">
        <v>13755</v>
      </c>
      <c r="J2357" t="s">
        <v>667</v>
      </c>
      <c r="K2357">
        <v>11</v>
      </c>
      <c r="L2357" t="s">
        <v>1420</v>
      </c>
      <c r="M2357">
        <v>34</v>
      </c>
      <c r="N2357" t="s">
        <v>654</v>
      </c>
      <c r="O2357">
        <v>3</v>
      </c>
      <c r="P2357" t="s">
        <v>655</v>
      </c>
      <c r="Q2357">
        <v>1</v>
      </c>
      <c r="R2357" t="s">
        <v>669</v>
      </c>
      <c r="S2357">
        <v>1</v>
      </c>
      <c r="T2357" t="s">
        <v>942</v>
      </c>
      <c r="U2357">
        <v>58</v>
      </c>
      <c r="V2357">
        <v>3</v>
      </c>
      <c r="W2357">
        <v>180</v>
      </c>
      <c r="X2357">
        <v>2020</v>
      </c>
    </row>
    <row r="2358" spans="1:24" x14ac:dyDescent="0.25">
      <c r="A2358">
        <v>9396</v>
      </c>
      <c r="B2358" t="s">
        <v>16</v>
      </c>
      <c r="C2358">
        <v>5</v>
      </c>
      <c r="D2358" t="s">
        <v>439</v>
      </c>
      <c r="E2358">
        <v>47</v>
      </c>
      <c r="F2358" t="s">
        <v>651</v>
      </c>
      <c r="G2358">
        <v>160</v>
      </c>
      <c r="H2358" t="s">
        <v>658</v>
      </c>
      <c r="I2358">
        <v>13755</v>
      </c>
      <c r="J2358" t="s">
        <v>667</v>
      </c>
      <c r="K2358">
        <v>11</v>
      </c>
      <c r="L2358" t="s">
        <v>1420</v>
      </c>
      <c r="M2358">
        <v>34</v>
      </c>
      <c r="N2358" t="s">
        <v>654</v>
      </c>
      <c r="O2358">
        <v>3</v>
      </c>
      <c r="P2358" t="s">
        <v>655</v>
      </c>
      <c r="Q2358">
        <v>1</v>
      </c>
      <c r="R2358" t="s">
        <v>669</v>
      </c>
      <c r="S2358">
        <v>1</v>
      </c>
      <c r="T2358" t="s">
        <v>1000</v>
      </c>
      <c r="U2358">
        <v>60</v>
      </c>
      <c r="V2358">
        <v>3</v>
      </c>
      <c r="W2358">
        <v>180</v>
      </c>
      <c r="X2358">
        <v>2020</v>
      </c>
    </row>
    <row r="2359" spans="1:24" x14ac:dyDescent="0.25">
      <c r="A2359">
        <v>9395</v>
      </c>
      <c r="B2359" t="s">
        <v>16</v>
      </c>
      <c r="C2359">
        <v>5</v>
      </c>
      <c r="D2359" t="s">
        <v>439</v>
      </c>
      <c r="E2359">
        <v>47</v>
      </c>
      <c r="F2359" t="s">
        <v>651</v>
      </c>
      <c r="G2359">
        <v>160</v>
      </c>
      <c r="H2359" t="s">
        <v>658</v>
      </c>
      <c r="I2359">
        <v>13755</v>
      </c>
      <c r="J2359" t="s">
        <v>667</v>
      </c>
      <c r="K2359">
        <v>11</v>
      </c>
      <c r="L2359" t="s">
        <v>1420</v>
      </c>
      <c r="M2359">
        <v>34</v>
      </c>
      <c r="N2359" t="s">
        <v>654</v>
      </c>
      <c r="O2359">
        <v>3</v>
      </c>
      <c r="P2359" t="s">
        <v>655</v>
      </c>
      <c r="Q2359">
        <v>1</v>
      </c>
      <c r="R2359" t="s">
        <v>669</v>
      </c>
      <c r="S2359">
        <v>1</v>
      </c>
      <c r="T2359" t="s">
        <v>1472</v>
      </c>
      <c r="U2359">
        <v>61</v>
      </c>
      <c r="V2359">
        <v>3</v>
      </c>
      <c r="W2359">
        <v>180</v>
      </c>
      <c r="X2359">
        <v>2020</v>
      </c>
    </row>
    <row r="2360" spans="1:24" x14ac:dyDescent="0.25">
      <c r="A2360">
        <v>9394</v>
      </c>
      <c r="B2360" t="s">
        <v>16</v>
      </c>
      <c r="C2360">
        <v>5</v>
      </c>
      <c r="D2360" t="s">
        <v>439</v>
      </c>
      <c r="E2360">
        <v>47</v>
      </c>
      <c r="F2360" t="s">
        <v>651</v>
      </c>
      <c r="G2360">
        <v>160</v>
      </c>
      <c r="H2360" t="s">
        <v>658</v>
      </c>
      <c r="I2360">
        <v>13755</v>
      </c>
      <c r="J2360" t="s">
        <v>667</v>
      </c>
      <c r="K2360">
        <v>11</v>
      </c>
      <c r="L2360" t="s">
        <v>1420</v>
      </c>
      <c r="M2360">
        <v>34</v>
      </c>
      <c r="N2360" t="s">
        <v>654</v>
      </c>
      <c r="O2360">
        <v>3</v>
      </c>
      <c r="P2360" t="s">
        <v>655</v>
      </c>
      <c r="Q2360">
        <v>1</v>
      </c>
      <c r="R2360" t="s">
        <v>669</v>
      </c>
      <c r="S2360">
        <v>1</v>
      </c>
      <c r="T2360" t="s">
        <v>1504</v>
      </c>
      <c r="U2360">
        <v>63</v>
      </c>
      <c r="V2360">
        <v>3</v>
      </c>
      <c r="W2360">
        <v>180</v>
      </c>
      <c r="X2360">
        <v>2020</v>
      </c>
    </row>
    <row r="2361" spans="1:24" x14ac:dyDescent="0.25">
      <c r="A2361">
        <v>9393</v>
      </c>
      <c r="B2361" t="s">
        <v>16</v>
      </c>
      <c r="C2361">
        <v>5</v>
      </c>
      <c r="D2361" t="s">
        <v>439</v>
      </c>
      <c r="E2361">
        <v>47</v>
      </c>
      <c r="F2361" t="s">
        <v>651</v>
      </c>
      <c r="G2361">
        <v>160</v>
      </c>
      <c r="H2361" t="s">
        <v>658</v>
      </c>
      <c r="I2361">
        <v>13755</v>
      </c>
      <c r="J2361" t="s">
        <v>667</v>
      </c>
      <c r="K2361">
        <v>11</v>
      </c>
      <c r="L2361" t="s">
        <v>1420</v>
      </c>
      <c r="M2361">
        <v>34</v>
      </c>
      <c r="N2361" t="s">
        <v>654</v>
      </c>
      <c r="O2361">
        <v>3</v>
      </c>
      <c r="P2361" t="s">
        <v>655</v>
      </c>
      <c r="Q2361">
        <v>1</v>
      </c>
      <c r="R2361" t="s">
        <v>669</v>
      </c>
      <c r="S2361">
        <v>1</v>
      </c>
      <c r="T2361" t="s">
        <v>1486</v>
      </c>
      <c r="U2361">
        <v>50</v>
      </c>
      <c r="V2361">
        <v>3</v>
      </c>
      <c r="W2361">
        <v>180</v>
      </c>
      <c r="X2361">
        <v>2020</v>
      </c>
    </row>
    <row r="2362" spans="1:24" x14ac:dyDescent="0.25">
      <c r="A2362">
        <v>9392</v>
      </c>
      <c r="B2362" t="s">
        <v>16</v>
      </c>
      <c r="C2362">
        <v>5</v>
      </c>
      <c r="D2362" t="s">
        <v>439</v>
      </c>
      <c r="E2362">
        <v>47</v>
      </c>
      <c r="F2362" t="s">
        <v>651</v>
      </c>
      <c r="G2362">
        <v>160</v>
      </c>
      <c r="H2362" t="s">
        <v>658</v>
      </c>
      <c r="I2362">
        <v>13755</v>
      </c>
      <c r="J2362" t="s">
        <v>667</v>
      </c>
      <c r="K2362">
        <v>11</v>
      </c>
      <c r="L2362" t="s">
        <v>1420</v>
      </c>
      <c r="M2362">
        <v>34</v>
      </c>
      <c r="N2362" t="s">
        <v>654</v>
      </c>
      <c r="O2362">
        <v>3</v>
      </c>
      <c r="P2362" t="s">
        <v>655</v>
      </c>
      <c r="Q2362">
        <v>1</v>
      </c>
      <c r="R2362" t="s">
        <v>669</v>
      </c>
      <c r="S2362">
        <v>1</v>
      </c>
      <c r="T2362" t="s">
        <v>1035</v>
      </c>
      <c r="U2362">
        <v>46</v>
      </c>
      <c r="V2362">
        <v>3</v>
      </c>
      <c r="W2362">
        <v>180</v>
      </c>
      <c r="X2362">
        <v>2020</v>
      </c>
    </row>
    <row r="2363" spans="1:24" x14ac:dyDescent="0.25">
      <c r="A2363">
        <v>9391</v>
      </c>
      <c r="B2363" t="s">
        <v>16</v>
      </c>
      <c r="C2363">
        <v>5</v>
      </c>
      <c r="D2363" t="s">
        <v>439</v>
      </c>
      <c r="E2363">
        <v>47</v>
      </c>
      <c r="F2363" t="s">
        <v>651</v>
      </c>
      <c r="G2363">
        <v>160</v>
      </c>
      <c r="H2363" t="s">
        <v>658</v>
      </c>
      <c r="I2363">
        <v>13755</v>
      </c>
      <c r="J2363" t="s">
        <v>667</v>
      </c>
      <c r="K2363">
        <v>11</v>
      </c>
      <c r="L2363" t="s">
        <v>1420</v>
      </c>
      <c r="M2363">
        <v>34</v>
      </c>
      <c r="N2363" t="s">
        <v>654</v>
      </c>
      <c r="O2363">
        <v>3</v>
      </c>
      <c r="P2363" t="s">
        <v>655</v>
      </c>
      <c r="Q2363">
        <v>1</v>
      </c>
      <c r="R2363" t="s">
        <v>669</v>
      </c>
      <c r="S2363">
        <v>1</v>
      </c>
      <c r="T2363" t="s">
        <v>1793</v>
      </c>
      <c r="U2363">
        <v>49</v>
      </c>
      <c r="V2363">
        <v>3</v>
      </c>
      <c r="W2363">
        <v>180</v>
      </c>
      <c r="X2363">
        <v>2020</v>
      </c>
    </row>
    <row r="2364" spans="1:24" x14ac:dyDescent="0.25">
      <c r="A2364">
        <v>9390</v>
      </c>
      <c r="B2364" t="s">
        <v>16</v>
      </c>
      <c r="C2364">
        <v>5</v>
      </c>
      <c r="D2364" t="s">
        <v>439</v>
      </c>
      <c r="E2364">
        <v>47</v>
      </c>
      <c r="F2364" t="s">
        <v>651</v>
      </c>
      <c r="G2364">
        <v>160</v>
      </c>
      <c r="H2364" t="s">
        <v>658</v>
      </c>
      <c r="I2364">
        <v>13755</v>
      </c>
      <c r="J2364" t="s">
        <v>667</v>
      </c>
      <c r="K2364">
        <v>11</v>
      </c>
      <c r="L2364" t="s">
        <v>1420</v>
      </c>
      <c r="M2364">
        <v>34</v>
      </c>
      <c r="N2364" t="s">
        <v>654</v>
      </c>
      <c r="O2364">
        <v>3</v>
      </c>
      <c r="P2364" t="s">
        <v>655</v>
      </c>
      <c r="Q2364">
        <v>1</v>
      </c>
      <c r="R2364" t="s">
        <v>669</v>
      </c>
      <c r="S2364">
        <v>1</v>
      </c>
      <c r="T2364" t="s">
        <v>1818</v>
      </c>
      <c r="U2364">
        <v>82</v>
      </c>
      <c r="V2364">
        <v>3</v>
      </c>
      <c r="W2364">
        <v>180</v>
      </c>
      <c r="X2364">
        <v>2020</v>
      </c>
    </row>
    <row r="2365" spans="1:24" x14ac:dyDescent="0.25">
      <c r="A2365">
        <v>9389</v>
      </c>
      <c r="B2365" t="s">
        <v>16</v>
      </c>
      <c r="C2365">
        <v>5</v>
      </c>
      <c r="D2365" t="s">
        <v>439</v>
      </c>
      <c r="E2365">
        <v>47</v>
      </c>
      <c r="F2365" t="s">
        <v>651</v>
      </c>
      <c r="G2365">
        <v>160</v>
      </c>
      <c r="H2365" t="s">
        <v>658</v>
      </c>
      <c r="I2365">
        <v>13755</v>
      </c>
      <c r="J2365" t="s">
        <v>667</v>
      </c>
      <c r="K2365">
        <v>11</v>
      </c>
      <c r="L2365" t="s">
        <v>1420</v>
      </c>
      <c r="M2365">
        <v>34</v>
      </c>
      <c r="N2365" t="s">
        <v>654</v>
      </c>
      <c r="O2365">
        <v>3</v>
      </c>
      <c r="P2365" t="s">
        <v>655</v>
      </c>
      <c r="Q2365">
        <v>1</v>
      </c>
      <c r="R2365" t="s">
        <v>669</v>
      </c>
      <c r="S2365">
        <v>1</v>
      </c>
      <c r="T2365" t="s">
        <v>1823</v>
      </c>
      <c r="U2365">
        <v>84</v>
      </c>
      <c r="V2365">
        <v>3</v>
      </c>
      <c r="W2365">
        <v>180</v>
      </c>
      <c r="X2365">
        <v>2020</v>
      </c>
    </row>
    <row r="2366" spans="1:24" x14ac:dyDescent="0.25">
      <c r="A2366">
        <v>9388</v>
      </c>
      <c r="B2366" t="s">
        <v>16</v>
      </c>
      <c r="C2366">
        <v>5</v>
      </c>
      <c r="D2366" t="s">
        <v>439</v>
      </c>
      <c r="E2366">
        <v>47</v>
      </c>
      <c r="F2366" t="s">
        <v>651</v>
      </c>
      <c r="G2366">
        <v>160</v>
      </c>
      <c r="H2366" t="s">
        <v>658</v>
      </c>
      <c r="I2366">
        <v>13755</v>
      </c>
      <c r="J2366" t="s">
        <v>667</v>
      </c>
      <c r="K2366">
        <v>11</v>
      </c>
      <c r="L2366" t="s">
        <v>1420</v>
      </c>
      <c r="M2366">
        <v>34</v>
      </c>
      <c r="N2366" t="s">
        <v>654</v>
      </c>
      <c r="O2366">
        <v>3</v>
      </c>
      <c r="P2366" t="s">
        <v>655</v>
      </c>
      <c r="Q2366">
        <v>1</v>
      </c>
      <c r="R2366" t="s">
        <v>669</v>
      </c>
      <c r="S2366">
        <v>1</v>
      </c>
      <c r="T2366" t="s">
        <v>1822</v>
      </c>
      <c r="U2366">
        <v>83</v>
      </c>
      <c r="V2366">
        <v>3</v>
      </c>
      <c r="W2366">
        <v>180</v>
      </c>
      <c r="X2366">
        <v>2020</v>
      </c>
    </row>
    <row r="2367" spans="1:24" x14ac:dyDescent="0.25">
      <c r="A2367">
        <v>9387</v>
      </c>
      <c r="B2367" t="s">
        <v>16</v>
      </c>
      <c r="C2367">
        <v>5</v>
      </c>
      <c r="D2367" t="s">
        <v>439</v>
      </c>
      <c r="E2367">
        <v>47</v>
      </c>
      <c r="F2367" t="s">
        <v>651</v>
      </c>
      <c r="G2367">
        <v>160</v>
      </c>
      <c r="H2367" t="s">
        <v>658</v>
      </c>
      <c r="I2367">
        <v>13755</v>
      </c>
      <c r="J2367" t="s">
        <v>667</v>
      </c>
      <c r="K2367">
        <v>11</v>
      </c>
      <c r="L2367" t="s">
        <v>1420</v>
      </c>
      <c r="M2367">
        <v>34</v>
      </c>
      <c r="N2367" t="s">
        <v>654</v>
      </c>
      <c r="O2367">
        <v>3</v>
      </c>
      <c r="P2367" t="s">
        <v>655</v>
      </c>
      <c r="Q2367">
        <v>1</v>
      </c>
      <c r="R2367" t="s">
        <v>669</v>
      </c>
      <c r="S2367">
        <v>1</v>
      </c>
      <c r="T2367" t="s">
        <v>1838</v>
      </c>
      <c r="U2367">
        <v>72</v>
      </c>
      <c r="V2367">
        <v>3</v>
      </c>
      <c r="W2367">
        <v>180</v>
      </c>
      <c r="X2367">
        <v>2020</v>
      </c>
    </row>
    <row r="2368" spans="1:24" x14ac:dyDescent="0.25">
      <c r="A2368">
        <v>9386</v>
      </c>
      <c r="B2368" t="s">
        <v>16</v>
      </c>
      <c r="C2368">
        <v>5</v>
      </c>
      <c r="D2368" t="s">
        <v>439</v>
      </c>
      <c r="E2368">
        <v>47</v>
      </c>
      <c r="F2368" t="s">
        <v>651</v>
      </c>
      <c r="G2368">
        <v>160</v>
      </c>
      <c r="H2368" t="s">
        <v>658</v>
      </c>
      <c r="I2368">
        <v>13755</v>
      </c>
      <c r="J2368" t="s">
        <v>667</v>
      </c>
      <c r="K2368">
        <v>11</v>
      </c>
      <c r="L2368" t="s">
        <v>1420</v>
      </c>
      <c r="M2368">
        <v>34</v>
      </c>
      <c r="N2368" t="s">
        <v>654</v>
      </c>
      <c r="O2368">
        <v>3</v>
      </c>
      <c r="P2368" t="s">
        <v>655</v>
      </c>
      <c r="Q2368">
        <v>1</v>
      </c>
      <c r="R2368" t="s">
        <v>669</v>
      </c>
      <c r="S2368">
        <v>1</v>
      </c>
      <c r="T2368" t="s">
        <v>1837</v>
      </c>
      <c r="U2368">
        <v>70</v>
      </c>
      <c r="V2368">
        <v>3</v>
      </c>
      <c r="W2368">
        <v>180</v>
      </c>
      <c r="X2368">
        <v>2020</v>
      </c>
    </row>
    <row r="2369" spans="1:24" x14ac:dyDescent="0.25">
      <c r="A2369">
        <v>9385</v>
      </c>
      <c r="B2369" t="s">
        <v>16</v>
      </c>
      <c r="C2369">
        <v>5</v>
      </c>
      <c r="D2369" t="s">
        <v>439</v>
      </c>
      <c r="E2369">
        <v>47</v>
      </c>
      <c r="F2369" t="s">
        <v>651</v>
      </c>
      <c r="G2369">
        <v>160</v>
      </c>
      <c r="H2369" t="s">
        <v>658</v>
      </c>
      <c r="I2369">
        <v>13755</v>
      </c>
      <c r="J2369" t="s">
        <v>667</v>
      </c>
      <c r="K2369">
        <v>11</v>
      </c>
      <c r="L2369" t="s">
        <v>1420</v>
      </c>
      <c r="M2369">
        <v>34</v>
      </c>
      <c r="N2369" t="s">
        <v>654</v>
      </c>
      <c r="O2369">
        <v>3</v>
      </c>
      <c r="P2369" t="s">
        <v>655</v>
      </c>
      <c r="Q2369">
        <v>1</v>
      </c>
      <c r="R2369" t="s">
        <v>669</v>
      </c>
      <c r="S2369">
        <v>1</v>
      </c>
      <c r="T2369" t="s">
        <v>1813</v>
      </c>
      <c r="U2369">
        <v>94</v>
      </c>
      <c r="V2369">
        <v>3</v>
      </c>
      <c r="W2369">
        <v>180</v>
      </c>
      <c r="X2369">
        <v>2020</v>
      </c>
    </row>
    <row r="2370" spans="1:24" x14ac:dyDescent="0.25">
      <c r="A2370">
        <v>9384</v>
      </c>
      <c r="B2370" t="s">
        <v>16</v>
      </c>
      <c r="C2370">
        <v>5</v>
      </c>
      <c r="D2370" t="s">
        <v>439</v>
      </c>
      <c r="E2370">
        <v>47</v>
      </c>
      <c r="F2370" t="s">
        <v>651</v>
      </c>
      <c r="G2370">
        <v>160</v>
      </c>
      <c r="H2370" t="s">
        <v>658</v>
      </c>
      <c r="I2370">
        <v>13755</v>
      </c>
      <c r="J2370" t="s">
        <v>667</v>
      </c>
      <c r="K2370">
        <v>11</v>
      </c>
      <c r="L2370" t="s">
        <v>1420</v>
      </c>
      <c r="M2370">
        <v>34</v>
      </c>
      <c r="N2370" t="s">
        <v>654</v>
      </c>
      <c r="O2370">
        <v>3</v>
      </c>
      <c r="P2370" t="s">
        <v>655</v>
      </c>
      <c r="Q2370">
        <v>1</v>
      </c>
      <c r="R2370" t="s">
        <v>669</v>
      </c>
      <c r="S2370">
        <v>1</v>
      </c>
      <c r="T2370" t="s">
        <v>1814</v>
      </c>
      <c r="U2370">
        <v>96</v>
      </c>
      <c r="V2370">
        <v>3</v>
      </c>
      <c r="W2370">
        <v>180</v>
      </c>
      <c r="X2370">
        <v>2020</v>
      </c>
    </row>
    <row r="2371" spans="1:24" x14ac:dyDescent="0.25">
      <c r="A2371">
        <v>9383</v>
      </c>
      <c r="B2371" t="s">
        <v>16</v>
      </c>
      <c r="C2371">
        <v>5</v>
      </c>
      <c r="D2371" t="s">
        <v>439</v>
      </c>
      <c r="E2371">
        <v>47</v>
      </c>
      <c r="F2371" t="s">
        <v>651</v>
      </c>
      <c r="G2371">
        <v>160</v>
      </c>
      <c r="H2371" t="s">
        <v>658</v>
      </c>
      <c r="I2371">
        <v>13755</v>
      </c>
      <c r="J2371" t="s">
        <v>667</v>
      </c>
      <c r="K2371">
        <v>11</v>
      </c>
      <c r="L2371" t="s">
        <v>1420</v>
      </c>
      <c r="M2371">
        <v>34</v>
      </c>
      <c r="N2371" t="s">
        <v>654</v>
      </c>
      <c r="O2371">
        <v>3</v>
      </c>
      <c r="P2371" t="s">
        <v>655</v>
      </c>
      <c r="Q2371">
        <v>1</v>
      </c>
      <c r="R2371" t="s">
        <v>669</v>
      </c>
      <c r="S2371">
        <v>1</v>
      </c>
      <c r="T2371" t="s">
        <v>1817</v>
      </c>
      <c r="U2371">
        <v>95</v>
      </c>
      <c r="V2371">
        <v>3</v>
      </c>
      <c r="W2371">
        <v>180</v>
      </c>
      <c r="X2371">
        <v>2020</v>
      </c>
    </row>
    <row r="2372" spans="1:24" x14ac:dyDescent="0.25">
      <c r="A2372">
        <v>9382</v>
      </c>
      <c r="B2372" t="s">
        <v>16</v>
      </c>
      <c r="C2372">
        <v>5</v>
      </c>
      <c r="D2372" t="s">
        <v>439</v>
      </c>
      <c r="E2372">
        <v>47</v>
      </c>
      <c r="F2372" t="s">
        <v>651</v>
      </c>
      <c r="G2372">
        <v>160</v>
      </c>
      <c r="H2372" t="s">
        <v>658</v>
      </c>
      <c r="I2372">
        <v>13755</v>
      </c>
      <c r="J2372" t="s">
        <v>895</v>
      </c>
      <c r="K2372">
        <v>13</v>
      </c>
      <c r="L2372" t="s">
        <v>1418</v>
      </c>
      <c r="M2372">
        <v>43</v>
      </c>
      <c r="N2372" t="s">
        <v>654</v>
      </c>
      <c r="O2372">
        <v>3</v>
      </c>
      <c r="P2372" t="s">
        <v>655</v>
      </c>
      <c r="Q2372">
        <v>1</v>
      </c>
      <c r="R2372" t="s">
        <v>669</v>
      </c>
      <c r="S2372">
        <v>1</v>
      </c>
      <c r="T2372" t="s">
        <v>1010</v>
      </c>
      <c r="U2372">
        <v>36</v>
      </c>
      <c r="V2372">
        <v>3</v>
      </c>
      <c r="W2372">
        <v>180</v>
      </c>
      <c r="X2372">
        <v>2020</v>
      </c>
    </row>
    <row r="2373" spans="1:24" x14ac:dyDescent="0.25">
      <c r="A2373">
        <v>9381</v>
      </c>
      <c r="B2373" t="s">
        <v>16</v>
      </c>
      <c r="C2373">
        <v>5</v>
      </c>
      <c r="D2373" t="s">
        <v>439</v>
      </c>
      <c r="E2373">
        <v>47</v>
      </c>
      <c r="F2373" t="s">
        <v>651</v>
      </c>
      <c r="G2373">
        <v>160</v>
      </c>
      <c r="H2373" t="s">
        <v>658</v>
      </c>
      <c r="I2373">
        <v>13755</v>
      </c>
      <c r="J2373" t="s">
        <v>895</v>
      </c>
      <c r="K2373">
        <v>13</v>
      </c>
      <c r="L2373" t="s">
        <v>1418</v>
      </c>
      <c r="M2373">
        <v>43</v>
      </c>
      <c r="N2373" t="s">
        <v>654</v>
      </c>
      <c r="O2373">
        <v>3</v>
      </c>
      <c r="P2373" t="s">
        <v>655</v>
      </c>
      <c r="Q2373">
        <v>1</v>
      </c>
      <c r="R2373" t="s">
        <v>669</v>
      </c>
      <c r="S2373">
        <v>1</v>
      </c>
      <c r="T2373" t="s">
        <v>1789</v>
      </c>
      <c r="U2373">
        <v>372</v>
      </c>
      <c r="V2373">
        <v>3</v>
      </c>
      <c r="W2373">
        <v>180</v>
      </c>
      <c r="X2373">
        <v>2020</v>
      </c>
    </row>
    <row r="2374" spans="1:24" x14ac:dyDescent="0.25">
      <c r="A2374">
        <v>9380</v>
      </c>
      <c r="B2374" t="s">
        <v>16</v>
      </c>
      <c r="C2374">
        <v>5</v>
      </c>
      <c r="D2374" t="s">
        <v>439</v>
      </c>
      <c r="E2374">
        <v>47</v>
      </c>
      <c r="F2374" t="s">
        <v>651</v>
      </c>
      <c r="G2374">
        <v>160</v>
      </c>
      <c r="H2374" t="s">
        <v>658</v>
      </c>
      <c r="I2374">
        <v>13755</v>
      </c>
      <c r="J2374" t="s">
        <v>895</v>
      </c>
      <c r="K2374">
        <v>13</v>
      </c>
      <c r="L2374" t="s">
        <v>1418</v>
      </c>
      <c r="M2374">
        <v>43</v>
      </c>
      <c r="N2374" t="s">
        <v>654</v>
      </c>
      <c r="O2374">
        <v>3</v>
      </c>
      <c r="P2374" t="s">
        <v>655</v>
      </c>
      <c r="Q2374">
        <v>1</v>
      </c>
      <c r="R2374" t="s">
        <v>669</v>
      </c>
      <c r="S2374">
        <v>1</v>
      </c>
      <c r="T2374" t="s">
        <v>702</v>
      </c>
      <c r="U2374">
        <v>39</v>
      </c>
      <c r="V2374">
        <v>3</v>
      </c>
      <c r="W2374">
        <v>180</v>
      </c>
      <c r="X2374">
        <v>2020</v>
      </c>
    </row>
    <row r="2375" spans="1:24" x14ac:dyDescent="0.25">
      <c r="A2375">
        <v>9379</v>
      </c>
      <c r="B2375" t="s">
        <v>16</v>
      </c>
      <c r="C2375">
        <v>5</v>
      </c>
      <c r="D2375" t="s">
        <v>439</v>
      </c>
      <c r="E2375">
        <v>47</v>
      </c>
      <c r="F2375" t="s">
        <v>651</v>
      </c>
      <c r="G2375">
        <v>160</v>
      </c>
      <c r="H2375" t="s">
        <v>658</v>
      </c>
      <c r="I2375">
        <v>13755</v>
      </c>
      <c r="J2375" t="s">
        <v>895</v>
      </c>
      <c r="K2375">
        <v>13</v>
      </c>
      <c r="L2375" t="s">
        <v>1418</v>
      </c>
      <c r="M2375">
        <v>43</v>
      </c>
      <c r="N2375" t="s">
        <v>654</v>
      </c>
      <c r="O2375">
        <v>3</v>
      </c>
      <c r="P2375" t="s">
        <v>655</v>
      </c>
      <c r="Q2375">
        <v>1</v>
      </c>
      <c r="R2375" t="s">
        <v>669</v>
      </c>
      <c r="S2375">
        <v>1</v>
      </c>
      <c r="T2375" t="s">
        <v>1791</v>
      </c>
      <c r="U2375">
        <v>236</v>
      </c>
      <c r="V2375">
        <v>3</v>
      </c>
      <c r="W2375">
        <v>180</v>
      </c>
      <c r="X2375">
        <v>2020</v>
      </c>
    </row>
    <row r="2376" spans="1:24" x14ac:dyDescent="0.25">
      <c r="A2376">
        <v>9378</v>
      </c>
      <c r="B2376" t="s">
        <v>16</v>
      </c>
      <c r="C2376">
        <v>5</v>
      </c>
      <c r="D2376" t="s">
        <v>439</v>
      </c>
      <c r="E2376">
        <v>47</v>
      </c>
      <c r="F2376" t="s">
        <v>651</v>
      </c>
      <c r="G2376">
        <v>160</v>
      </c>
      <c r="H2376" t="s">
        <v>658</v>
      </c>
      <c r="I2376">
        <v>13755</v>
      </c>
      <c r="J2376" t="s">
        <v>895</v>
      </c>
      <c r="K2376">
        <v>13</v>
      </c>
      <c r="L2376" t="s">
        <v>1418</v>
      </c>
      <c r="M2376">
        <v>43</v>
      </c>
      <c r="N2376" t="s">
        <v>654</v>
      </c>
      <c r="O2376">
        <v>3</v>
      </c>
      <c r="P2376" t="s">
        <v>655</v>
      </c>
      <c r="Q2376">
        <v>1</v>
      </c>
      <c r="R2376" t="s">
        <v>669</v>
      </c>
      <c r="S2376">
        <v>1</v>
      </c>
      <c r="T2376" t="s">
        <v>701</v>
      </c>
      <c r="U2376">
        <v>38</v>
      </c>
      <c r="V2376">
        <v>3</v>
      </c>
      <c r="W2376">
        <v>180</v>
      </c>
      <c r="X2376">
        <v>2020</v>
      </c>
    </row>
    <row r="2377" spans="1:24" x14ac:dyDescent="0.25">
      <c r="A2377">
        <v>9377</v>
      </c>
      <c r="B2377" t="s">
        <v>16</v>
      </c>
      <c r="C2377">
        <v>5</v>
      </c>
      <c r="D2377" t="s">
        <v>439</v>
      </c>
      <c r="E2377">
        <v>47</v>
      </c>
      <c r="F2377" t="s">
        <v>651</v>
      </c>
      <c r="G2377">
        <v>160</v>
      </c>
      <c r="H2377" t="s">
        <v>658</v>
      </c>
      <c r="I2377">
        <v>13755</v>
      </c>
      <c r="J2377" t="s">
        <v>895</v>
      </c>
      <c r="K2377">
        <v>13</v>
      </c>
      <c r="L2377" t="s">
        <v>1418</v>
      </c>
      <c r="M2377">
        <v>43</v>
      </c>
      <c r="N2377" t="s">
        <v>654</v>
      </c>
      <c r="O2377">
        <v>3</v>
      </c>
      <c r="P2377" t="s">
        <v>655</v>
      </c>
      <c r="Q2377">
        <v>1</v>
      </c>
      <c r="R2377" t="s">
        <v>669</v>
      </c>
      <c r="S2377">
        <v>1</v>
      </c>
      <c r="T2377" t="s">
        <v>1667</v>
      </c>
      <c r="U2377">
        <v>37</v>
      </c>
      <c r="V2377">
        <v>3</v>
      </c>
      <c r="W2377">
        <v>180</v>
      </c>
      <c r="X2377">
        <v>2020</v>
      </c>
    </row>
    <row r="2378" spans="1:24" x14ac:dyDescent="0.25">
      <c r="A2378">
        <v>9376</v>
      </c>
      <c r="B2378" t="s">
        <v>16</v>
      </c>
      <c r="C2378">
        <v>5</v>
      </c>
      <c r="D2378" t="s">
        <v>439</v>
      </c>
      <c r="E2378">
        <v>47</v>
      </c>
      <c r="F2378" t="s">
        <v>651</v>
      </c>
      <c r="G2378">
        <v>160</v>
      </c>
      <c r="H2378" t="s">
        <v>658</v>
      </c>
      <c r="I2378">
        <v>13755</v>
      </c>
      <c r="J2378" t="s">
        <v>895</v>
      </c>
      <c r="K2378">
        <v>13</v>
      </c>
      <c r="L2378" t="s">
        <v>1418</v>
      </c>
      <c r="M2378">
        <v>43</v>
      </c>
      <c r="N2378" t="s">
        <v>654</v>
      </c>
      <c r="O2378">
        <v>3</v>
      </c>
      <c r="P2378" t="s">
        <v>655</v>
      </c>
      <c r="Q2378">
        <v>1</v>
      </c>
      <c r="R2378" t="s">
        <v>669</v>
      </c>
      <c r="S2378">
        <v>1</v>
      </c>
      <c r="T2378" t="s">
        <v>1009</v>
      </c>
      <c r="U2378">
        <v>35</v>
      </c>
      <c r="V2378">
        <v>3</v>
      </c>
      <c r="W2378">
        <v>180</v>
      </c>
      <c r="X2378">
        <v>2020</v>
      </c>
    </row>
    <row r="2379" spans="1:24" x14ac:dyDescent="0.25">
      <c r="A2379">
        <v>9374</v>
      </c>
      <c r="B2379" t="s">
        <v>16</v>
      </c>
      <c r="C2379">
        <v>5</v>
      </c>
      <c r="D2379" t="s">
        <v>439</v>
      </c>
      <c r="E2379">
        <v>47</v>
      </c>
      <c r="F2379" t="s">
        <v>651</v>
      </c>
      <c r="G2379">
        <v>160</v>
      </c>
      <c r="H2379" t="s">
        <v>658</v>
      </c>
      <c r="I2379">
        <v>13755</v>
      </c>
      <c r="J2379" t="s">
        <v>895</v>
      </c>
      <c r="K2379">
        <v>13</v>
      </c>
      <c r="L2379" t="s">
        <v>1418</v>
      </c>
      <c r="M2379">
        <v>43</v>
      </c>
      <c r="N2379" t="s">
        <v>654</v>
      </c>
      <c r="O2379">
        <v>3</v>
      </c>
      <c r="P2379" t="s">
        <v>655</v>
      </c>
      <c r="Q2379">
        <v>1</v>
      </c>
      <c r="R2379" t="s">
        <v>669</v>
      </c>
      <c r="S2379">
        <v>1</v>
      </c>
      <c r="T2379" t="s">
        <v>1371</v>
      </c>
      <c r="U2379">
        <v>349</v>
      </c>
      <c r="V2379">
        <v>3</v>
      </c>
      <c r="W2379">
        <v>180</v>
      </c>
      <c r="X2379">
        <v>2020</v>
      </c>
    </row>
    <row r="2380" spans="1:24" x14ac:dyDescent="0.25">
      <c r="A2380">
        <v>9373</v>
      </c>
      <c r="B2380" t="s">
        <v>16</v>
      </c>
      <c r="C2380">
        <v>5</v>
      </c>
      <c r="D2380" t="s">
        <v>426</v>
      </c>
      <c r="E2380">
        <v>46</v>
      </c>
      <c r="F2380" t="s">
        <v>651</v>
      </c>
      <c r="G2380">
        <v>160</v>
      </c>
      <c r="H2380" t="s">
        <v>658</v>
      </c>
      <c r="I2380">
        <v>13755</v>
      </c>
      <c r="J2380" t="s">
        <v>699</v>
      </c>
      <c r="K2380">
        <v>10</v>
      </c>
      <c r="L2380" t="s">
        <v>1096</v>
      </c>
      <c r="M2380">
        <v>341</v>
      </c>
      <c r="N2380" t="s">
        <v>654</v>
      </c>
      <c r="O2380">
        <v>3</v>
      </c>
      <c r="P2380" t="s">
        <v>655</v>
      </c>
      <c r="Q2380">
        <v>1</v>
      </c>
      <c r="R2380" t="s">
        <v>669</v>
      </c>
      <c r="S2380">
        <v>1</v>
      </c>
      <c r="T2380" t="s">
        <v>1849</v>
      </c>
      <c r="U2380">
        <v>270</v>
      </c>
      <c r="V2380">
        <v>3</v>
      </c>
      <c r="W2380">
        <v>180</v>
      </c>
      <c r="X2380">
        <v>2020</v>
      </c>
    </row>
    <row r="2381" spans="1:24" x14ac:dyDescent="0.25">
      <c r="A2381">
        <v>9372</v>
      </c>
      <c r="B2381" t="s">
        <v>16</v>
      </c>
      <c r="C2381">
        <v>5</v>
      </c>
      <c r="D2381" t="s">
        <v>426</v>
      </c>
      <c r="E2381">
        <v>46</v>
      </c>
      <c r="F2381" t="s">
        <v>651</v>
      </c>
      <c r="G2381">
        <v>160</v>
      </c>
      <c r="H2381" t="s">
        <v>658</v>
      </c>
      <c r="I2381">
        <v>13755</v>
      </c>
      <c r="J2381" t="s">
        <v>699</v>
      </c>
      <c r="K2381">
        <v>10</v>
      </c>
      <c r="L2381" t="s">
        <v>1096</v>
      </c>
      <c r="M2381">
        <v>341</v>
      </c>
      <c r="N2381" t="s">
        <v>654</v>
      </c>
      <c r="O2381">
        <v>3</v>
      </c>
      <c r="P2381" t="s">
        <v>655</v>
      </c>
      <c r="Q2381">
        <v>1</v>
      </c>
      <c r="R2381" t="s">
        <v>669</v>
      </c>
      <c r="S2381">
        <v>1</v>
      </c>
      <c r="T2381" t="s">
        <v>1665</v>
      </c>
      <c r="U2381">
        <v>263</v>
      </c>
      <c r="V2381">
        <v>3</v>
      </c>
      <c r="W2381">
        <v>180</v>
      </c>
      <c r="X2381">
        <v>2020</v>
      </c>
    </row>
    <row r="2382" spans="1:24" x14ac:dyDescent="0.25">
      <c r="A2382">
        <v>9371</v>
      </c>
      <c r="B2382" t="s">
        <v>16</v>
      </c>
      <c r="C2382">
        <v>5</v>
      </c>
      <c r="D2382" t="s">
        <v>426</v>
      </c>
      <c r="E2382">
        <v>46</v>
      </c>
      <c r="F2382" t="s">
        <v>651</v>
      </c>
      <c r="G2382">
        <v>160</v>
      </c>
      <c r="H2382" t="s">
        <v>658</v>
      </c>
      <c r="I2382">
        <v>13755</v>
      </c>
      <c r="J2382" t="s">
        <v>699</v>
      </c>
      <c r="K2382">
        <v>10</v>
      </c>
      <c r="L2382" t="s">
        <v>1757</v>
      </c>
      <c r="M2382">
        <v>349</v>
      </c>
      <c r="N2382" t="s">
        <v>654</v>
      </c>
      <c r="O2382">
        <v>3</v>
      </c>
      <c r="P2382" t="s">
        <v>655</v>
      </c>
      <c r="Q2382">
        <v>1</v>
      </c>
      <c r="R2382" t="s">
        <v>669</v>
      </c>
      <c r="S2382">
        <v>1</v>
      </c>
      <c r="T2382" t="s">
        <v>1295</v>
      </c>
      <c r="U2382">
        <v>10</v>
      </c>
      <c r="V2382">
        <v>3</v>
      </c>
      <c r="W2382">
        <v>180</v>
      </c>
      <c r="X2382">
        <v>2020</v>
      </c>
    </row>
    <row r="2383" spans="1:24" x14ac:dyDescent="0.25">
      <c r="A2383">
        <v>9370</v>
      </c>
      <c r="B2383" t="s">
        <v>16</v>
      </c>
      <c r="C2383">
        <v>5</v>
      </c>
      <c r="D2383" t="s">
        <v>426</v>
      </c>
      <c r="E2383">
        <v>46</v>
      </c>
      <c r="F2383" t="s">
        <v>651</v>
      </c>
      <c r="G2383">
        <v>160</v>
      </c>
      <c r="H2383" t="s">
        <v>658</v>
      </c>
      <c r="I2383">
        <v>13755</v>
      </c>
      <c r="J2383" t="s">
        <v>699</v>
      </c>
      <c r="K2383">
        <v>10</v>
      </c>
      <c r="L2383" t="s">
        <v>1757</v>
      </c>
      <c r="M2383">
        <v>349</v>
      </c>
      <c r="N2383" t="s">
        <v>654</v>
      </c>
      <c r="O2383">
        <v>3</v>
      </c>
      <c r="P2383" t="s">
        <v>655</v>
      </c>
      <c r="Q2383">
        <v>1</v>
      </c>
      <c r="R2383" t="s">
        <v>669</v>
      </c>
      <c r="S2383">
        <v>1</v>
      </c>
      <c r="T2383" t="s">
        <v>1611</v>
      </c>
      <c r="U2383">
        <v>11</v>
      </c>
      <c r="V2383">
        <v>3</v>
      </c>
      <c r="W2383">
        <v>180</v>
      </c>
      <c r="X2383">
        <v>2020</v>
      </c>
    </row>
    <row r="2384" spans="1:24" x14ac:dyDescent="0.25">
      <c r="A2384">
        <v>9369</v>
      </c>
      <c r="B2384" t="s">
        <v>16</v>
      </c>
      <c r="C2384">
        <v>5</v>
      </c>
      <c r="D2384" t="s">
        <v>426</v>
      </c>
      <c r="E2384">
        <v>46</v>
      </c>
      <c r="F2384" t="s">
        <v>651</v>
      </c>
      <c r="G2384">
        <v>160</v>
      </c>
      <c r="H2384" t="s">
        <v>658</v>
      </c>
      <c r="I2384">
        <v>13755</v>
      </c>
      <c r="J2384" t="s">
        <v>699</v>
      </c>
      <c r="K2384">
        <v>10</v>
      </c>
      <c r="L2384" t="s">
        <v>1757</v>
      </c>
      <c r="M2384">
        <v>349</v>
      </c>
      <c r="N2384" t="s">
        <v>654</v>
      </c>
      <c r="O2384">
        <v>3</v>
      </c>
      <c r="P2384" t="s">
        <v>655</v>
      </c>
      <c r="Q2384">
        <v>1</v>
      </c>
      <c r="R2384" t="s">
        <v>669</v>
      </c>
      <c r="S2384">
        <v>1</v>
      </c>
      <c r="T2384" t="s">
        <v>1749</v>
      </c>
      <c r="U2384">
        <v>12</v>
      </c>
      <c r="V2384">
        <v>3</v>
      </c>
      <c r="W2384">
        <v>180</v>
      </c>
      <c r="X2384">
        <v>2020</v>
      </c>
    </row>
    <row r="2385" spans="1:24" x14ac:dyDescent="0.25">
      <c r="A2385">
        <v>9368</v>
      </c>
      <c r="B2385" t="s">
        <v>16</v>
      </c>
      <c r="C2385">
        <v>5</v>
      </c>
      <c r="D2385" t="s">
        <v>426</v>
      </c>
      <c r="E2385">
        <v>46</v>
      </c>
      <c r="F2385" t="s">
        <v>651</v>
      </c>
      <c r="G2385">
        <v>160</v>
      </c>
      <c r="H2385" t="s">
        <v>658</v>
      </c>
      <c r="I2385">
        <v>13755</v>
      </c>
      <c r="J2385" t="s">
        <v>699</v>
      </c>
      <c r="K2385">
        <v>10</v>
      </c>
      <c r="L2385" t="s">
        <v>1757</v>
      </c>
      <c r="M2385">
        <v>349</v>
      </c>
      <c r="N2385" t="s">
        <v>654</v>
      </c>
      <c r="O2385">
        <v>3</v>
      </c>
      <c r="P2385" t="s">
        <v>655</v>
      </c>
      <c r="Q2385">
        <v>1</v>
      </c>
      <c r="R2385" t="s">
        <v>669</v>
      </c>
      <c r="S2385">
        <v>1</v>
      </c>
      <c r="T2385" t="s">
        <v>1750</v>
      </c>
      <c r="U2385">
        <v>13</v>
      </c>
      <c r="V2385">
        <v>3</v>
      </c>
      <c r="W2385">
        <v>180</v>
      </c>
      <c r="X2385">
        <v>2020</v>
      </c>
    </row>
    <row r="2386" spans="1:24" x14ac:dyDescent="0.25">
      <c r="A2386">
        <v>9367</v>
      </c>
      <c r="B2386" t="s">
        <v>16</v>
      </c>
      <c r="C2386">
        <v>5</v>
      </c>
      <c r="D2386" t="s">
        <v>426</v>
      </c>
      <c r="E2386">
        <v>46</v>
      </c>
      <c r="F2386" t="s">
        <v>651</v>
      </c>
      <c r="G2386">
        <v>160</v>
      </c>
      <c r="H2386" t="s">
        <v>658</v>
      </c>
      <c r="I2386">
        <v>13755</v>
      </c>
      <c r="J2386" t="s">
        <v>699</v>
      </c>
      <c r="K2386">
        <v>10</v>
      </c>
      <c r="L2386" t="s">
        <v>1757</v>
      </c>
      <c r="M2386">
        <v>349</v>
      </c>
      <c r="N2386" t="s">
        <v>654</v>
      </c>
      <c r="O2386">
        <v>3</v>
      </c>
      <c r="P2386" t="s">
        <v>655</v>
      </c>
      <c r="Q2386">
        <v>1</v>
      </c>
      <c r="R2386" t="s">
        <v>669</v>
      </c>
      <c r="S2386">
        <v>1</v>
      </c>
      <c r="T2386" t="s">
        <v>1849</v>
      </c>
      <c r="U2386">
        <v>270</v>
      </c>
      <c r="V2386">
        <v>3</v>
      </c>
      <c r="W2386">
        <v>180</v>
      </c>
      <c r="X2386">
        <v>2020</v>
      </c>
    </row>
    <row r="2387" spans="1:24" x14ac:dyDescent="0.25">
      <c r="A2387">
        <v>9366</v>
      </c>
      <c r="B2387" t="s">
        <v>16</v>
      </c>
      <c r="C2387">
        <v>5</v>
      </c>
      <c r="D2387" t="s">
        <v>426</v>
      </c>
      <c r="E2387">
        <v>46</v>
      </c>
      <c r="F2387" t="s">
        <v>651</v>
      </c>
      <c r="G2387">
        <v>160</v>
      </c>
      <c r="H2387" t="s">
        <v>658</v>
      </c>
      <c r="I2387">
        <v>13755</v>
      </c>
      <c r="J2387" t="s">
        <v>699</v>
      </c>
      <c r="K2387">
        <v>10</v>
      </c>
      <c r="L2387" t="s">
        <v>1757</v>
      </c>
      <c r="M2387">
        <v>349</v>
      </c>
      <c r="N2387" t="s">
        <v>654</v>
      </c>
      <c r="O2387">
        <v>3</v>
      </c>
      <c r="P2387" t="s">
        <v>655</v>
      </c>
      <c r="Q2387">
        <v>1</v>
      </c>
      <c r="R2387" t="s">
        <v>669</v>
      </c>
      <c r="S2387">
        <v>1</v>
      </c>
      <c r="T2387" t="s">
        <v>1665</v>
      </c>
      <c r="U2387">
        <v>263</v>
      </c>
      <c r="V2387">
        <v>3</v>
      </c>
      <c r="W2387">
        <v>180</v>
      </c>
      <c r="X2387">
        <v>2020</v>
      </c>
    </row>
    <row r="2388" spans="1:24" x14ac:dyDescent="0.25">
      <c r="A2388">
        <v>9365</v>
      </c>
      <c r="B2388" t="s">
        <v>16</v>
      </c>
      <c r="C2388">
        <v>5</v>
      </c>
      <c r="D2388" t="s">
        <v>426</v>
      </c>
      <c r="E2388">
        <v>46</v>
      </c>
      <c r="F2388" t="s">
        <v>651</v>
      </c>
      <c r="G2388">
        <v>160</v>
      </c>
      <c r="H2388" t="s">
        <v>658</v>
      </c>
      <c r="I2388">
        <v>13755</v>
      </c>
      <c r="J2388" t="s">
        <v>699</v>
      </c>
      <c r="K2388">
        <v>10</v>
      </c>
      <c r="L2388" t="s">
        <v>1757</v>
      </c>
      <c r="M2388">
        <v>349</v>
      </c>
      <c r="N2388" t="s">
        <v>654</v>
      </c>
      <c r="O2388">
        <v>3</v>
      </c>
      <c r="P2388" t="s">
        <v>655</v>
      </c>
      <c r="Q2388">
        <v>1</v>
      </c>
      <c r="R2388" t="s">
        <v>669</v>
      </c>
      <c r="S2388">
        <v>1</v>
      </c>
      <c r="T2388" t="s">
        <v>1752</v>
      </c>
      <c r="U2388">
        <v>15</v>
      </c>
      <c r="V2388">
        <v>3</v>
      </c>
      <c r="W2388">
        <v>180</v>
      </c>
      <c r="X2388">
        <v>2020</v>
      </c>
    </row>
    <row r="2389" spans="1:24" x14ac:dyDescent="0.25">
      <c r="A2389">
        <v>9364</v>
      </c>
      <c r="B2389" t="s">
        <v>16</v>
      </c>
      <c r="C2389">
        <v>5</v>
      </c>
      <c r="D2389" t="s">
        <v>426</v>
      </c>
      <c r="E2389">
        <v>46</v>
      </c>
      <c r="F2389" t="s">
        <v>651</v>
      </c>
      <c r="G2389">
        <v>160</v>
      </c>
      <c r="H2389" t="s">
        <v>658</v>
      </c>
      <c r="I2389">
        <v>13755</v>
      </c>
      <c r="J2389" t="s">
        <v>699</v>
      </c>
      <c r="K2389">
        <v>10</v>
      </c>
      <c r="L2389" t="s">
        <v>1757</v>
      </c>
      <c r="M2389">
        <v>349</v>
      </c>
      <c r="N2389" t="s">
        <v>654</v>
      </c>
      <c r="O2389">
        <v>3</v>
      </c>
      <c r="P2389" t="s">
        <v>655</v>
      </c>
      <c r="Q2389">
        <v>1</v>
      </c>
      <c r="R2389" t="s">
        <v>669</v>
      </c>
      <c r="S2389">
        <v>1</v>
      </c>
      <c r="T2389" t="s">
        <v>1751</v>
      </c>
      <c r="U2389">
        <v>14</v>
      </c>
      <c r="V2389">
        <v>3</v>
      </c>
      <c r="W2389">
        <v>180</v>
      </c>
      <c r="X2389">
        <v>2020</v>
      </c>
    </row>
    <row r="2390" spans="1:24" x14ac:dyDescent="0.25">
      <c r="A2390">
        <v>9363</v>
      </c>
      <c r="B2390" t="s">
        <v>16</v>
      </c>
      <c r="C2390">
        <v>5</v>
      </c>
      <c r="D2390" t="s">
        <v>585</v>
      </c>
      <c r="E2390">
        <v>51</v>
      </c>
      <c r="F2390" t="s">
        <v>651</v>
      </c>
      <c r="G2390">
        <v>160</v>
      </c>
      <c r="H2390" t="s">
        <v>658</v>
      </c>
      <c r="I2390">
        <v>13755</v>
      </c>
      <c r="J2390" t="s">
        <v>1084</v>
      </c>
      <c r="K2390">
        <v>118</v>
      </c>
      <c r="L2390" t="s">
        <v>1084</v>
      </c>
      <c r="M2390">
        <v>59</v>
      </c>
      <c r="N2390" t="s">
        <v>654</v>
      </c>
      <c r="O2390">
        <v>3</v>
      </c>
      <c r="P2390" t="s">
        <v>655</v>
      </c>
      <c r="Q2390">
        <v>1</v>
      </c>
      <c r="R2390" t="s">
        <v>669</v>
      </c>
      <c r="S2390">
        <v>1</v>
      </c>
      <c r="T2390" t="s">
        <v>661</v>
      </c>
      <c r="U2390">
        <v>8</v>
      </c>
      <c r="V2390">
        <v>3</v>
      </c>
      <c r="W2390">
        <v>180</v>
      </c>
      <c r="X2390">
        <v>2020</v>
      </c>
    </row>
    <row r="2391" spans="1:24" x14ac:dyDescent="0.25">
      <c r="A2391">
        <v>9362</v>
      </c>
      <c r="B2391" t="s">
        <v>16</v>
      </c>
      <c r="C2391">
        <v>5</v>
      </c>
      <c r="D2391" t="s">
        <v>426</v>
      </c>
      <c r="E2391">
        <v>46</v>
      </c>
      <c r="F2391" t="s">
        <v>651</v>
      </c>
      <c r="G2391">
        <v>160</v>
      </c>
      <c r="H2391" t="s">
        <v>658</v>
      </c>
      <c r="I2391">
        <v>13755</v>
      </c>
      <c r="J2391" t="s">
        <v>699</v>
      </c>
      <c r="K2391">
        <v>10</v>
      </c>
      <c r="L2391" t="s">
        <v>1757</v>
      </c>
      <c r="M2391">
        <v>349</v>
      </c>
      <c r="N2391" t="s">
        <v>654</v>
      </c>
      <c r="O2391">
        <v>3</v>
      </c>
      <c r="P2391" t="s">
        <v>655</v>
      </c>
      <c r="Q2391">
        <v>1</v>
      </c>
      <c r="R2391" t="s">
        <v>669</v>
      </c>
      <c r="S2391">
        <v>1</v>
      </c>
      <c r="T2391" t="s">
        <v>1850</v>
      </c>
      <c r="U2391">
        <v>348</v>
      </c>
      <c r="V2391">
        <v>3</v>
      </c>
      <c r="W2391">
        <v>180</v>
      </c>
      <c r="X2391">
        <v>2020</v>
      </c>
    </row>
    <row r="2392" spans="1:24" x14ac:dyDescent="0.25">
      <c r="A2392">
        <v>9361</v>
      </c>
      <c r="B2392" t="s">
        <v>16</v>
      </c>
      <c r="C2392">
        <v>5</v>
      </c>
      <c r="D2392" t="s">
        <v>426</v>
      </c>
      <c r="E2392">
        <v>46</v>
      </c>
      <c r="F2392" t="s">
        <v>651</v>
      </c>
      <c r="G2392">
        <v>160</v>
      </c>
      <c r="H2392" t="s">
        <v>658</v>
      </c>
      <c r="I2392">
        <v>13755</v>
      </c>
      <c r="J2392" t="s">
        <v>699</v>
      </c>
      <c r="K2392">
        <v>10</v>
      </c>
      <c r="L2392" t="s">
        <v>1096</v>
      </c>
      <c r="M2392">
        <v>341</v>
      </c>
      <c r="N2392" t="s">
        <v>654</v>
      </c>
      <c r="O2392">
        <v>3</v>
      </c>
      <c r="P2392" t="s">
        <v>655</v>
      </c>
      <c r="Q2392">
        <v>1</v>
      </c>
      <c r="R2392" t="s">
        <v>669</v>
      </c>
      <c r="S2392">
        <v>1</v>
      </c>
      <c r="T2392" t="s">
        <v>1850</v>
      </c>
      <c r="U2392">
        <v>348</v>
      </c>
      <c r="V2392">
        <v>3</v>
      </c>
      <c r="W2392">
        <v>180</v>
      </c>
      <c r="X2392">
        <v>2020</v>
      </c>
    </row>
    <row r="2393" spans="1:24" x14ac:dyDescent="0.25">
      <c r="A2393">
        <v>9360</v>
      </c>
      <c r="B2393" t="s">
        <v>16</v>
      </c>
      <c r="C2393">
        <v>5</v>
      </c>
      <c r="D2393" t="s">
        <v>457</v>
      </c>
      <c r="E2393">
        <v>41</v>
      </c>
      <c r="F2393" t="s">
        <v>651</v>
      </c>
      <c r="G2393">
        <v>160</v>
      </c>
      <c r="H2393" t="s">
        <v>658</v>
      </c>
      <c r="I2393">
        <v>13755</v>
      </c>
      <c r="J2393" t="s">
        <v>726</v>
      </c>
      <c r="K2393">
        <v>2</v>
      </c>
      <c r="L2393" t="s">
        <v>1851</v>
      </c>
      <c r="M2393">
        <v>3141</v>
      </c>
      <c r="N2393" t="s">
        <v>654</v>
      </c>
      <c r="O2393">
        <v>3</v>
      </c>
      <c r="P2393" t="s">
        <v>655</v>
      </c>
      <c r="Q2393">
        <v>1</v>
      </c>
      <c r="R2393" t="s">
        <v>656</v>
      </c>
      <c r="S2393">
        <v>2</v>
      </c>
      <c r="T2393" t="s">
        <v>718</v>
      </c>
      <c r="U2393">
        <v>2</v>
      </c>
      <c r="V2393">
        <v>2</v>
      </c>
      <c r="W2393">
        <v>120</v>
      </c>
      <c r="X2393">
        <v>2020</v>
      </c>
    </row>
    <row r="2394" spans="1:24" x14ac:dyDescent="0.25">
      <c r="A2394">
        <v>9359</v>
      </c>
      <c r="B2394" t="s">
        <v>16</v>
      </c>
      <c r="C2394">
        <v>5</v>
      </c>
      <c r="D2394" t="s">
        <v>457</v>
      </c>
      <c r="E2394">
        <v>41</v>
      </c>
      <c r="F2394" t="s">
        <v>651</v>
      </c>
      <c r="G2394">
        <v>160</v>
      </c>
      <c r="H2394" t="s">
        <v>658</v>
      </c>
      <c r="I2394">
        <v>13755</v>
      </c>
      <c r="J2394" t="s">
        <v>726</v>
      </c>
      <c r="K2394">
        <v>2</v>
      </c>
      <c r="L2394" t="s">
        <v>1852</v>
      </c>
      <c r="M2394">
        <v>3140</v>
      </c>
      <c r="N2394" t="s">
        <v>654</v>
      </c>
      <c r="O2394">
        <v>3</v>
      </c>
      <c r="P2394" t="s">
        <v>655</v>
      </c>
      <c r="Q2394">
        <v>1</v>
      </c>
      <c r="R2394" t="s">
        <v>656</v>
      </c>
      <c r="S2394">
        <v>2</v>
      </c>
      <c r="T2394" t="s">
        <v>718</v>
      </c>
      <c r="U2394">
        <v>2</v>
      </c>
      <c r="V2394">
        <v>2</v>
      </c>
      <c r="W2394">
        <v>120</v>
      </c>
      <c r="X2394">
        <v>2020</v>
      </c>
    </row>
    <row r="2395" spans="1:24" x14ac:dyDescent="0.25">
      <c r="A2395">
        <v>9358</v>
      </c>
      <c r="B2395" t="s">
        <v>16</v>
      </c>
      <c r="C2395">
        <v>5</v>
      </c>
      <c r="D2395" t="s">
        <v>458</v>
      </c>
      <c r="E2395">
        <v>48</v>
      </c>
      <c r="F2395" t="s">
        <v>651</v>
      </c>
      <c r="G2395">
        <v>160</v>
      </c>
      <c r="H2395" t="s">
        <v>658</v>
      </c>
      <c r="I2395">
        <v>13755</v>
      </c>
      <c r="J2395" t="s">
        <v>885</v>
      </c>
      <c r="K2395">
        <v>1</v>
      </c>
      <c r="L2395" t="s">
        <v>1853</v>
      </c>
      <c r="M2395">
        <v>3139</v>
      </c>
      <c r="N2395" t="s">
        <v>654</v>
      </c>
      <c r="O2395">
        <v>3</v>
      </c>
      <c r="P2395" t="s">
        <v>655</v>
      </c>
      <c r="Q2395">
        <v>1</v>
      </c>
      <c r="R2395" t="s">
        <v>656</v>
      </c>
      <c r="S2395">
        <v>2</v>
      </c>
      <c r="T2395" t="s">
        <v>718</v>
      </c>
      <c r="U2395">
        <v>2</v>
      </c>
      <c r="V2395">
        <v>2</v>
      </c>
      <c r="W2395">
        <v>120</v>
      </c>
      <c r="X2395">
        <v>2020</v>
      </c>
    </row>
    <row r="2396" spans="1:24" x14ac:dyDescent="0.25">
      <c r="A2396">
        <v>9357</v>
      </c>
      <c r="B2396" t="s">
        <v>16</v>
      </c>
      <c r="C2396">
        <v>5</v>
      </c>
      <c r="D2396" t="s">
        <v>441</v>
      </c>
      <c r="E2396">
        <v>44</v>
      </c>
      <c r="F2396" t="s">
        <v>651</v>
      </c>
      <c r="G2396">
        <v>160</v>
      </c>
      <c r="H2396" t="s">
        <v>658</v>
      </c>
      <c r="I2396">
        <v>13755</v>
      </c>
      <c r="J2396" t="s">
        <v>802</v>
      </c>
      <c r="K2396">
        <v>12</v>
      </c>
      <c r="L2396" t="s">
        <v>1854</v>
      </c>
      <c r="M2396">
        <v>3138</v>
      </c>
      <c r="N2396" t="s">
        <v>654</v>
      </c>
      <c r="O2396">
        <v>3</v>
      </c>
      <c r="P2396" t="s">
        <v>655</v>
      </c>
      <c r="Q2396">
        <v>1</v>
      </c>
      <c r="R2396" t="s">
        <v>656</v>
      </c>
      <c r="S2396">
        <v>2</v>
      </c>
      <c r="T2396" t="s">
        <v>661</v>
      </c>
      <c r="U2396">
        <v>8</v>
      </c>
      <c r="V2396">
        <v>2</v>
      </c>
      <c r="W2396">
        <v>120</v>
      </c>
      <c r="X2396">
        <v>2020</v>
      </c>
    </row>
    <row r="2397" spans="1:24" x14ac:dyDescent="0.25">
      <c r="A2397">
        <v>9356</v>
      </c>
      <c r="B2397" t="s">
        <v>16</v>
      </c>
      <c r="C2397">
        <v>5</v>
      </c>
      <c r="D2397" t="s">
        <v>441</v>
      </c>
      <c r="E2397">
        <v>44</v>
      </c>
      <c r="F2397" t="s">
        <v>651</v>
      </c>
      <c r="G2397">
        <v>160</v>
      </c>
      <c r="H2397" t="s">
        <v>658</v>
      </c>
      <c r="I2397">
        <v>13755</v>
      </c>
      <c r="J2397" t="s">
        <v>802</v>
      </c>
      <c r="K2397">
        <v>12</v>
      </c>
      <c r="L2397" t="s">
        <v>1855</v>
      </c>
      <c r="M2397">
        <v>3137</v>
      </c>
      <c r="N2397" t="s">
        <v>654</v>
      </c>
      <c r="O2397">
        <v>3</v>
      </c>
      <c r="P2397" t="s">
        <v>655</v>
      </c>
      <c r="Q2397">
        <v>1</v>
      </c>
      <c r="R2397" t="s">
        <v>656</v>
      </c>
      <c r="S2397">
        <v>2</v>
      </c>
      <c r="T2397" t="s">
        <v>661</v>
      </c>
      <c r="U2397">
        <v>8</v>
      </c>
      <c r="V2397">
        <v>2</v>
      </c>
      <c r="W2397">
        <v>120</v>
      </c>
      <c r="X2397">
        <v>2020</v>
      </c>
    </row>
    <row r="2398" spans="1:24" x14ac:dyDescent="0.25">
      <c r="A2398">
        <v>9355</v>
      </c>
      <c r="B2398" t="s">
        <v>16</v>
      </c>
      <c r="C2398">
        <v>5</v>
      </c>
      <c r="D2398" t="s">
        <v>441</v>
      </c>
      <c r="E2398">
        <v>44</v>
      </c>
      <c r="F2398" t="s">
        <v>651</v>
      </c>
      <c r="G2398">
        <v>160</v>
      </c>
      <c r="H2398" t="s">
        <v>658</v>
      </c>
      <c r="I2398">
        <v>13755</v>
      </c>
      <c r="J2398" t="s">
        <v>802</v>
      </c>
      <c r="K2398">
        <v>12</v>
      </c>
      <c r="L2398" t="s">
        <v>1856</v>
      </c>
      <c r="M2398">
        <v>3136</v>
      </c>
      <c r="N2398" t="s">
        <v>654</v>
      </c>
      <c r="O2398">
        <v>3</v>
      </c>
      <c r="P2398" t="s">
        <v>655</v>
      </c>
      <c r="Q2398">
        <v>1</v>
      </c>
      <c r="R2398" t="s">
        <v>656</v>
      </c>
      <c r="S2398">
        <v>2</v>
      </c>
      <c r="T2398" t="s">
        <v>661</v>
      </c>
      <c r="U2398">
        <v>8</v>
      </c>
      <c r="V2398">
        <v>2</v>
      </c>
      <c r="W2398">
        <v>120</v>
      </c>
      <c r="X2398">
        <v>2020</v>
      </c>
    </row>
    <row r="2399" spans="1:24" x14ac:dyDescent="0.25">
      <c r="A2399">
        <v>9354</v>
      </c>
      <c r="B2399" t="s">
        <v>95</v>
      </c>
      <c r="C2399">
        <v>26</v>
      </c>
      <c r="D2399" t="s">
        <v>402</v>
      </c>
      <c r="E2399">
        <v>189</v>
      </c>
      <c r="F2399" t="s">
        <v>651</v>
      </c>
      <c r="G2399">
        <v>160</v>
      </c>
      <c r="H2399" t="s">
        <v>833</v>
      </c>
      <c r="I2399">
        <v>5562</v>
      </c>
      <c r="J2399" t="s">
        <v>819</v>
      </c>
      <c r="K2399">
        <v>101</v>
      </c>
      <c r="L2399" t="s">
        <v>1857</v>
      </c>
      <c r="M2399">
        <v>3135</v>
      </c>
      <c r="N2399" t="s">
        <v>654</v>
      </c>
      <c r="O2399">
        <v>3</v>
      </c>
      <c r="P2399" t="s">
        <v>655</v>
      </c>
      <c r="Q2399">
        <v>1</v>
      </c>
      <c r="R2399" t="s">
        <v>656</v>
      </c>
      <c r="S2399">
        <v>2</v>
      </c>
      <c r="T2399" t="s">
        <v>661</v>
      </c>
      <c r="U2399">
        <v>8</v>
      </c>
      <c r="V2399">
        <v>2</v>
      </c>
      <c r="W2399">
        <v>120</v>
      </c>
      <c r="X2399">
        <v>2020</v>
      </c>
    </row>
    <row r="2400" spans="1:24" x14ac:dyDescent="0.25">
      <c r="A2400">
        <v>9353</v>
      </c>
      <c r="B2400" t="s">
        <v>95</v>
      </c>
      <c r="C2400">
        <v>26</v>
      </c>
      <c r="D2400" t="s">
        <v>535</v>
      </c>
      <c r="E2400">
        <v>198</v>
      </c>
      <c r="F2400" t="s">
        <v>651</v>
      </c>
      <c r="G2400">
        <v>160</v>
      </c>
      <c r="H2400" t="s">
        <v>833</v>
      </c>
      <c r="I2400">
        <v>5562</v>
      </c>
      <c r="J2400" t="s">
        <v>797</v>
      </c>
      <c r="K2400">
        <v>65</v>
      </c>
      <c r="L2400" t="s">
        <v>1858</v>
      </c>
      <c r="M2400">
        <v>3134</v>
      </c>
      <c r="N2400" t="s">
        <v>654</v>
      </c>
      <c r="O2400">
        <v>3</v>
      </c>
      <c r="P2400" t="s">
        <v>655</v>
      </c>
      <c r="Q2400">
        <v>1</v>
      </c>
      <c r="R2400" t="s">
        <v>656</v>
      </c>
      <c r="S2400">
        <v>2</v>
      </c>
      <c r="T2400" t="s">
        <v>661</v>
      </c>
      <c r="U2400">
        <v>8</v>
      </c>
      <c r="V2400">
        <v>2</v>
      </c>
      <c r="W2400">
        <v>120</v>
      </c>
      <c r="X2400">
        <v>2020</v>
      </c>
    </row>
    <row r="2401" spans="1:24" x14ac:dyDescent="0.25">
      <c r="A2401">
        <v>9352</v>
      </c>
      <c r="B2401" t="s">
        <v>95</v>
      </c>
      <c r="C2401">
        <v>26</v>
      </c>
      <c r="D2401" t="s">
        <v>426</v>
      </c>
      <c r="E2401">
        <v>190</v>
      </c>
      <c r="F2401" t="s">
        <v>651</v>
      </c>
      <c r="G2401">
        <v>160</v>
      </c>
      <c r="H2401" t="s">
        <v>833</v>
      </c>
      <c r="I2401">
        <v>5562</v>
      </c>
      <c r="J2401" t="s">
        <v>684</v>
      </c>
      <c r="K2401">
        <v>22</v>
      </c>
      <c r="L2401" t="s">
        <v>906</v>
      </c>
      <c r="M2401">
        <v>725</v>
      </c>
      <c r="N2401" t="s">
        <v>654</v>
      </c>
      <c r="O2401">
        <v>3</v>
      </c>
      <c r="P2401" t="s">
        <v>655</v>
      </c>
      <c r="Q2401">
        <v>1</v>
      </c>
      <c r="R2401" t="s">
        <v>656</v>
      </c>
      <c r="S2401">
        <v>2</v>
      </c>
      <c r="T2401" t="s">
        <v>661</v>
      </c>
      <c r="U2401">
        <v>8</v>
      </c>
      <c r="V2401">
        <v>2</v>
      </c>
      <c r="W2401">
        <v>120</v>
      </c>
      <c r="X2401">
        <v>2020</v>
      </c>
    </row>
    <row r="2402" spans="1:24" x14ac:dyDescent="0.25">
      <c r="A2402">
        <v>9351</v>
      </c>
      <c r="B2402" t="s">
        <v>95</v>
      </c>
      <c r="C2402">
        <v>26</v>
      </c>
      <c r="D2402" t="s">
        <v>426</v>
      </c>
      <c r="E2402">
        <v>190</v>
      </c>
      <c r="F2402" t="s">
        <v>651</v>
      </c>
      <c r="G2402">
        <v>160</v>
      </c>
      <c r="H2402" t="s">
        <v>1859</v>
      </c>
      <c r="I2402">
        <v>8409</v>
      </c>
      <c r="J2402" t="s">
        <v>684</v>
      </c>
      <c r="K2402">
        <v>22</v>
      </c>
      <c r="L2402" t="s">
        <v>1860</v>
      </c>
      <c r="M2402">
        <v>3133</v>
      </c>
      <c r="N2402" t="s">
        <v>654</v>
      </c>
      <c r="O2402">
        <v>3</v>
      </c>
      <c r="P2402" t="s">
        <v>655</v>
      </c>
      <c r="Q2402">
        <v>1</v>
      </c>
      <c r="R2402" t="s">
        <v>656</v>
      </c>
      <c r="S2402">
        <v>2</v>
      </c>
      <c r="T2402" t="s">
        <v>661</v>
      </c>
      <c r="U2402">
        <v>8</v>
      </c>
      <c r="V2402">
        <v>2</v>
      </c>
      <c r="W2402">
        <v>120</v>
      </c>
      <c r="X2402">
        <v>2020</v>
      </c>
    </row>
    <row r="2403" spans="1:24" x14ac:dyDescent="0.25">
      <c r="A2403">
        <v>9350</v>
      </c>
      <c r="B2403" t="s">
        <v>95</v>
      </c>
      <c r="C2403">
        <v>26</v>
      </c>
      <c r="D2403" t="s">
        <v>362</v>
      </c>
      <c r="E2403">
        <v>588</v>
      </c>
      <c r="F2403" t="s">
        <v>651</v>
      </c>
      <c r="G2403">
        <v>160</v>
      </c>
      <c r="H2403" t="s">
        <v>833</v>
      </c>
      <c r="I2403">
        <v>5562</v>
      </c>
      <c r="J2403" t="s">
        <v>792</v>
      </c>
      <c r="K2403">
        <v>6</v>
      </c>
      <c r="L2403" t="s">
        <v>1861</v>
      </c>
      <c r="M2403">
        <v>3132</v>
      </c>
      <c r="N2403" t="s">
        <v>654</v>
      </c>
      <c r="O2403">
        <v>3</v>
      </c>
      <c r="P2403" t="s">
        <v>655</v>
      </c>
      <c r="Q2403">
        <v>1</v>
      </c>
      <c r="R2403" t="s">
        <v>656</v>
      </c>
      <c r="S2403">
        <v>2</v>
      </c>
      <c r="T2403" t="s">
        <v>661</v>
      </c>
      <c r="U2403">
        <v>8</v>
      </c>
      <c r="V2403">
        <v>2</v>
      </c>
      <c r="W2403">
        <v>120</v>
      </c>
      <c r="X2403">
        <v>2020</v>
      </c>
    </row>
    <row r="2404" spans="1:24" x14ac:dyDescent="0.25">
      <c r="A2404">
        <v>9348</v>
      </c>
      <c r="B2404" t="s">
        <v>95</v>
      </c>
      <c r="C2404">
        <v>26</v>
      </c>
      <c r="D2404" t="s">
        <v>362</v>
      </c>
      <c r="E2404">
        <v>588</v>
      </c>
      <c r="F2404" t="s">
        <v>651</v>
      </c>
      <c r="G2404">
        <v>160</v>
      </c>
      <c r="H2404" t="s">
        <v>833</v>
      </c>
      <c r="I2404">
        <v>5562</v>
      </c>
      <c r="J2404" t="s">
        <v>726</v>
      </c>
      <c r="K2404">
        <v>2</v>
      </c>
      <c r="L2404" t="s">
        <v>1862</v>
      </c>
      <c r="M2404">
        <v>3131</v>
      </c>
      <c r="N2404" t="s">
        <v>654</v>
      </c>
      <c r="O2404">
        <v>3</v>
      </c>
      <c r="P2404" t="s">
        <v>655</v>
      </c>
      <c r="Q2404">
        <v>1</v>
      </c>
      <c r="R2404" t="s">
        <v>656</v>
      </c>
      <c r="S2404">
        <v>2</v>
      </c>
      <c r="T2404" t="s">
        <v>718</v>
      </c>
      <c r="U2404">
        <v>2</v>
      </c>
      <c r="V2404">
        <v>2</v>
      </c>
      <c r="W2404">
        <v>120</v>
      </c>
      <c r="X2404">
        <v>2020</v>
      </c>
    </row>
    <row r="2405" spans="1:24" x14ac:dyDescent="0.25">
      <c r="A2405">
        <v>9347</v>
      </c>
      <c r="B2405" t="s">
        <v>95</v>
      </c>
      <c r="C2405">
        <v>26</v>
      </c>
      <c r="D2405" t="s">
        <v>362</v>
      </c>
      <c r="E2405">
        <v>588</v>
      </c>
      <c r="F2405" t="s">
        <v>651</v>
      </c>
      <c r="G2405">
        <v>160</v>
      </c>
      <c r="H2405" t="s">
        <v>833</v>
      </c>
      <c r="I2405">
        <v>5562</v>
      </c>
      <c r="J2405" t="s">
        <v>726</v>
      </c>
      <c r="K2405">
        <v>2</v>
      </c>
      <c r="L2405" t="s">
        <v>1863</v>
      </c>
      <c r="M2405">
        <v>3130</v>
      </c>
      <c r="N2405" t="s">
        <v>654</v>
      </c>
      <c r="O2405">
        <v>3</v>
      </c>
      <c r="P2405" t="s">
        <v>655</v>
      </c>
      <c r="Q2405">
        <v>1</v>
      </c>
      <c r="R2405" t="s">
        <v>656</v>
      </c>
      <c r="S2405">
        <v>2</v>
      </c>
      <c r="T2405" t="s">
        <v>718</v>
      </c>
      <c r="U2405">
        <v>2</v>
      </c>
      <c r="V2405">
        <v>2</v>
      </c>
      <c r="W2405">
        <v>120</v>
      </c>
      <c r="X2405">
        <v>2020</v>
      </c>
    </row>
    <row r="2406" spans="1:24" x14ac:dyDescent="0.25">
      <c r="A2406">
        <v>9345</v>
      </c>
      <c r="B2406" t="s">
        <v>95</v>
      </c>
      <c r="C2406">
        <v>26</v>
      </c>
      <c r="D2406" t="s">
        <v>329</v>
      </c>
      <c r="E2406">
        <v>652</v>
      </c>
      <c r="F2406" t="s">
        <v>651</v>
      </c>
      <c r="G2406">
        <v>160</v>
      </c>
      <c r="H2406" t="s">
        <v>833</v>
      </c>
      <c r="I2406">
        <v>5562</v>
      </c>
      <c r="J2406" t="s">
        <v>794</v>
      </c>
      <c r="K2406">
        <v>40</v>
      </c>
      <c r="L2406" t="s">
        <v>1864</v>
      </c>
      <c r="M2406">
        <v>3128</v>
      </c>
      <c r="N2406" t="s">
        <v>654</v>
      </c>
      <c r="O2406">
        <v>3</v>
      </c>
      <c r="P2406" t="s">
        <v>655</v>
      </c>
      <c r="Q2406">
        <v>1</v>
      </c>
      <c r="R2406" t="s">
        <v>656</v>
      </c>
      <c r="S2406">
        <v>2</v>
      </c>
      <c r="T2406" t="s">
        <v>661</v>
      </c>
      <c r="U2406">
        <v>8</v>
      </c>
      <c r="V2406">
        <v>2</v>
      </c>
      <c r="W2406">
        <v>120</v>
      </c>
      <c r="X2406">
        <v>2020</v>
      </c>
    </row>
    <row r="2407" spans="1:24" x14ac:dyDescent="0.25">
      <c r="A2407">
        <v>9335</v>
      </c>
      <c r="B2407" t="s">
        <v>22</v>
      </c>
      <c r="C2407">
        <v>28</v>
      </c>
      <c r="D2407" t="s">
        <v>529</v>
      </c>
      <c r="E2407">
        <v>213</v>
      </c>
      <c r="F2407" t="s">
        <v>651</v>
      </c>
      <c r="G2407">
        <v>160</v>
      </c>
      <c r="H2407" t="s">
        <v>675</v>
      </c>
      <c r="I2407">
        <v>5952</v>
      </c>
      <c r="J2407" t="s">
        <v>736</v>
      </c>
      <c r="K2407">
        <v>8</v>
      </c>
      <c r="L2407" t="s">
        <v>1865</v>
      </c>
      <c r="M2407">
        <v>3122</v>
      </c>
      <c r="N2407" t="s">
        <v>654</v>
      </c>
      <c r="O2407">
        <v>3</v>
      </c>
      <c r="P2407" t="s">
        <v>655</v>
      </c>
      <c r="Q2407">
        <v>1</v>
      </c>
      <c r="R2407" t="s">
        <v>656</v>
      </c>
      <c r="S2407">
        <v>2</v>
      </c>
      <c r="T2407" t="s">
        <v>661</v>
      </c>
      <c r="U2407">
        <v>8</v>
      </c>
      <c r="V2407">
        <v>2</v>
      </c>
      <c r="W2407">
        <v>120</v>
      </c>
      <c r="X2407">
        <v>2020</v>
      </c>
    </row>
    <row r="2408" spans="1:24" x14ac:dyDescent="0.25">
      <c r="A2408">
        <v>9334</v>
      </c>
      <c r="B2408" t="s">
        <v>22</v>
      </c>
      <c r="C2408">
        <v>28</v>
      </c>
      <c r="D2408" t="s">
        <v>529</v>
      </c>
      <c r="E2408">
        <v>213</v>
      </c>
      <c r="F2408" t="s">
        <v>651</v>
      </c>
      <c r="G2408">
        <v>160</v>
      </c>
      <c r="H2408" t="s">
        <v>675</v>
      </c>
      <c r="I2408">
        <v>5952</v>
      </c>
      <c r="J2408" t="s">
        <v>736</v>
      </c>
      <c r="K2408">
        <v>8</v>
      </c>
      <c r="L2408" t="s">
        <v>1865</v>
      </c>
      <c r="M2408">
        <v>3122</v>
      </c>
      <c r="N2408" t="s">
        <v>654</v>
      </c>
      <c r="O2408">
        <v>3</v>
      </c>
      <c r="P2408" t="s">
        <v>655</v>
      </c>
      <c r="Q2408">
        <v>1</v>
      </c>
      <c r="R2408" t="s">
        <v>656</v>
      </c>
      <c r="S2408">
        <v>2</v>
      </c>
      <c r="T2408" t="s">
        <v>718</v>
      </c>
      <c r="U2408">
        <v>2</v>
      </c>
      <c r="V2408">
        <v>2</v>
      </c>
      <c r="W2408">
        <v>120</v>
      </c>
      <c r="X2408">
        <v>2020</v>
      </c>
    </row>
    <row r="2409" spans="1:24" x14ac:dyDescent="0.25">
      <c r="A2409">
        <v>9333</v>
      </c>
      <c r="B2409" t="s">
        <v>22</v>
      </c>
      <c r="C2409">
        <v>28</v>
      </c>
      <c r="D2409" t="s">
        <v>528</v>
      </c>
      <c r="E2409">
        <v>215</v>
      </c>
      <c r="F2409" t="s">
        <v>651</v>
      </c>
      <c r="G2409">
        <v>160</v>
      </c>
      <c r="H2409" t="s">
        <v>675</v>
      </c>
      <c r="I2409">
        <v>5952</v>
      </c>
      <c r="J2409" t="s">
        <v>802</v>
      </c>
      <c r="K2409">
        <v>12</v>
      </c>
      <c r="L2409" t="s">
        <v>1866</v>
      </c>
      <c r="M2409">
        <v>3121</v>
      </c>
      <c r="N2409" t="s">
        <v>654</v>
      </c>
      <c r="O2409">
        <v>3</v>
      </c>
      <c r="P2409" t="s">
        <v>655</v>
      </c>
      <c r="Q2409">
        <v>1</v>
      </c>
      <c r="R2409" t="s">
        <v>656</v>
      </c>
      <c r="S2409">
        <v>2</v>
      </c>
      <c r="T2409" t="s">
        <v>661</v>
      </c>
      <c r="U2409">
        <v>8</v>
      </c>
      <c r="V2409">
        <v>2</v>
      </c>
      <c r="W2409">
        <v>120</v>
      </c>
      <c r="X2409">
        <v>2020</v>
      </c>
    </row>
    <row r="2410" spans="1:24" x14ac:dyDescent="0.25">
      <c r="A2410">
        <v>9332</v>
      </c>
      <c r="B2410" t="s">
        <v>22</v>
      </c>
      <c r="C2410">
        <v>28</v>
      </c>
      <c r="D2410" t="s">
        <v>360</v>
      </c>
      <c r="E2410">
        <v>216</v>
      </c>
      <c r="F2410" t="s">
        <v>651</v>
      </c>
      <c r="G2410">
        <v>160</v>
      </c>
      <c r="H2410" t="s">
        <v>675</v>
      </c>
      <c r="I2410">
        <v>5952</v>
      </c>
      <c r="J2410" t="s">
        <v>673</v>
      </c>
      <c r="K2410">
        <v>34</v>
      </c>
      <c r="L2410" t="s">
        <v>1867</v>
      </c>
      <c r="M2410">
        <v>3120</v>
      </c>
      <c r="N2410" t="s">
        <v>654</v>
      </c>
      <c r="O2410">
        <v>3</v>
      </c>
      <c r="P2410" t="s">
        <v>655</v>
      </c>
      <c r="Q2410">
        <v>1</v>
      </c>
      <c r="R2410" t="s">
        <v>656</v>
      </c>
      <c r="S2410">
        <v>2</v>
      </c>
      <c r="T2410" t="s">
        <v>661</v>
      </c>
      <c r="U2410">
        <v>8</v>
      </c>
      <c r="V2410">
        <v>2</v>
      </c>
      <c r="W2410">
        <v>120</v>
      </c>
      <c r="X2410">
        <v>2020</v>
      </c>
    </row>
    <row r="2411" spans="1:24" x14ac:dyDescent="0.25">
      <c r="A2411">
        <v>9331</v>
      </c>
      <c r="B2411" t="s">
        <v>22</v>
      </c>
      <c r="C2411">
        <v>28</v>
      </c>
      <c r="D2411" t="s">
        <v>513</v>
      </c>
      <c r="E2411">
        <v>217</v>
      </c>
      <c r="F2411" t="s">
        <v>651</v>
      </c>
      <c r="G2411">
        <v>160</v>
      </c>
      <c r="H2411" t="s">
        <v>675</v>
      </c>
      <c r="I2411">
        <v>5952</v>
      </c>
      <c r="J2411" t="s">
        <v>301</v>
      </c>
      <c r="K2411">
        <v>26</v>
      </c>
      <c r="L2411" t="s">
        <v>1868</v>
      </c>
      <c r="M2411">
        <v>3119</v>
      </c>
      <c r="N2411" t="s">
        <v>654</v>
      </c>
      <c r="O2411">
        <v>3</v>
      </c>
      <c r="P2411" t="s">
        <v>655</v>
      </c>
      <c r="Q2411">
        <v>1</v>
      </c>
      <c r="R2411" t="s">
        <v>656</v>
      </c>
      <c r="S2411">
        <v>2</v>
      </c>
      <c r="T2411" t="s">
        <v>661</v>
      </c>
      <c r="U2411">
        <v>8</v>
      </c>
      <c r="V2411">
        <v>2</v>
      </c>
      <c r="W2411">
        <v>120</v>
      </c>
      <c r="X2411">
        <v>2020</v>
      </c>
    </row>
    <row r="2412" spans="1:24" x14ac:dyDescent="0.25">
      <c r="A2412">
        <v>9330</v>
      </c>
      <c r="B2412" t="s">
        <v>104</v>
      </c>
      <c r="C2412">
        <v>25</v>
      </c>
      <c r="D2412" t="s">
        <v>536</v>
      </c>
      <c r="E2412">
        <v>185</v>
      </c>
      <c r="F2412" t="s">
        <v>651</v>
      </c>
      <c r="G2412">
        <v>160</v>
      </c>
      <c r="H2412" t="s">
        <v>747</v>
      </c>
      <c r="I2412">
        <v>4847</v>
      </c>
      <c r="J2412" t="s">
        <v>710</v>
      </c>
      <c r="K2412">
        <v>53</v>
      </c>
      <c r="L2412" t="s">
        <v>996</v>
      </c>
      <c r="M2412">
        <v>620</v>
      </c>
      <c r="N2412" t="s">
        <v>654</v>
      </c>
      <c r="O2412">
        <v>3</v>
      </c>
      <c r="P2412" t="s">
        <v>655</v>
      </c>
      <c r="Q2412">
        <v>1</v>
      </c>
      <c r="R2412" t="s">
        <v>656</v>
      </c>
      <c r="S2412">
        <v>2</v>
      </c>
      <c r="T2412" t="s">
        <v>661</v>
      </c>
      <c r="U2412">
        <v>8</v>
      </c>
      <c r="V2412">
        <v>2</v>
      </c>
      <c r="W2412">
        <v>120</v>
      </c>
      <c r="X2412">
        <v>2020</v>
      </c>
    </row>
    <row r="2413" spans="1:24" x14ac:dyDescent="0.25">
      <c r="A2413">
        <v>9328</v>
      </c>
      <c r="B2413" t="s">
        <v>26</v>
      </c>
      <c r="C2413">
        <v>44</v>
      </c>
      <c r="D2413" t="s">
        <v>474</v>
      </c>
      <c r="E2413">
        <v>332</v>
      </c>
      <c r="F2413" t="s">
        <v>651</v>
      </c>
      <c r="G2413">
        <v>160</v>
      </c>
      <c r="H2413" t="s">
        <v>666</v>
      </c>
      <c r="I2413">
        <v>8767</v>
      </c>
      <c r="J2413" t="s">
        <v>663</v>
      </c>
      <c r="K2413">
        <v>99</v>
      </c>
      <c r="L2413" t="s">
        <v>1869</v>
      </c>
      <c r="M2413">
        <v>3118</v>
      </c>
      <c r="N2413" t="s">
        <v>654</v>
      </c>
      <c r="O2413">
        <v>3</v>
      </c>
      <c r="P2413" t="s">
        <v>655</v>
      </c>
      <c r="Q2413">
        <v>1</v>
      </c>
      <c r="R2413" t="s">
        <v>656</v>
      </c>
      <c r="S2413">
        <v>2</v>
      </c>
      <c r="T2413" t="s">
        <v>718</v>
      </c>
      <c r="U2413">
        <v>2</v>
      </c>
      <c r="V2413">
        <v>2</v>
      </c>
      <c r="W2413">
        <v>120</v>
      </c>
      <c r="X2413">
        <v>2020</v>
      </c>
    </row>
    <row r="2414" spans="1:24" x14ac:dyDescent="0.25">
      <c r="A2414">
        <v>9327</v>
      </c>
      <c r="B2414" t="s">
        <v>26</v>
      </c>
      <c r="C2414">
        <v>44</v>
      </c>
      <c r="D2414" t="s">
        <v>473</v>
      </c>
      <c r="E2414">
        <v>333</v>
      </c>
      <c r="F2414" t="s">
        <v>651</v>
      </c>
      <c r="G2414">
        <v>160</v>
      </c>
      <c r="H2414" t="s">
        <v>666</v>
      </c>
      <c r="I2414">
        <v>8767</v>
      </c>
      <c r="J2414" t="s">
        <v>301</v>
      </c>
      <c r="K2414">
        <v>26</v>
      </c>
      <c r="L2414" t="s">
        <v>1870</v>
      </c>
      <c r="M2414">
        <v>3117</v>
      </c>
      <c r="N2414" t="s">
        <v>654</v>
      </c>
      <c r="O2414">
        <v>3</v>
      </c>
      <c r="P2414" t="s">
        <v>655</v>
      </c>
      <c r="Q2414">
        <v>1</v>
      </c>
      <c r="R2414" t="s">
        <v>656</v>
      </c>
      <c r="S2414">
        <v>2</v>
      </c>
      <c r="T2414" t="s">
        <v>661</v>
      </c>
      <c r="U2414">
        <v>8</v>
      </c>
      <c r="V2414">
        <v>2</v>
      </c>
      <c r="W2414">
        <v>120</v>
      </c>
      <c r="X2414">
        <v>2020</v>
      </c>
    </row>
    <row r="2415" spans="1:24" x14ac:dyDescent="0.25">
      <c r="A2415">
        <v>9326</v>
      </c>
      <c r="B2415" t="s">
        <v>53</v>
      </c>
      <c r="C2415">
        <v>60</v>
      </c>
      <c r="D2415" t="s">
        <v>428</v>
      </c>
      <c r="E2415">
        <v>410</v>
      </c>
      <c r="F2415" t="s">
        <v>651</v>
      </c>
      <c r="G2415">
        <v>160</v>
      </c>
      <c r="H2415" t="s">
        <v>658</v>
      </c>
      <c r="I2415">
        <v>13755</v>
      </c>
      <c r="J2415" t="s">
        <v>955</v>
      </c>
      <c r="K2415">
        <v>29</v>
      </c>
      <c r="L2415" t="s">
        <v>1871</v>
      </c>
      <c r="M2415">
        <v>3116</v>
      </c>
      <c r="N2415" t="s">
        <v>654</v>
      </c>
      <c r="O2415">
        <v>3</v>
      </c>
      <c r="P2415" t="s">
        <v>655</v>
      </c>
      <c r="Q2415">
        <v>1</v>
      </c>
      <c r="R2415" t="s">
        <v>656</v>
      </c>
      <c r="S2415">
        <v>2</v>
      </c>
      <c r="T2415" t="s">
        <v>718</v>
      </c>
      <c r="U2415">
        <v>2</v>
      </c>
      <c r="V2415">
        <v>2</v>
      </c>
      <c r="W2415">
        <v>120</v>
      </c>
      <c r="X2415">
        <v>2020</v>
      </c>
    </row>
    <row r="2416" spans="1:24" x14ac:dyDescent="0.25">
      <c r="A2416">
        <v>9324</v>
      </c>
      <c r="B2416" t="s">
        <v>74</v>
      </c>
      <c r="C2416">
        <v>40</v>
      </c>
      <c r="D2416" t="s">
        <v>483</v>
      </c>
      <c r="E2416">
        <v>316</v>
      </c>
      <c r="F2416" t="s">
        <v>651</v>
      </c>
      <c r="G2416">
        <v>160</v>
      </c>
      <c r="H2416" t="s">
        <v>697</v>
      </c>
      <c r="I2416">
        <v>11198</v>
      </c>
      <c r="J2416" t="s">
        <v>301</v>
      </c>
      <c r="K2416">
        <v>26</v>
      </c>
      <c r="L2416" t="s">
        <v>1872</v>
      </c>
      <c r="M2416">
        <v>3113</v>
      </c>
      <c r="N2416" t="s">
        <v>654</v>
      </c>
      <c r="O2416">
        <v>3</v>
      </c>
      <c r="P2416" t="s">
        <v>655</v>
      </c>
      <c r="Q2416">
        <v>1</v>
      </c>
      <c r="R2416" t="s">
        <v>656</v>
      </c>
      <c r="S2416">
        <v>2</v>
      </c>
      <c r="T2416" t="s">
        <v>718</v>
      </c>
      <c r="U2416">
        <v>2</v>
      </c>
      <c r="V2416">
        <v>2</v>
      </c>
      <c r="W2416">
        <v>120</v>
      </c>
      <c r="X2416">
        <v>2020</v>
      </c>
    </row>
    <row r="2417" spans="1:24" x14ac:dyDescent="0.25">
      <c r="A2417">
        <v>9323</v>
      </c>
      <c r="B2417" t="s">
        <v>30</v>
      </c>
      <c r="C2417">
        <v>18</v>
      </c>
      <c r="D2417" t="s">
        <v>362</v>
      </c>
      <c r="E2417">
        <v>106</v>
      </c>
      <c r="F2417" t="s">
        <v>651</v>
      </c>
      <c r="G2417">
        <v>160</v>
      </c>
      <c r="H2417" t="s">
        <v>922</v>
      </c>
      <c r="I2417">
        <v>8163</v>
      </c>
      <c r="J2417" t="s">
        <v>736</v>
      </c>
      <c r="K2417">
        <v>8</v>
      </c>
      <c r="L2417" t="s">
        <v>1873</v>
      </c>
      <c r="M2417">
        <v>3112</v>
      </c>
      <c r="N2417" t="s">
        <v>654</v>
      </c>
      <c r="O2417">
        <v>3</v>
      </c>
      <c r="P2417" t="s">
        <v>655</v>
      </c>
      <c r="Q2417">
        <v>1</v>
      </c>
      <c r="R2417" t="s">
        <v>656</v>
      </c>
      <c r="S2417">
        <v>2</v>
      </c>
      <c r="T2417" t="s">
        <v>661</v>
      </c>
      <c r="U2417">
        <v>8</v>
      </c>
      <c r="V2417">
        <v>2</v>
      </c>
      <c r="W2417">
        <v>120</v>
      </c>
      <c r="X2417">
        <v>2020</v>
      </c>
    </row>
    <row r="2418" spans="1:24" x14ac:dyDescent="0.25">
      <c r="A2418">
        <v>9322</v>
      </c>
      <c r="B2418" t="s">
        <v>30</v>
      </c>
      <c r="C2418">
        <v>18</v>
      </c>
      <c r="D2418" t="s">
        <v>472</v>
      </c>
      <c r="E2418">
        <v>126</v>
      </c>
      <c r="F2418" t="s">
        <v>651</v>
      </c>
      <c r="G2418">
        <v>160</v>
      </c>
      <c r="H2418" t="s">
        <v>739</v>
      </c>
      <c r="I2418">
        <v>4413</v>
      </c>
      <c r="J2418" t="s">
        <v>767</v>
      </c>
      <c r="K2418">
        <v>44</v>
      </c>
      <c r="L2418" t="s">
        <v>1874</v>
      </c>
      <c r="M2418">
        <v>3111</v>
      </c>
      <c r="N2418" t="s">
        <v>654</v>
      </c>
      <c r="O2418">
        <v>3</v>
      </c>
      <c r="P2418" t="s">
        <v>655</v>
      </c>
      <c r="Q2418">
        <v>1</v>
      </c>
      <c r="R2418" t="s">
        <v>656</v>
      </c>
      <c r="S2418">
        <v>2</v>
      </c>
      <c r="T2418" t="s">
        <v>661</v>
      </c>
      <c r="U2418">
        <v>8</v>
      </c>
      <c r="V2418">
        <v>2</v>
      </c>
      <c r="W2418">
        <v>120</v>
      </c>
      <c r="X2418">
        <v>2020</v>
      </c>
    </row>
    <row r="2419" spans="1:24" x14ac:dyDescent="0.25">
      <c r="A2419">
        <v>9321</v>
      </c>
      <c r="B2419" t="s">
        <v>30</v>
      </c>
      <c r="C2419">
        <v>18</v>
      </c>
      <c r="D2419" t="s">
        <v>564</v>
      </c>
      <c r="E2419">
        <v>128</v>
      </c>
      <c r="F2419" t="s">
        <v>651</v>
      </c>
      <c r="G2419">
        <v>160</v>
      </c>
      <c r="H2419" t="s">
        <v>1875</v>
      </c>
      <c r="I2419">
        <v>2551</v>
      </c>
      <c r="J2419" t="s">
        <v>693</v>
      </c>
      <c r="K2419">
        <v>56</v>
      </c>
      <c r="L2419" t="s">
        <v>1876</v>
      </c>
      <c r="M2419">
        <v>1344</v>
      </c>
      <c r="N2419" t="s">
        <v>654</v>
      </c>
      <c r="O2419">
        <v>3</v>
      </c>
      <c r="P2419" t="s">
        <v>655</v>
      </c>
      <c r="Q2419">
        <v>1</v>
      </c>
      <c r="R2419" t="s">
        <v>656</v>
      </c>
      <c r="S2419">
        <v>2</v>
      </c>
      <c r="T2419" t="s">
        <v>661</v>
      </c>
      <c r="U2419">
        <v>8</v>
      </c>
      <c r="V2419">
        <v>2</v>
      </c>
      <c r="W2419">
        <v>120</v>
      </c>
      <c r="X2419">
        <v>2020</v>
      </c>
    </row>
    <row r="2420" spans="1:24" x14ac:dyDescent="0.25">
      <c r="A2420">
        <v>9320</v>
      </c>
      <c r="B2420" t="s">
        <v>30</v>
      </c>
      <c r="C2420">
        <v>18</v>
      </c>
      <c r="D2420" t="s">
        <v>564</v>
      </c>
      <c r="E2420">
        <v>128</v>
      </c>
      <c r="F2420" t="s">
        <v>651</v>
      </c>
      <c r="G2420">
        <v>160</v>
      </c>
      <c r="H2420" t="s">
        <v>779</v>
      </c>
      <c r="I2420">
        <v>10487</v>
      </c>
      <c r="J2420" t="s">
        <v>693</v>
      </c>
      <c r="K2420">
        <v>56</v>
      </c>
      <c r="L2420" t="s">
        <v>1877</v>
      </c>
      <c r="M2420">
        <v>1341</v>
      </c>
      <c r="N2420" t="s">
        <v>654</v>
      </c>
      <c r="O2420">
        <v>3</v>
      </c>
      <c r="P2420" t="s">
        <v>655</v>
      </c>
      <c r="Q2420">
        <v>1</v>
      </c>
      <c r="R2420" t="s">
        <v>656</v>
      </c>
      <c r="S2420">
        <v>2</v>
      </c>
      <c r="T2420" t="s">
        <v>661</v>
      </c>
      <c r="U2420">
        <v>8</v>
      </c>
      <c r="V2420">
        <v>2</v>
      </c>
      <c r="W2420">
        <v>120</v>
      </c>
      <c r="X2420">
        <v>2020</v>
      </c>
    </row>
    <row r="2421" spans="1:24" x14ac:dyDescent="0.25">
      <c r="A2421">
        <v>9319</v>
      </c>
      <c r="B2421" t="s">
        <v>30</v>
      </c>
      <c r="C2421">
        <v>18</v>
      </c>
      <c r="D2421" t="s">
        <v>564</v>
      </c>
      <c r="E2421">
        <v>128</v>
      </c>
      <c r="F2421" t="s">
        <v>651</v>
      </c>
      <c r="G2421">
        <v>160</v>
      </c>
      <c r="H2421" t="s">
        <v>1269</v>
      </c>
      <c r="I2421">
        <v>10721</v>
      </c>
      <c r="J2421" t="s">
        <v>693</v>
      </c>
      <c r="K2421">
        <v>56</v>
      </c>
      <c r="L2421" t="s">
        <v>1878</v>
      </c>
      <c r="M2421">
        <v>1342</v>
      </c>
      <c r="N2421" t="s">
        <v>654</v>
      </c>
      <c r="O2421">
        <v>3</v>
      </c>
      <c r="P2421" t="s">
        <v>655</v>
      </c>
      <c r="Q2421">
        <v>1</v>
      </c>
      <c r="R2421" t="s">
        <v>656</v>
      </c>
      <c r="S2421">
        <v>2</v>
      </c>
      <c r="T2421" t="s">
        <v>661</v>
      </c>
      <c r="U2421">
        <v>8</v>
      </c>
      <c r="V2421">
        <v>2</v>
      </c>
      <c r="W2421">
        <v>120</v>
      </c>
      <c r="X2421">
        <v>2020</v>
      </c>
    </row>
    <row r="2422" spans="1:24" x14ac:dyDescent="0.25">
      <c r="A2422">
        <v>9318</v>
      </c>
      <c r="B2422" t="s">
        <v>30</v>
      </c>
      <c r="C2422">
        <v>18</v>
      </c>
      <c r="D2422" t="s">
        <v>564</v>
      </c>
      <c r="E2422">
        <v>128</v>
      </c>
      <c r="F2422" t="s">
        <v>651</v>
      </c>
      <c r="G2422">
        <v>160</v>
      </c>
      <c r="H2422" t="s">
        <v>854</v>
      </c>
      <c r="I2422">
        <v>1</v>
      </c>
      <c r="J2422" t="s">
        <v>693</v>
      </c>
      <c r="K2422">
        <v>56</v>
      </c>
      <c r="L2422" t="s">
        <v>1879</v>
      </c>
      <c r="M2422">
        <v>1348</v>
      </c>
      <c r="N2422" t="s">
        <v>654</v>
      </c>
      <c r="O2422">
        <v>3</v>
      </c>
      <c r="P2422" t="s">
        <v>655</v>
      </c>
      <c r="Q2422">
        <v>1</v>
      </c>
      <c r="R2422" t="s">
        <v>656</v>
      </c>
      <c r="S2422">
        <v>2</v>
      </c>
      <c r="T2422" t="s">
        <v>661</v>
      </c>
      <c r="U2422">
        <v>8</v>
      </c>
      <c r="V2422">
        <v>2</v>
      </c>
      <c r="W2422">
        <v>120</v>
      </c>
      <c r="X2422">
        <v>2020</v>
      </c>
    </row>
    <row r="2423" spans="1:24" x14ac:dyDescent="0.25">
      <c r="A2423">
        <v>9317</v>
      </c>
      <c r="B2423" t="s">
        <v>30</v>
      </c>
      <c r="C2423">
        <v>18</v>
      </c>
      <c r="D2423" t="s">
        <v>564</v>
      </c>
      <c r="E2423">
        <v>128</v>
      </c>
      <c r="F2423" t="s">
        <v>651</v>
      </c>
      <c r="G2423">
        <v>160</v>
      </c>
      <c r="H2423" t="s">
        <v>1875</v>
      </c>
      <c r="I2423">
        <v>2551</v>
      </c>
      <c r="J2423" t="s">
        <v>716</v>
      </c>
      <c r="K2423">
        <v>68</v>
      </c>
      <c r="L2423" t="s">
        <v>717</v>
      </c>
      <c r="M2423">
        <v>1351</v>
      </c>
      <c r="N2423" t="s">
        <v>654</v>
      </c>
      <c r="O2423">
        <v>3</v>
      </c>
      <c r="P2423" t="s">
        <v>655</v>
      </c>
      <c r="Q2423">
        <v>1</v>
      </c>
      <c r="R2423" t="s">
        <v>656</v>
      </c>
      <c r="S2423">
        <v>2</v>
      </c>
      <c r="T2423" t="s">
        <v>661</v>
      </c>
      <c r="U2423">
        <v>8</v>
      </c>
      <c r="V2423">
        <v>2</v>
      </c>
      <c r="W2423">
        <v>120</v>
      </c>
      <c r="X2423">
        <v>2020</v>
      </c>
    </row>
    <row r="2424" spans="1:24" x14ac:dyDescent="0.25">
      <c r="A2424">
        <v>9316</v>
      </c>
      <c r="B2424" t="s">
        <v>112</v>
      </c>
      <c r="C2424">
        <v>29</v>
      </c>
      <c r="D2424" t="s">
        <v>524</v>
      </c>
      <c r="E2424">
        <v>223</v>
      </c>
      <c r="F2424" t="s">
        <v>651</v>
      </c>
      <c r="G2424">
        <v>160</v>
      </c>
      <c r="H2424" t="s">
        <v>719</v>
      </c>
      <c r="I2424">
        <v>7630</v>
      </c>
      <c r="J2424" t="s">
        <v>1022</v>
      </c>
      <c r="K2424">
        <v>85</v>
      </c>
      <c r="L2424" t="s">
        <v>1880</v>
      </c>
      <c r="M2424">
        <v>3110</v>
      </c>
      <c r="N2424" t="s">
        <v>654</v>
      </c>
      <c r="O2424">
        <v>3</v>
      </c>
      <c r="P2424" t="s">
        <v>655</v>
      </c>
      <c r="Q2424">
        <v>1</v>
      </c>
      <c r="R2424" t="s">
        <v>656</v>
      </c>
      <c r="S2424">
        <v>2</v>
      </c>
      <c r="T2424" t="s">
        <v>661</v>
      </c>
      <c r="U2424">
        <v>8</v>
      </c>
      <c r="V2424">
        <v>2</v>
      </c>
      <c r="W2424">
        <v>120</v>
      </c>
      <c r="X2424">
        <v>2020</v>
      </c>
    </row>
    <row r="2425" spans="1:24" x14ac:dyDescent="0.25">
      <c r="A2425">
        <v>9315</v>
      </c>
      <c r="B2425" t="s">
        <v>383</v>
      </c>
      <c r="C2425">
        <v>83</v>
      </c>
      <c r="D2425" t="s">
        <v>316</v>
      </c>
      <c r="E2425">
        <v>523</v>
      </c>
      <c r="F2425" t="s">
        <v>651</v>
      </c>
      <c r="G2425">
        <v>160</v>
      </c>
      <c r="H2425" t="s">
        <v>773</v>
      </c>
      <c r="I2425">
        <v>11846</v>
      </c>
      <c r="J2425" t="s">
        <v>299</v>
      </c>
      <c r="K2425">
        <v>27</v>
      </c>
      <c r="L2425" t="s">
        <v>1881</v>
      </c>
      <c r="M2425">
        <v>3109</v>
      </c>
      <c r="N2425" t="s">
        <v>654</v>
      </c>
      <c r="O2425">
        <v>3</v>
      </c>
      <c r="P2425" t="s">
        <v>655</v>
      </c>
      <c r="Q2425">
        <v>1</v>
      </c>
      <c r="R2425" t="s">
        <v>656</v>
      </c>
      <c r="S2425">
        <v>2</v>
      </c>
      <c r="T2425" t="s">
        <v>661</v>
      </c>
      <c r="U2425">
        <v>8</v>
      </c>
      <c r="V2425">
        <v>2</v>
      </c>
      <c r="W2425">
        <v>120</v>
      </c>
      <c r="X2425">
        <v>2020</v>
      </c>
    </row>
    <row r="2426" spans="1:24" x14ac:dyDescent="0.25">
      <c r="A2426">
        <v>9314</v>
      </c>
      <c r="B2426" t="s">
        <v>218</v>
      </c>
      <c r="C2426">
        <v>17</v>
      </c>
      <c r="D2426" t="s">
        <v>570</v>
      </c>
      <c r="E2426">
        <v>114</v>
      </c>
      <c r="F2426" t="s">
        <v>651</v>
      </c>
      <c r="G2426">
        <v>160</v>
      </c>
      <c r="H2426" t="s">
        <v>744</v>
      </c>
      <c r="I2426">
        <v>3143</v>
      </c>
      <c r="J2426" t="s">
        <v>880</v>
      </c>
      <c r="K2426">
        <v>58</v>
      </c>
      <c r="L2426" t="s">
        <v>1882</v>
      </c>
      <c r="M2426">
        <v>3108</v>
      </c>
      <c r="N2426" t="s">
        <v>654</v>
      </c>
      <c r="O2426">
        <v>3</v>
      </c>
      <c r="P2426" t="s">
        <v>655</v>
      </c>
      <c r="Q2426">
        <v>1</v>
      </c>
      <c r="R2426" t="s">
        <v>656</v>
      </c>
      <c r="S2426">
        <v>2</v>
      </c>
      <c r="T2426" t="s">
        <v>661</v>
      </c>
      <c r="U2426">
        <v>8</v>
      </c>
      <c r="V2426">
        <v>2</v>
      </c>
      <c r="W2426">
        <v>120</v>
      </c>
      <c r="X2426">
        <v>2020</v>
      </c>
    </row>
    <row r="2427" spans="1:24" x14ac:dyDescent="0.25">
      <c r="A2427">
        <v>9313</v>
      </c>
      <c r="B2427" t="s">
        <v>218</v>
      </c>
      <c r="C2427">
        <v>17</v>
      </c>
      <c r="D2427" t="s">
        <v>573</v>
      </c>
      <c r="E2427">
        <v>108</v>
      </c>
      <c r="F2427" t="s">
        <v>651</v>
      </c>
      <c r="G2427">
        <v>160</v>
      </c>
      <c r="H2427" t="s">
        <v>744</v>
      </c>
      <c r="I2427">
        <v>3143</v>
      </c>
      <c r="J2427" t="s">
        <v>693</v>
      </c>
      <c r="K2427">
        <v>56</v>
      </c>
      <c r="L2427" t="s">
        <v>1883</v>
      </c>
      <c r="M2427">
        <v>3107</v>
      </c>
      <c r="N2427" t="s">
        <v>654</v>
      </c>
      <c r="O2427">
        <v>3</v>
      </c>
      <c r="P2427" t="s">
        <v>655</v>
      </c>
      <c r="Q2427">
        <v>1</v>
      </c>
      <c r="R2427" t="s">
        <v>656</v>
      </c>
      <c r="S2427">
        <v>2</v>
      </c>
      <c r="T2427" t="s">
        <v>661</v>
      </c>
      <c r="U2427">
        <v>8</v>
      </c>
      <c r="V2427">
        <v>2</v>
      </c>
      <c r="W2427">
        <v>120</v>
      </c>
      <c r="X2427">
        <v>2020</v>
      </c>
    </row>
    <row r="2428" spans="1:24" x14ac:dyDescent="0.25">
      <c r="A2428">
        <v>9312</v>
      </c>
      <c r="B2428" t="s">
        <v>218</v>
      </c>
      <c r="C2428">
        <v>17</v>
      </c>
      <c r="D2428" t="s">
        <v>519</v>
      </c>
      <c r="E2428">
        <v>109</v>
      </c>
      <c r="F2428" t="s">
        <v>651</v>
      </c>
      <c r="G2428">
        <v>160</v>
      </c>
      <c r="H2428" t="s">
        <v>744</v>
      </c>
      <c r="I2428">
        <v>3143</v>
      </c>
      <c r="J2428" t="s">
        <v>693</v>
      </c>
      <c r="K2428">
        <v>56</v>
      </c>
      <c r="L2428" t="s">
        <v>1884</v>
      </c>
      <c r="M2428">
        <v>632</v>
      </c>
      <c r="N2428" t="s">
        <v>654</v>
      </c>
      <c r="O2428">
        <v>3</v>
      </c>
      <c r="P2428" t="s">
        <v>655</v>
      </c>
      <c r="Q2428">
        <v>1</v>
      </c>
      <c r="R2428" t="s">
        <v>656</v>
      </c>
      <c r="S2428">
        <v>2</v>
      </c>
      <c r="T2428" t="s">
        <v>661</v>
      </c>
      <c r="U2428">
        <v>8</v>
      </c>
      <c r="V2428">
        <v>2</v>
      </c>
      <c r="W2428">
        <v>120</v>
      </c>
      <c r="X2428">
        <v>2020</v>
      </c>
    </row>
    <row r="2429" spans="1:24" x14ac:dyDescent="0.25">
      <c r="A2429">
        <v>9311</v>
      </c>
      <c r="B2429" t="s">
        <v>213</v>
      </c>
      <c r="C2429">
        <v>15</v>
      </c>
      <c r="D2429" t="s">
        <v>362</v>
      </c>
      <c r="E2429">
        <v>100</v>
      </c>
      <c r="F2429" t="s">
        <v>651</v>
      </c>
      <c r="G2429">
        <v>160</v>
      </c>
      <c r="H2429" t="s">
        <v>741</v>
      </c>
      <c r="I2429">
        <v>1585</v>
      </c>
      <c r="J2429" t="s">
        <v>831</v>
      </c>
      <c r="K2429">
        <v>5</v>
      </c>
      <c r="L2429" t="s">
        <v>1637</v>
      </c>
      <c r="M2429">
        <v>780</v>
      </c>
      <c r="N2429" t="s">
        <v>654</v>
      </c>
      <c r="O2429">
        <v>3</v>
      </c>
      <c r="P2429" t="s">
        <v>655</v>
      </c>
      <c r="Q2429">
        <v>1</v>
      </c>
      <c r="R2429" t="s">
        <v>656</v>
      </c>
      <c r="S2429">
        <v>2</v>
      </c>
      <c r="T2429" t="s">
        <v>661</v>
      </c>
      <c r="U2429">
        <v>8</v>
      </c>
      <c r="V2429">
        <v>2</v>
      </c>
      <c r="W2429">
        <v>120</v>
      </c>
      <c r="X2429">
        <v>2020</v>
      </c>
    </row>
    <row r="2430" spans="1:24" x14ac:dyDescent="0.25">
      <c r="A2430">
        <v>9310</v>
      </c>
      <c r="B2430" t="s">
        <v>213</v>
      </c>
      <c r="C2430">
        <v>15</v>
      </c>
      <c r="D2430" t="s">
        <v>426</v>
      </c>
      <c r="E2430">
        <v>98</v>
      </c>
      <c r="F2430" t="s">
        <v>651</v>
      </c>
      <c r="G2430">
        <v>160</v>
      </c>
      <c r="H2430" t="s">
        <v>741</v>
      </c>
      <c r="I2430">
        <v>1585</v>
      </c>
      <c r="J2430" t="s">
        <v>684</v>
      </c>
      <c r="K2430">
        <v>22</v>
      </c>
      <c r="L2430" t="s">
        <v>1885</v>
      </c>
      <c r="M2430">
        <v>3106</v>
      </c>
      <c r="N2430" t="s">
        <v>654</v>
      </c>
      <c r="O2430">
        <v>3</v>
      </c>
      <c r="P2430" t="s">
        <v>655</v>
      </c>
      <c r="Q2430">
        <v>1</v>
      </c>
      <c r="R2430" t="s">
        <v>656</v>
      </c>
      <c r="S2430">
        <v>2</v>
      </c>
      <c r="T2430" t="s">
        <v>661</v>
      </c>
      <c r="U2430">
        <v>8</v>
      </c>
      <c r="V2430">
        <v>2</v>
      </c>
      <c r="W2430">
        <v>120</v>
      </c>
      <c r="X2430">
        <v>2020</v>
      </c>
    </row>
    <row r="2431" spans="1:24" x14ac:dyDescent="0.25">
      <c r="A2431">
        <v>9309</v>
      </c>
      <c r="B2431" t="s">
        <v>213</v>
      </c>
      <c r="C2431">
        <v>15</v>
      </c>
      <c r="D2431" t="s">
        <v>316</v>
      </c>
      <c r="E2431">
        <v>101</v>
      </c>
      <c r="F2431" t="s">
        <v>651</v>
      </c>
      <c r="G2431">
        <v>160</v>
      </c>
      <c r="H2431" t="s">
        <v>741</v>
      </c>
      <c r="I2431">
        <v>1585</v>
      </c>
      <c r="J2431" t="s">
        <v>301</v>
      </c>
      <c r="K2431">
        <v>26</v>
      </c>
      <c r="L2431" t="s">
        <v>1886</v>
      </c>
      <c r="M2431">
        <v>3105</v>
      </c>
      <c r="N2431" t="s">
        <v>654</v>
      </c>
      <c r="O2431">
        <v>3</v>
      </c>
      <c r="P2431" t="s">
        <v>655</v>
      </c>
      <c r="Q2431">
        <v>1</v>
      </c>
      <c r="R2431" t="s">
        <v>656</v>
      </c>
      <c r="S2431">
        <v>2</v>
      </c>
      <c r="T2431" t="s">
        <v>661</v>
      </c>
      <c r="U2431">
        <v>8</v>
      </c>
      <c r="V2431">
        <v>2</v>
      </c>
      <c r="W2431">
        <v>120</v>
      </c>
      <c r="X2431">
        <v>2020</v>
      </c>
    </row>
    <row r="2432" spans="1:24" x14ac:dyDescent="0.25">
      <c r="A2432">
        <v>9308</v>
      </c>
      <c r="B2432" t="s">
        <v>226</v>
      </c>
      <c r="C2432">
        <v>1</v>
      </c>
      <c r="D2432" t="s">
        <v>624</v>
      </c>
      <c r="E2432">
        <v>11</v>
      </c>
      <c r="F2432" t="s">
        <v>651</v>
      </c>
      <c r="G2432">
        <v>160</v>
      </c>
      <c r="H2432" t="s">
        <v>658</v>
      </c>
      <c r="I2432">
        <v>13755</v>
      </c>
      <c r="J2432" t="s">
        <v>742</v>
      </c>
      <c r="K2432">
        <v>48</v>
      </c>
      <c r="L2432" t="s">
        <v>1887</v>
      </c>
      <c r="M2432">
        <v>3104</v>
      </c>
      <c r="N2432" t="s">
        <v>654</v>
      </c>
      <c r="O2432">
        <v>3</v>
      </c>
      <c r="P2432" t="s">
        <v>655</v>
      </c>
      <c r="Q2432">
        <v>1</v>
      </c>
      <c r="R2432" t="s">
        <v>656</v>
      </c>
      <c r="S2432">
        <v>2</v>
      </c>
      <c r="T2432" t="s">
        <v>661</v>
      </c>
      <c r="U2432">
        <v>8</v>
      </c>
      <c r="V2432">
        <v>2</v>
      </c>
      <c r="W2432">
        <v>120</v>
      </c>
      <c r="X2432">
        <v>2020</v>
      </c>
    </row>
    <row r="2433" spans="1:24" x14ac:dyDescent="0.25">
      <c r="A2433">
        <v>9307</v>
      </c>
      <c r="B2433" t="s">
        <v>226</v>
      </c>
      <c r="C2433">
        <v>1</v>
      </c>
      <c r="D2433" t="s">
        <v>615</v>
      </c>
      <c r="E2433">
        <v>12</v>
      </c>
      <c r="F2433" t="s">
        <v>651</v>
      </c>
      <c r="G2433">
        <v>160</v>
      </c>
      <c r="H2433" t="s">
        <v>658</v>
      </c>
      <c r="I2433">
        <v>13755</v>
      </c>
      <c r="J2433" t="s">
        <v>695</v>
      </c>
      <c r="K2433">
        <v>54</v>
      </c>
      <c r="L2433" t="s">
        <v>1888</v>
      </c>
      <c r="M2433">
        <v>3103</v>
      </c>
      <c r="N2433" t="s">
        <v>654</v>
      </c>
      <c r="O2433">
        <v>3</v>
      </c>
      <c r="P2433" t="s">
        <v>655</v>
      </c>
      <c r="Q2433">
        <v>1</v>
      </c>
      <c r="R2433" t="s">
        <v>656</v>
      </c>
      <c r="S2433">
        <v>2</v>
      </c>
      <c r="T2433" t="s">
        <v>718</v>
      </c>
      <c r="U2433">
        <v>2</v>
      </c>
      <c r="V2433">
        <v>2</v>
      </c>
      <c r="W2433">
        <v>120</v>
      </c>
      <c r="X2433">
        <v>2020</v>
      </c>
    </row>
    <row r="2434" spans="1:24" x14ac:dyDescent="0.25">
      <c r="A2434">
        <v>9306</v>
      </c>
      <c r="B2434" t="s">
        <v>226</v>
      </c>
      <c r="C2434">
        <v>1</v>
      </c>
      <c r="D2434" t="s">
        <v>625</v>
      </c>
      <c r="E2434">
        <v>9</v>
      </c>
      <c r="F2434" t="s">
        <v>651</v>
      </c>
      <c r="G2434">
        <v>160</v>
      </c>
      <c r="H2434" t="s">
        <v>658</v>
      </c>
      <c r="I2434">
        <v>13755</v>
      </c>
      <c r="J2434" t="s">
        <v>1514</v>
      </c>
      <c r="K2434">
        <v>47</v>
      </c>
      <c r="L2434" t="s">
        <v>1889</v>
      </c>
      <c r="M2434">
        <v>3102</v>
      </c>
      <c r="N2434" t="s">
        <v>654</v>
      </c>
      <c r="O2434">
        <v>3</v>
      </c>
      <c r="P2434" t="s">
        <v>655</v>
      </c>
      <c r="Q2434">
        <v>1</v>
      </c>
      <c r="R2434" t="s">
        <v>656</v>
      </c>
      <c r="S2434">
        <v>2</v>
      </c>
      <c r="T2434" t="s">
        <v>661</v>
      </c>
      <c r="U2434">
        <v>8</v>
      </c>
      <c r="V2434">
        <v>2</v>
      </c>
      <c r="W2434">
        <v>120</v>
      </c>
      <c r="X2434">
        <v>2020</v>
      </c>
    </row>
    <row r="2435" spans="1:24" x14ac:dyDescent="0.25">
      <c r="A2435">
        <v>9305</v>
      </c>
      <c r="B2435" t="s">
        <v>226</v>
      </c>
      <c r="C2435">
        <v>1</v>
      </c>
      <c r="D2435" t="s">
        <v>629</v>
      </c>
      <c r="E2435">
        <v>5</v>
      </c>
      <c r="F2435" t="s">
        <v>651</v>
      </c>
      <c r="G2435">
        <v>160</v>
      </c>
      <c r="H2435" t="s">
        <v>658</v>
      </c>
      <c r="I2435">
        <v>13755</v>
      </c>
      <c r="J2435" t="s">
        <v>705</v>
      </c>
      <c r="K2435">
        <v>70</v>
      </c>
      <c r="L2435" t="s">
        <v>1890</v>
      </c>
      <c r="M2435">
        <v>3101</v>
      </c>
      <c r="N2435" t="s">
        <v>654</v>
      </c>
      <c r="O2435">
        <v>3</v>
      </c>
      <c r="P2435" t="s">
        <v>655</v>
      </c>
      <c r="Q2435">
        <v>1</v>
      </c>
      <c r="R2435" t="s">
        <v>656</v>
      </c>
      <c r="S2435">
        <v>2</v>
      </c>
      <c r="T2435" t="s">
        <v>661</v>
      </c>
      <c r="U2435">
        <v>8</v>
      </c>
      <c r="V2435">
        <v>2</v>
      </c>
      <c r="W2435">
        <v>120</v>
      </c>
      <c r="X2435">
        <v>2020</v>
      </c>
    </row>
    <row r="2436" spans="1:24" x14ac:dyDescent="0.25">
      <c r="A2436">
        <v>9304</v>
      </c>
      <c r="B2436" t="s">
        <v>226</v>
      </c>
      <c r="C2436">
        <v>1</v>
      </c>
      <c r="D2436" t="s">
        <v>629</v>
      </c>
      <c r="E2436">
        <v>5</v>
      </c>
      <c r="F2436" t="s">
        <v>651</v>
      </c>
      <c r="G2436">
        <v>160</v>
      </c>
      <c r="H2436" t="s">
        <v>658</v>
      </c>
      <c r="I2436">
        <v>13755</v>
      </c>
      <c r="J2436" t="s">
        <v>730</v>
      </c>
      <c r="K2436">
        <v>66</v>
      </c>
      <c r="L2436" t="s">
        <v>1891</v>
      </c>
      <c r="M2436">
        <v>1954</v>
      </c>
      <c r="N2436" t="s">
        <v>654</v>
      </c>
      <c r="O2436">
        <v>3</v>
      </c>
      <c r="P2436" t="s">
        <v>655</v>
      </c>
      <c r="Q2436">
        <v>1</v>
      </c>
      <c r="R2436" t="s">
        <v>656</v>
      </c>
      <c r="S2436">
        <v>2</v>
      </c>
      <c r="T2436" t="s">
        <v>661</v>
      </c>
      <c r="U2436">
        <v>8</v>
      </c>
      <c r="V2436">
        <v>2</v>
      </c>
      <c r="W2436">
        <v>120</v>
      </c>
      <c r="X2436">
        <v>2020</v>
      </c>
    </row>
    <row r="2437" spans="1:24" x14ac:dyDescent="0.25">
      <c r="A2437">
        <v>9303</v>
      </c>
      <c r="B2437" t="s">
        <v>192</v>
      </c>
      <c r="C2437">
        <v>19</v>
      </c>
      <c r="D2437" t="s">
        <v>350</v>
      </c>
      <c r="E2437">
        <v>616</v>
      </c>
      <c r="F2437" t="s">
        <v>651</v>
      </c>
      <c r="G2437">
        <v>160</v>
      </c>
      <c r="H2437" t="s">
        <v>739</v>
      </c>
      <c r="I2437">
        <v>4413</v>
      </c>
      <c r="J2437" t="s">
        <v>880</v>
      </c>
      <c r="K2437">
        <v>58</v>
      </c>
      <c r="L2437" t="s">
        <v>1892</v>
      </c>
      <c r="M2437">
        <v>3100</v>
      </c>
      <c r="N2437" t="s">
        <v>654</v>
      </c>
      <c r="O2437">
        <v>3</v>
      </c>
      <c r="P2437" t="s">
        <v>655</v>
      </c>
      <c r="Q2437">
        <v>1</v>
      </c>
      <c r="R2437" t="s">
        <v>656</v>
      </c>
      <c r="S2437">
        <v>2</v>
      </c>
      <c r="T2437" t="s">
        <v>718</v>
      </c>
      <c r="U2437">
        <v>2</v>
      </c>
      <c r="V2437">
        <v>2</v>
      </c>
      <c r="W2437">
        <v>120</v>
      </c>
      <c r="X2437">
        <v>2020</v>
      </c>
    </row>
    <row r="2438" spans="1:24" x14ac:dyDescent="0.25">
      <c r="A2438">
        <v>9302</v>
      </c>
      <c r="B2438" t="s">
        <v>183</v>
      </c>
      <c r="C2438">
        <v>4</v>
      </c>
      <c r="D2438" t="s">
        <v>610</v>
      </c>
      <c r="E2438">
        <v>30</v>
      </c>
      <c r="F2438" t="s">
        <v>651</v>
      </c>
      <c r="G2438">
        <v>160</v>
      </c>
      <c r="H2438" t="s">
        <v>658</v>
      </c>
      <c r="I2438">
        <v>13755</v>
      </c>
      <c r="J2438" t="s">
        <v>1219</v>
      </c>
      <c r="K2438">
        <v>42</v>
      </c>
      <c r="L2438" t="s">
        <v>1893</v>
      </c>
      <c r="M2438">
        <v>3099</v>
      </c>
      <c r="N2438" t="s">
        <v>654</v>
      </c>
      <c r="O2438">
        <v>3</v>
      </c>
      <c r="P2438" t="s">
        <v>655</v>
      </c>
      <c r="Q2438">
        <v>1</v>
      </c>
      <c r="R2438" t="s">
        <v>656</v>
      </c>
      <c r="S2438">
        <v>2</v>
      </c>
      <c r="T2438" t="s">
        <v>661</v>
      </c>
      <c r="U2438">
        <v>8</v>
      </c>
      <c r="V2438">
        <v>2</v>
      </c>
      <c r="W2438">
        <v>120</v>
      </c>
      <c r="X2438">
        <v>2020</v>
      </c>
    </row>
    <row r="2439" spans="1:24" x14ac:dyDescent="0.25">
      <c r="A2439">
        <v>9300</v>
      </c>
      <c r="B2439" t="s">
        <v>93</v>
      </c>
      <c r="C2439">
        <v>48</v>
      </c>
      <c r="D2439" t="s">
        <v>456</v>
      </c>
      <c r="E2439">
        <v>358</v>
      </c>
      <c r="F2439" t="s">
        <v>651</v>
      </c>
      <c r="G2439">
        <v>160</v>
      </c>
      <c r="H2439" t="s">
        <v>773</v>
      </c>
      <c r="I2439">
        <v>11846</v>
      </c>
      <c r="J2439" t="s">
        <v>897</v>
      </c>
      <c r="K2439">
        <v>3</v>
      </c>
      <c r="L2439" t="s">
        <v>1894</v>
      </c>
      <c r="M2439">
        <v>3098</v>
      </c>
      <c r="N2439" t="s">
        <v>654</v>
      </c>
      <c r="O2439">
        <v>3</v>
      </c>
      <c r="P2439" t="s">
        <v>655</v>
      </c>
      <c r="Q2439">
        <v>1</v>
      </c>
      <c r="R2439" t="s">
        <v>656</v>
      </c>
      <c r="S2439">
        <v>2</v>
      </c>
      <c r="T2439" t="s">
        <v>661</v>
      </c>
      <c r="U2439">
        <v>8</v>
      </c>
      <c r="V2439">
        <v>2</v>
      </c>
      <c r="W2439">
        <v>120</v>
      </c>
      <c r="X2439">
        <v>2020</v>
      </c>
    </row>
    <row r="2440" spans="1:24" x14ac:dyDescent="0.25">
      <c r="A2440">
        <v>9299</v>
      </c>
      <c r="B2440" t="s">
        <v>93</v>
      </c>
      <c r="C2440">
        <v>48</v>
      </c>
      <c r="D2440" t="s">
        <v>11</v>
      </c>
      <c r="E2440">
        <v>361</v>
      </c>
      <c r="F2440" t="s">
        <v>651</v>
      </c>
      <c r="G2440">
        <v>160</v>
      </c>
      <c r="H2440" t="s">
        <v>773</v>
      </c>
      <c r="I2440">
        <v>11846</v>
      </c>
      <c r="J2440" t="s">
        <v>65</v>
      </c>
      <c r="K2440">
        <v>15</v>
      </c>
      <c r="L2440" t="s">
        <v>1895</v>
      </c>
      <c r="M2440">
        <v>3097</v>
      </c>
      <c r="N2440" t="s">
        <v>654</v>
      </c>
      <c r="O2440">
        <v>3</v>
      </c>
      <c r="P2440" t="s">
        <v>655</v>
      </c>
      <c r="Q2440">
        <v>1</v>
      </c>
      <c r="R2440" t="s">
        <v>656</v>
      </c>
      <c r="S2440">
        <v>2</v>
      </c>
      <c r="T2440" t="s">
        <v>661</v>
      </c>
      <c r="U2440">
        <v>8</v>
      </c>
      <c r="V2440">
        <v>1</v>
      </c>
      <c r="W2440">
        <v>60</v>
      </c>
      <c r="X2440">
        <v>2020</v>
      </c>
    </row>
    <row r="2441" spans="1:24" x14ac:dyDescent="0.25">
      <c r="A2441">
        <v>9298</v>
      </c>
      <c r="B2441" t="s">
        <v>93</v>
      </c>
      <c r="C2441">
        <v>48</v>
      </c>
      <c r="D2441" t="s">
        <v>11</v>
      </c>
      <c r="E2441">
        <v>361</v>
      </c>
      <c r="F2441" t="s">
        <v>651</v>
      </c>
      <c r="G2441">
        <v>160</v>
      </c>
      <c r="H2441" t="s">
        <v>773</v>
      </c>
      <c r="I2441">
        <v>11846</v>
      </c>
      <c r="J2441" t="s">
        <v>65</v>
      </c>
      <c r="K2441">
        <v>15</v>
      </c>
      <c r="L2441" t="s">
        <v>1896</v>
      </c>
      <c r="M2441">
        <v>3096</v>
      </c>
      <c r="N2441" t="s">
        <v>654</v>
      </c>
      <c r="O2441">
        <v>3</v>
      </c>
      <c r="P2441" t="s">
        <v>655</v>
      </c>
      <c r="Q2441">
        <v>1</v>
      </c>
      <c r="R2441" t="s">
        <v>656</v>
      </c>
      <c r="S2441">
        <v>2</v>
      </c>
      <c r="T2441" t="s">
        <v>718</v>
      </c>
      <c r="U2441">
        <v>2</v>
      </c>
      <c r="V2441">
        <v>1</v>
      </c>
      <c r="W2441">
        <v>60</v>
      </c>
      <c r="X2441">
        <v>2020</v>
      </c>
    </row>
    <row r="2442" spans="1:24" x14ac:dyDescent="0.25">
      <c r="A2442">
        <v>9297</v>
      </c>
      <c r="B2442" t="s">
        <v>93</v>
      </c>
      <c r="C2442">
        <v>48</v>
      </c>
      <c r="D2442" t="s">
        <v>11</v>
      </c>
      <c r="E2442">
        <v>361</v>
      </c>
      <c r="F2442" t="s">
        <v>651</v>
      </c>
      <c r="G2442">
        <v>160</v>
      </c>
      <c r="H2442" t="s">
        <v>773</v>
      </c>
      <c r="I2442">
        <v>11846</v>
      </c>
      <c r="J2442" t="s">
        <v>65</v>
      </c>
      <c r="K2442">
        <v>15</v>
      </c>
      <c r="L2442" t="s">
        <v>791</v>
      </c>
      <c r="M2442">
        <v>807</v>
      </c>
      <c r="N2442" t="s">
        <v>654</v>
      </c>
      <c r="O2442">
        <v>3</v>
      </c>
      <c r="P2442" t="s">
        <v>655</v>
      </c>
      <c r="Q2442">
        <v>1</v>
      </c>
      <c r="R2442" t="s">
        <v>656</v>
      </c>
      <c r="S2442">
        <v>2</v>
      </c>
      <c r="T2442" t="s">
        <v>661</v>
      </c>
      <c r="U2442">
        <v>8</v>
      </c>
      <c r="V2442">
        <v>1</v>
      </c>
      <c r="W2442">
        <v>60</v>
      </c>
      <c r="X2442">
        <v>2020</v>
      </c>
    </row>
    <row r="2443" spans="1:24" x14ac:dyDescent="0.25">
      <c r="A2443">
        <v>9296</v>
      </c>
      <c r="B2443" t="s">
        <v>93</v>
      </c>
      <c r="C2443">
        <v>48</v>
      </c>
      <c r="D2443" t="s">
        <v>457</v>
      </c>
      <c r="E2443">
        <v>357</v>
      </c>
      <c r="F2443" t="s">
        <v>651</v>
      </c>
      <c r="G2443">
        <v>160</v>
      </c>
      <c r="H2443" t="s">
        <v>773</v>
      </c>
      <c r="I2443">
        <v>11846</v>
      </c>
      <c r="J2443" t="s">
        <v>726</v>
      </c>
      <c r="K2443">
        <v>2</v>
      </c>
      <c r="L2443" t="s">
        <v>1897</v>
      </c>
      <c r="M2443">
        <v>3095</v>
      </c>
      <c r="N2443" t="s">
        <v>654</v>
      </c>
      <c r="O2443">
        <v>3</v>
      </c>
      <c r="P2443" t="s">
        <v>655</v>
      </c>
      <c r="Q2443">
        <v>1</v>
      </c>
      <c r="R2443" t="s">
        <v>656</v>
      </c>
      <c r="S2443">
        <v>2</v>
      </c>
      <c r="T2443" t="s">
        <v>718</v>
      </c>
      <c r="U2443">
        <v>2</v>
      </c>
      <c r="V2443">
        <v>2</v>
      </c>
      <c r="W2443">
        <v>120</v>
      </c>
      <c r="X2443">
        <v>2020</v>
      </c>
    </row>
    <row r="2444" spans="1:24" x14ac:dyDescent="0.25">
      <c r="A2444">
        <v>9295</v>
      </c>
      <c r="B2444" t="s">
        <v>93</v>
      </c>
      <c r="C2444">
        <v>48</v>
      </c>
      <c r="D2444" t="s">
        <v>451</v>
      </c>
      <c r="E2444">
        <v>364</v>
      </c>
      <c r="F2444" t="s">
        <v>651</v>
      </c>
      <c r="G2444">
        <v>160</v>
      </c>
      <c r="H2444" t="s">
        <v>773</v>
      </c>
      <c r="I2444">
        <v>11846</v>
      </c>
      <c r="J2444" t="s">
        <v>659</v>
      </c>
      <c r="K2444">
        <v>35</v>
      </c>
      <c r="L2444" t="s">
        <v>1898</v>
      </c>
      <c r="M2444">
        <v>3094</v>
      </c>
      <c r="N2444" t="s">
        <v>654</v>
      </c>
      <c r="O2444">
        <v>3</v>
      </c>
      <c r="P2444" t="s">
        <v>655</v>
      </c>
      <c r="Q2444">
        <v>1</v>
      </c>
      <c r="R2444" t="s">
        <v>656</v>
      </c>
      <c r="S2444">
        <v>2</v>
      </c>
      <c r="T2444" t="s">
        <v>718</v>
      </c>
      <c r="U2444">
        <v>2</v>
      </c>
      <c r="V2444">
        <v>2</v>
      </c>
      <c r="W2444">
        <v>120</v>
      </c>
      <c r="X2444">
        <v>2020</v>
      </c>
    </row>
    <row r="2445" spans="1:24" x14ac:dyDescent="0.25">
      <c r="A2445">
        <v>9294</v>
      </c>
      <c r="B2445" t="s">
        <v>93</v>
      </c>
      <c r="C2445">
        <v>48</v>
      </c>
      <c r="D2445" t="s">
        <v>451</v>
      </c>
      <c r="E2445">
        <v>364</v>
      </c>
      <c r="F2445" t="s">
        <v>651</v>
      </c>
      <c r="G2445">
        <v>160</v>
      </c>
      <c r="H2445" t="s">
        <v>773</v>
      </c>
      <c r="I2445">
        <v>11846</v>
      </c>
      <c r="J2445" t="s">
        <v>659</v>
      </c>
      <c r="K2445">
        <v>35</v>
      </c>
      <c r="L2445" t="s">
        <v>1899</v>
      </c>
      <c r="M2445">
        <v>3093</v>
      </c>
      <c r="N2445" t="s">
        <v>654</v>
      </c>
      <c r="O2445">
        <v>3</v>
      </c>
      <c r="P2445" t="s">
        <v>655</v>
      </c>
      <c r="Q2445">
        <v>1</v>
      </c>
      <c r="R2445" t="s">
        <v>656</v>
      </c>
      <c r="S2445">
        <v>2</v>
      </c>
      <c r="T2445" t="s">
        <v>718</v>
      </c>
      <c r="U2445">
        <v>2</v>
      </c>
      <c r="V2445">
        <v>2</v>
      </c>
      <c r="W2445">
        <v>120</v>
      </c>
      <c r="X2445">
        <v>2020</v>
      </c>
    </row>
    <row r="2446" spans="1:24" x14ac:dyDescent="0.25">
      <c r="A2446">
        <v>9292</v>
      </c>
      <c r="B2446" t="s">
        <v>67</v>
      </c>
      <c r="C2446">
        <v>62</v>
      </c>
      <c r="D2446" t="s">
        <v>316</v>
      </c>
      <c r="E2446">
        <v>668</v>
      </c>
      <c r="F2446" t="s">
        <v>651</v>
      </c>
      <c r="G2446">
        <v>160</v>
      </c>
      <c r="H2446" t="s">
        <v>658</v>
      </c>
      <c r="I2446">
        <v>13755</v>
      </c>
      <c r="J2446" t="s">
        <v>294</v>
      </c>
      <c r="K2446">
        <v>31</v>
      </c>
      <c r="L2446" t="s">
        <v>1900</v>
      </c>
      <c r="M2446">
        <v>3114</v>
      </c>
      <c r="N2446" t="s">
        <v>654</v>
      </c>
      <c r="O2446">
        <v>3</v>
      </c>
      <c r="P2446" t="s">
        <v>655</v>
      </c>
      <c r="Q2446">
        <v>1</v>
      </c>
      <c r="R2446" t="s">
        <v>656</v>
      </c>
      <c r="S2446">
        <v>2</v>
      </c>
      <c r="T2446" t="s">
        <v>661</v>
      </c>
      <c r="U2446">
        <v>8</v>
      </c>
      <c r="V2446">
        <v>2</v>
      </c>
      <c r="W2446">
        <v>120</v>
      </c>
      <c r="X2446">
        <v>2020</v>
      </c>
    </row>
    <row r="2447" spans="1:24" x14ac:dyDescent="0.25">
      <c r="A2447">
        <v>9291</v>
      </c>
      <c r="B2447" t="s">
        <v>8</v>
      </c>
      <c r="C2447">
        <v>75</v>
      </c>
      <c r="D2447" t="s">
        <v>316</v>
      </c>
      <c r="E2447">
        <v>499</v>
      </c>
      <c r="F2447" t="s">
        <v>651</v>
      </c>
      <c r="G2447">
        <v>160</v>
      </c>
      <c r="H2447" t="s">
        <v>675</v>
      </c>
      <c r="I2447">
        <v>5952</v>
      </c>
      <c r="J2447" t="s">
        <v>301</v>
      </c>
      <c r="K2447">
        <v>26</v>
      </c>
      <c r="L2447" t="s">
        <v>1901</v>
      </c>
      <c r="M2447">
        <v>2676</v>
      </c>
      <c r="N2447" t="s">
        <v>654</v>
      </c>
      <c r="O2447">
        <v>3</v>
      </c>
      <c r="P2447" t="s">
        <v>655</v>
      </c>
      <c r="Q2447">
        <v>1</v>
      </c>
      <c r="R2447" t="s">
        <v>656</v>
      </c>
      <c r="S2447">
        <v>2</v>
      </c>
      <c r="T2447" t="s">
        <v>661</v>
      </c>
      <c r="U2447">
        <v>8</v>
      </c>
      <c r="V2447">
        <v>2</v>
      </c>
      <c r="W2447">
        <v>120</v>
      </c>
      <c r="X2447">
        <v>2020</v>
      </c>
    </row>
    <row r="2448" spans="1:24" x14ac:dyDescent="0.25">
      <c r="A2448">
        <v>9290</v>
      </c>
      <c r="B2448" t="s">
        <v>22</v>
      </c>
      <c r="C2448">
        <v>28</v>
      </c>
      <c r="D2448" t="s">
        <v>526</v>
      </c>
      <c r="E2448">
        <v>220</v>
      </c>
      <c r="F2448" t="s">
        <v>734</v>
      </c>
      <c r="G2448">
        <v>122</v>
      </c>
      <c r="H2448" t="s">
        <v>986</v>
      </c>
      <c r="I2448">
        <v>17522</v>
      </c>
      <c r="J2448" t="s">
        <v>65</v>
      </c>
      <c r="K2448">
        <v>15</v>
      </c>
      <c r="L2448" t="s">
        <v>740</v>
      </c>
      <c r="M2448">
        <v>1169</v>
      </c>
      <c r="N2448" t="s">
        <v>654</v>
      </c>
      <c r="O2448">
        <v>3</v>
      </c>
      <c r="P2448" t="s">
        <v>655</v>
      </c>
      <c r="Q2448">
        <v>1</v>
      </c>
      <c r="R2448" t="s">
        <v>656</v>
      </c>
      <c r="S2448">
        <v>2</v>
      </c>
      <c r="T2448" t="s">
        <v>661</v>
      </c>
      <c r="U2448">
        <v>8</v>
      </c>
      <c r="V2448">
        <v>2</v>
      </c>
      <c r="W2448">
        <v>120</v>
      </c>
      <c r="X2448">
        <v>2020</v>
      </c>
    </row>
    <row r="2449" spans="1:24" x14ac:dyDescent="0.25">
      <c r="A2449">
        <v>9289</v>
      </c>
      <c r="B2449" t="s">
        <v>22</v>
      </c>
      <c r="C2449">
        <v>28</v>
      </c>
      <c r="D2449" t="s">
        <v>526</v>
      </c>
      <c r="E2449">
        <v>220</v>
      </c>
      <c r="F2449" t="s">
        <v>734</v>
      </c>
      <c r="G2449">
        <v>122</v>
      </c>
      <c r="H2449" t="s">
        <v>986</v>
      </c>
      <c r="I2449">
        <v>17522</v>
      </c>
      <c r="J2449" t="s">
        <v>819</v>
      </c>
      <c r="K2449">
        <v>101</v>
      </c>
      <c r="L2449" t="s">
        <v>1902</v>
      </c>
      <c r="M2449">
        <v>1889</v>
      </c>
      <c r="N2449" t="s">
        <v>654</v>
      </c>
      <c r="O2449">
        <v>3</v>
      </c>
      <c r="P2449" t="s">
        <v>655</v>
      </c>
      <c r="Q2449">
        <v>1</v>
      </c>
      <c r="R2449" t="s">
        <v>656</v>
      </c>
      <c r="S2449">
        <v>2</v>
      </c>
      <c r="T2449" t="s">
        <v>661</v>
      </c>
      <c r="U2449">
        <v>8</v>
      </c>
      <c r="V2449">
        <v>2</v>
      </c>
      <c r="W2449">
        <v>120</v>
      </c>
      <c r="X2449">
        <v>2020</v>
      </c>
    </row>
    <row r="2450" spans="1:24" x14ac:dyDescent="0.25">
      <c r="A2450">
        <v>9288</v>
      </c>
      <c r="B2450" t="s">
        <v>22</v>
      </c>
      <c r="C2450">
        <v>28</v>
      </c>
      <c r="D2450" t="s">
        <v>530</v>
      </c>
      <c r="E2450">
        <v>211</v>
      </c>
      <c r="F2450" t="s">
        <v>651</v>
      </c>
      <c r="G2450">
        <v>160</v>
      </c>
      <c r="H2450" t="s">
        <v>675</v>
      </c>
      <c r="I2450">
        <v>5952</v>
      </c>
      <c r="J2450" t="s">
        <v>917</v>
      </c>
      <c r="K2450">
        <v>83</v>
      </c>
      <c r="L2450" t="s">
        <v>1903</v>
      </c>
      <c r="M2450">
        <v>3087</v>
      </c>
      <c r="N2450" t="s">
        <v>654</v>
      </c>
      <c r="O2450">
        <v>3</v>
      </c>
      <c r="P2450" t="s">
        <v>655</v>
      </c>
      <c r="Q2450">
        <v>1</v>
      </c>
      <c r="R2450" t="s">
        <v>656</v>
      </c>
      <c r="S2450">
        <v>2</v>
      </c>
      <c r="T2450" t="s">
        <v>661</v>
      </c>
      <c r="U2450">
        <v>8</v>
      </c>
      <c r="V2450">
        <v>2</v>
      </c>
      <c r="W2450">
        <v>120</v>
      </c>
      <c r="X2450">
        <v>2020</v>
      </c>
    </row>
    <row r="2451" spans="1:24" x14ac:dyDescent="0.25">
      <c r="A2451">
        <v>9287</v>
      </c>
      <c r="B2451" t="s">
        <v>22</v>
      </c>
      <c r="C2451">
        <v>28</v>
      </c>
      <c r="D2451" t="s">
        <v>530</v>
      </c>
      <c r="E2451">
        <v>211</v>
      </c>
      <c r="F2451" t="s">
        <v>651</v>
      </c>
      <c r="G2451">
        <v>160</v>
      </c>
      <c r="H2451" t="s">
        <v>675</v>
      </c>
      <c r="I2451">
        <v>5952</v>
      </c>
      <c r="J2451" t="s">
        <v>851</v>
      </c>
      <c r="K2451">
        <v>43</v>
      </c>
      <c r="L2451" t="s">
        <v>1904</v>
      </c>
      <c r="M2451">
        <v>3086</v>
      </c>
      <c r="N2451" t="s">
        <v>654</v>
      </c>
      <c r="O2451">
        <v>3</v>
      </c>
      <c r="P2451" t="s">
        <v>655</v>
      </c>
      <c r="Q2451">
        <v>1</v>
      </c>
      <c r="R2451" t="s">
        <v>656</v>
      </c>
      <c r="S2451">
        <v>2</v>
      </c>
      <c r="T2451" t="s">
        <v>661</v>
      </c>
      <c r="U2451">
        <v>8</v>
      </c>
      <c r="V2451">
        <v>2</v>
      </c>
      <c r="W2451">
        <v>120</v>
      </c>
      <c r="X2451">
        <v>2020</v>
      </c>
    </row>
    <row r="2452" spans="1:24" x14ac:dyDescent="0.25">
      <c r="A2452">
        <v>9286</v>
      </c>
      <c r="B2452" t="s">
        <v>53</v>
      </c>
      <c r="C2452">
        <v>60</v>
      </c>
      <c r="D2452" t="s">
        <v>429</v>
      </c>
      <c r="E2452">
        <v>408</v>
      </c>
      <c r="F2452" t="s">
        <v>651</v>
      </c>
      <c r="G2452">
        <v>160</v>
      </c>
      <c r="H2452" t="s">
        <v>658</v>
      </c>
      <c r="I2452">
        <v>13755</v>
      </c>
      <c r="J2452" t="s">
        <v>296</v>
      </c>
      <c r="K2452">
        <v>97</v>
      </c>
      <c r="L2452" t="s">
        <v>1905</v>
      </c>
      <c r="M2452">
        <v>3085</v>
      </c>
      <c r="N2452" t="s">
        <v>654</v>
      </c>
      <c r="O2452">
        <v>3</v>
      </c>
      <c r="P2452" t="s">
        <v>655</v>
      </c>
      <c r="Q2452">
        <v>1</v>
      </c>
      <c r="R2452" t="s">
        <v>656</v>
      </c>
      <c r="S2452">
        <v>2</v>
      </c>
      <c r="T2452" t="s">
        <v>718</v>
      </c>
      <c r="U2452">
        <v>2</v>
      </c>
      <c r="V2452">
        <v>2</v>
      </c>
      <c r="W2452">
        <v>120</v>
      </c>
      <c r="X2452">
        <v>2020</v>
      </c>
    </row>
    <row r="2453" spans="1:24" x14ac:dyDescent="0.25">
      <c r="A2453">
        <v>9285</v>
      </c>
      <c r="B2453" t="s">
        <v>74</v>
      </c>
      <c r="C2453">
        <v>40</v>
      </c>
      <c r="D2453" t="s">
        <v>485</v>
      </c>
      <c r="E2453">
        <v>314</v>
      </c>
      <c r="F2453" t="s">
        <v>651</v>
      </c>
      <c r="G2453">
        <v>160</v>
      </c>
      <c r="H2453" t="s">
        <v>697</v>
      </c>
      <c r="I2453">
        <v>11198</v>
      </c>
      <c r="J2453" t="s">
        <v>699</v>
      </c>
      <c r="K2453">
        <v>10</v>
      </c>
      <c r="L2453" t="s">
        <v>1241</v>
      </c>
      <c r="M2453">
        <v>346</v>
      </c>
      <c r="N2453" t="s">
        <v>654</v>
      </c>
      <c r="O2453">
        <v>3</v>
      </c>
      <c r="P2453" t="s">
        <v>655</v>
      </c>
      <c r="Q2453">
        <v>1</v>
      </c>
      <c r="R2453" t="s">
        <v>669</v>
      </c>
      <c r="S2453">
        <v>1</v>
      </c>
      <c r="T2453" t="s">
        <v>1906</v>
      </c>
      <c r="U2453">
        <v>347</v>
      </c>
      <c r="V2453">
        <v>3</v>
      </c>
      <c r="W2453">
        <v>180</v>
      </c>
      <c r="X2453">
        <v>2020</v>
      </c>
    </row>
    <row r="2454" spans="1:24" x14ac:dyDescent="0.25">
      <c r="A2454">
        <v>9284</v>
      </c>
      <c r="B2454" t="s">
        <v>74</v>
      </c>
      <c r="C2454">
        <v>40</v>
      </c>
      <c r="D2454" t="s">
        <v>485</v>
      </c>
      <c r="E2454">
        <v>314</v>
      </c>
      <c r="F2454" t="s">
        <v>651</v>
      </c>
      <c r="G2454">
        <v>160</v>
      </c>
      <c r="H2454" t="s">
        <v>697</v>
      </c>
      <c r="I2454">
        <v>11198</v>
      </c>
      <c r="J2454" t="s">
        <v>699</v>
      </c>
      <c r="K2454">
        <v>10</v>
      </c>
      <c r="L2454" t="s">
        <v>700</v>
      </c>
      <c r="M2454">
        <v>348</v>
      </c>
      <c r="N2454" t="s">
        <v>654</v>
      </c>
      <c r="O2454">
        <v>3</v>
      </c>
      <c r="P2454" t="s">
        <v>655</v>
      </c>
      <c r="Q2454">
        <v>1</v>
      </c>
      <c r="R2454" t="s">
        <v>669</v>
      </c>
      <c r="S2454">
        <v>1</v>
      </c>
      <c r="T2454" t="s">
        <v>1907</v>
      </c>
      <c r="U2454">
        <v>346</v>
      </c>
      <c r="V2454">
        <v>3</v>
      </c>
      <c r="W2454">
        <v>180</v>
      </c>
      <c r="X2454">
        <v>2020</v>
      </c>
    </row>
    <row r="2455" spans="1:24" x14ac:dyDescent="0.25">
      <c r="A2455">
        <v>9283</v>
      </c>
      <c r="B2455" t="s">
        <v>74</v>
      </c>
      <c r="C2455">
        <v>40</v>
      </c>
      <c r="D2455" t="s">
        <v>485</v>
      </c>
      <c r="E2455">
        <v>314</v>
      </c>
      <c r="F2455" t="s">
        <v>651</v>
      </c>
      <c r="G2455">
        <v>160</v>
      </c>
      <c r="H2455" t="s">
        <v>697</v>
      </c>
      <c r="I2455">
        <v>11198</v>
      </c>
      <c r="J2455" t="s">
        <v>699</v>
      </c>
      <c r="K2455">
        <v>10</v>
      </c>
      <c r="L2455" t="s">
        <v>1096</v>
      </c>
      <c r="M2455">
        <v>341</v>
      </c>
      <c r="N2455" t="s">
        <v>654</v>
      </c>
      <c r="O2455">
        <v>3</v>
      </c>
      <c r="P2455" t="s">
        <v>655</v>
      </c>
      <c r="Q2455">
        <v>1</v>
      </c>
      <c r="R2455" t="s">
        <v>669</v>
      </c>
      <c r="S2455">
        <v>1</v>
      </c>
      <c r="T2455" t="s">
        <v>1908</v>
      </c>
      <c r="U2455">
        <v>345</v>
      </c>
      <c r="V2455">
        <v>3</v>
      </c>
      <c r="W2455">
        <v>180</v>
      </c>
      <c r="X2455">
        <v>2020</v>
      </c>
    </row>
    <row r="2456" spans="1:24" x14ac:dyDescent="0.25">
      <c r="A2456">
        <v>9282</v>
      </c>
      <c r="B2456" t="s">
        <v>74</v>
      </c>
      <c r="C2456">
        <v>40</v>
      </c>
      <c r="D2456" t="s">
        <v>485</v>
      </c>
      <c r="E2456">
        <v>314</v>
      </c>
      <c r="F2456" t="s">
        <v>651</v>
      </c>
      <c r="G2456">
        <v>160</v>
      </c>
      <c r="H2456" t="s">
        <v>697</v>
      </c>
      <c r="I2456">
        <v>11198</v>
      </c>
      <c r="J2456" t="s">
        <v>699</v>
      </c>
      <c r="K2456">
        <v>10</v>
      </c>
      <c r="L2456" t="s">
        <v>1096</v>
      </c>
      <c r="M2456">
        <v>341</v>
      </c>
      <c r="N2456" t="s">
        <v>654</v>
      </c>
      <c r="O2456">
        <v>3</v>
      </c>
      <c r="P2456" t="s">
        <v>689</v>
      </c>
      <c r="Q2456">
        <v>4</v>
      </c>
      <c r="R2456" t="s">
        <v>669</v>
      </c>
      <c r="S2456">
        <v>1</v>
      </c>
      <c r="T2456" t="s">
        <v>1909</v>
      </c>
      <c r="U2456">
        <v>344</v>
      </c>
      <c r="V2456">
        <v>3</v>
      </c>
      <c r="W2456">
        <v>180</v>
      </c>
      <c r="X2456">
        <v>2020</v>
      </c>
    </row>
    <row r="2457" spans="1:24" x14ac:dyDescent="0.25">
      <c r="A2457">
        <v>9281</v>
      </c>
      <c r="B2457" t="s">
        <v>74</v>
      </c>
      <c r="C2457">
        <v>40</v>
      </c>
      <c r="D2457" t="s">
        <v>485</v>
      </c>
      <c r="E2457">
        <v>314</v>
      </c>
      <c r="F2457" t="s">
        <v>651</v>
      </c>
      <c r="G2457">
        <v>160</v>
      </c>
      <c r="H2457" t="s">
        <v>697</v>
      </c>
      <c r="I2457">
        <v>11198</v>
      </c>
      <c r="J2457" t="s">
        <v>699</v>
      </c>
      <c r="K2457">
        <v>10</v>
      </c>
      <c r="L2457" t="s">
        <v>1241</v>
      </c>
      <c r="M2457">
        <v>346</v>
      </c>
      <c r="N2457" t="s">
        <v>654</v>
      </c>
      <c r="O2457">
        <v>3</v>
      </c>
      <c r="P2457" t="s">
        <v>655</v>
      </c>
      <c r="Q2457">
        <v>1</v>
      </c>
      <c r="R2457" t="s">
        <v>669</v>
      </c>
      <c r="S2457">
        <v>1</v>
      </c>
      <c r="T2457" t="s">
        <v>1910</v>
      </c>
      <c r="U2457">
        <v>343</v>
      </c>
      <c r="V2457">
        <v>3</v>
      </c>
      <c r="W2457">
        <v>180</v>
      </c>
      <c r="X2457">
        <v>2020</v>
      </c>
    </row>
    <row r="2458" spans="1:24" x14ac:dyDescent="0.25">
      <c r="A2458">
        <v>9280</v>
      </c>
      <c r="B2458" t="s">
        <v>74</v>
      </c>
      <c r="C2458">
        <v>40</v>
      </c>
      <c r="D2458" t="s">
        <v>485</v>
      </c>
      <c r="E2458">
        <v>314</v>
      </c>
      <c r="F2458" t="s">
        <v>651</v>
      </c>
      <c r="G2458">
        <v>160</v>
      </c>
      <c r="H2458" t="s">
        <v>697</v>
      </c>
      <c r="I2458">
        <v>11198</v>
      </c>
      <c r="J2458" t="s">
        <v>699</v>
      </c>
      <c r="K2458">
        <v>10</v>
      </c>
      <c r="L2458" t="s">
        <v>700</v>
      </c>
      <c r="M2458">
        <v>348</v>
      </c>
      <c r="N2458" t="s">
        <v>668</v>
      </c>
      <c r="O2458">
        <v>4</v>
      </c>
      <c r="P2458" t="s">
        <v>655</v>
      </c>
      <c r="Q2458">
        <v>1</v>
      </c>
      <c r="R2458" t="s">
        <v>669</v>
      </c>
      <c r="S2458">
        <v>1</v>
      </c>
      <c r="T2458" t="s">
        <v>1911</v>
      </c>
      <c r="U2458">
        <v>342</v>
      </c>
      <c r="V2458">
        <v>3</v>
      </c>
      <c r="W2458">
        <v>180</v>
      </c>
      <c r="X2458">
        <v>2020</v>
      </c>
    </row>
    <row r="2459" spans="1:24" x14ac:dyDescent="0.25">
      <c r="A2459">
        <v>9278</v>
      </c>
      <c r="B2459" t="s">
        <v>14</v>
      </c>
      <c r="C2459">
        <v>20</v>
      </c>
      <c r="D2459" t="s">
        <v>554</v>
      </c>
      <c r="E2459">
        <v>149</v>
      </c>
      <c r="F2459" t="s">
        <v>651</v>
      </c>
      <c r="G2459">
        <v>160</v>
      </c>
      <c r="H2459" t="s">
        <v>739</v>
      </c>
      <c r="I2459">
        <v>4413</v>
      </c>
      <c r="J2459" t="s">
        <v>301</v>
      </c>
      <c r="K2459">
        <v>26</v>
      </c>
      <c r="L2459" t="s">
        <v>1912</v>
      </c>
      <c r="M2459">
        <v>1579</v>
      </c>
      <c r="N2459" t="s">
        <v>654</v>
      </c>
      <c r="O2459">
        <v>3</v>
      </c>
      <c r="P2459" t="s">
        <v>655</v>
      </c>
      <c r="Q2459">
        <v>1</v>
      </c>
      <c r="R2459" t="s">
        <v>656</v>
      </c>
      <c r="S2459">
        <v>2</v>
      </c>
      <c r="T2459" t="s">
        <v>661</v>
      </c>
      <c r="U2459">
        <v>8</v>
      </c>
      <c r="V2459">
        <v>2</v>
      </c>
      <c r="W2459">
        <v>120</v>
      </c>
      <c r="X2459">
        <v>2020</v>
      </c>
    </row>
    <row r="2460" spans="1:24" x14ac:dyDescent="0.25">
      <c r="A2460">
        <v>9277</v>
      </c>
      <c r="B2460" t="s">
        <v>22</v>
      </c>
      <c r="C2460">
        <v>28</v>
      </c>
      <c r="D2460" t="s">
        <v>527</v>
      </c>
      <c r="E2460">
        <v>218</v>
      </c>
      <c r="F2460" t="s">
        <v>651</v>
      </c>
      <c r="G2460">
        <v>160</v>
      </c>
      <c r="H2460" t="s">
        <v>675</v>
      </c>
      <c r="I2460">
        <v>5952</v>
      </c>
      <c r="J2460" t="s">
        <v>65</v>
      </c>
      <c r="K2460">
        <v>15</v>
      </c>
      <c r="L2460" t="s">
        <v>908</v>
      </c>
      <c r="M2460">
        <v>799</v>
      </c>
      <c r="N2460" t="s">
        <v>654</v>
      </c>
      <c r="O2460">
        <v>3</v>
      </c>
      <c r="P2460" t="s">
        <v>655</v>
      </c>
      <c r="Q2460">
        <v>1</v>
      </c>
      <c r="R2460" t="s">
        <v>656</v>
      </c>
      <c r="S2460">
        <v>2</v>
      </c>
      <c r="T2460" t="s">
        <v>661</v>
      </c>
      <c r="U2460">
        <v>8</v>
      </c>
      <c r="V2460">
        <v>1</v>
      </c>
      <c r="W2460">
        <v>60</v>
      </c>
      <c r="X2460">
        <v>2020</v>
      </c>
    </row>
    <row r="2461" spans="1:24" x14ac:dyDescent="0.25">
      <c r="A2461">
        <v>9276</v>
      </c>
      <c r="B2461" t="s">
        <v>14</v>
      </c>
      <c r="C2461">
        <v>20</v>
      </c>
      <c r="D2461" t="s">
        <v>555</v>
      </c>
      <c r="E2461">
        <v>147</v>
      </c>
      <c r="F2461" t="s">
        <v>651</v>
      </c>
      <c r="G2461">
        <v>160</v>
      </c>
      <c r="H2461" t="s">
        <v>739</v>
      </c>
      <c r="I2461">
        <v>4413</v>
      </c>
      <c r="J2461" t="s">
        <v>703</v>
      </c>
      <c r="K2461">
        <v>16</v>
      </c>
      <c r="L2461" t="s">
        <v>1913</v>
      </c>
      <c r="M2461">
        <v>914</v>
      </c>
      <c r="N2461" t="s">
        <v>654</v>
      </c>
      <c r="O2461">
        <v>3</v>
      </c>
      <c r="P2461" t="s">
        <v>655</v>
      </c>
      <c r="Q2461">
        <v>1</v>
      </c>
      <c r="R2461" t="s">
        <v>656</v>
      </c>
      <c r="S2461">
        <v>2</v>
      </c>
      <c r="T2461" t="s">
        <v>661</v>
      </c>
      <c r="U2461">
        <v>8</v>
      </c>
      <c r="V2461">
        <v>2</v>
      </c>
      <c r="W2461">
        <v>120</v>
      </c>
      <c r="X2461">
        <v>2020</v>
      </c>
    </row>
    <row r="2462" spans="1:24" x14ac:dyDescent="0.25">
      <c r="A2462">
        <v>9275</v>
      </c>
      <c r="B2462" t="s">
        <v>63</v>
      </c>
      <c r="C2462">
        <v>58</v>
      </c>
      <c r="D2462" t="s">
        <v>62</v>
      </c>
      <c r="E2462">
        <v>1274</v>
      </c>
      <c r="F2462" t="s">
        <v>651</v>
      </c>
      <c r="G2462">
        <v>160</v>
      </c>
      <c r="H2462" t="s">
        <v>1060</v>
      </c>
      <c r="I2462">
        <v>6305</v>
      </c>
      <c r="J2462" t="s">
        <v>932</v>
      </c>
      <c r="K2462">
        <v>77</v>
      </c>
      <c r="L2462" t="s">
        <v>933</v>
      </c>
      <c r="M2462">
        <v>330</v>
      </c>
      <c r="N2462" t="s">
        <v>668</v>
      </c>
      <c r="O2462">
        <v>4</v>
      </c>
      <c r="P2462" t="s">
        <v>655</v>
      </c>
      <c r="Q2462">
        <v>1</v>
      </c>
      <c r="R2462" t="s">
        <v>669</v>
      </c>
      <c r="S2462">
        <v>1</v>
      </c>
      <c r="T2462" t="s">
        <v>661</v>
      </c>
      <c r="U2462">
        <v>8</v>
      </c>
      <c r="V2462">
        <v>4</v>
      </c>
      <c r="W2462">
        <v>240</v>
      </c>
      <c r="X2462">
        <v>2020</v>
      </c>
    </row>
    <row r="2463" spans="1:24" x14ac:dyDescent="0.25">
      <c r="A2463">
        <v>9274</v>
      </c>
      <c r="B2463" t="s">
        <v>59</v>
      </c>
      <c r="C2463">
        <v>42</v>
      </c>
      <c r="D2463" t="s">
        <v>476</v>
      </c>
      <c r="E2463">
        <v>330</v>
      </c>
      <c r="F2463" t="s">
        <v>651</v>
      </c>
      <c r="G2463">
        <v>160</v>
      </c>
      <c r="H2463" t="s">
        <v>1060</v>
      </c>
      <c r="I2463">
        <v>6305</v>
      </c>
      <c r="J2463" t="s">
        <v>687</v>
      </c>
      <c r="K2463">
        <v>82</v>
      </c>
      <c r="L2463" t="s">
        <v>1914</v>
      </c>
      <c r="M2463">
        <v>337</v>
      </c>
      <c r="N2463" t="s">
        <v>668</v>
      </c>
      <c r="O2463">
        <v>4</v>
      </c>
      <c r="P2463" t="s">
        <v>655</v>
      </c>
      <c r="Q2463">
        <v>1</v>
      </c>
      <c r="R2463" t="s">
        <v>669</v>
      </c>
      <c r="S2463">
        <v>1</v>
      </c>
      <c r="T2463" t="s">
        <v>661</v>
      </c>
      <c r="U2463">
        <v>8</v>
      </c>
      <c r="V2463">
        <v>3</v>
      </c>
      <c r="W2463">
        <v>180</v>
      </c>
      <c r="X2463">
        <v>2020</v>
      </c>
    </row>
    <row r="2464" spans="1:24" x14ac:dyDescent="0.25">
      <c r="A2464">
        <v>9273</v>
      </c>
      <c r="B2464" t="s">
        <v>59</v>
      </c>
      <c r="C2464">
        <v>42</v>
      </c>
      <c r="D2464" t="s">
        <v>316</v>
      </c>
      <c r="E2464">
        <v>327</v>
      </c>
      <c r="F2464" t="s">
        <v>651</v>
      </c>
      <c r="G2464">
        <v>160</v>
      </c>
      <c r="H2464" t="s">
        <v>1060</v>
      </c>
      <c r="I2464">
        <v>6305</v>
      </c>
      <c r="J2464" t="s">
        <v>1094</v>
      </c>
      <c r="K2464">
        <v>28</v>
      </c>
      <c r="L2464" t="s">
        <v>296</v>
      </c>
      <c r="M2464">
        <v>91</v>
      </c>
      <c r="N2464" t="s">
        <v>668</v>
      </c>
      <c r="O2464">
        <v>4</v>
      </c>
      <c r="P2464" t="s">
        <v>655</v>
      </c>
      <c r="Q2464">
        <v>1</v>
      </c>
      <c r="R2464" t="s">
        <v>669</v>
      </c>
      <c r="S2464">
        <v>1</v>
      </c>
      <c r="T2464" t="s">
        <v>661</v>
      </c>
      <c r="U2464">
        <v>8</v>
      </c>
      <c r="V2464">
        <v>3</v>
      </c>
      <c r="W2464">
        <v>180</v>
      </c>
      <c r="X2464">
        <v>2020</v>
      </c>
    </row>
    <row r="2465" spans="1:24" x14ac:dyDescent="0.25">
      <c r="A2465">
        <v>9272</v>
      </c>
      <c r="B2465" t="s">
        <v>247</v>
      </c>
      <c r="C2465">
        <v>39</v>
      </c>
      <c r="D2465" t="s">
        <v>316</v>
      </c>
      <c r="E2465">
        <v>305</v>
      </c>
      <c r="F2465" t="s">
        <v>651</v>
      </c>
      <c r="G2465">
        <v>160</v>
      </c>
      <c r="H2465" t="s">
        <v>817</v>
      </c>
      <c r="I2465">
        <v>11010</v>
      </c>
      <c r="J2465" t="s">
        <v>301</v>
      </c>
      <c r="K2465">
        <v>26</v>
      </c>
      <c r="L2465" t="s">
        <v>301</v>
      </c>
      <c r="M2465">
        <v>82</v>
      </c>
      <c r="N2465" t="s">
        <v>668</v>
      </c>
      <c r="O2465">
        <v>4</v>
      </c>
      <c r="P2465" t="s">
        <v>655</v>
      </c>
      <c r="Q2465">
        <v>1</v>
      </c>
      <c r="R2465" t="s">
        <v>669</v>
      </c>
      <c r="S2465">
        <v>1</v>
      </c>
      <c r="T2465" t="s">
        <v>718</v>
      </c>
      <c r="U2465">
        <v>2</v>
      </c>
      <c r="V2465">
        <v>3</v>
      </c>
      <c r="W2465">
        <v>180</v>
      </c>
      <c r="X2465">
        <v>2020</v>
      </c>
    </row>
    <row r="2466" spans="1:24" x14ac:dyDescent="0.25">
      <c r="A2466">
        <v>9271</v>
      </c>
      <c r="B2466" t="s">
        <v>247</v>
      </c>
      <c r="C2466">
        <v>39</v>
      </c>
      <c r="D2466" t="s">
        <v>477</v>
      </c>
      <c r="E2466">
        <v>301</v>
      </c>
      <c r="F2466" t="s">
        <v>651</v>
      </c>
      <c r="G2466">
        <v>160</v>
      </c>
      <c r="H2466" t="s">
        <v>817</v>
      </c>
      <c r="I2466">
        <v>11010</v>
      </c>
      <c r="J2466" t="s">
        <v>716</v>
      </c>
      <c r="K2466">
        <v>68</v>
      </c>
      <c r="L2466" t="s">
        <v>1915</v>
      </c>
      <c r="M2466">
        <v>294</v>
      </c>
      <c r="N2466" t="s">
        <v>668</v>
      </c>
      <c r="O2466">
        <v>4</v>
      </c>
      <c r="P2466" t="s">
        <v>655</v>
      </c>
      <c r="Q2466">
        <v>1</v>
      </c>
      <c r="R2466" t="s">
        <v>669</v>
      </c>
      <c r="S2466">
        <v>1</v>
      </c>
      <c r="T2466" t="s">
        <v>718</v>
      </c>
      <c r="U2466">
        <v>2</v>
      </c>
      <c r="V2466">
        <v>4</v>
      </c>
      <c r="W2466">
        <v>240</v>
      </c>
      <c r="X2466">
        <v>2020</v>
      </c>
    </row>
    <row r="2467" spans="1:24" x14ac:dyDescent="0.25">
      <c r="A2467">
        <v>9270</v>
      </c>
      <c r="B2467" t="s">
        <v>247</v>
      </c>
      <c r="C2467">
        <v>39</v>
      </c>
      <c r="D2467" t="s">
        <v>477</v>
      </c>
      <c r="E2467">
        <v>301</v>
      </c>
      <c r="F2467" t="s">
        <v>651</v>
      </c>
      <c r="G2467">
        <v>160</v>
      </c>
      <c r="H2467" t="s">
        <v>817</v>
      </c>
      <c r="I2467">
        <v>11010</v>
      </c>
      <c r="J2467" t="s">
        <v>693</v>
      </c>
      <c r="K2467">
        <v>56</v>
      </c>
      <c r="L2467" t="s">
        <v>1916</v>
      </c>
      <c r="M2467">
        <v>519</v>
      </c>
      <c r="N2467" t="s">
        <v>668</v>
      </c>
      <c r="O2467">
        <v>4</v>
      </c>
      <c r="P2467" t="s">
        <v>655</v>
      </c>
      <c r="Q2467">
        <v>1</v>
      </c>
      <c r="R2467" t="s">
        <v>669</v>
      </c>
      <c r="S2467">
        <v>1</v>
      </c>
      <c r="T2467" t="s">
        <v>718</v>
      </c>
      <c r="U2467">
        <v>2</v>
      </c>
      <c r="V2467">
        <v>4</v>
      </c>
      <c r="W2467">
        <v>240</v>
      </c>
      <c r="X2467">
        <v>2020</v>
      </c>
    </row>
    <row r="2468" spans="1:24" x14ac:dyDescent="0.25">
      <c r="A2468">
        <v>9269</v>
      </c>
      <c r="B2468" t="s">
        <v>247</v>
      </c>
      <c r="C2468">
        <v>39</v>
      </c>
      <c r="D2468" t="s">
        <v>311</v>
      </c>
      <c r="E2468">
        <v>602</v>
      </c>
      <c r="F2468" t="s">
        <v>651</v>
      </c>
      <c r="G2468">
        <v>160</v>
      </c>
      <c r="H2468" t="s">
        <v>817</v>
      </c>
      <c r="I2468">
        <v>11010</v>
      </c>
      <c r="J2468" t="s">
        <v>1917</v>
      </c>
      <c r="K2468">
        <v>84</v>
      </c>
      <c r="L2468" t="s">
        <v>1918</v>
      </c>
      <c r="M2468">
        <v>520</v>
      </c>
      <c r="N2468" t="s">
        <v>668</v>
      </c>
      <c r="O2468">
        <v>4</v>
      </c>
      <c r="P2468" t="s">
        <v>655</v>
      </c>
      <c r="Q2468">
        <v>1</v>
      </c>
      <c r="R2468" t="s">
        <v>669</v>
      </c>
      <c r="S2468">
        <v>1</v>
      </c>
      <c r="T2468" t="s">
        <v>661</v>
      </c>
      <c r="U2468">
        <v>8</v>
      </c>
      <c r="V2468">
        <v>3</v>
      </c>
      <c r="W2468">
        <v>180</v>
      </c>
      <c r="X2468">
        <v>2020</v>
      </c>
    </row>
    <row r="2469" spans="1:24" x14ac:dyDescent="0.25">
      <c r="A2469">
        <v>9268</v>
      </c>
      <c r="B2469" t="s">
        <v>22</v>
      </c>
      <c r="C2469">
        <v>28</v>
      </c>
      <c r="D2469" t="s">
        <v>502</v>
      </c>
      <c r="E2469">
        <v>212</v>
      </c>
      <c r="F2469" t="s">
        <v>1255</v>
      </c>
      <c r="G2469">
        <v>98</v>
      </c>
      <c r="H2469" t="s">
        <v>1919</v>
      </c>
      <c r="I2469">
        <v>17520</v>
      </c>
      <c r="J2469" t="s">
        <v>932</v>
      </c>
      <c r="K2469">
        <v>77</v>
      </c>
      <c r="L2469" t="s">
        <v>839</v>
      </c>
      <c r="M2469">
        <v>327</v>
      </c>
      <c r="N2469" t="s">
        <v>668</v>
      </c>
      <c r="O2469">
        <v>4</v>
      </c>
      <c r="P2469" t="s">
        <v>655</v>
      </c>
      <c r="Q2469">
        <v>1</v>
      </c>
      <c r="R2469" t="s">
        <v>669</v>
      </c>
      <c r="S2469">
        <v>1</v>
      </c>
      <c r="T2469" t="s">
        <v>661</v>
      </c>
      <c r="U2469">
        <v>8</v>
      </c>
      <c r="V2469">
        <v>6</v>
      </c>
      <c r="W2469">
        <v>360</v>
      </c>
      <c r="X2469">
        <v>2020</v>
      </c>
    </row>
    <row r="2470" spans="1:24" x14ac:dyDescent="0.25">
      <c r="A2470">
        <v>9267</v>
      </c>
      <c r="B2470" t="s">
        <v>95</v>
      </c>
      <c r="C2470">
        <v>26</v>
      </c>
      <c r="D2470" t="s">
        <v>426</v>
      </c>
      <c r="E2470">
        <v>190</v>
      </c>
      <c r="F2470" t="s">
        <v>651</v>
      </c>
      <c r="G2470">
        <v>160</v>
      </c>
      <c r="H2470" t="s">
        <v>833</v>
      </c>
      <c r="I2470">
        <v>5562</v>
      </c>
      <c r="J2470" t="s">
        <v>699</v>
      </c>
      <c r="K2470">
        <v>10</v>
      </c>
      <c r="L2470" t="s">
        <v>720</v>
      </c>
      <c r="M2470">
        <v>350</v>
      </c>
      <c r="N2470" t="s">
        <v>654</v>
      </c>
      <c r="O2470">
        <v>3</v>
      </c>
      <c r="P2470" t="s">
        <v>655</v>
      </c>
      <c r="Q2470">
        <v>1</v>
      </c>
      <c r="R2470" t="s">
        <v>669</v>
      </c>
      <c r="S2470">
        <v>1</v>
      </c>
      <c r="T2470" t="s">
        <v>724</v>
      </c>
      <c r="U2470">
        <v>279</v>
      </c>
      <c r="V2470">
        <v>3</v>
      </c>
      <c r="W2470">
        <v>180</v>
      </c>
      <c r="X2470">
        <v>2020</v>
      </c>
    </row>
    <row r="2471" spans="1:24" x14ac:dyDescent="0.25">
      <c r="A2471">
        <v>9266</v>
      </c>
      <c r="B2471" t="s">
        <v>95</v>
      </c>
      <c r="C2471">
        <v>26</v>
      </c>
      <c r="D2471" t="s">
        <v>426</v>
      </c>
      <c r="E2471">
        <v>190</v>
      </c>
      <c r="F2471" t="s">
        <v>651</v>
      </c>
      <c r="G2471">
        <v>160</v>
      </c>
      <c r="H2471" t="s">
        <v>833</v>
      </c>
      <c r="I2471">
        <v>5562</v>
      </c>
      <c r="J2471" t="s">
        <v>699</v>
      </c>
      <c r="K2471">
        <v>10</v>
      </c>
      <c r="L2471" t="s">
        <v>720</v>
      </c>
      <c r="M2471">
        <v>350</v>
      </c>
      <c r="N2471" t="s">
        <v>654</v>
      </c>
      <c r="O2471">
        <v>3</v>
      </c>
      <c r="P2471" t="s">
        <v>655</v>
      </c>
      <c r="Q2471">
        <v>1</v>
      </c>
      <c r="R2471" t="s">
        <v>669</v>
      </c>
      <c r="S2471">
        <v>1</v>
      </c>
      <c r="T2471" t="s">
        <v>725</v>
      </c>
      <c r="U2471">
        <v>280</v>
      </c>
      <c r="V2471">
        <v>3</v>
      </c>
      <c r="W2471">
        <v>180</v>
      </c>
      <c r="X2471">
        <v>2020</v>
      </c>
    </row>
    <row r="2472" spans="1:24" x14ac:dyDescent="0.25">
      <c r="A2472">
        <v>9265</v>
      </c>
      <c r="B2472" t="s">
        <v>95</v>
      </c>
      <c r="C2472">
        <v>26</v>
      </c>
      <c r="D2472" t="s">
        <v>426</v>
      </c>
      <c r="E2472">
        <v>190</v>
      </c>
      <c r="F2472" t="s">
        <v>651</v>
      </c>
      <c r="G2472">
        <v>160</v>
      </c>
      <c r="H2472" t="s">
        <v>833</v>
      </c>
      <c r="I2472">
        <v>5562</v>
      </c>
      <c r="J2472" t="s">
        <v>699</v>
      </c>
      <c r="K2472">
        <v>10</v>
      </c>
      <c r="L2472" t="s">
        <v>700</v>
      </c>
      <c r="M2472">
        <v>348</v>
      </c>
      <c r="N2472" t="s">
        <v>654</v>
      </c>
      <c r="O2472">
        <v>3</v>
      </c>
      <c r="P2472" t="s">
        <v>655</v>
      </c>
      <c r="Q2472">
        <v>1</v>
      </c>
      <c r="R2472" t="s">
        <v>669</v>
      </c>
      <c r="S2472">
        <v>1</v>
      </c>
      <c r="T2472" t="s">
        <v>1504</v>
      </c>
      <c r="U2472">
        <v>63</v>
      </c>
      <c r="V2472">
        <v>3</v>
      </c>
      <c r="W2472">
        <v>180</v>
      </c>
      <c r="X2472">
        <v>2020</v>
      </c>
    </row>
    <row r="2473" spans="1:24" x14ac:dyDescent="0.25">
      <c r="A2473">
        <v>9264</v>
      </c>
      <c r="B2473" t="s">
        <v>95</v>
      </c>
      <c r="C2473">
        <v>26</v>
      </c>
      <c r="D2473" t="s">
        <v>426</v>
      </c>
      <c r="E2473">
        <v>190</v>
      </c>
      <c r="F2473" t="s">
        <v>651</v>
      </c>
      <c r="G2473">
        <v>160</v>
      </c>
      <c r="H2473" t="s">
        <v>833</v>
      </c>
      <c r="I2473">
        <v>5562</v>
      </c>
      <c r="J2473" t="s">
        <v>699</v>
      </c>
      <c r="K2473">
        <v>10</v>
      </c>
      <c r="L2473" t="s">
        <v>700</v>
      </c>
      <c r="M2473">
        <v>348</v>
      </c>
      <c r="N2473" t="s">
        <v>654</v>
      </c>
      <c r="O2473">
        <v>3</v>
      </c>
      <c r="P2473" t="s">
        <v>655</v>
      </c>
      <c r="Q2473">
        <v>1</v>
      </c>
      <c r="R2473" t="s">
        <v>669</v>
      </c>
      <c r="S2473">
        <v>1</v>
      </c>
      <c r="T2473" t="s">
        <v>1424</v>
      </c>
      <c r="U2473">
        <v>62</v>
      </c>
      <c r="V2473">
        <v>3</v>
      </c>
      <c r="W2473">
        <v>180</v>
      </c>
      <c r="X2473">
        <v>2020</v>
      </c>
    </row>
    <row r="2474" spans="1:24" x14ac:dyDescent="0.25">
      <c r="A2474">
        <v>9263</v>
      </c>
      <c r="B2474" t="s">
        <v>95</v>
      </c>
      <c r="C2474">
        <v>26</v>
      </c>
      <c r="D2474" t="s">
        <v>426</v>
      </c>
      <c r="E2474">
        <v>190</v>
      </c>
      <c r="F2474" t="s">
        <v>651</v>
      </c>
      <c r="G2474">
        <v>160</v>
      </c>
      <c r="H2474" t="s">
        <v>833</v>
      </c>
      <c r="I2474">
        <v>5562</v>
      </c>
      <c r="J2474" t="s">
        <v>699</v>
      </c>
      <c r="K2474">
        <v>10</v>
      </c>
      <c r="L2474" t="s">
        <v>700</v>
      </c>
      <c r="M2474">
        <v>348</v>
      </c>
      <c r="N2474" t="s">
        <v>654</v>
      </c>
      <c r="O2474">
        <v>3</v>
      </c>
      <c r="P2474" t="s">
        <v>655</v>
      </c>
      <c r="Q2474">
        <v>1</v>
      </c>
      <c r="R2474" t="s">
        <v>669</v>
      </c>
      <c r="S2474">
        <v>1</v>
      </c>
      <c r="T2474" t="s">
        <v>1000</v>
      </c>
      <c r="U2474">
        <v>60</v>
      </c>
      <c r="V2474">
        <v>3</v>
      </c>
      <c r="W2474">
        <v>180</v>
      </c>
      <c r="X2474">
        <v>2020</v>
      </c>
    </row>
    <row r="2475" spans="1:24" x14ac:dyDescent="0.25">
      <c r="A2475">
        <v>9262</v>
      </c>
      <c r="B2475" t="s">
        <v>95</v>
      </c>
      <c r="C2475">
        <v>26</v>
      </c>
      <c r="D2475" t="s">
        <v>426</v>
      </c>
      <c r="E2475">
        <v>190</v>
      </c>
      <c r="F2475" t="s">
        <v>651</v>
      </c>
      <c r="G2475">
        <v>160</v>
      </c>
      <c r="H2475" t="s">
        <v>833</v>
      </c>
      <c r="I2475">
        <v>5562</v>
      </c>
      <c r="J2475" t="s">
        <v>699</v>
      </c>
      <c r="K2475">
        <v>10</v>
      </c>
      <c r="L2475" t="s">
        <v>700</v>
      </c>
      <c r="M2475">
        <v>348</v>
      </c>
      <c r="N2475" t="s">
        <v>654</v>
      </c>
      <c r="O2475">
        <v>3</v>
      </c>
      <c r="P2475" t="s">
        <v>655</v>
      </c>
      <c r="Q2475">
        <v>1</v>
      </c>
      <c r="R2475" t="s">
        <v>669</v>
      </c>
      <c r="S2475">
        <v>1</v>
      </c>
      <c r="T2475" t="s">
        <v>942</v>
      </c>
      <c r="U2475">
        <v>58</v>
      </c>
      <c r="V2475">
        <v>3</v>
      </c>
      <c r="W2475">
        <v>180</v>
      </c>
      <c r="X2475">
        <v>2020</v>
      </c>
    </row>
    <row r="2476" spans="1:24" x14ac:dyDescent="0.25">
      <c r="A2476">
        <v>9261</v>
      </c>
      <c r="B2476" t="s">
        <v>95</v>
      </c>
      <c r="C2476">
        <v>26</v>
      </c>
      <c r="D2476" t="s">
        <v>426</v>
      </c>
      <c r="E2476">
        <v>190</v>
      </c>
      <c r="F2476" t="s">
        <v>651</v>
      </c>
      <c r="G2476">
        <v>160</v>
      </c>
      <c r="H2476" t="s">
        <v>833</v>
      </c>
      <c r="I2476">
        <v>5562</v>
      </c>
      <c r="J2476" t="s">
        <v>699</v>
      </c>
      <c r="K2476">
        <v>10</v>
      </c>
      <c r="L2476" t="s">
        <v>700</v>
      </c>
      <c r="M2476">
        <v>348</v>
      </c>
      <c r="N2476" t="s">
        <v>654</v>
      </c>
      <c r="O2476">
        <v>3</v>
      </c>
      <c r="P2476" t="s">
        <v>655</v>
      </c>
      <c r="Q2476">
        <v>1</v>
      </c>
      <c r="R2476" t="s">
        <v>669</v>
      </c>
      <c r="S2476">
        <v>1</v>
      </c>
      <c r="T2476" t="s">
        <v>702</v>
      </c>
      <c r="U2476">
        <v>39</v>
      </c>
      <c r="V2476">
        <v>3</v>
      </c>
      <c r="W2476">
        <v>180</v>
      </c>
      <c r="X2476">
        <v>2020</v>
      </c>
    </row>
    <row r="2477" spans="1:24" x14ac:dyDescent="0.25">
      <c r="A2477">
        <v>9260</v>
      </c>
      <c r="B2477" t="s">
        <v>95</v>
      </c>
      <c r="C2477">
        <v>26</v>
      </c>
      <c r="D2477" t="s">
        <v>426</v>
      </c>
      <c r="E2477">
        <v>190</v>
      </c>
      <c r="F2477" t="s">
        <v>651</v>
      </c>
      <c r="G2477">
        <v>160</v>
      </c>
      <c r="H2477" t="s">
        <v>833</v>
      </c>
      <c r="I2477">
        <v>5562</v>
      </c>
      <c r="J2477" t="s">
        <v>699</v>
      </c>
      <c r="K2477">
        <v>10</v>
      </c>
      <c r="L2477" t="s">
        <v>700</v>
      </c>
      <c r="M2477">
        <v>348</v>
      </c>
      <c r="N2477" t="s">
        <v>654</v>
      </c>
      <c r="O2477">
        <v>3</v>
      </c>
      <c r="P2477" t="s">
        <v>655</v>
      </c>
      <c r="Q2477">
        <v>1</v>
      </c>
      <c r="R2477" t="s">
        <v>669</v>
      </c>
      <c r="S2477">
        <v>1</v>
      </c>
      <c r="T2477" t="s">
        <v>701</v>
      </c>
      <c r="U2477">
        <v>38</v>
      </c>
      <c r="V2477">
        <v>3</v>
      </c>
      <c r="W2477">
        <v>180</v>
      </c>
      <c r="X2477">
        <v>2020</v>
      </c>
    </row>
    <row r="2478" spans="1:24" x14ac:dyDescent="0.25">
      <c r="A2478">
        <v>9259</v>
      </c>
      <c r="B2478" t="s">
        <v>95</v>
      </c>
      <c r="C2478">
        <v>26</v>
      </c>
      <c r="D2478" t="s">
        <v>426</v>
      </c>
      <c r="E2478">
        <v>190</v>
      </c>
      <c r="F2478" t="s">
        <v>651</v>
      </c>
      <c r="G2478">
        <v>160</v>
      </c>
      <c r="H2478" t="s">
        <v>833</v>
      </c>
      <c r="I2478">
        <v>5562</v>
      </c>
      <c r="J2478" t="s">
        <v>699</v>
      </c>
      <c r="K2478">
        <v>10</v>
      </c>
      <c r="L2478" t="s">
        <v>700</v>
      </c>
      <c r="M2478">
        <v>348</v>
      </c>
      <c r="N2478" t="s">
        <v>654</v>
      </c>
      <c r="O2478">
        <v>3</v>
      </c>
      <c r="P2478" t="s">
        <v>655</v>
      </c>
      <c r="Q2478">
        <v>1</v>
      </c>
      <c r="R2478" t="s">
        <v>669</v>
      </c>
      <c r="S2478">
        <v>1</v>
      </c>
      <c r="T2478" t="s">
        <v>1010</v>
      </c>
      <c r="U2478">
        <v>36</v>
      </c>
      <c r="V2478">
        <v>3</v>
      </c>
      <c r="W2478">
        <v>180</v>
      </c>
      <c r="X2478">
        <v>2020</v>
      </c>
    </row>
    <row r="2479" spans="1:24" x14ac:dyDescent="0.25">
      <c r="A2479">
        <v>9258</v>
      </c>
      <c r="B2479" t="s">
        <v>95</v>
      </c>
      <c r="C2479">
        <v>26</v>
      </c>
      <c r="D2479" t="s">
        <v>426</v>
      </c>
      <c r="E2479">
        <v>190</v>
      </c>
      <c r="F2479" t="s">
        <v>651</v>
      </c>
      <c r="G2479">
        <v>160</v>
      </c>
      <c r="H2479" t="s">
        <v>833</v>
      </c>
      <c r="I2479">
        <v>5562</v>
      </c>
      <c r="J2479" t="s">
        <v>699</v>
      </c>
      <c r="K2479">
        <v>10</v>
      </c>
      <c r="L2479" t="s">
        <v>700</v>
      </c>
      <c r="M2479">
        <v>348</v>
      </c>
      <c r="N2479" t="s">
        <v>654</v>
      </c>
      <c r="O2479">
        <v>3</v>
      </c>
      <c r="P2479" t="s">
        <v>655</v>
      </c>
      <c r="Q2479">
        <v>1</v>
      </c>
      <c r="R2479" t="s">
        <v>669</v>
      </c>
      <c r="S2479">
        <v>1</v>
      </c>
      <c r="T2479" t="s">
        <v>1009</v>
      </c>
      <c r="U2479">
        <v>35</v>
      </c>
      <c r="V2479">
        <v>3</v>
      </c>
      <c r="W2479">
        <v>180</v>
      </c>
      <c r="X2479">
        <v>2020</v>
      </c>
    </row>
    <row r="2480" spans="1:24" x14ac:dyDescent="0.25">
      <c r="A2480">
        <v>9257</v>
      </c>
      <c r="B2480" t="s">
        <v>318</v>
      </c>
      <c r="C2480">
        <v>95</v>
      </c>
      <c r="D2480" t="s">
        <v>317</v>
      </c>
      <c r="E2480">
        <v>667</v>
      </c>
      <c r="F2480" t="s">
        <v>651</v>
      </c>
      <c r="G2480">
        <v>160</v>
      </c>
      <c r="H2480" t="s">
        <v>1672</v>
      </c>
      <c r="I2480">
        <v>6740</v>
      </c>
      <c r="J2480" t="s">
        <v>294</v>
      </c>
      <c r="K2480">
        <v>31</v>
      </c>
      <c r="L2480" t="s">
        <v>294</v>
      </c>
      <c r="M2480">
        <v>98</v>
      </c>
      <c r="N2480" t="s">
        <v>654</v>
      </c>
      <c r="O2480">
        <v>3</v>
      </c>
      <c r="P2480" t="s">
        <v>655</v>
      </c>
      <c r="Q2480">
        <v>1</v>
      </c>
      <c r="R2480" t="s">
        <v>669</v>
      </c>
      <c r="S2480">
        <v>1</v>
      </c>
      <c r="T2480" t="s">
        <v>657</v>
      </c>
      <c r="U2480">
        <v>7</v>
      </c>
      <c r="V2480">
        <v>3</v>
      </c>
      <c r="W2480">
        <v>180</v>
      </c>
      <c r="X2480">
        <v>2020</v>
      </c>
    </row>
    <row r="2481" spans="1:24" x14ac:dyDescent="0.25">
      <c r="A2481">
        <v>9256</v>
      </c>
      <c r="B2481" t="s">
        <v>318</v>
      </c>
      <c r="C2481">
        <v>95</v>
      </c>
      <c r="D2481" t="s">
        <v>317</v>
      </c>
      <c r="E2481">
        <v>667</v>
      </c>
      <c r="F2481" t="s">
        <v>651</v>
      </c>
      <c r="G2481">
        <v>160</v>
      </c>
      <c r="H2481" t="s">
        <v>1672</v>
      </c>
      <c r="I2481">
        <v>6740</v>
      </c>
      <c r="J2481" t="s">
        <v>699</v>
      </c>
      <c r="K2481">
        <v>10</v>
      </c>
      <c r="L2481" t="s">
        <v>1757</v>
      </c>
      <c r="M2481">
        <v>349</v>
      </c>
      <c r="N2481" t="s">
        <v>654</v>
      </c>
      <c r="O2481">
        <v>3</v>
      </c>
      <c r="P2481" t="s">
        <v>655</v>
      </c>
      <c r="Q2481">
        <v>1</v>
      </c>
      <c r="R2481" t="s">
        <v>669</v>
      </c>
      <c r="S2481">
        <v>1</v>
      </c>
      <c r="T2481" t="s">
        <v>1467</v>
      </c>
      <c r="U2481">
        <v>22</v>
      </c>
      <c r="V2481">
        <v>3</v>
      </c>
      <c r="W2481">
        <v>180</v>
      </c>
      <c r="X2481">
        <v>2020</v>
      </c>
    </row>
    <row r="2482" spans="1:24" x14ac:dyDescent="0.25">
      <c r="A2482">
        <v>9253</v>
      </c>
      <c r="B2482" t="s">
        <v>67</v>
      </c>
      <c r="C2482">
        <v>62</v>
      </c>
      <c r="D2482" t="s">
        <v>311</v>
      </c>
      <c r="E2482">
        <v>674</v>
      </c>
      <c r="F2482" t="s">
        <v>651</v>
      </c>
      <c r="G2482">
        <v>160</v>
      </c>
      <c r="H2482" t="s">
        <v>658</v>
      </c>
      <c r="I2482">
        <v>13755</v>
      </c>
      <c r="J2482" t="s">
        <v>673</v>
      </c>
      <c r="K2482">
        <v>34</v>
      </c>
      <c r="L2482" t="s">
        <v>673</v>
      </c>
      <c r="M2482">
        <v>104</v>
      </c>
      <c r="N2482" t="s">
        <v>654</v>
      </c>
      <c r="O2482">
        <v>3</v>
      </c>
      <c r="P2482" t="s">
        <v>655</v>
      </c>
      <c r="Q2482">
        <v>1</v>
      </c>
      <c r="R2482" t="s">
        <v>669</v>
      </c>
      <c r="S2482">
        <v>1</v>
      </c>
      <c r="T2482" t="s">
        <v>661</v>
      </c>
      <c r="U2482">
        <v>8</v>
      </c>
      <c r="V2482">
        <v>3</v>
      </c>
      <c r="W2482">
        <v>180</v>
      </c>
      <c r="X2482">
        <v>2020</v>
      </c>
    </row>
    <row r="2483" spans="1:24" x14ac:dyDescent="0.25">
      <c r="A2483">
        <v>9248</v>
      </c>
      <c r="B2483" t="s">
        <v>67</v>
      </c>
      <c r="C2483">
        <v>62</v>
      </c>
      <c r="D2483" t="s">
        <v>311</v>
      </c>
      <c r="E2483">
        <v>674</v>
      </c>
      <c r="F2483" t="s">
        <v>651</v>
      </c>
      <c r="G2483">
        <v>160</v>
      </c>
      <c r="H2483" t="s">
        <v>658</v>
      </c>
      <c r="I2483">
        <v>13755</v>
      </c>
      <c r="J2483" t="s">
        <v>691</v>
      </c>
      <c r="K2483">
        <v>21</v>
      </c>
      <c r="L2483" t="s">
        <v>1609</v>
      </c>
      <c r="M2483">
        <v>66</v>
      </c>
      <c r="N2483" t="s">
        <v>654</v>
      </c>
      <c r="O2483">
        <v>3</v>
      </c>
      <c r="P2483" t="s">
        <v>655</v>
      </c>
      <c r="Q2483">
        <v>1</v>
      </c>
      <c r="R2483" t="s">
        <v>669</v>
      </c>
      <c r="S2483">
        <v>1</v>
      </c>
      <c r="T2483" t="s">
        <v>661</v>
      </c>
      <c r="U2483">
        <v>8</v>
      </c>
      <c r="V2483">
        <v>3</v>
      </c>
      <c r="W2483">
        <v>180</v>
      </c>
      <c r="X2483">
        <v>2020</v>
      </c>
    </row>
    <row r="2484" spans="1:24" x14ac:dyDescent="0.25">
      <c r="A2484">
        <v>9243</v>
      </c>
      <c r="B2484" t="s">
        <v>67</v>
      </c>
      <c r="C2484">
        <v>62</v>
      </c>
      <c r="D2484" t="s">
        <v>312</v>
      </c>
      <c r="E2484">
        <v>673</v>
      </c>
      <c r="F2484" t="s">
        <v>651</v>
      </c>
      <c r="G2484">
        <v>160</v>
      </c>
      <c r="H2484" t="s">
        <v>658</v>
      </c>
      <c r="I2484">
        <v>13755</v>
      </c>
      <c r="J2484" t="s">
        <v>682</v>
      </c>
      <c r="K2484">
        <v>20</v>
      </c>
      <c r="L2484" t="s">
        <v>904</v>
      </c>
      <c r="M2484">
        <v>61</v>
      </c>
      <c r="N2484" t="s">
        <v>654</v>
      </c>
      <c r="O2484">
        <v>3</v>
      </c>
      <c r="P2484" t="s">
        <v>655</v>
      </c>
      <c r="Q2484">
        <v>1</v>
      </c>
      <c r="R2484" t="s">
        <v>669</v>
      </c>
      <c r="S2484">
        <v>1</v>
      </c>
      <c r="T2484" t="s">
        <v>661</v>
      </c>
      <c r="U2484">
        <v>8</v>
      </c>
      <c r="V2484">
        <v>3</v>
      </c>
      <c r="W2484">
        <v>180</v>
      </c>
      <c r="X2484">
        <v>2020</v>
      </c>
    </row>
    <row r="2485" spans="1:24" x14ac:dyDescent="0.25">
      <c r="A2485">
        <v>9242</v>
      </c>
      <c r="B2485" t="s">
        <v>67</v>
      </c>
      <c r="C2485">
        <v>62</v>
      </c>
      <c r="D2485" t="s">
        <v>312</v>
      </c>
      <c r="E2485">
        <v>673</v>
      </c>
      <c r="F2485" t="s">
        <v>651</v>
      </c>
      <c r="G2485">
        <v>160</v>
      </c>
      <c r="H2485" t="s">
        <v>658</v>
      </c>
      <c r="I2485">
        <v>13755</v>
      </c>
      <c r="J2485" t="s">
        <v>682</v>
      </c>
      <c r="K2485">
        <v>20</v>
      </c>
      <c r="L2485" t="s">
        <v>683</v>
      </c>
      <c r="M2485">
        <v>64</v>
      </c>
      <c r="N2485" t="s">
        <v>668</v>
      </c>
      <c r="O2485">
        <v>4</v>
      </c>
      <c r="P2485" t="s">
        <v>655</v>
      </c>
      <c r="Q2485">
        <v>1</v>
      </c>
      <c r="R2485" t="s">
        <v>669</v>
      </c>
      <c r="S2485">
        <v>1</v>
      </c>
      <c r="T2485" t="s">
        <v>661</v>
      </c>
      <c r="U2485">
        <v>8</v>
      </c>
      <c r="V2485">
        <v>3</v>
      </c>
      <c r="W2485">
        <v>180</v>
      </c>
      <c r="X2485">
        <v>2020</v>
      </c>
    </row>
    <row r="2486" spans="1:24" x14ac:dyDescent="0.25">
      <c r="A2486">
        <v>9241</v>
      </c>
      <c r="B2486" t="s">
        <v>67</v>
      </c>
      <c r="C2486">
        <v>62</v>
      </c>
      <c r="D2486" t="s">
        <v>312</v>
      </c>
      <c r="E2486">
        <v>673</v>
      </c>
      <c r="F2486" t="s">
        <v>651</v>
      </c>
      <c r="G2486">
        <v>160</v>
      </c>
      <c r="H2486" t="s">
        <v>658</v>
      </c>
      <c r="I2486">
        <v>13755</v>
      </c>
      <c r="J2486" t="s">
        <v>65</v>
      </c>
      <c r="K2486">
        <v>15</v>
      </c>
      <c r="L2486" t="s">
        <v>65</v>
      </c>
      <c r="M2486">
        <v>51</v>
      </c>
      <c r="N2486" t="s">
        <v>654</v>
      </c>
      <c r="O2486">
        <v>3</v>
      </c>
      <c r="P2486" t="s">
        <v>746</v>
      </c>
      <c r="Q2486">
        <v>2</v>
      </c>
      <c r="R2486" t="s">
        <v>669</v>
      </c>
      <c r="S2486">
        <v>1</v>
      </c>
      <c r="T2486" t="s">
        <v>661</v>
      </c>
      <c r="U2486">
        <v>8</v>
      </c>
      <c r="V2486">
        <v>4</v>
      </c>
      <c r="W2486">
        <v>240</v>
      </c>
      <c r="X2486">
        <v>2020</v>
      </c>
    </row>
    <row r="2487" spans="1:24" x14ac:dyDescent="0.25">
      <c r="A2487">
        <v>9240</v>
      </c>
      <c r="B2487" t="s">
        <v>67</v>
      </c>
      <c r="C2487">
        <v>62</v>
      </c>
      <c r="D2487" t="s">
        <v>312</v>
      </c>
      <c r="E2487">
        <v>673</v>
      </c>
      <c r="F2487" t="s">
        <v>651</v>
      </c>
      <c r="G2487">
        <v>160</v>
      </c>
      <c r="H2487" t="s">
        <v>658</v>
      </c>
      <c r="I2487">
        <v>13755</v>
      </c>
      <c r="J2487" t="s">
        <v>65</v>
      </c>
      <c r="K2487">
        <v>15</v>
      </c>
      <c r="L2487" t="s">
        <v>65</v>
      </c>
      <c r="M2487">
        <v>51</v>
      </c>
      <c r="N2487" t="s">
        <v>654</v>
      </c>
      <c r="O2487">
        <v>3</v>
      </c>
      <c r="P2487" t="s">
        <v>655</v>
      </c>
      <c r="Q2487">
        <v>1</v>
      </c>
      <c r="R2487" t="s">
        <v>669</v>
      </c>
      <c r="S2487">
        <v>1</v>
      </c>
      <c r="T2487" t="s">
        <v>661</v>
      </c>
      <c r="U2487">
        <v>8</v>
      </c>
      <c r="V2487">
        <v>4</v>
      </c>
      <c r="W2487">
        <v>240</v>
      </c>
      <c r="X2487">
        <v>2020</v>
      </c>
    </row>
    <row r="2488" spans="1:24" x14ac:dyDescent="0.25">
      <c r="A2488">
        <v>9233</v>
      </c>
      <c r="B2488" t="s">
        <v>67</v>
      </c>
      <c r="C2488">
        <v>62</v>
      </c>
      <c r="D2488" t="s">
        <v>313</v>
      </c>
      <c r="E2488">
        <v>671</v>
      </c>
      <c r="F2488" t="s">
        <v>651</v>
      </c>
      <c r="G2488">
        <v>160</v>
      </c>
      <c r="H2488" t="s">
        <v>747</v>
      </c>
      <c r="I2488">
        <v>4847</v>
      </c>
      <c r="J2488" t="s">
        <v>65</v>
      </c>
      <c r="K2488">
        <v>15</v>
      </c>
      <c r="L2488" t="s">
        <v>65</v>
      </c>
      <c r="M2488">
        <v>51</v>
      </c>
      <c r="N2488" t="s">
        <v>654</v>
      </c>
      <c r="O2488">
        <v>3</v>
      </c>
      <c r="P2488" t="s">
        <v>655</v>
      </c>
      <c r="Q2488">
        <v>1</v>
      </c>
      <c r="R2488" t="s">
        <v>669</v>
      </c>
      <c r="S2488">
        <v>1</v>
      </c>
      <c r="T2488" t="s">
        <v>661</v>
      </c>
      <c r="U2488">
        <v>8</v>
      </c>
      <c r="V2488">
        <v>4</v>
      </c>
      <c r="W2488">
        <v>240</v>
      </c>
      <c r="X2488">
        <v>2020</v>
      </c>
    </row>
    <row r="2489" spans="1:24" x14ac:dyDescent="0.25">
      <c r="A2489">
        <v>9230</v>
      </c>
      <c r="B2489" t="s">
        <v>67</v>
      </c>
      <c r="C2489">
        <v>62</v>
      </c>
      <c r="D2489" t="s">
        <v>313</v>
      </c>
      <c r="E2489">
        <v>671</v>
      </c>
      <c r="F2489" t="s">
        <v>651</v>
      </c>
      <c r="G2489">
        <v>160</v>
      </c>
      <c r="H2489" t="s">
        <v>747</v>
      </c>
      <c r="I2489">
        <v>4847</v>
      </c>
      <c r="J2489" t="s">
        <v>295</v>
      </c>
      <c r="K2489">
        <v>30</v>
      </c>
      <c r="L2489" t="s">
        <v>295</v>
      </c>
      <c r="M2489">
        <v>96</v>
      </c>
      <c r="N2489" t="s">
        <v>654</v>
      </c>
      <c r="O2489">
        <v>3</v>
      </c>
      <c r="P2489" t="s">
        <v>655</v>
      </c>
      <c r="Q2489">
        <v>1</v>
      </c>
      <c r="R2489" t="s">
        <v>669</v>
      </c>
      <c r="S2489">
        <v>1</v>
      </c>
      <c r="T2489" t="s">
        <v>661</v>
      </c>
      <c r="U2489">
        <v>8</v>
      </c>
      <c r="V2489">
        <v>3</v>
      </c>
      <c r="W2489">
        <v>180</v>
      </c>
      <c r="X2489">
        <v>2020</v>
      </c>
    </row>
    <row r="2490" spans="1:24" x14ac:dyDescent="0.25">
      <c r="A2490">
        <v>9225</v>
      </c>
      <c r="B2490" t="s">
        <v>67</v>
      </c>
      <c r="C2490">
        <v>62</v>
      </c>
      <c r="D2490" t="s">
        <v>314</v>
      </c>
      <c r="E2490">
        <v>670</v>
      </c>
      <c r="F2490" t="s">
        <v>651</v>
      </c>
      <c r="G2490">
        <v>160</v>
      </c>
      <c r="H2490" t="s">
        <v>833</v>
      </c>
      <c r="I2490">
        <v>5562</v>
      </c>
      <c r="J2490" t="s">
        <v>682</v>
      </c>
      <c r="K2490">
        <v>20</v>
      </c>
      <c r="L2490" t="s">
        <v>683</v>
      </c>
      <c r="M2490">
        <v>64</v>
      </c>
      <c r="N2490" t="s">
        <v>668</v>
      </c>
      <c r="O2490">
        <v>4</v>
      </c>
      <c r="P2490" t="s">
        <v>655</v>
      </c>
      <c r="Q2490">
        <v>1</v>
      </c>
      <c r="R2490" t="s">
        <v>669</v>
      </c>
      <c r="S2490">
        <v>1</v>
      </c>
      <c r="T2490" t="s">
        <v>661</v>
      </c>
      <c r="U2490">
        <v>8</v>
      </c>
      <c r="V2490">
        <v>3</v>
      </c>
      <c r="W2490">
        <v>180</v>
      </c>
      <c r="X2490">
        <v>2020</v>
      </c>
    </row>
    <row r="2491" spans="1:24" x14ac:dyDescent="0.25">
      <c r="A2491">
        <v>9224</v>
      </c>
      <c r="B2491" t="s">
        <v>67</v>
      </c>
      <c r="C2491">
        <v>62</v>
      </c>
      <c r="D2491" t="s">
        <v>314</v>
      </c>
      <c r="E2491">
        <v>670</v>
      </c>
      <c r="F2491" t="s">
        <v>651</v>
      </c>
      <c r="G2491">
        <v>160</v>
      </c>
      <c r="H2491" t="s">
        <v>833</v>
      </c>
      <c r="I2491">
        <v>5562</v>
      </c>
      <c r="J2491" t="s">
        <v>682</v>
      </c>
      <c r="K2491">
        <v>20</v>
      </c>
      <c r="L2491" t="s">
        <v>904</v>
      </c>
      <c r="M2491">
        <v>61</v>
      </c>
      <c r="N2491" t="s">
        <v>668</v>
      </c>
      <c r="O2491">
        <v>4</v>
      </c>
      <c r="P2491" t="s">
        <v>689</v>
      </c>
      <c r="Q2491">
        <v>4</v>
      </c>
      <c r="R2491" t="s">
        <v>669</v>
      </c>
      <c r="S2491">
        <v>1</v>
      </c>
      <c r="T2491" t="s">
        <v>661</v>
      </c>
      <c r="U2491">
        <v>8</v>
      </c>
      <c r="V2491">
        <v>3</v>
      </c>
      <c r="W2491">
        <v>180</v>
      </c>
      <c r="X2491">
        <v>2020</v>
      </c>
    </row>
    <row r="2492" spans="1:24" x14ac:dyDescent="0.25">
      <c r="A2492">
        <v>9223</v>
      </c>
      <c r="B2492" t="s">
        <v>67</v>
      </c>
      <c r="C2492">
        <v>62</v>
      </c>
      <c r="D2492" t="s">
        <v>314</v>
      </c>
      <c r="E2492">
        <v>670</v>
      </c>
      <c r="F2492" t="s">
        <v>651</v>
      </c>
      <c r="G2492">
        <v>160</v>
      </c>
      <c r="H2492" t="s">
        <v>833</v>
      </c>
      <c r="I2492">
        <v>5562</v>
      </c>
      <c r="J2492" t="s">
        <v>682</v>
      </c>
      <c r="K2492">
        <v>20</v>
      </c>
      <c r="L2492" t="s">
        <v>904</v>
      </c>
      <c r="M2492">
        <v>61</v>
      </c>
      <c r="N2492" t="s">
        <v>668</v>
      </c>
      <c r="O2492">
        <v>4</v>
      </c>
      <c r="P2492" t="s">
        <v>746</v>
      </c>
      <c r="Q2492">
        <v>2</v>
      </c>
      <c r="R2492" t="s">
        <v>669</v>
      </c>
      <c r="S2492">
        <v>1</v>
      </c>
      <c r="T2492" t="s">
        <v>661</v>
      </c>
      <c r="U2492">
        <v>8</v>
      </c>
      <c r="V2492">
        <v>3</v>
      </c>
      <c r="W2492">
        <v>180</v>
      </c>
      <c r="X2492">
        <v>2020</v>
      </c>
    </row>
    <row r="2493" spans="1:24" x14ac:dyDescent="0.25">
      <c r="A2493">
        <v>9222</v>
      </c>
      <c r="B2493" t="s">
        <v>67</v>
      </c>
      <c r="C2493">
        <v>62</v>
      </c>
      <c r="D2493" t="s">
        <v>314</v>
      </c>
      <c r="E2493">
        <v>670</v>
      </c>
      <c r="F2493" t="s">
        <v>651</v>
      </c>
      <c r="G2493">
        <v>160</v>
      </c>
      <c r="H2493" t="s">
        <v>833</v>
      </c>
      <c r="I2493">
        <v>5562</v>
      </c>
      <c r="J2493" t="s">
        <v>682</v>
      </c>
      <c r="K2493">
        <v>20</v>
      </c>
      <c r="L2493" t="s">
        <v>904</v>
      </c>
      <c r="M2493">
        <v>61</v>
      </c>
      <c r="N2493" t="s">
        <v>654</v>
      </c>
      <c r="O2493">
        <v>3</v>
      </c>
      <c r="P2493" t="s">
        <v>655</v>
      </c>
      <c r="Q2493">
        <v>1</v>
      </c>
      <c r="R2493" t="s">
        <v>669</v>
      </c>
      <c r="S2493">
        <v>1</v>
      </c>
      <c r="T2493" t="s">
        <v>661</v>
      </c>
      <c r="U2493">
        <v>8</v>
      </c>
      <c r="V2493">
        <v>3</v>
      </c>
      <c r="W2493">
        <v>180</v>
      </c>
      <c r="X2493">
        <v>2020</v>
      </c>
    </row>
    <row r="2494" spans="1:24" x14ac:dyDescent="0.25">
      <c r="A2494">
        <v>9221</v>
      </c>
      <c r="B2494" t="s">
        <v>67</v>
      </c>
      <c r="C2494">
        <v>62</v>
      </c>
      <c r="D2494" t="s">
        <v>314</v>
      </c>
      <c r="E2494">
        <v>670</v>
      </c>
      <c r="F2494" t="s">
        <v>651</v>
      </c>
      <c r="G2494">
        <v>160</v>
      </c>
      <c r="H2494" t="s">
        <v>833</v>
      </c>
      <c r="I2494">
        <v>5562</v>
      </c>
      <c r="J2494" t="s">
        <v>65</v>
      </c>
      <c r="K2494">
        <v>15</v>
      </c>
      <c r="L2494" t="s">
        <v>65</v>
      </c>
      <c r="M2494">
        <v>51</v>
      </c>
      <c r="N2494" t="s">
        <v>668</v>
      </c>
      <c r="O2494">
        <v>4</v>
      </c>
      <c r="P2494" t="s">
        <v>689</v>
      </c>
      <c r="Q2494">
        <v>4</v>
      </c>
      <c r="R2494" t="s">
        <v>669</v>
      </c>
      <c r="S2494">
        <v>1</v>
      </c>
      <c r="T2494" t="s">
        <v>661</v>
      </c>
      <c r="U2494">
        <v>8</v>
      </c>
      <c r="V2494">
        <v>4</v>
      </c>
      <c r="W2494">
        <v>240</v>
      </c>
      <c r="X2494">
        <v>2020</v>
      </c>
    </row>
    <row r="2495" spans="1:24" x14ac:dyDescent="0.25">
      <c r="A2495">
        <v>9220</v>
      </c>
      <c r="B2495" t="s">
        <v>67</v>
      </c>
      <c r="C2495">
        <v>62</v>
      </c>
      <c r="D2495" t="s">
        <v>314</v>
      </c>
      <c r="E2495">
        <v>670</v>
      </c>
      <c r="F2495" t="s">
        <v>651</v>
      </c>
      <c r="G2495">
        <v>160</v>
      </c>
      <c r="H2495" t="s">
        <v>833</v>
      </c>
      <c r="I2495">
        <v>5562</v>
      </c>
      <c r="J2495" t="s">
        <v>65</v>
      </c>
      <c r="K2495">
        <v>15</v>
      </c>
      <c r="L2495" t="s">
        <v>65</v>
      </c>
      <c r="M2495">
        <v>51</v>
      </c>
      <c r="N2495" t="s">
        <v>668</v>
      </c>
      <c r="O2495">
        <v>4</v>
      </c>
      <c r="P2495" t="s">
        <v>746</v>
      </c>
      <c r="Q2495">
        <v>2</v>
      </c>
      <c r="R2495" t="s">
        <v>669</v>
      </c>
      <c r="S2495">
        <v>1</v>
      </c>
      <c r="T2495" t="s">
        <v>661</v>
      </c>
      <c r="U2495">
        <v>8</v>
      </c>
      <c r="V2495">
        <v>4</v>
      </c>
      <c r="W2495">
        <v>240</v>
      </c>
      <c r="X2495">
        <v>2020</v>
      </c>
    </row>
    <row r="2496" spans="1:24" x14ac:dyDescent="0.25">
      <c r="A2496">
        <v>9219</v>
      </c>
      <c r="B2496" t="s">
        <v>67</v>
      </c>
      <c r="C2496">
        <v>62</v>
      </c>
      <c r="D2496" t="s">
        <v>314</v>
      </c>
      <c r="E2496">
        <v>670</v>
      </c>
      <c r="F2496" t="s">
        <v>651</v>
      </c>
      <c r="G2496">
        <v>160</v>
      </c>
      <c r="H2496" t="s">
        <v>833</v>
      </c>
      <c r="I2496">
        <v>5562</v>
      </c>
      <c r="J2496" t="s">
        <v>65</v>
      </c>
      <c r="K2496">
        <v>15</v>
      </c>
      <c r="L2496" t="s">
        <v>65</v>
      </c>
      <c r="M2496">
        <v>51</v>
      </c>
      <c r="N2496" t="s">
        <v>654</v>
      </c>
      <c r="O2496">
        <v>3</v>
      </c>
      <c r="P2496" t="s">
        <v>655</v>
      </c>
      <c r="Q2496">
        <v>1</v>
      </c>
      <c r="R2496" t="s">
        <v>669</v>
      </c>
      <c r="S2496">
        <v>1</v>
      </c>
      <c r="T2496" t="s">
        <v>661</v>
      </c>
      <c r="U2496">
        <v>8</v>
      </c>
      <c r="V2496">
        <v>4</v>
      </c>
      <c r="W2496">
        <v>240</v>
      </c>
      <c r="X2496">
        <v>2020</v>
      </c>
    </row>
    <row r="2497" spans="1:24" x14ac:dyDescent="0.25">
      <c r="A2497">
        <v>9218</v>
      </c>
      <c r="B2497" t="s">
        <v>67</v>
      </c>
      <c r="C2497">
        <v>62</v>
      </c>
      <c r="D2497" t="s">
        <v>314</v>
      </c>
      <c r="E2497">
        <v>670</v>
      </c>
      <c r="F2497" t="s">
        <v>651</v>
      </c>
      <c r="G2497">
        <v>160</v>
      </c>
      <c r="H2497" t="s">
        <v>833</v>
      </c>
      <c r="I2497">
        <v>5562</v>
      </c>
      <c r="J2497" t="s">
        <v>295</v>
      </c>
      <c r="K2497">
        <v>30</v>
      </c>
      <c r="L2497" t="s">
        <v>295</v>
      </c>
      <c r="M2497">
        <v>96</v>
      </c>
      <c r="N2497" t="s">
        <v>668</v>
      </c>
      <c r="O2497">
        <v>4</v>
      </c>
      <c r="P2497" t="s">
        <v>655</v>
      </c>
      <c r="Q2497">
        <v>1</v>
      </c>
      <c r="R2497" t="s">
        <v>669</v>
      </c>
      <c r="S2497">
        <v>1</v>
      </c>
      <c r="T2497" t="s">
        <v>661</v>
      </c>
      <c r="U2497">
        <v>8</v>
      </c>
      <c r="V2497">
        <v>3</v>
      </c>
      <c r="W2497">
        <v>180</v>
      </c>
      <c r="X2497">
        <v>2020</v>
      </c>
    </row>
    <row r="2498" spans="1:24" x14ac:dyDescent="0.25">
      <c r="A2498">
        <v>9216</v>
      </c>
      <c r="B2498" t="s">
        <v>67</v>
      </c>
      <c r="C2498">
        <v>62</v>
      </c>
      <c r="D2498" t="s">
        <v>314</v>
      </c>
      <c r="E2498">
        <v>670</v>
      </c>
      <c r="F2498" t="s">
        <v>651</v>
      </c>
      <c r="G2498">
        <v>160</v>
      </c>
      <c r="H2498" t="s">
        <v>833</v>
      </c>
      <c r="I2498">
        <v>5562</v>
      </c>
      <c r="J2498" t="s">
        <v>807</v>
      </c>
      <c r="K2498">
        <v>25</v>
      </c>
      <c r="L2498" t="s">
        <v>1603</v>
      </c>
      <c r="M2498">
        <v>81</v>
      </c>
      <c r="N2498" t="s">
        <v>654</v>
      </c>
      <c r="O2498">
        <v>3</v>
      </c>
      <c r="P2498" t="s">
        <v>655</v>
      </c>
      <c r="Q2498">
        <v>1</v>
      </c>
      <c r="R2498" t="s">
        <v>669</v>
      </c>
      <c r="S2498">
        <v>1</v>
      </c>
      <c r="T2498" t="s">
        <v>661</v>
      </c>
      <c r="U2498">
        <v>8</v>
      </c>
      <c r="V2498">
        <v>3</v>
      </c>
      <c r="W2498">
        <v>180</v>
      </c>
      <c r="X2498">
        <v>2020</v>
      </c>
    </row>
    <row r="2499" spans="1:24" x14ac:dyDescent="0.25">
      <c r="A2499">
        <v>9214</v>
      </c>
      <c r="B2499" t="s">
        <v>67</v>
      </c>
      <c r="C2499">
        <v>62</v>
      </c>
      <c r="D2499" t="s">
        <v>314</v>
      </c>
      <c r="E2499">
        <v>670</v>
      </c>
      <c r="F2499" t="s">
        <v>651</v>
      </c>
      <c r="G2499">
        <v>160</v>
      </c>
      <c r="H2499" t="s">
        <v>833</v>
      </c>
      <c r="I2499">
        <v>5562</v>
      </c>
      <c r="J2499" t="s">
        <v>299</v>
      </c>
      <c r="K2499">
        <v>27</v>
      </c>
      <c r="L2499" t="s">
        <v>690</v>
      </c>
      <c r="M2499">
        <v>89</v>
      </c>
      <c r="N2499" t="s">
        <v>654</v>
      </c>
      <c r="O2499">
        <v>3</v>
      </c>
      <c r="P2499" t="s">
        <v>655</v>
      </c>
      <c r="Q2499">
        <v>1</v>
      </c>
      <c r="R2499" t="s">
        <v>669</v>
      </c>
      <c r="S2499">
        <v>1</v>
      </c>
      <c r="T2499" t="s">
        <v>661</v>
      </c>
      <c r="U2499">
        <v>8</v>
      </c>
      <c r="V2499">
        <v>3</v>
      </c>
      <c r="W2499">
        <v>180</v>
      </c>
      <c r="X2499">
        <v>2020</v>
      </c>
    </row>
    <row r="2500" spans="1:24" x14ac:dyDescent="0.25">
      <c r="A2500">
        <v>9211</v>
      </c>
      <c r="B2500" t="s">
        <v>67</v>
      </c>
      <c r="C2500">
        <v>62</v>
      </c>
      <c r="D2500" t="s">
        <v>315</v>
      </c>
      <c r="E2500">
        <v>669</v>
      </c>
      <c r="F2500" t="s">
        <v>651</v>
      </c>
      <c r="G2500">
        <v>160</v>
      </c>
      <c r="H2500" t="s">
        <v>744</v>
      </c>
      <c r="I2500">
        <v>3143</v>
      </c>
      <c r="J2500" t="s">
        <v>65</v>
      </c>
      <c r="K2500">
        <v>15</v>
      </c>
      <c r="L2500" t="s">
        <v>65</v>
      </c>
      <c r="M2500">
        <v>51</v>
      </c>
      <c r="N2500" t="s">
        <v>654</v>
      </c>
      <c r="O2500">
        <v>3</v>
      </c>
      <c r="P2500" t="s">
        <v>655</v>
      </c>
      <c r="Q2500">
        <v>1</v>
      </c>
      <c r="R2500" t="s">
        <v>669</v>
      </c>
      <c r="S2500">
        <v>1</v>
      </c>
      <c r="T2500" t="s">
        <v>661</v>
      </c>
      <c r="U2500">
        <v>8</v>
      </c>
      <c r="V2500">
        <v>4</v>
      </c>
      <c r="W2500">
        <v>240</v>
      </c>
      <c r="X2500">
        <v>2020</v>
      </c>
    </row>
    <row r="2501" spans="1:24" x14ac:dyDescent="0.25">
      <c r="A2501">
        <v>9208</v>
      </c>
      <c r="B2501" t="s">
        <v>67</v>
      </c>
      <c r="C2501">
        <v>62</v>
      </c>
      <c r="D2501" t="s">
        <v>315</v>
      </c>
      <c r="E2501">
        <v>669</v>
      </c>
      <c r="F2501" t="s">
        <v>651</v>
      </c>
      <c r="G2501">
        <v>160</v>
      </c>
      <c r="H2501" t="s">
        <v>744</v>
      </c>
      <c r="I2501">
        <v>3143</v>
      </c>
      <c r="J2501" t="s">
        <v>295</v>
      </c>
      <c r="K2501">
        <v>30</v>
      </c>
      <c r="L2501" t="s">
        <v>295</v>
      </c>
      <c r="M2501">
        <v>96</v>
      </c>
      <c r="N2501" t="s">
        <v>654</v>
      </c>
      <c r="O2501">
        <v>3</v>
      </c>
      <c r="P2501" t="s">
        <v>655</v>
      </c>
      <c r="Q2501">
        <v>1</v>
      </c>
      <c r="R2501" t="s">
        <v>669</v>
      </c>
      <c r="S2501">
        <v>1</v>
      </c>
      <c r="T2501" t="s">
        <v>661</v>
      </c>
      <c r="U2501">
        <v>8</v>
      </c>
      <c r="V2501">
        <v>3</v>
      </c>
      <c r="W2501">
        <v>180</v>
      </c>
      <c r="X2501">
        <v>2020</v>
      </c>
    </row>
    <row r="2502" spans="1:24" x14ac:dyDescent="0.25">
      <c r="A2502">
        <v>9202</v>
      </c>
      <c r="B2502" t="s">
        <v>67</v>
      </c>
      <c r="C2502">
        <v>62</v>
      </c>
      <c r="D2502" t="s">
        <v>316</v>
      </c>
      <c r="E2502">
        <v>668</v>
      </c>
      <c r="F2502" t="s">
        <v>651</v>
      </c>
      <c r="G2502">
        <v>160</v>
      </c>
      <c r="H2502" t="s">
        <v>658</v>
      </c>
      <c r="I2502">
        <v>13755</v>
      </c>
      <c r="J2502" t="s">
        <v>807</v>
      </c>
      <c r="K2502">
        <v>25</v>
      </c>
      <c r="L2502" t="s">
        <v>1603</v>
      </c>
      <c r="M2502">
        <v>81</v>
      </c>
      <c r="N2502" t="s">
        <v>654</v>
      </c>
      <c r="O2502">
        <v>3</v>
      </c>
      <c r="P2502" t="s">
        <v>655</v>
      </c>
      <c r="Q2502">
        <v>1</v>
      </c>
      <c r="R2502" t="s">
        <v>669</v>
      </c>
      <c r="S2502">
        <v>1</v>
      </c>
      <c r="T2502" t="s">
        <v>661</v>
      </c>
      <c r="U2502">
        <v>8</v>
      </c>
      <c r="V2502">
        <v>3</v>
      </c>
      <c r="W2502">
        <v>180</v>
      </c>
      <c r="X2502">
        <v>2020</v>
      </c>
    </row>
    <row r="2503" spans="1:24" x14ac:dyDescent="0.25">
      <c r="A2503">
        <v>9201</v>
      </c>
      <c r="B2503" t="s">
        <v>67</v>
      </c>
      <c r="C2503">
        <v>62</v>
      </c>
      <c r="D2503" t="s">
        <v>316</v>
      </c>
      <c r="E2503">
        <v>668</v>
      </c>
      <c r="F2503" t="s">
        <v>651</v>
      </c>
      <c r="G2503">
        <v>160</v>
      </c>
      <c r="H2503" t="s">
        <v>658</v>
      </c>
      <c r="I2503">
        <v>13755</v>
      </c>
      <c r="J2503" t="s">
        <v>295</v>
      </c>
      <c r="K2503">
        <v>30</v>
      </c>
      <c r="L2503" t="s">
        <v>295</v>
      </c>
      <c r="M2503">
        <v>96</v>
      </c>
      <c r="N2503" t="s">
        <v>668</v>
      </c>
      <c r="O2503">
        <v>4</v>
      </c>
      <c r="P2503" t="s">
        <v>689</v>
      </c>
      <c r="Q2503">
        <v>4</v>
      </c>
      <c r="R2503" t="s">
        <v>669</v>
      </c>
      <c r="S2503">
        <v>1</v>
      </c>
      <c r="T2503" t="s">
        <v>661</v>
      </c>
      <c r="U2503">
        <v>8</v>
      </c>
      <c r="V2503">
        <v>3</v>
      </c>
      <c r="W2503">
        <v>180</v>
      </c>
      <c r="X2503">
        <v>2020</v>
      </c>
    </row>
    <row r="2504" spans="1:24" x14ac:dyDescent="0.25">
      <c r="A2504">
        <v>9200</v>
      </c>
      <c r="B2504" t="s">
        <v>67</v>
      </c>
      <c r="C2504">
        <v>62</v>
      </c>
      <c r="D2504" t="s">
        <v>316</v>
      </c>
      <c r="E2504">
        <v>668</v>
      </c>
      <c r="F2504" t="s">
        <v>651</v>
      </c>
      <c r="G2504">
        <v>160</v>
      </c>
      <c r="H2504" t="s">
        <v>658</v>
      </c>
      <c r="I2504">
        <v>13755</v>
      </c>
      <c r="J2504" t="s">
        <v>295</v>
      </c>
      <c r="K2504">
        <v>30</v>
      </c>
      <c r="L2504" t="s">
        <v>295</v>
      </c>
      <c r="M2504">
        <v>96</v>
      </c>
      <c r="N2504" t="s">
        <v>668</v>
      </c>
      <c r="O2504">
        <v>4</v>
      </c>
      <c r="P2504" t="s">
        <v>746</v>
      </c>
      <c r="Q2504">
        <v>2</v>
      </c>
      <c r="R2504" t="s">
        <v>669</v>
      </c>
      <c r="S2504">
        <v>1</v>
      </c>
      <c r="T2504" t="s">
        <v>661</v>
      </c>
      <c r="U2504">
        <v>8</v>
      </c>
      <c r="V2504">
        <v>3</v>
      </c>
      <c r="W2504">
        <v>180</v>
      </c>
      <c r="X2504">
        <v>2020</v>
      </c>
    </row>
    <row r="2505" spans="1:24" x14ac:dyDescent="0.25">
      <c r="A2505">
        <v>9199</v>
      </c>
      <c r="B2505" t="s">
        <v>67</v>
      </c>
      <c r="C2505">
        <v>62</v>
      </c>
      <c r="D2505" t="s">
        <v>316</v>
      </c>
      <c r="E2505">
        <v>668</v>
      </c>
      <c r="F2505" t="s">
        <v>651</v>
      </c>
      <c r="G2505">
        <v>160</v>
      </c>
      <c r="H2505" t="s">
        <v>658</v>
      </c>
      <c r="I2505">
        <v>13755</v>
      </c>
      <c r="J2505" t="s">
        <v>295</v>
      </c>
      <c r="K2505">
        <v>30</v>
      </c>
      <c r="L2505" t="s">
        <v>295</v>
      </c>
      <c r="M2505">
        <v>96</v>
      </c>
      <c r="N2505" t="s">
        <v>654</v>
      </c>
      <c r="O2505">
        <v>3</v>
      </c>
      <c r="P2505" t="s">
        <v>655</v>
      </c>
      <c r="Q2505">
        <v>1</v>
      </c>
      <c r="R2505" t="s">
        <v>669</v>
      </c>
      <c r="S2505">
        <v>1</v>
      </c>
      <c r="T2505" t="s">
        <v>661</v>
      </c>
      <c r="U2505">
        <v>8</v>
      </c>
      <c r="V2505">
        <v>3</v>
      </c>
      <c r="W2505">
        <v>180</v>
      </c>
      <c r="X2505">
        <v>2020</v>
      </c>
    </row>
    <row r="2506" spans="1:24" x14ac:dyDescent="0.25">
      <c r="A2506">
        <v>9196</v>
      </c>
      <c r="B2506" t="s">
        <v>67</v>
      </c>
      <c r="C2506">
        <v>62</v>
      </c>
      <c r="D2506" t="s">
        <v>316</v>
      </c>
      <c r="E2506">
        <v>668</v>
      </c>
      <c r="F2506" t="s">
        <v>651</v>
      </c>
      <c r="G2506">
        <v>160</v>
      </c>
      <c r="H2506" t="s">
        <v>658</v>
      </c>
      <c r="I2506">
        <v>13755</v>
      </c>
      <c r="J2506" t="s">
        <v>299</v>
      </c>
      <c r="K2506">
        <v>27</v>
      </c>
      <c r="L2506" t="s">
        <v>690</v>
      </c>
      <c r="M2506">
        <v>89</v>
      </c>
      <c r="N2506" t="s">
        <v>654</v>
      </c>
      <c r="O2506">
        <v>3</v>
      </c>
      <c r="P2506" t="s">
        <v>655</v>
      </c>
      <c r="Q2506">
        <v>1</v>
      </c>
      <c r="R2506" t="s">
        <v>669</v>
      </c>
      <c r="S2506">
        <v>1</v>
      </c>
      <c r="T2506" t="s">
        <v>661</v>
      </c>
      <c r="U2506">
        <v>8</v>
      </c>
      <c r="V2506">
        <v>3</v>
      </c>
      <c r="W2506">
        <v>180</v>
      </c>
      <c r="X2506">
        <v>2020</v>
      </c>
    </row>
    <row r="2507" spans="1:24" x14ac:dyDescent="0.25">
      <c r="A2507">
        <v>9192</v>
      </c>
      <c r="B2507" t="s">
        <v>67</v>
      </c>
      <c r="C2507">
        <v>62</v>
      </c>
      <c r="D2507" t="s">
        <v>316</v>
      </c>
      <c r="E2507">
        <v>668</v>
      </c>
      <c r="F2507" t="s">
        <v>651</v>
      </c>
      <c r="G2507">
        <v>160</v>
      </c>
      <c r="H2507" t="s">
        <v>658</v>
      </c>
      <c r="I2507">
        <v>13755</v>
      </c>
      <c r="J2507" t="s">
        <v>294</v>
      </c>
      <c r="K2507">
        <v>31</v>
      </c>
      <c r="L2507" t="s">
        <v>294</v>
      </c>
      <c r="M2507">
        <v>98</v>
      </c>
      <c r="N2507" t="s">
        <v>654</v>
      </c>
      <c r="O2507">
        <v>3</v>
      </c>
      <c r="P2507" t="s">
        <v>655</v>
      </c>
      <c r="Q2507">
        <v>1</v>
      </c>
      <c r="R2507" t="s">
        <v>669</v>
      </c>
      <c r="S2507">
        <v>1</v>
      </c>
      <c r="T2507" t="s">
        <v>661</v>
      </c>
      <c r="U2507">
        <v>8</v>
      </c>
      <c r="V2507">
        <v>3</v>
      </c>
      <c r="W2507">
        <v>180</v>
      </c>
      <c r="X2507">
        <v>2020</v>
      </c>
    </row>
    <row r="2508" spans="1:24" x14ac:dyDescent="0.25">
      <c r="A2508">
        <v>9181</v>
      </c>
      <c r="B2508" t="s">
        <v>318</v>
      </c>
      <c r="C2508">
        <v>95</v>
      </c>
      <c r="D2508" t="s">
        <v>317</v>
      </c>
      <c r="E2508">
        <v>667</v>
      </c>
      <c r="F2508" t="s">
        <v>651</v>
      </c>
      <c r="G2508">
        <v>160</v>
      </c>
      <c r="H2508" t="s">
        <v>1672</v>
      </c>
      <c r="I2508">
        <v>6740</v>
      </c>
      <c r="J2508" t="s">
        <v>699</v>
      </c>
      <c r="K2508">
        <v>10</v>
      </c>
      <c r="L2508" t="s">
        <v>1096</v>
      </c>
      <c r="M2508">
        <v>341</v>
      </c>
      <c r="N2508" t="s">
        <v>654</v>
      </c>
      <c r="O2508">
        <v>3</v>
      </c>
      <c r="P2508" t="s">
        <v>655</v>
      </c>
      <c r="Q2508">
        <v>1</v>
      </c>
      <c r="R2508" t="s">
        <v>669</v>
      </c>
      <c r="S2508">
        <v>1</v>
      </c>
      <c r="T2508" t="s">
        <v>1295</v>
      </c>
      <c r="U2508">
        <v>10</v>
      </c>
      <c r="V2508">
        <v>3</v>
      </c>
      <c r="W2508">
        <v>180</v>
      </c>
      <c r="X2508">
        <v>2020</v>
      </c>
    </row>
    <row r="2509" spans="1:24" x14ac:dyDescent="0.25">
      <c r="A2509">
        <v>9180</v>
      </c>
      <c r="B2509" t="s">
        <v>318</v>
      </c>
      <c r="C2509">
        <v>95</v>
      </c>
      <c r="D2509" t="s">
        <v>317</v>
      </c>
      <c r="E2509">
        <v>667</v>
      </c>
      <c r="F2509" t="s">
        <v>651</v>
      </c>
      <c r="G2509">
        <v>160</v>
      </c>
      <c r="H2509" t="s">
        <v>1672</v>
      </c>
      <c r="I2509">
        <v>6740</v>
      </c>
      <c r="J2509" t="s">
        <v>813</v>
      </c>
      <c r="K2509">
        <v>24</v>
      </c>
      <c r="L2509" t="s">
        <v>1920</v>
      </c>
      <c r="M2509">
        <v>75</v>
      </c>
      <c r="N2509" t="s">
        <v>654</v>
      </c>
      <c r="O2509">
        <v>3</v>
      </c>
      <c r="P2509" t="s">
        <v>655</v>
      </c>
      <c r="Q2509">
        <v>1</v>
      </c>
      <c r="R2509" t="s">
        <v>669</v>
      </c>
      <c r="S2509">
        <v>1</v>
      </c>
      <c r="T2509" t="s">
        <v>657</v>
      </c>
      <c r="U2509">
        <v>7</v>
      </c>
      <c r="V2509">
        <v>3</v>
      </c>
      <c r="W2509">
        <v>180</v>
      </c>
      <c r="X2509">
        <v>2020</v>
      </c>
    </row>
    <row r="2510" spans="1:24" x14ac:dyDescent="0.25">
      <c r="A2510">
        <v>9179</v>
      </c>
      <c r="B2510" t="s">
        <v>318</v>
      </c>
      <c r="C2510">
        <v>95</v>
      </c>
      <c r="D2510" t="s">
        <v>317</v>
      </c>
      <c r="E2510">
        <v>667</v>
      </c>
      <c r="F2510" t="s">
        <v>651</v>
      </c>
      <c r="G2510">
        <v>160</v>
      </c>
      <c r="H2510" t="s">
        <v>1672</v>
      </c>
      <c r="I2510">
        <v>6740</v>
      </c>
      <c r="J2510" t="s">
        <v>813</v>
      </c>
      <c r="K2510">
        <v>24</v>
      </c>
      <c r="L2510" t="s">
        <v>1921</v>
      </c>
      <c r="M2510">
        <v>76</v>
      </c>
      <c r="N2510" t="s">
        <v>654</v>
      </c>
      <c r="O2510">
        <v>3</v>
      </c>
      <c r="P2510" t="s">
        <v>655</v>
      </c>
      <c r="Q2510">
        <v>1</v>
      </c>
      <c r="R2510" t="s">
        <v>669</v>
      </c>
      <c r="S2510">
        <v>1</v>
      </c>
      <c r="T2510" t="s">
        <v>657</v>
      </c>
      <c r="U2510">
        <v>7</v>
      </c>
      <c r="V2510">
        <v>3</v>
      </c>
      <c r="W2510">
        <v>180</v>
      </c>
      <c r="X2510">
        <v>2020</v>
      </c>
    </row>
    <row r="2511" spans="1:24" x14ac:dyDescent="0.25">
      <c r="A2511">
        <v>9178</v>
      </c>
      <c r="B2511" t="s">
        <v>318</v>
      </c>
      <c r="C2511">
        <v>95</v>
      </c>
      <c r="D2511" t="s">
        <v>317</v>
      </c>
      <c r="E2511">
        <v>667</v>
      </c>
      <c r="F2511" t="s">
        <v>651</v>
      </c>
      <c r="G2511">
        <v>160</v>
      </c>
      <c r="H2511" t="s">
        <v>1672</v>
      </c>
      <c r="I2511">
        <v>6740</v>
      </c>
      <c r="J2511" t="s">
        <v>299</v>
      </c>
      <c r="K2511">
        <v>27</v>
      </c>
      <c r="L2511" t="s">
        <v>690</v>
      </c>
      <c r="M2511">
        <v>89</v>
      </c>
      <c r="N2511" t="s">
        <v>654</v>
      </c>
      <c r="O2511">
        <v>3</v>
      </c>
      <c r="P2511" t="s">
        <v>655</v>
      </c>
      <c r="Q2511">
        <v>1</v>
      </c>
      <c r="R2511" t="s">
        <v>669</v>
      </c>
      <c r="S2511">
        <v>1</v>
      </c>
      <c r="T2511" t="s">
        <v>657</v>
      </c>
      <c r="U2511">
        <v>7</v>
      </c>
      <c r="V2511">
        <v>3</v>
      </c>
      <c r="W2511">
        <v>180</v>
      </c>
      <c r="X2511">
        <v>2020</v>
      </c>
    </row>
    <row r="2512" spans="1:24" x14ac:dyDescent="0.25">
      <c r="A2512">
        <v>9177</v>
      </c>
      <c r="B2512" t="s">
        <v>318</v>
      </c>
      <c r="C2512">
        <v>95</v>
      </c>
      <c r="D2512" t="s">
        <v>317</v>
      </c>
      <c r="E2512">
        <v>667</v>
      </c>
      <c r="F2512" t="s">
        <v>651</v>
      </c>
      <c r="G2512">
        <v>160</v>
      </c>
      <c r="H2512" t="s">
        <v>1672</v>
      </c>
      <c r="I2512">
        <v>6740</v>
      </c>
      <c r="J2512" t="s">
        <v>1094</v>
      </c>
      <c r="K2512">
        <v>28</v>
      </c>
      <c r="L2512" t="s">
        <v>296</v>
      </c>
      <c r="M2512">
        <v>91</v>
      </c>
      <c r="N2512" t="s">
        <v>654</v>
      </c>
      <c r="O2512">
        <v>3</v>
      </c>
      <c r="P2512" t="s">
        <v>655</v>
      </c>
      <c r="Q2512">
        <v>1</v>
      </c>
      <c r="R2512" t="s">
        <v>669</v>
      </c>
      <c r="S2512">
        <v>1</v>
      </c>
      <c r="T2512" t="s">
        <v>657</v>
      </c>
      <c r="U2512">
        <v>7</v>
      </c>
      <c r="V2512">
        <v>3</v>
      </c>
      <c r="W2512">
        <v>180</v>
      </c>
      <c r="X2512">
        <v>2020</v>
      </c>
    </row>
    <row r="2513" spans="1:24" x14ac:dyDescent="0.25">
      <c r="A2513">
        <v>9176</v>
      </c>
      <c r="B2513" t="s">
        <v>318</v>
      </c>
      <c r="C2513">
        <v>95</v>
      </c>
      <c r="D2513" t="s">
        <v>317</v>
      </c>
      <c r="E2513">
        <v>667</v>
      </c>
      <c r="F2513" t="s">
        <v>651</v>
      </c>
      <c r="G2513">
        <v>160</v>
      </c>
      <c r="H2513" t="s">
        <v>1672</v>
      </c>
      <c r="I2513">
        <v>6740</v>
      </c>
      <c r="J2513" t="s">
        <v>851</v>
      </c>
      <c r="K2513">
        <v>43</v>
      </c>
      <c r="L2513" t="s">
        <v>1922</v>
      </c>
      <c r="M2513">
        <v>150</v>
      </c>
      <c r="N2513" t="s">
        <v>668</v>
      </c>
      <c r="O2513">
        <v>4</v>
      </c>
      <c r="P2513" t="s">
        <v>655</v>
      </c>
      <c r="Q2513">
        <v>1</v>
      </c>
      <c r="R2513" t="s">
        <v>669</v>
      </c>
      <c r="S2513">
        <v>1</v>
      </c>
      <c r="T2513" t="s">
        <v>657</v>
      </c>
      <c r="U2513">
        <v>7</v>
      </c>
      <c r="V2513">
        <v>4</v>
      </c>
      <c r="W2513">
        <v>240</v>
      </c>
      <c r="X2513">
        <v>2020</v>
      </c>
    </row>
    <row r="2514" spans="1:24" x14ac:dyDescent="0.25">
      <c r="A2514">
        <v>9174</v>
      </c>
      <c r="B2514" t="s">
        <v>318</v>
      </c>
      <c r="C2514">
        <v>95</v>
      </c>
      <c r="D2514" t="s">
        <v>317</v>
      </c>
      <c r="E2514">
        <v>667</v>
      </c>
      <c r="F2514" t="s">
        <v>651</v>
      </c>
      <c r="G2514">
        <v>160</v>
      </c>
      <c r="H2514" t="s">
        <v>1672</v>
      </c>
      <c r="I2514">
        <v>6740</v>
      </c>
      <c r="J2514" t="s">
        <v>691</v>
      </c>
      <c r="K2514">
        <v>21</v>
      </c>
      <c r="L2514" t="s">
        <v>1923</v>
      </c>
      <c r="M2514">
        <v>67</v>
      </c>
      <c r="N2514" t="s">
        <v>654</v>
      </c>
      <c r="O2514">
        <v>3</v>
      </c>
      <c r="P2514" t="s">
        <v>655</v>
      </c>
      <c r="Q2514">
        <v>1</v>
      </c>
      <c r="R2514" t="s">
        <v>669</v>
      </c>
      <c r="S2514">
        <v>1</v>
      </c>
      <c r="T2514" t="s">
        <v>657</v>
      </c>
      <c r="U2514">
        <v>7</v>
      </c>
      <c r="V2514">
        <v>3</v>
      </c>
      <c r="W2514">
        <v>180</v>
      </c>
      <c r="X2514">
        <v>2020</v>
      </c>
    </row>
    <row r="2515" spans="1:24" x14ac:dyDescent="0.25">
      <c r="A2515">
        <v>9173</v>
      </c>
      <c r="B2515" t="s">
        <v>318</v>
      </c>
      <c r="C2515">
        <v>95</v>
      </c>
      <c r="D2515" t="s">
        <v>317</v>
      </c>
      <c r="E2515">
        <v>667</v>
      </c>
      <c r="F2515" t="s">
        <v>651</v>
      </c>
      <c r="G2515">
        <v>160</v>
      </c>
      <c r="H2515" t="s">
        <v>1672</v>
      </c>
      <c r="I2515">
        <v>6740</v>
      </c>
      <c r="J2515" t="s">
        <v>703</v>
      </c>
      <c r="K2515">
        <v>16</v>
      </c>
      <c r="L2515" t="s">
        <v>704</v>
      </c>
      <c r="M2515">
        <v>56</v>
      </c>
      <c r="N2515" t="s">
        <v>654</v>
      </c>
      <c r="O2515">
        <v>3</v>
      </c>
      <c r="P2515" t="s">
        <v>655</v>
      </c>
      <c r="Q2515">
        <v>1</v>
      </c>
      <c r="R2515" t="s">
        <v>669</v>
      </c>
      <c r="S2515">
        <v>1</v>
      </c>
      <c r="T2515" t="s">
        <v>657</v>
      </c>
      <c r="U2515">
        <v>7</v>
      </c>
      <c r="V2515">
        <v>3</v>
      </c>
      <c r="W2515">
        <v>180</v>
      </c>
      <c r="X2515">
        <v>2020</v>
      </c>
    </row>
    <row r="2516" spans="1:24" x14ac:dyDescent="0.25">
      <c r="A2516">
        <v>9172</v>
      </c>
      <c r="B2516" t="s">
        <v>318</v>
      </c>
      <c r="C2516">
        <v>95</v>
      </c>
      <c r="D2516" t="s">
        <v>317</v>
      </c>
      <c r="E2516">
        <v>667</v>
      </c>
      <c r="F2516" t="s">
        <v>651</v>
      </c>
      <c r="G2516">
        <v>160</v>
      </c>
      <c r="H2516" t="s">
        <v>1672</v>
      </c>
      <c r="I2516">
        <v>6740</v>
      </c>
      <c r="J2516" t="s">
        <v>703</v>
      </c>
      <c r="K2516">
        <v>16</v>
      </c>
      <c r="L2516" t="s">
        <v>703</v>
      </c>
      <c r="M2516">
        <v>54</v>
      </c>
      <c r="N2516" t="s">
        <v>654</v>
      </c>
      <c r="O2516">
        <v>3</v>
      </c>
      <c r="P2516" t="s">
        <v>655</v>
      </c>
      <c r="Q2516">
        <v>1</v>
      </c>
      <c r="R2516" t="s">
        <v>669</v>
      </c>
      <c r="S2516">
        <v>1</v>
      </c>
      <c r="T2516" t="s">
        <v>657</v>
      </c>
      <c r="U2516">
        <v>7</v>
      </c>
      <c r="V2516">
        <v>3</v>
      </c>
      <c r="W2516">
        <v>180</v>
      </c>
      <c r="X2516">
        <v>2020</v>
      </c>
    </row>
    <row r="2517" spans="1:24" x14ac:dyDescent="0.25">
      <c r="A2517">
        <v>9171</v>
      </c>
      <c r="B2517" t="s">
        <v>318</v>
      </c>
      <c r="C2517">
        <v>95</v>
      </c>
      <c r="D2517" t="s">
        <v>317</v>
      </c>
      <c r="E2517">
        <v>667</v>
      </c>
      <c r="F2517" t="s">
        <v>651</v>
      </c>
      <c r="G2517">
        <v>160</v>
      </c>
      <c r="H2517" t="s">
        <v>1672</v>
      </c>
      <c r="I2517">
        <v>6740</v>
      </c>
      <c r="J2517" t="s">
        <v>917</v>
      </c>
      <c r="K2517">
        <v>83</v>
      </c>
      <c r="L2517" t="s">
        <v>918</v>
      </c>
      <c r="M2517">
        <v>287</v>
      </c>
      <c r="N2517" t="s">
        <v>654</v>
      </c>
      <c r="O2517">
        <v>3</v>
      </c>
      <c r="P2517" t="s">
        <v>655</v>
      </c>
      <c r="Q2517">
        <v>1</v>
      </c>
      <c r="R2517" t="s">
        <v>669</v>
      </c>
      <c r="S2517">
        <v>1</v>
      </c>
      <c r="T2517" t="s">
        <v>657</v>
      </c>
      <c r="U2517">
        <v>7</v>
      </c>
      <c r="V2517">
        <v>4</v>
      </c>
      <c r="W2517">
        <v>240</v>
      </c>
      <c r="X2517">
        <v>2020</v>
      </c>
    </row>
    <row r="2518" spans="1:24" x14ac:dyDescent="0.25">
      <c r="A2518">
        <v>9170</v>
      </c>
      <c r="B2518" t="s">
        <v>318</v>
      </c>
      <c r="C2518">
        <v>95</v>
      </c>
      <c r="D2518" t="s">
        <v>317</v>
      </c>
      <c r="E2518">
        <v>667</v>
      </c>
      <c r="F2518" t="s">
        <v>651</v>
      </c>
      <c r="G2518">
        <v>160</v>
      </c>
      <c r="H2518" t="s">
        <v>1672</v>
      </c>
      <c r="I2518">
        <v>6740</v>
      </c>
      <c r="J2518" t="s">
        <v>880</v>
      </c>
      <c r="K2518">
        <v>58</v>
      </c>
      <c r="L2518" t="s">
        <v>880</v>
      </c>
      <c r="M2518">
        <v>236</v>
      </c>
      <c r="N2518" t="s">
        <v>654</v>
      </c>
      <c r="O2518">
        <v>3</v>
      </c>
      <c r="P2518" t="s">
        <v>655</v>
      </c>
      <c r="Q2518">
        <v>1</v>
      </c>
      <c r="R2518" t="s">
        <v>669</v>
      </c>
      <c r="S2518">
        <v>1</v>
      </c>
      <c r="T2518" t="s">
        <v>657</v>
      </c>
      <c r="U2518">
        <v>7</v>
      </c>
      <c r="V2518">
        <v>4</v>
      </c>
      <c r="W2518">
        <v>240</v>
      </c>
      <c r="X2518">
        <v>2020</v>
      </c>
    </row>
    <row r="2519" spans="1:24" x14ac:dyDescent="0.25">
      <c r="A2519">
        <v>9169</v>
      </c>
      <c r="B2519" t="s">
        <v>318</v>
      </c>
      <c r="C2519">
        <v>95</v>
      </c>
      <c r="D2519" t="s">
        <v>317</v>
      </c>
      <c r="E2519">
        <v>667</v>
      </c>
      <c r="F2519" t="s">
        <v>651</v>
      </c>
      <c r="G2519">
        <v>160</v>
      </c>
      <c r="H2519" t="s">
        <v>1672</v>
      </c>
      <c r="I2519">
        <v>6740</v>
      </c>
      <c r="J2519" t="s">
        <v>848</v>
      </c>
      <c r="K2519">
        <v>62</v>
      </c>
      <c r="L2519" t="s">
        <v>1924</v>
      </c>
      <c r="M2519">
        <v>263</v>
      </c>
      <c r="N2519" t="s">
        <v>654</v>
      </c>
      <c r="O2519">
        <v>3</v>
      </c>
      <c r="P2519" t="s">
        <v>655</v>
      </c>
      <c r="Q2519">
        <v>1</v>
      </c>
      <c r="R2519" t="s">
        <v>669</v>
      </c>
      <c r="S2519">
        <v>1</v>
      </c>
      <c r="T2519" t="s">
        <v>657</v>
      </c>
      <c r="U2519">
        <v>7</v>
      </c>
      <c r="V2519">
        <v>4</v>
      </c>
      <c r="W2519">
        <v>240</v>
      </c>
      <c r="X2519">
        <v>2020</v>
      </c>
    </row>
    <row r="2520" spans="1:24" x14ac:dyDescent="0.25">
      <c r="A2520">
        <v>9168</v>
      </c>
      <c r="B2520" t="s">
        <v>318</v>
      </c>
      <c r="C2520">
        <v>95</v>
      </c>
      <c r="D2520" t="s">
        <v>343</v>
      </c>
      <c r="E2520">
        <v>631</v>
      </c>
      <c r="F2520" t="s">
        <v>651</v>
      </c>
      <c r="G2520">
        <v>160</v>
      </c>
      <c r="H2520" t="s">
        <v>677</v>
      </c>
      <c r="I2520">
        <v>5060</v>
      </c>
      <c r="J2520" t="s">
        <v>909</v>
      </c>
      <c r="K2520">
        <v>39</v>
      </c>
      <c r="L2520" t="s">
        <v>1925</v>
      </c>
      <c r="M2520">
        <v>138</v>
      </c>
      <c r="N2520" t="s">
        <v>668</v>
      </c>
      <c r="O2520">
        <v>4</v>
      </c>
      <c r="P2520" t="s">
        <v>655</v>
      </c>
      <c r="Q2520">
        <v>1</v>
      </c>
      <c r="R2520" t="s">
        <v>669</v>
      </c>
      <c r="S2520">
        <v>1</v>
      </c>
      <c r="T2520" t="s">
        <v>657</v>
      </c>
      <c r="U2520">
        <v>7</v>
      </c>
      <c r="V2520">
        <v>4</v>
      </c>
      <c r="W2520">
        <v>240</v>
      </c>
      <c r="X2520">
        <v>2020</v>
      </c>
    </row>
    <row r="2521" spans="1:24" x14ac:dyDescent="0.25">
      <c r="A2521">
        <v>9143</v>
      </c>
      <c r="B2521" t="s">
        <v>59</v>
      </c>
      <c r="C2521">
        <v>42</v>
      </c>
      <c r="D2521" t="s">
        <v>476</v>
      </c>
      <c r="E2521">
        <v>330</v>
      </c>
      <c r="F2521" t="s">
        <v>651</v>
      </c>
      <c r="G2521">
        <v>160</v>
      </c>
      <c r="H2521" t="s">
        <v>1060</v>
      </c>
      <c r="I2521">
        <v>6305</v>
      </c>
      <c r="J2521" t="s">
        <v>932</v>
      </c>
      <c r="K2521">
        <v>77</v>
      </c>
      <c r="L2521" t="s">
        <v>1926</v>
      </c>
      <c r="M2521">
        <v>331</v>
      </c>
      <c r="N2521" t="s">
        <v>668</v>
      </c>
      <c r="O2521">
        <v>4</v>
      </c>
      <c r="P2521" t="s">
        <v>655</v>
      </c>
      <c r="Q2521">
        <v>1</v>
      </c>
      <c r="R2521" t="s">
        <v>669</v>
      </c>
      <c r="S2521">
        <v>1</v>
      </c>
      <c r="T2521" t="s">
        <v>661</v>
      </c>
      <c r="U2521">
        <v>8</v>
      </c>
      <c r="V2521">
        <v>4</v>
      </c>
      <c r="W2521">
        <v>240</v>
      </c>
      <c r="X2521">
        <v>2020</v>
      </c>
    </row>
    <row r="2522" spans="1:24" x14ac:dyDescent="0.25">
      <c r="A2522">
        <v>9141</v>
      </c>
      <c r="B2522" t="s">
        <v>180</v>
      </c>
      <c r="C2522">
        <v>70</v>
      </c>
      <c r="D2522" t="s">
        <v>319</v>
      </c>
      <c r="E2522">
        <v>664</v>
      </c>
      <c r="F2522" t="s">
        <v>651</v>
      </c>
      <c r="G2522">
        <v>160</v>
      </c>
      <c r="H2522" t="s">
        <v>779</v>
      </c>
      <c r="I2522">
        <v>10487</v>
      </c>
      <c r="J2522" t="s">
        <v>684</v>
      </c>
      <c r="K2522">
        <v>22</v>
      </c>
      <c r="L2522" t="s">
        <v>685</v>
      </c>
      <c r="M2522">
        <v>72</v>
      </c>
      <c r="N2522" t="s">
        <v>668</v>
      </c>
      <c r="O2522">
        <v>4</v>
      </c>
      <c r="P2522" t="s">
        <v>655</v>
      </c>
      <c r="Q2522">
        <v>1</v>
      </c>
      <c r="R2522" t="s">
        <v>669</v>
      </c>
      <c r="S2522">
        <v>1</v>
      </c>
      <c r="T2522" t="s">
        <v>661</v>
      </c>
      <c r="U2522">
        <v>8</v>
      </c>
      <c r="V2522">
        <v>3</v>
      </c>
      <c r="W2522">
        <v>180</v>
      </c>
      <c r="X2522">
        <v>2020</v>
      </c>
    </row>
    <row r="2523" spans="1:24" x14ac:dyDescent="0.25">
      <c r="A2523">
        <v>9140</v>
      </c>
      <c r="B2523" t="s">
        <v>180</v>
      </c>
      <c r="C2523">
        <v>70</v>
      </c>
      <c r="D2523" t="s">
        <v>319</v>
      </c>
      <c r="E2523">
        <v>664</v>
      </c>
      <c r="F2523" t="s">
        <v>651</v>
      </c>
      <c r="G2523">
        <v>160</v>
      </c>
      <c r="H2523" t="s">
        <v>681</v>
      </c>
      <c r="I2523">
        <v>717</v>
      </c>
      <c r="J2523" t="s">
        <v>684</v>
      </c>
      <c r="K2523">
        <v>22</v>
      </c>
      <c r="L2523" t="s">
        <v>685</v>
      </c>
      <c r="M2523">
        <v>72</v>
      </c>
      <c r="N2523" t="s">
        <v>654</v>
      </c>
      <c r="O2523">
        <v>3</v>
      </c>
      <c r="P2523" t="s">
        <v>655</v>
      </c>
      <c r="Q2523">
        <v>1</v>
      </c>
      <c r="R2523" t="s">
        <v>669</v>
      </c>
      <c r="S2523">
        <v>1</v>
      </c>
      <c r="T2523" t="s">
        <v>661</v>
      </c>
      <c r="U2523">
        <v>8</v>
      </c>
      <c r="V2523">
        <v>3</v>
      </c>
      <c r="W2523">
        <v>180</v>
      </c>
      <c r="X2523">
        <v>2020</v>
      </c>
    </row>
    <row r="2524" spans="1:24" x14ac:dyDescent="0.25">
      <c r="A2524">
        <v>9138</v>
      </c>
      <c r="B2524" t="s">
        <v>180</v>
      </c>
      <c r="C2524">
        <v>70</v>
      </c>
      <c r="D2524" t="s">
        <v>319</v>
      </c>
      <c r="E2524">
        <v>664</v>
      </c>
      <c r="F2524" t="s">
        <v>651</v>
      </c>
      <c r="G2524">
        <v>160</v>
      </c>
      <c r="H2524" t="s">
        <v>681</v>
      </c>
      <c r="I2524">
        <v>717</v>
      </c>
      <c r="J2524" t="s">
        <v>868</v>
      </c>
      <c r="K2524">
        <v>23</v>
      </c>
      <c r="L2524" t="s">
        <v>868</v>
      </c>
      <c r="M2524">
        <v>73</v>
      </c>
      <c r="N2524" t="s">
        <v>654</v>
      </c>
      <c r="O2524">
        <v>3</v>
      </c>
      <c r="P2524" t="s">
        <v>655</v>
      </c>
      <c r="Q2524">
        <v>1</v>
      </c>
      <c r="R2524" t="s">
        <v>669</v>
      </c>
      <c r="S2524">
        <v>1</v>
      </c>
      <c r="T2524" t="s">
        <v>661</v>
      </c>
      <c r="U2524">
        <v>8</v>
      </c>
      <c r="V2524">
        <v>3</v>
      </c>
      <c r="W2524">
        <v>180</v>
      </c>
      <c r="X2524">
        <v>2020</v>
      </c>
    </row>
    <row r="2525" spans="1:24" x14ac:dyDescent="0.25">
      <c r="A2525">
        <v>9137</v>
      </c>
      <c r="B2525" t="s">
        <v>180</v>
      </c>
      <c r="C2525">
        <v>70</v>
      </c>
      <c r="D2525" t="s">
        <v>319</v>
      </c>
      <c r="E2525">
        <v>664</v>
      </c>
      <c r="F2525" t="s">
        <v>651</v>
      </c>
      <c r="G2525">
        <v>160</v>
      </c>
      <c r="H2525" t="s">
        <v>681</v>
      </c>
      <c r="I2525">
        <v>717</v>
      </c>
      <c r="J2525" t="s">
        <v>1088</v>
      </c>
      <c r="K2525">
        <v>38</v>
      </c>
      <c r="L2525" t="s">
        <v>1089</v>
      </c>
      <c r="M2525">
        <v>135</v>
      </c>
      <c r="N2525" t="s">
        <v>654</v>
      </c>
      <c r="O2525">
        <v>3</v>
      </c>
      <c r="P2525" t="s">
        <v>655</v>
      </c>
      <c r="Q2525">
        <v>1</v>
      </c>
      <c r="R2525" t="s">
        <v>669</v>
      </c>
      <c r="S2525">
        <v>1</v>
      </c>
      <c r="T2525" t="s">
        <v>661</v>
      </c>
      <c r="U2525">
        <v>8</v>
      </c>
      <c r="V2525">
        <v>3</v>
      </c>
      <c r="W2525">
        <v>180</v>
      </c>
      <c r="X2525">
        <v>2020</v>
      </c>
    </row>
    <row r="2526" spans="1:24" x14ac:dyDescent="0.25">
      <c r="A2526">
        <v>9136</v>
      </c>
      <c r="B2526" t="s">
        <v>180</v>
      </c>
      <c r="C2526">
        <v>70</v>
      </c>
      <c r="D2526" t="s">
        <v>319</v>
      </c>
      <c r="E2526">
        <v>664</v>
      </c>
      <c r="F2526" t="s">
        <v>651</v>
      </c>
      <c r="G2526">
        <v>160</v>
      </c>
      <c r="H2526" t="s">
        <v>681</v>
      </c>
      <c r="I2526">
        <v>717</v>
      </c>
      <c r="J2526" t="s">
        <v>1011</v>
      </c>
      <c r="K2526">
        <v>17</v>
      </c>
      <c r="L2526" t="s">
        <v>1011</v>
      </c>
      <c r="M2526">
        <v>57</v>
      </c>
      <c r="N2526" t="s">
        <v>654</v>
      </c>
      <c r="O2526">
        <v>3</v>
      </c>
      <c r="P2526" t="s">
        <v>655</v>
      </c>
      <c r="Q2526">
        <v>1</v>
      </c>
      <c r="R2526" t="s">
        <v>669</v>
      </c>
      <c r="S2526">
        <v>1</v>
      </c>
      <c r="T2526" t="s">
        <v>661</v>
      </c>
      <c r="U2526">
        <v>8</v>
      </c>
      <c r="V2526">
        <v>3</v>
      </c>
      <c r="W2526">
        <v>180</v>
      </c>
      <c r="X2526">
        <v>2020</v>
      </c>
    </row>
    <row r="2527" spans="1:24" x14ac:dyDescent="0.25">
      <c r="A2527">
        <v>9135</v>
      </c>
      <c r="B2527" t="s">
        <v>180</v>
      </c>
      <c r="C2527">
        <v>70</v>
      </c>
      <c r="D2527" t="s">
        <v>319</v>
      </c>
      <c r="E2527">
        <v>664</v>
      </c>
      <c r="F2527" t="s">
        <v>651</v>
      </c>
      <c r="G2527">
        <v>160</v>
      </c>
      <c r="H2527" t="s">
        <v>681</v>
      </c>
      <c r="I2527">
        <v>717</v>
      </c>
      <c r="J2527" t="s">
        <v>691</v>
      </c>
      <c r="K2527">
        <v>21</v>
      </c>
      <c r="L2527" t="s">
        <v>1923</v>
      </c>
      <c r="M2527">
        <v>67</v>
      </c>
      <c r="N2527" t="s">
        <v>654</v>
      </c>
      <c r="O2527">
        <v>3</v>
      </c>
      <c r="P2527" t="s">
        <v>655</v>
      </c>
      <c r="Q2527">
        <v>1</v>
      </c>
      <c r="R2527" t="s">
        <v>669</v>
      </c>
      <c r="S2527">
        <v>1</v>
      </c>
      <c r="T2527" t="s">
        <v>661</v>
      </c>
      <c r="U2527">
        <v>8</v>
      </c>
      <c r="V2527">
        <v>3</v>
      </c>
      <c r="W2527">
        <v>180</v>
      </c>
      <c r="X2527">
        <v>2020</v>
      </c>
    </row>
    <row r="2528" spans="1:24" x14ac:dyDescent="0.25">
      <c r="A2528">
        <v>9134</v>
      </c>
      <c r="B2528" t="s">
        <v>180</v>
      </c>
      <c r="C2528">
        <v>70</v>
      </c>
      <c r="D2528" t="s">
        <v>319</v>
      </c>
      <c r="E2528">
        <v>664</v>
      </c>
      <c r="F2528" t="s">
        <v>651</v>
      </c>
      <c r="G2528">
        <v>160</v>
      </c>
      <c r="H2528" t="s">
        <v>779</v>
      </c>
      <c r="I2528">
        <v>10487</v>
      </c>
      <c r="J2528" t="s">
        <v>756</v>
      </c>
      <c r="K2528">
        <v>19</v>
      </c>
      <c r="L2528" t="s">
        <v>756</v>
      </c>
      <c r="M2528">
        <v>60</v>
      </c>
      <c r="N2528" t="s">
        <v>668</v>
      </c>
      <c r="O2528">
        <v>4</v>
      </c>
      <c r="P2528" t="s">
        <v>655</v>
      </c>
      <c r="Q2528">
        <v>1</v>
      </c>
      <c r="R2528" t="s">
        <v>669</v>
      </c>
      <c r="S2528">
        <v>1</v>
      </c>
      <c r="T2528" t="s">
        <v>661</v>
      </c>
      <c r="U2528">
        <v>8</v>
      </c>
      <c r="V2528">
        <v>3</v>
      </c>
      <c r="W2528">
        <v>180</v>
      </c>
      <c r="X2528">
        <v>2020</v>
      </c>
    </row>
    <row r="2529" spans="1:24" x14ac:dyDescent="0.25">
      <c r="A2529">
        <v>9133</v>
      </c>
      <c r="B2529" t="s">
        <v>180</v>
      </c>
      <c r="C2529">
        <v>70</v>
      </c>
      <c r="D2529" t="s">
        <v>319</v>
      </c>
      <c r="E2529">
        <v>664</v>
      </c>
      <c r="F2529" t="s">
        <v>651</v>
      </c>
      <c r="G2529">
        <v>160</v>
      </c>
      <c r="H2529" t="s">
        <v>681</v>
      </c>
      <c r="I2529">
        <v>717</v>
      </c>
      <c r="J2529" t="s">
        <v>756</v>
      </c>
      <c r="K2529">
        <v>19</v>
      </c>
      <c r="L2529" t="s">
        <v>756</v>
      </c>
      <c r="M2529">
        <v>60</v>
      </c>
      <c r="N2529" t="s">
        <v>654</v>
      </c>
      <c r="O2529">
        <v>3</v>
      </c>
      <c r="P2529" t="s">
        <v>655</v>
      </c>
      <c r="Q2529">
        <v>1</v>
      </c>
      <c r="R2529" t="s">
        <v>669</v>
      </c>
      <c r="S2529">
        <v>1</v>
      </c>
      <c r="T2529" t="s">
        <v>661</v>
      </c>
      <c r="U2529">
        <v>8</v>
      </c>
      <c r="V2529">
        <v>3</v>
      </c>
      <c r="W2529">
        <v>180</v>
      </c>
      <c r="X2529">
        <v>2020</v>
      </c>
    </row>
    <row r="2530" spans="1:24" x14ac:dyDescent="0.25">
      <c r="A2530">
        <v>9132</v>
      </c>
      <c r="B2530" t="s">
        <v>180</v>
      </c>
      <c r="C2530">
        <v>70</v>
      </c>
      <c r="D2530" t="s">
        <v>319</v>
      </c>
      <c r="E2530">
        <v>664</v>
      </c>
      <c r="F2530" t="s">
        <v>651</v>
      </c>
      <c r="G2530">
        <v>160</v>
      </c>
      <c r="H2530" t="s">
        <v>681</v>
      </c>
      <c r="I2530">
        <v>717</v>
      </c>
      <c r="J2530" t="s">
        <v>667</v>
      </c>
      <c r="K2530">
        <v>11</v>
      </c>
      <c r="L2530" t="s">
        <v>667</v>
      </c>
      <c r="M2530">
        <v>35</v>
      </c>
      <c r="N2530" t="s">
        <v>654</v>
      </c>
      <c r="O2530">
        <v>3</v>
      </c>
      <c r="P2530" t="s">
        <v>655</v>
      </c>
      <c r="Q2530">
        <v>1</v>
      </c>
      <c r="R2530" t="s">
        <v>669</v>
      </c>
      <c r="S2530">
        <v>1</v>
      </c>
      <c r="T2530" t="s">
        <v>1000</v>
      </c>
      <c r="U2530">
        <v>60</v>
      </c>
      <c r="V2530">
        <v>3</v>
      </c>
      <c r="W2530">
        <v>180</v>
      </c>
      <c r="X2530">
        <v>2020</v>
      </c>
    </row>
    <row r="2531" spans="1:24" x14ac:dyDescent="0.25">
      <c r="A2531">
        <v>9131</v>
      </c>
      <c r="B2531" t="s">
        <v>180</v>
      </c>
      <c r="C2531">
        <v>70</v>
      </c>
      <c r="D2531" t="s">
        <v>319</v>
      </c>
      <c r="E2531">
        <v>664</v>
      </c>
      <c r="F2531" t="s">
        <v>651</v>
      </c>
      <c r="G2531">
        <v>160</v>
      </c>
      <c r="H2531" t="s">
        <v>681</v>
      </c>
      <c r="I2531">
        <v>717</v>
      </c>
      <c r="J2531" t="s">
        <v>667</v>
      </c>
      <c r="K2531">
        <v>11</v>
      </c>
      <c r="L2531" t="s">
        <v>667</v>
      </c>
      <c r="M2531">
        <v>35</v>
      </c>
      <c r="N2531" t="s">
        <v>654</v>
      </c>
      <c r="O2531">
        <v>3</v>
      </c>
      <c r="P2531" t="s">
        <v>655</v>
      </c>
      <c r="Q2531">
        <v>1</v>
      </c>
      <c r="R2531" t="s">
        <v>669</v>
      </c>
      <c r="S2531">
        <v>1</v>
      </c>
      <c r="T2531" t="s">
        <v>1010</v>
      </c>
      <c r="U2531">
        <v>36</v>
      </c>
      <c r="V2531">
        <v>3</v>
      </c>
      <c r="W2531">
        <v>180</v>
      </c>
      <c r="X2531">
        <v>2020</v>
      </c>
    </row>
    <row r="2532" spans="1:24" x14ac:dyDescent="0.25">
      <c r="A2532">
        <v>9130</v>
      </c>
      <c r="B2532" t="s">
        <v>180</v>
      </c>
      <c r="C2532">
        <v>70</v>
      </c>
      <c r="D2532" t="s">
        <v>319</v>
      </c>
      <c r="E2532">
        <v>664</v>
      </c>
      <c r="F2532" t="s">
        <v>651</v>
      </c>
      <c r="G2532">
        <v>160</v>
      </c>
      <c r="H2532" t="s">
        <v>681</v>
      </c>
      <c r="I2532">
        <v>717</v>
      </c>
      <c r="J2532" t="s">
        <v>667</v>
      </c>
      <c r="K2532">
        <v>11</v>
      </c>
      <c r="L2532" t="s">
        <v>667</v>
      </c>
      <c r="M2532">
        <v>35</v>
      </c>
      <c r="N2532" t="s">
        <v>654</v>
      </c>
      <c r="O2532">
        <v>3</v>
      </c>
      <c r="P2532" t="s">
        <v>655</v>
      </c>
      <c r="Q2532">
        <v>1</v>
      </c>
      <c r="R2532" t="s">
        <v>669</v>
      </c>
      <c r="S2532">
        <v>1</v>
      </c>
      <c r="T2532" t="s">
        <v>1009</v>
      </c>
      <c r="U2532">
        <v>35</v>
      </c>
      <c r="V2532">
        <v>3</v>
      </c>
      <c r="W2532">
        <v>180</v>
      </c>
      <c r="X2532">
        <v>2020</v>
      </c>
    </row>
    <row r="2533" spans="1:24" x14ac:dyDescent="0.25">
      <c r="A2533">
        <v>9129</v>
      </c>
      <c r="B2533" t="s">
        <v>180</v>
      </c>
      <c r="C2533">
        <v>70</v>
      </c>
      <c r="D2533" t="s">
        <v>319</v>
      </c>
      <c r="E2533">
        <v>664</v>
      </c>
      <c r="F2533" t="s">
        <v>651</v>
      </c>
      <c r="G2533">
        <v>160</v>
      </c>
      <c r="H2533" t="s">
        <v>681</v>
      </c>
      <c r="I2533">
        <v>717</v>
      </c>
      <c r="J2533" t="s">
        <v>802</v>
      </c>
      <c r="K2533">
        <v>12</v>
      </c>
      <c r="L2533" t="s">
        <v>802</v>
      </c>
      <c r="M2533">
        <v>36</v>
      </c>
      <c r="N2533" t="s">
        <v>654</v>
      </c>
      <c r="O2533">
        <v>3</v>
      </c>
      <c r="P2533" t="s">
        <v>655</v>
      </c>
      <c r="Q2533">
        <v>1</v>
      </c>
      <c r="R2533" t="s">
        <v>669</v>
      </c>
      <c r="S2533">
        <v>1</v>
      </c>
      <c r="T2533" t="s">
        <v>661</v>
      </c>
      <c r="U2533">
        <v>8</v>
      </c>
      <c r="V2533">
        <v>3</v>
      </c>
      <c r="W2533">
        <v>180</v>
      </c>
      <c r="X2533">
        <v>2020</v>
      </c>
    </row>
    <row r="2534" spans="1:24" x14ac:dyDescent="0.25">
      <c r="A2534">
        <v>9124</v>
      </c>
      <c r="B2534" t="s">
        <v>180</v>
      </c>
      <c r="C2534">
        <v>70</v>
      </c>
      <c r="D2534" t="s">
        <v>322</v>
      </c>
      <c r="E2534">
        <v>660</v>
      </c>
      <c r="F2534" t="s">
        <v>651</v>
      </c>
      <c r="G2534">
        <v>160</v>
      </c>
      <c r="H2534" t="s">
        <v>681</v>
      </c>
      <c r="I2534">
        <v>717</v>
      </c>
      <c r="J2534" t="s">
        <v>831</v>
      </c>
      <c r="K2534">
        <v>5</v>
      </c>
      <c r="L2534" t="s">
        <v>831</v>
      </c>
      <c r="M2534">
        <v>14</v>
      </c>
      <c r="N2534" t="s">
        <v>654</v>
      </c>
      <c r="O2534">
        <v>3</v>
      </c>
      <c r="P2534" t="s">
        <v>655</v>
      </c>
      <c r="Q2534">
        <v>1</v>
      </c>
      <c r="R2534" t="s">
        <v>669</v>
      </c>
      <c r="S2534">
        <v>1</v>
      </c>
      <c r="T2534" t="s">
        <v>661</v>
      </c>
      <c r="U2534">
        <v>8</v>
      </c>
      <c r="V2534">
        <v>3</v>
      </c>
      <c r="W2534">
        <v>180</v>
      </c>
      <c r="X2534">
        <v>2020</v>
      </c>
    </row>
    <row r="2535" spans="1:24" x14ac:dyDescent="0.25">
      <c r="A2535">
        <v>9119</v>
      </c>
      <c r="B2535" t="s">
        <v>180</v>
      </c>
      <c r="C2535">
        <v>70</v>
      </c>
      <c r="D2535" t="s">
        <v>320</v>
      </c>
      <c r="E2535">
        <v>663</v>
      </c>
      <c r="F2535" t="s">
        <v>651</v>
      </c>
      <c r="G2535">
        <v>160</v>
      </c>
      <c r="H2535" t="s">
        <v>779</v>
      </c>
      <c r="I2535">
        <v>10487</v>
      </c>
      <c r="J2535" t="s">
        <v>917</v>
      </c>
      <c r="K2535">
        <v>83</v>
      </c>
      <c r="L2535" t="s">
        <v>918</v>
      </c>
      <c r="M2535">
        <v>287</v>
      </c>
      <c r="N2535" t="s">
        <v>668</v>
      </c>
      <c r="O2535">
        <v>4</v>
      </c>
      <c r="P2535" t="s">
        <v>655</v>
      </c>
      <c r="Q2535">
        <v>1</v>
      </c>
      <c r="R2535" t="s">
        <v>669</v>
      </c>
      <c r="S2535">
        <v>1</v>
      </c>
      <c r="T2535" t="s">
        <v>661</v>
      </c>
      <c r="U2535">
        <v>8</v>
      </c>
      <c r="V2535">
        <v>4</v>
      </c>
      <c r="W2535">
        <v>240</v>
      </c>
      <c r="X2535">
        <v>2020</v>
      </c>
    </row>
    <row r="2536" spans="1:24" x14ac:dyDescent="0.25">
      <c r="A2536">
        <v>9117</v>
      </c>
      <c r="B2536" t="s">
        <v>180</v>
      </c>
      <c r="C2536">
        <v>70</v>
      </c>
      <c r="D2536" t="s">
        <v>320</v>
      </c>
      <c r="E2536">
        <v>663</v>
      </c>
      <c r="F2536" t="s">
        <v>651</v>
      </c>
      <c r="G2536">
        <v>160</v>
      </c>
      <c r="H2536" t="s">
        <v>681</v>
      </c>
      <c r="I2536">
        <v>717</v>
      </c>
      <c r="J2536" t="s">
        <v>678</v>
      </c>
      <c r="K2536">
        <v>41</v>
      </c>
      <c r="L2536" t="s">
        <v>678</v>
      </c>
      <c r="M2536">
        <v>145</v>
      </c>
      <c r="N2536" t="s">
        <v>654</v>
      </c>
      <c r="O2536">
        <v>3</v>
      </c>
      <c r="P2536" t="s">
        <v>655</v>
      </c>
      <c r="Q2536">
        <v>1</v>
      </c>
      <c r="R2536" t="s">
        <v>669</v>
      </c>
      <c r="S2536">
        <v>1</v>
      </c>
      <c r="T2536" t="s">
        <v>661</v>
      </c>
      <c r="U2536">
        <v>8</v>
      </c>
      <c r="V2536">
        <v>4</v>
      </c>
      <c r="W2536">
        <v>240</v>
      </c>
      <c r="X2536">
        <v>2020</v>
      </c>
    </row>
    <row r="2537" spans="1:24" x14ac:dyDescent="0.25">
      <c r="A2537">
        <v>9115</v>
      </c>
      <c r="B2537" t="s">
        <v>180</v>
      </c>
      <c r="C2537">
        <v>70</v>
      </c>
      <c r="D2537" t="s">
        <v>320</v>
      </c>
      <c r="E2537">
        <v>663</v>
      </c>
      <c r="F2537" t="s">
        <v>651</v>
      </c>
      <c r="G2537">
        <v>160</v>
      </c>
      <c r="H2537" t="s">
        <v>681</v>
      </c>
      <c r="I2537">
        <v>717</v>
      </c>
      <c r="J2537" t="s">
        <v>676</v>
      </c>
      <c r="K2537">
        <v>4</v>
      </c>
      <c r="L2537" t="s">
        <v>676</v>
      </c>
      <c r="M2537">
        <v>12</v>
      </c>
      <c r="N2537" t="s">
        <v>668</v>
      </c>
      <c r="O2537">
        <v>4</v>
      </c>
      <c r="P2537" t="s">
        <v>746</v>
      </c>
      <c r="Q2537">
        <v>2</v>
      </c>
      <c r="R2537" t="s">
        <v>669</v>
      </c>
      <c r="S2537">
        <v>1</v>
      </c>
      <c r="T2537" t="s">
        <v>661</v>
      </c>
      <c r="U2537">
        <v>8</v>
      </c>
      <c r="V2537">
        <v>3</v>
      </c>
      <c r="W2537">
        <v>180</v>
      </c>
      <c r="X2537">
        <v>2020</v>
      </c>
    </row>
    <row r="2538" spans="1:24" x14ac:dyDescent="0.25">
      <c r="A2538">
        <v>9114</v>
      </c>
      <c r="B2538" t="s">
        <v>180</v>
      </c>
      <c r="C2538">
        <v>70</v>
      </c>
      <c r="D2538" t="s">
        <v>320</v>
      </c>
      <c r="E2538">
        <v>663</v>
      </c>
      <c r="F2538" t="s">
        <v>651</v>
      </c>
      <c r="G2538">
        <v>160</v>
      </c>
      <c r="H2538" t="s">
        <v>681</v>
      </c>
      <c r="I2538">
        <v>717</v>
      </c>
      <c r="J2538" t="s">
        <v>676</v>
      </c>
      <c r="K2538">
        <v>4</v>
      </c>
      <c r="L2538" t="s">
        <v>676</v>
      </c>
      <c r="M2538">
        <v>12</v>
      </c>
      <c r="N2538" t="s">
        <v>654</v>
      </c>
      <c r="O2538">
        <v>3</v>
      </c>
      <c r="P2538" t="s">
        <v>655</v>
      </c>
      <c r="Q2538">
        <v>1</v>
      </c>
      <c r="R2538" t="s">
        <v>669</v>
      </c>
      <c r="S2538">
        <v>1</v>
      </c>
      <c r="T2538" t="s">
        <v>661</v>
      </c>
      <c r="U2538">
        <v>8</v>
      </c>
      <c r="V2538">
        <v>3</v>
      </c>
      <c r="W2538">
        <v>180</v>
      </c>
      <c r="X2538">
        <v>2020</v>
      </c>
    </row>
    <row r="2539" spans="1:24" x14ac:dyDescent="0.25">
      <c r="A2539">
        <v>9113</v>
      </c>
      <c r="B2539" t="s">
        <v>180</v>
      </c>
      <c r="C2539">
        <v>70</v>
      </c>
      <c r="D2539" t="s">
        <v>320</v>
      </c>
      <c r="E2539">
        <v>663</v>
      </c>
      <c r="F2539" t="s">
        <v>651</v>
      </c>
      <c r="G2539">
        <v>160</v>
      </c>
      <c r="H2539" t="s">
        <v>922</v>
      </c>
      <c r="I2539">
        <v>8163</v>
      </c>
      <c r="J2539" t="s">
        <v>792</v>
      </c>
      <c r="K2539">
        <v>6</v>
      </c>
      <c r="L2539" t="s">
        <v>1927</v>
      </c>
      <c r="M2539">
        <v>17</v>
      </c>
      <c r="N2539" t="s">
        <v>654</v>
      </c>
      <c r="O2539">
        <v>3</v>
      </c>
      <c r="P2539" t="s">
        <v>655</v>
      </c>
      <c r="Q2539">
        <v>1</v>
      </c>
      <c r="R2539" t="s">
        <v>669</v>
      </c>
      <c r="S2539">
        <v>1</v>
      </c>
      <c r="T2539" t="s">
        <v>661</v>
      </c>
      <c r="U2539">
        <v>8</v>
      </c>
      <c r="V2539">
        <v>3</v>
      </c>
      <c r="W2539">
        <v>180</v>
      </c>
      <c r="X2539">
        <v>2020</v>
      </c>
    </row>
    <row r="2540" spans="1:24" x14ac:dyDescent="0.25">
      <c r="A2540">
        <v>9112</v>
      </c>
      <c r="B2540" t="s">
        <v>180</v>
      </c>
      <c r="C2540">
        <v>70</v>
      </c>
      <c r="D2540" t="s">
        <v>320</v>
      </c>
      <c r="E2540">
        <v>663</v>
      </c>
      <c r="F2540" t="s">
        <v>651</v>
      </c>
      <c r="G2540">
        <v>160</v>
      </c>
      <c r="H2540" t="s">
        <v>922</v>
      </c>
      <c r="I2540">
        <v>8163</v>
      </c>
      <c r="J2540" t="s">
        <v>295</v>
      </c>
      <c r="K2540">
        <v>30</v>
      </c>
      <c r="L2540" t="s">
        <v>1928</v>
      </c>
      <c r="M2540">
        <v>97</v>
      </c>
      <c r="N2540" t="s">
        <v>668</v>
      </c>
      <c r="O2540">
        <v>4</v>
      </c>
      <c r="P2540" t="s">
        <v>655</v>
      </c>
      <c r="Q2540">
        <v>1</v>
      </c>
      <c r="R2540" t="s">
        <v>669</v>
      </c>
      <c r="S2540">
        <v>1</v>
      </c>
      <c r="T2540" t="s">
        <v>661</v>
      </c>
      <c r="U2540">
        <v>8</v>
      </c>
      <c r="V2540">
        <v>3</v>
      </c>
      <c r="W2540">
        <v>180</v>
      </c>
      <c r="X2540">
        <v>2020</v>
      </c>
    </row>
    <row r="2541" spans="1:24" x14ac:dyDescent="0.25">
      <c r="A2541">
        <v>9111</v>
      </c>
      <c r="B2541" t="s">
        <v>180</v>
      </c>
      <c r="C2541">
        <v>70</v>
      </c>
      <c r="D2541" t="s">
        <v>320</v>
      </c>
      <c r="E2541">
        <v>663</v>
      </c>
      <c r="F2541" t="s">
        <v>651</v>
      </c>
      <c r="G2541">
        <v>160</v>
      </c>
      <c r="H2541" t="s">
        <v>1269</v>
      </c>
      <c r="I2541">
        <v>10721</v>
      </c>
      <c r="J2541" t="s">
        <v>294</v>
      </c>
      <c r="K2541">
        <v>31</v>
      </c>
      <c r="L2541" t="s">
        <v>294</v>
      </c>
      <c r="M2541">
        <v>98</v>
      </c>
      <c r="N2541" t="s">
        <v>654</v>
      </c>
      <c r="O2541">
        <v>3</v>
      </c>
      <c r="P2541" t="s">
        <v>655</v>
      </c>
      <c r="Q2541">
        <v>1</v>
      </c>
      <c r="R2541" t="s">
        <v>669</v>
      </c>
      <c r="S2541">
        <v>1</v>
      </c>
      <c r="T2541" t="s">
        <v>661</v>
      </c>
      <c r="U2541">
        <v>8</v>
      </c>
      <c r="V2541">
        <v>3</v>
      </c>
      <c r="W2541">
        <v>180</v>
      </c>
      <c r="X2541">
        <v>2020</v>
      </c>
    </row>
    <row r="2542" spans="1:24" x14ac:dyDescent="0.25">
      <c r="A2542">
        <v>9110</v>
      </c>
      <c r="B2542" t="s">
        <v>180</v>
      </c>
      <c r="C2542">
        <v>70</v>
      </c>
      <c r="D2542" t="s">
        <v>320</v>
      </c>
      <c r="E2542">
        <v>663</v>
      </c>
      <c r="F2542" t="s">
        <v>651</v>
      </c>
      <c r="G2542">
        <v>160</v>
      </c>
      <c r="H2542" t="s">
        <v>779</v>
      </c>
      <c r="I2542">
        <v>10487</v>
      </c>
      <c r="J2542" t="s">
        <v>294</v>
      </c>
      <c r="K2542">
        <v>31</v>
      </c>
      <c r="L2542" t="s">
        <v>294</v>
      </c>
      <c r="M2542">
        <v>98</v>
      </c>
      <c r="N2542" t="s">
        <v>654</v>
      </c>
      <c r="O2542">
        <v>3</v>
      </c>
      <c r="P2542" t="s">
        <v>655</v>
      </c>
      <c r="Q2542">
        <v>1</v>
      </c>
      <c r="R2542" t="s">
        <v>669</v>
      </c>
      <c r="S2542">
        <v>1</v>
      </c>
      <c r="T2542" t="s">
        <v>661</v>
      </c>
      <c r="U2542">
        <v>8</v>
      </c>
      <c r="V2542">
        <v>3</v>
      </c>
      <c r="W2542">
        <v>180</v>
      </c>
      <c r="X2542">
        <v>2020</v>
      </c>
    </row>
    <row r="2543" spans="1:24" x14ac:dyDescent="0.25">
      <c r="A2543">
        <v>9109</v>
      </c>
      <c r="B2543" t="s">
        <v>180</v>
      </c>
      <c r="C2543">
        <v>70</v>
      </c>
      <c r="D2543" t="s">
        <v>320</v>
      </c>
      <c r="E2543">
        <v>663</v>
      </c>
      <c r="F2543" t="s">
        <v>651</v>
      </c>
      <c r="G2543">
        <v>160</v>
      </c>
      <c r="H2543" t="s">
        <v>1929</v>
      </c>
      <c r="I2543">
        <v>2101</v>
      </c>
      <c r="J2543" t="s">
        <v>294</v>
      </c>
      <c r="K2543">
        <v>31</v>
      </c>
      <c r="L2543" t="s">
        <v>294</v>
      </c>
      <c r="M2543">
        <v>98</v>
      </c>
      <c r="N2543" t="s">
        <v>654</v>
      </c>
      <c r="O2543">
        <v>3</v>
      </c>
      <c r="P2543" t="s">
        <v>655</v>
      </c>
      <c r="Q2543">
        <v>1</v>
      </c>
      <c r="R2543" t="s">
        <v>669</v>
      </c>
      <c r="S2543">
        <v>1</v>
      </c>
      <c r="T2543" t="s">
        <v>661</v>
      </c>
      <c r="U2543">
        <v>8</v>
      </c>
      <c r="V2543">
        <v>3</v>
      </c>
      <c r="W2543">
        <v>180</v>
      </c>
      <c r="X2543">
        <v>2020</v>
      </c>
    </row>
    <row r="2544" spans="1:24" x14ac:dyDescent="0.25">
      <c r="A2544">
        <v>9108</v>
      </c>
      <c r="B2544" t="s">
        <v>180</v>
      </c>
      <c r="C2544">
        <v>70</v>
      </c>
      <c r="D2544" t="s">
        <v>320</v>
      </c>
      <c r="E2544">
        <v>663</v>
      </c>
      <c r="F2544" t="s">
        <v>651</v>
      </c>
      <c r="G2544">
        <v>160</v>
      </c>
      <c r="H2544" t="s">
        <v>922</v>
      </c>
      <c r="I2544">
        <v>8163</v>
      </c>
      <c r="J2544" t="s">
        <v>294</v>
      </c>
      <c r="K2544">
        <v>31</v>
      </c>
      <c r="L2544" t="s">
        <v>294</v>
      </c>
      <c r="M2544">
        <v>98</v>
      </c>
      <c r="N2544" t="s">
        <v>654</v>
      </c>
      <c r="O2544">
        <v>3</v>
      </c>
      <c r="P2544" t="s">
        <v>655</v>
      </c>
      <c r="Q2544">
        <v>1</v>
      </c>
      <c r="R2544" t="s">
        <v>669</v>
      </c>
      <c r="S2544">
        <v>1</v>
      </c>
      <c r="T2544" t="s">
        <v>661</v>
      </c>
      <c r="U2544">
        <v>8</v>
      </c>
      <c r="V2544">
        <v>3</v>
      </c>
      <c r="W2544">
        <v>180</v>
      </c>
      <c r="X2544">
        <v>2020</v>
      </c>
    </row>
    <row r="2545" spans="1:24" x14ac:dyDescent="0.25">
      <c r="A2545">
        <v>9107</v>
      </c>
      <c r="B2545" t="s">
        <v>180</v>
      </c>
      <c r="C2545">
        <v>70</v>
      </c>
      <c r="D2545" t="s">
        <v>320</v>
      </c>
      <c r="E2545">
        <v>663</v>
      </c>
      <c r="F2545" t="s">
        <v>651</v>
      </c>
      <c r="G2545">
        <v>160</v>
      </c>
      <c r="H2545" t="s">
        <v>681</v>
      </c>
      <c r="I2545">
        <v>717</v>
      </c>
      <c r="J2545" t="s">
        <v>294</v>
      </c>
      <c r="K2545">
        <v>31</v>
      </c>
      <c r="L2545" t="s">
        <v>294</v>
      </c>
      <c r="M2545">
        <v>98</v>
      </c>
      <c r="N2545" t="s">
        <v>654</v>
      </c>
      <c r="O2545">
        <v>3</v>
      </c>
      <c r="P2545" t="s">
        <v>655</v>
      </c>
      <c r="Q2545">
        <v>1</v>
      </c>
      <c r="R2545" t="s">
        <v>669</v>
      </c>
      <c r="S2545">
        <v>1</v>
      </c>
      <c r="T2545" t="s">
        <v>661</v>
      </c>
      <c r="U2545">
        <v>8</v>
      </c>
      <c r="V2545">
        <v>3</v>
      </c>
      <c r="W2545">
        <v>180</v>
      </c>
      <c r="X2545">
        <v>2020</v>
      </c>
    </row>
    <row r="2546" spans="1:24" x14ac:dyDescent="0.25">
      <c r="A2546">
        <v>9106</v>
      </c>
      <c r="B2546" t="s">
        <v>180</v>
      </c>
      <c r="C2546">
        <v>70</v>
      </c>
      <c r="D2546" t="s">
        <v>320</v>
      </c>
      <c r="E2546">
        <v>663</v>
      </c>
      <c r="F2546" t="s">
        <v>651</v>
      </c>
      <c r="G2546">
        <v>160</v>
      </c>
      <c r="H2546" t="s">
        <v>779</v>
      </c>
      <c r="I2546">
        <v>10487</v>
      </c>
      <c r="J2546" t="s">
        <v>299</v>
      </c>
      <c r="K2546">
        <v>27</v>
      </c>
      <c r="L2546" t="s">
        <v>690</v>
      </c>
      <c r="M2546">
        <v>89</v>
      </c>
      <c r="N2546" t="s">
        <v>654</v>
      </c>
      <c r="O2546">
        <v>3</v>
      </c>
      <c r="P2546" t="s">
        <v>655</v>
      </c>
      <c r="Q2546">
        <v>1</v>
      </c>
      <c r="R2546" t="s">
        <v>669</v>
      </c>
      <c r="S2546">
        <v>1</v>
      </c>
      <c r="T2546" t="s">
        <v>661</v>
      </c>
      <c r="U2546">
        <v>8</v>
      </c>
      <c r="V2546">
        <v>3</v>
      </c>
      <c r="W2546">
        <v>180</v>
      </c>
      <c r="X2546">
        <v>2020</v>
      </c>
    </row>
    <row r="2547" spans="1:24" x14ac:dyDescent="0.25">
      <c r="A2547">
        <v>9105</v>
      </c>
      <c r="B2547" t="s">
        <v>180</v>
      </c>
      <c r="C2547">
        <v>70</v>
      </c>
      <c r="D2547" t="s">
        <v>320</v>
      </c>
      <c r="E2547">
        <v>663</v>
      </c>
      <c r="F2547" t="s">
        <v>651</v>
      </c>
      <c r="G2547">
        <v>160</v>
      </c>
      <c r="H2547" t="s">
        <v>922</v>
      </c>
      <c r="I2547">
        <v>8163</v>
      </c>
      <c r="J2547" t="s">
        <v>299</v>
      </c>
      <c r="K2547">
        <v>27</v>
      </c>
      <c r="L2547" t="s">
        <v>690</v>
      </c>
      <c r="M2547">
        <v>89</v>
      </c>
      <c r="N2547" t="s">
        <v>654</v>
      </c>
      <c r="O2547">
        <v>3</v>
      </c>
      <c r="P2547" t="s">
        <v>655</v>
      </c>
      <c r="Q2547">
        <v>1</v>
      </c>
      <c r="R2547" t="s">
        <v>669</v>
      </c>
      <c r="S2547">
        <v>1</v>
      </c>
      <c r="T2547" t="s">
        <v>661</v>
      </c>
      <c r="U2547">
        <v>8</v>
      </c>
      <c r="V2547">
        <v>3</v>
      </c>
      <c r="W2547">
        <v>180</v>
      </c>
      <c r="X2547">
        <v>2020</v>
      </c>
    </row>
    <row r="2548" spans="1:24" x14ac:dyDescent="0.25">
      <c r="A2548">
        <v>9104</v>
      </c>
      <c r="B2548" t="s">
        <v>180</v>
      </c>
      <c r="C2548">
        <v>70</v>
      </c>
      <c r="D2548" t="s">
        <v>320</v>
      </c>
      <c r="E2548">
        <v>663</v>
      </c>
      <c r="F2548" t="s">
        <v>651</v>
      </c>
      <c r="G2548">
        <v>160</v>
      </c>
      <c r="H2548" t="s">
        <v>681</v>
      </c>
      <c r="I2548">
        <v>717</v>
      </c>
      <c r="J2548" t="s">
        <v>299</v>
      </c>
      <c r="K2548">
        <v>27</v>
      </c>
      <c r="L2548" t="s">
        <v>690</v>
      </c>
      <c r="M2548">
        <v>89</v>
      </c>
      <c r="N2548" t="s">
        <v>654</v>
      </c>
      <c r="O2548">
        <v>3</v>
      </c>
      <c r="P2548" t="s">
        <v>655</v>
      </c>
      <c r="Q2548">
        <v>1</v>
      </c>
      <c r="R2548" t="s">
        <v>669</v>
      </c>
      <c r="S2548">
        <v>1</v>
      </c>
      <c r="T2548" t="s">
        <v>661</v>
      </c>
      <c r="U2548">
        <v>8</v>
      </c>
      <c r="V2548">
        <v>3</v>
      </c>
      <c r="W2548">
        <v>180</v>
      </c>
      <c r="X2548">
        <v>2020</v>
      </c>
    </row>
    <row r="2549" spans="1:24" x14ac:dyDescent="0.25">
      <c r="A2549">
        <v>9103</v>
      </c>
      <c r="B2549" t="s">
        <v>180</v>
      </c>
      <c r="C2549">
        <v>70</v>
      </c>
      <c r="D2549" t="s">
        <v>320</v>
      </c>
      <c r="E2549">
        <v>663</v>
      </c>
      <c r="F2549" t="s">
        <v>651</v>
      </c>
      <c r="G2549">
        <v>160</v>
      </c>
      <c r="H2549" t="s">
        <v>1930</v>
      </c>
      <c r="I2549">
        <v>730</v>
      </c>
      <c r="J2549" t="s">
        <v>301</v>
      </c>
      <c r="K2549">
        <v>26</v>
      </c>
      <c r="L2549" t="s">
        <v>930</v>
      </c>
      <c r="M2549">
        <v>84</v>
      </c>
      <c r="N2549" t="s">
        <v>654</v>
      </c>
      <c r="O2549">
        <v>3</v>
      </c>
      <c r="P2549" t="s">
        <v>655</v>
      </c>
      <c r="Q2549">
        <v>1</v>
      </c>
      <c r="R2549" t="s">
        <v>669</v>
      </c>
      <c r="S2549">
        <v>1</v>
      </c>
      <c r="T2549" t="s">
        <v>661</v>
      </c>
      <c r="U2549">
        <v>8</v>
      </c>
      <c r="V2549">
        <v>3</v>
      </c>
      <c r="W2549">
        <v>180</v>
      </c>
      <c r="X2549">
        <v>2020</v>
      </c>
    </row>
    <row r="2550" spans="1:24" x14ac:dyDescent="0.25">
      <c r="A2550">
        <v>9102</v>
      </c>
      <c r="B2550" t="s">
        <v>180</v>
      </c>
      <c r="C2550">
        <v>70</v>
      </c>
      <c r="D2550" t="s">
        <v>320</v>
      </c>
      <c r="E2550">
        <v>663</v>
      </c>
      <c r="F2550" t="s">
        <v>651</v>
      </c>
      <c r="G2550">
        <v>160</v>
      </c>
      <c r="H2550" t="s">
        <v>681</v>
      </c>
      <c r="I2550">
        <v>717</v>
      </c>
      <c r="J2550" t="s">
        <v>301</v>
      </c>
      <c r="K2550">
        <v>26</v>
      </c>
      <c r="L2550" t="s">
        <v>301</v>
      </c>
      <c r="M2550">
        <v>82</v>
      </c>
      <c r="N2550" t="s">
        <v>654</v>
      </c>
      <c r="O2550">
        <v>3</v>
      </c>
      <c r="P2550" t="s">
        <v>655</v>
      </c>
      <c r="Q2550">
        <v>1</v>
      </c>
      <c r="R2550" t="s">
        <v>669</v>
      </c>
      <c r="S2550">
        <v>1</v>
      </c>
      <c r="T2550" t="s">
        <v>718</v>
      </c>
      <c r="U2550">
        <v>2</v>
      </c>
      <c r="V2550">
        <v>3</v>
      </c>
      <c r="W2550">
        <v>180</v>
      </c>
      <c r="X2550">
        <v>2020</v>
      </c>
    </row>
    <row r="2551" spans="1:24" x14ac:dyDescent="0.25">
      <c r="A2551">
        <v>9101</v>
      </c>
      <c r="B2551" t="s">
        <v>180</v>
      </c>
      <c r="C2551">
        <v>70</v>
      </c>
      <c r="D2551" t="s">
        <v>320</v>
      </c>
      <c r="E2551">
        <v>663</v>
      </c>
      <c r="F2551" t="s">
        <v>651</v>
      </c>
      <c r="G2551">
        <v>160</v>
      </c>
      <c r="H2551" t="s">
        <v>681</v>
      </c>
      <c r="I2551">
        <v>717</v>
      </c>
      <c r="J2551" t="s">
        <v>301</v>
      </c>
      <c r="K2551">
        <v>26</v>
      </c>
      <c r="L2551" t="s">
        <v>301</v>
      </c>
      <c r="M2551">
        <v>82</v>
      </c>
      <c r="N2551" t="s">
        <v>654</v>
      </c>
      <c r="O2551">
        <v>3</v>
      </c>
      <c r="P2551" t="s">
        <v>655</v>
      </c>
      <c r="Q2551">
        <v>1</v>
      </c>
      <c r="R2551" t="s">
        <v>669</v>
      </c>
      <c r="S2551">
        <v>1</v>
      </c>
      <c r="T2551" t="s">
        <v>661</v>
      </c>
      <c r="U2551">
        <v>8</v>
      </c>
      <c r="V2551">
        <v>3</v>
      </c>
      <c r="W2551">
        <v>180</v>
      </c>
      <c r="X2551">
        <v>2020</v>
      </c>
    </row>
    <row r="2552" spans="1:24" x14ac:dyDescent="0.25">
      <c r="A2552">
        <v>9091</v>
      </c>
      <c r="B2552" t="s">
        <v>26</v>
      </c>
      <c r="C2552">
        <v>44</v>
      </c>
      <c r="D2552" t="s">
        <v>321</v>
      </c>
      <c r="E2552">
        <v>336</v>
      </c>
      <c r="F2552" t="s">
        <v>651</v>
      </c>
      <c r="G2552">
        <v>160</v>
      </c>
      <c r="H2552" t="s">
        <v>666</v>
      </c>
      <c r="I2552">
        <v>8767</v>
      </c>
      <c r="J2552" t="s">
        <v>687</v>
      </c>
      <c r="K2552">
        <v>82</v>
      </c>
      <c r="L2552" t="s">
        <v>688</v>
      </c>
      <c r="M2552">
        <v>3080</v>
      </c>
      <c r="N2552" t="s">
        <v>668</v>
      </c>
      <c r="O2552">
        <v>4</v>
      </c>
      <c r="P2552" t="s">
        <v>655</v>
      </c>
      <c r="Q2552">
        <v>1</v>
      </c>
      <c r="R2552" t="s">
        <v>669</v>
      </c>
      <c r="S2552">
        <v>1</v>
      </c>
      <c r="T2552" t="s">
        <v>661</v>
      </c>
      <c r="U2552">
        <v>8</v>
      </c>
      <c r="V2552">
        <v>3</v>
      </c>
      <c r="W2552">
        <v>180</v>
      </c>
      <c r="X2552">
        <v>2020</v>
      </c>
    </row>
    <row r="2553" spans="1:24" x14ac:dyDescent="0.25">
      <c r="A2553">
        <v>9090</v>
      </c>
      <c r="B2553" t="s">
        <v>26</v>
      </c>
      <c r="C2553">
        <v>44</v>
      </c>
      <c r="D2553" t="s">
        <v>321</v>
      </c>
      <c r="E2553">
        <v>336</v>
      </c>
      <c r="F2553" t="s">
        <v>651</v>
      </c>
      <c r="G2553">
        <v>160</v>
      </c>
      <c r="H2553" t="s">
        <v>666</v>
      </c>
      <c r="I2553">
        <v>8767</v>
      </c>
      <c r="J2553" t="s">
        <v>1931</v>
      </c>
      <c r="K2553">
        <v>80</v>
      </c>
      <c r="L2553" t="s">
        <v>878</v>
      </c>
      <c r="M2553">
        <v>329</v>
      </c>
      <c r="N2553" t="s">
        <v>654</v>
      </c>
      <c r="O2553">
        <v>3</v>
      </c>
      <c r="P2553" t="s">
        <v>655</v>
      </c>
      <c r="Q2553">
        <v>1</v>
      </c>
      <c r="R2553" t="s">
        <v>669</v>
      </c>
      <c r="S2553">
        <v>1</v>
      </c>
      <c r="T2553" t="s">
        <v>657</v>
      </c>
      <c r="U2553">
        <v>7</v>
      </c>
      <c r="V2553">
        <v>5</v>
      </c>
      <c r="W2553">
        <v>300</v>
      </c>
      <c r="X2553">
        <v>2020</v>
      </c>
    </row>
    <row r="2554" spans="1:24" x14ac:dyDescent="0.25">
      <c r="A2554">
        <v>9089</v>
      </c>
      <c r="B2554" t="s">
        <v>125</v>
      </c>
      <c r="C2554">
        <v>11</v>
      </c>
      <c r="D2554" t="s">
        <v>402</v>
      </c>
      <c r="E2554">
        <v>78</v>
      </c>
      <c r="F2554" t="s">
        <v>651</v>
      </c>
      <c r="G2554">
        <v>160</v>
      </c>
      <c r="H2554" t="s">
        <v>658</v>
      </c>
      <c r="I2554">
        <v>13755</v>
      </c>
      <c r="J2554" t="s">
        <v>1088</v>
      </c>
      <c r="K2554">
        <v>38</v>
      </c>
      <c r="L2554" t="s">
        <v>1265</v>
      </c>
      <c r="M2554">
        <v>136</v>
      </c>
      <c r="N2554" t="s">
        <v>668</v>
      </c>
      <c r="O2554">
        <v>4</v>
      </c>
      <c r="P2554" t="s">
        <v>655</v>
      </c>
      <c r="Q2554">
        <v>1</v>
      </c>
      <c r="R2554" t="s">
        <v>669</v>
      </c>
      <c r="S2554">
        <v>1</v>
      </c>
      <c r="T2554" t="s">
        <v>718</v>
      </c>
      <c r="U2554">
        <v>2</v>
      </c>
      <c r="V2554">
        <v>3</v>
      </c>
      <c r="W2554">
        <v>180</v>
      </c>
      <c r="X2554">
        <v>2020</v>
      </c>
    </row>
    <row r="2555" spans="1:24" x14ac:dyDescent="0.25">
      <c r="A2555">
        <v>9088</v>
      </c>
      <c r="B2555" t="s">
        <v>218</v>
      </c>
      <c r="C2555">
        <v>17</v>
      </c>
      <c r="D2555" t="s">
        <v>426</v>
      </c>
      <c r="E2555">
        <v>122</v>
      </c>
      <c r="F2555" t="s">
        <v>651</v>
      </c>
      <c r="G2555">
        <v>160</v>
      </c>
      <c r="H2555" t="s">
        <v>744</v>
      </c>
      <c r="I2555">
        <v>3143</v>
      </c>
      <c r="J2555" t="s">
        <v>699</v>
      </c>
      <c r="K2555">
        <v>10</v>
      </c>
      <c r="L2555" t="s">
        <v>1692</v>
      </c>
      <c r="M2555">
        <v>502</v>
      </c>
      <c r="N2555" t="s">
        <v>668</v>
      </c>
      <c r="O2555">
        <v>4</v>
      </c>
      <c r="P2555" t="s">
        <v>655</v>
      </c>
      <c r="Q2555">
        <v>1</v>
      </c>
      <c r="R2555" t="s">
        <v>669</v>
      </c>
      <c r="S2555">
        <v>1</v>
      </c>
      <c r="T2555" t="s">
        <v>1788</v>
      </c>
      <c r="U2555">
        <v>109</v>
      </c>
      <c r="V2555">
        <v>3</v>
      </c>
      <c r="W2555">
        <v>180</v>
      </c>
      <c r="X2555">
        <v>2020</v>
      </c>
    </row>
    <row r="2556" spans="1:24" x14ac:dyDescent="0.25">
      <c r="A2556">
        <v>9087</v>
      </c>
      <c r="B2556" t="s">
        <v>218</v>
      </c>
      <c r="C2556">
        <v>17</v>
      </c>
      <c r="D2556" t="s">
        <v>426</v>
      </c>
      <c r="E2556">
        <v>122</v>
      </c>
      <c r="F2556" t="s">
        <v>651</v>
      </c>
      <c r="G2556">
        <v>160</v>
      </c>
      <c r="H2556" t="s">
        <v>744</v>
      </c>
      <c r="I2556">
        <v>3143</v>
      </c>
      <c r="J2556" t="s">
        <v>699</v>
      </c>
      <c r="K2556">
        <v>10</v>
      </c>
      <c r="L2556" t="s">
        <v>1692</v>
      </c>
      <c r="M2556">
        <v>502</v>
      </c>
      <c r="N2556" t="s">
        <v>668</v>
      </c>
      <c r="O2556">
        <v>4</v>
      </c>
      <c r="P2556" t="s">
        <v>655</v>
      </c>
      <c r="Q2556">
        <v>1</v>
      </c>
      <c r="R2556" t="s">
        <v>669</v>
      </c>
      <c r="S2556">
        <v>1</v>
      </c>
      <c r="T2556" t="s">
        <v>1786</v>
      </c>
      <c r="U2556">
        <v>108</v>
      </c>
      <c r="V2556">
        <v>3</v>
      </c>
      <c r="W2556">
        <v>180</v>
      </c>
      <c r="X2556">
        <v>2020</v>
      </c>
    </row>
    <row r="2557" spans="1:24" x14ac:dyDescent="0.25">
      <c r="A2557">
        <v>9086</v>
      </c>
      <c r="B2557" t="s">
        <v>218</v>
      </c>
      <c r="C2557">
        <v>17</v>
      </c>
      <c r="D2557" t="s">
        <v>426</v>
      </c>
      <c r="E2557">
        <v>122</v>
      </c>
      <c r="F2557" t="s">
        <v>651</v>
      </c>
      <c r="G2557">
        <v>160</v>
      </c>
      <c r="H2557" t="s">
        <v>744</v>
      </c>
      <c r="I2557">
        <v>3143</v>
      </c>
      <c r="J2557" t="s">
        <v>699</v>
      </c>
      <c r="K2557">
        <v>10</v>
      </c>
      <c r="L2557" t="s">
        <v>1692</v>
      </c>
      <c r="M2557">
        <v>502</v>
      </c>
      <c r="N2557" t="s">
        <v>668</v>
      </c>
      <c r="O2557">
        <v>4</v>
      </c>
      <c r="P2557" t="s">
        <v>655</v>
      </c>
      <c r="Q2557">
        <v>1</v>
      </c>
      <c r="R2557" t="s">
        <v>669</v>
      </c>
      <c r="S2557">
        <v>1</v>
      </c>
      <c r="T2557" t="s">
        <v>1613</v>
      </c>
      <c r="U2557">
        <v>107</v>
      </c>
      <c r="V2557">
        <v>3</v>
      </c>
      <c r="W2557">
        <v>180</v>
      </c>
      <c r="X2557">
        <v>2020</v>
      </c>
    </row>
    <row r="2558" spans="1:24" x14ac:dyDescent="0.25">
      <c r="A2558">
        <v>9085</v>
      </c>
      <c r="B2558" t="s">
        <v>218</v>
      </c>
      <c r="C2558">
        <v>17</v>
      </c>
      <c r="D2558" t="s">
        <v>426</v>
      </c>
      <c r="E2558">
        <v>122</v>
      </c>
      <c r="F2558" t="s">
        <v>651</v>
      </c>
      <c r="G2558">
        <v>160</v>
      </c>
      <c r="H2558" t="s">
        <v>744</v>
      </c>
      <c r="I2558">
        <v>3143</v>
      </c>
      <c r="J2558" t="s">
        <v>699</v>
      </c>
      <c r="K2558">
        <v>10</v>
      </c>
      <c r="L2558" t="s">
        <v>1932</v>
      </c>
      <c r="M2558">
        <v>501</v>
      </c>
      <c r="N2558" t="s">
        <v>668</v>
      </c>
      <c r="O2558">
        <v>4</v>
      </c>
      <c r="P2558" t="s">
        <v>655</v>
      </c>
      <c r="Q2558">
        <v>1</v>
      </c>
      <c r="R2558" t="s">
        <v>669</v>
      </c>
      <c r="S2558">
        <v>1</v>
      </c>
      <c r="T2558" t="s">
        <v>1767</v>
      </c>
      <c r="U2558">
        <v>105</v>
      </c>
      <c r="V2558">
        <v>3</v>
      </c>
      <c r="W2558">
        <v>180</v>
      </c>
      <c r="X2558">
        <v>2020</v>
      </c>
    </row>
    <row r="2559" spans="1:24" x14ac:dyDescent="0.25">
      <c r="A2559">
        <v>9084</v>
      </c>
      <c r="B2559" t="s">
        <v>218</v>
      </c>
      <c r="C2559">
        <v>17</v>
      </c>
      <c r="D2559" t="s">
        <v>519</v>
      </c>
      <c r="E2559">
        <v>109</v>
      </c>
      <c r="F2559" t="s">
        <v>651</v>
      </c>
      <c r="G2559">
        <v>160</v>
      </c>
      <c r="H2559" t="s">
        <v>744</v>
      </c>
      <c r="I2559">
        <v>3143</v>
      </c>
      <c r="J2559" t="s">
        <v>1236</v>
      </c>
      <c r="K2559">
        <v>60</v>
      </c>
      <c r="L2559" t="s">
        <v>1933</v>
      </c>
      <c r="M2559">
        <v>3084</v>
      </c>
      <c r="N2559" t="s">
        <v>668</v>
      </c>
      <c r="O2559">
        <v>4</v>
      </c>
      <c r="P2559" t="s">
        <v>655</v>
      </c>
      <c r="Q2559">
        <v>1</v>
      </c>
      <c r="R2559" t="s">
        <v>669</v>
      </c>
      <c r="S2559">
        <v>1</v>
      </c>
      <c r="T2559" t="s">
        <v>661</v>
      </c>
      <c r="U2559">
        <v>8</v>
      </c>
      <c r="V2559">
        <v>4</v>
      </c>
      <c r="W2559">
        <v>240</v>
      </c>
      <c r="X2559">
        <v>2020</v>
      </c>
    </row>
    <row r="2560" spans="1:24" x14ac:dyDescent="0.25">
      <c r="A2560">
        <v>9083</v>
      </c>
      <c r="B2560" t="s">
        <v>74</v>
      </c>
      <c r="C2560">
        <v>40</v>
      </c>
      <c r="D2560" t="s">
        <v>488</v>
      </c>
      <c r="E2560">
        <v>311</v>
      </c>
      <c r="F2560" t="s">
        <v>651</v>
      </c>
      <c r="G2560">
        <v>160</v>
      </c>
      <c r="H2560" t="s">
        <v>697</v>
      </c>
      <c r="I2560">
        <v>11198</v>
      </c>
      <c r="J2560" t="s">
        <v>695</v>
      </c>
      <c r="K2560">
        <v>54</v>
      </c>
      <c r="L2560" t="s">
        <v>1934</v>
      </c>
      <c r="M2560">
        <v>216</v>
      </c>
      <c r="N2560" t="s">
        <v>654</v>
      </c>
      <c r="O2560">
        <v>3</v>
      </c>
      <c r="P2560" t="s">
        <v>655</v>
      </c>
      <c r="Q2560">
        <v>1</v>
      </c>
      <c r="R2560" t="s">
        <v>669</v>
      </c>
      <c r="S2560">
        <v>1</v>
      </c>
      <c r="T2560" t="s">
        <v>661</v>
      </c>
      <c r="U2560">
        <v>8</v>
      </c>
      <c r="V2560">
        <v>4</v>
      </c>
      <c r="W2560">
        <v>240</v>
      </c>
      <c r="X2560">
        <v>2020</v>
      </c>
    </row>
    <row r="2561" spans="1:24" x14ac:dyDescent="0.25">
      <c r="A2561">
        <v>9082</v>
      </c>
      <c r="B2561" t="s">
        <v>112</v>
      </c>
      <c r="C2561">
        <v>29</v>
      </c>
      <c r="D2561" t="s">
        <v>521</v>
      </c>
      <c r="E2561">
        <v>226</v>
      </c>
      <c r="F2561" t="s">
        <v>651</v>
      </c>
      <c r="G2561">
        <v>160</v>
      </c>
      <c r="H2561" t="s">
        <v>719</v>
      </c>
      <c r="I2561">
        <v>7630</v>
      </c>
      <c r="J2561" t="s">
        <v>714</v>
      </c>
      <c r="K2561">
        <v>52</v>
      </c>
      <c r="L2561" t="s">
        <v>715</v>
      </c>
      <c r="M2561">
        <v>306</v>
      </c>
      <c r="N2561" t="s">
        <v>654</v>
      </c>
      <c r="O2561">
        <v>3</v>
      </c>
      <c r="P2561" t="s">
        <v>655</v>
      </c>
      <c r="Q2561">
        <v>1</v>
      </c>
      <c r="R2561" t="s">
        <v>669</v>
      </c>
      <c r="S2561">
        <v>1</v>
      </c>
      <c r="T2561" t="s">
        <v>661</v>
      </c>
      <c r="U2561">
        <v>8</v>
      </c>
      <c r="V2561">
        <v>4</v>
      </c>
      <c r="W2561">
        <v>240</v>
      </c>
      <c r="X2561">
        <v>2020</v>
      </c>
    </row>
    <row r="2562" spans="1:24" x14ac:dyDescent="0.25">
      <c r="A2562">
        <v>9081</v>
      </c>
      <c r="B2562" t="s">
        <v>391</v>
      </c>
      <c r="C2562">
        <v>79</v>
      </c>
      <c r="D2562" t="s">
        <v>392</v>
      </c>
      <c r="E2562">
        <v>511</v>
      </c>
      <c r="F2562" t="s">
        <v>651</v>
      </c>
      <c r="G2562">
        <v>160</v>
      </c>
      <c r="H2562" t="s">
        <v>1231</v>
      </c>
      <c r="I2562">
        <v>3308</v>
      </c>
      <c r="J2562" t="s">
        <v>682</v>
      </c>
      <c r="K2562">
        <v>20</v>
      </c>
      <c r="L2562" t="s">
        <v>904</v>
      </c>
      <c r="M2562">
        <v>61</v>
      </c>
      <c r="N2562" t="s">
        <v>654</v>
      </c>
      <c r="O2562">
        <v>3</v>
      </c>
      <c r="P2562" t="s">
        <v>655</v>
      </c>
      <c r="Q2562">
        <v>1</v>
      </c>
      <c r="R2562" t="s">
        <v>669</v>
      </c>
      <c r="S2562">
        <v>1</v>
      </c>
      <c r="T2562" t="s">
        <v>661</v>
      </c>
      <c r="U2562">
        <v>8</v>
      </c>
      <c r="V2562">
        <v>3</v>
      </c>
      <c r="W2562">
        <v>180</v>
      </c>
      <c r="X2562">
        <v>2020</v>
      </c>
    </row>
    <row r="2563" spans="1:24" x14ac:dyDescent="0.25">
      <c r="A2563">
        <v>9080</v>
      </c>
      <c r="B2563" t="s">
        <v>93</v>
      </c>
      <c r="C2563">
        <v>48</v>
      </c>
      <c r="D2563" t="s">
        <v>454</v>
      </c>
      <c r="E2563">
        <v>360</v>
      </c>
      <c r="F2563" t="s">
        <v>651</v>
      </c>
      <c r="G2563">
        <v>160</v>
      </c>
      <c r="H2563" t="s">
        <v>773</v>
      </c>
      <c r="I2563">
        <v>11846</v>
      </c>
      <c r="J2563" t="s">
        <v>682</v>
      </c>
      <c r="K2563">
        <v>20</v>
      </c>
      <c r="L2563" t="s">
        <v>904</v>
      </c>
      <c r="M2563">
        <v>61</v>
      </c>
      <c r="N2563" t="s">
        <v>654</v>
      </c>
      <c r="O2563">
        <v>3</v>
      </c>
      <c r="P2563" t="s">
        <v>655</v>
      </c>
      <c r="Q2563">
        <v>1</v>
      </c>
      <c r="R2563" t="s">
        <v>669</v>
      </c>
      <c r="S2563">
        <v>1</v>
      </c>
      <c r="T2563" t="s">
        <v>661</v>
      </c>
      <c r="U2563">
        <v>8</v>
      </c>
      <c r="V2563">
        <v>3</v>
      </c>
      <c r="W2563">
        <v>180</v>
      </c>
      <c r="X2563">
        <v>2020</v>
      </c>
    </row>
    <row r="2564" spans="1:24" x14ac:dyDescent="0.25">
      <c r="A2564">
        <v>9079</v>
      </c>
      <c r="B2564" t="s">
        <v>192</v>
      </c>
      <c r="C2564">
        <v>19</v>
      </c>
      <c r="D2564" t="s">
        <v>463</v>
      </c>
      <c r="E2564">
        <v>134</v>
      </c>
      <c r="F2564" t="s">
        <v>651</v>
      </c>
      <c r="G2564">
        <v>160</v>
      </c>
      <c r="H2564" t="s">
        <v>739</v>
      </c>
      <c r="I2564">
        <v>4413</v>
      </c>
      <c r="J2564" t="s">
        <v>848</v>
      </c>
      <c r="K2564">
        <v>62</v>
      </c>
      <c r="L2564" t="s">
        <v>848</v>
      </c>
      <c r="M2564">
        <v>268</v>
      </c>
      <c r="N2564" t="s">
        <v>654</v>
      </c>
      <c r="O2564">
        <v>3</v>
      </c>
      <c r="P2564" t="s">
        <v>655</v>
      </c>
      <c r="Q2564">
        <v>1</v>
      </c>
      <c r="R2564" t="s">
        <v>669</v>
      </c>
      <c r="S2564">
        <v>1</v>
      </c>
      <c r="T2564" t="s">
        <v>661</v>
      </c>
      <c r="U2564">
        <v>8</v>
      </c>
      <c r="V2564">
        <v>4</v>
      </c>
      <c r="W2564">
        <v>240</v>
      </c>
      <c r="X2564">
        <v>2020</v>
      </c>
    </row>
    <row r="2565" spans="1:24" x14ac:dyDescent="0.25">
      <c r="A2565">
        <v>9078</v>
      </c>
      <c r="B2565" t="s">
        <v>28</v>
      </c>
      <c r="C2565">
        <v>49</v>
      </c>
      <c r="D2565" t="s">
        <v>321</v>
      </c>
      <c r="E2565">
        <v>369</v>
      </c>
      <c r="F2565" t="s">
        <v>651</v>
      </c>
      <c r="G2565">
        <v>160</v>
      </c>
      <c r="H2565" t="s">
        <v>1935</v>
      </c>
      <c r="I2565">
        <v>11847</v>
      </c>
      <c r="J2565" t="s">
        <v>687</v>
      </c>
      <c r="K2565">
        <v>82</v>
      </c>
      <c r="L2565" t="s">
        <v>1914</v>
      </c>
      <c r="M2565">
        <v>337</v>
      </c>
      <c r="N2565" t="s">
        <v>668</v>
      </c>
      <c r="O2565">
        <v>4</v>
      </c>
      <c r="P2565" t="s">
        <v>655</v>
      </c>
      <c r="Q2565">
        <v>1</v>
      </c>
      <c r="R2565" t="s">
        <v>669</v>
      </c>
      <c r="S2565">
        <v>1</v>
      </c>
      <c r="T2565" t="s">
        <v>661</v>
      </c>
      <c r="U2565">
        <v>8</v>
      </c>
      <c r="V2565">
        <v>3</v>
      </c>
      <c r="W2565">
        <v>180</v>
      </c>
      <c r="X2565">
        <v>2020</v>
      </c>
    </row>
    <row r="2566" spans="1:24" x14ac:dyDescent="0.25">
      <c r="A2566">
        <v>9075</v>
      </c>
      <c r="B2566" t="s">
        <v>210</v>
      </c>
      <c r="C2566">
        <v>23</v>
      </c>
      <c r="D2566" t="s">
        <v>543</v>
      </c>
      <c r="E2566">
        <v>167</v>
      </c>
      <c r="F2566" t="s">
        <v>651</v>
      </c>
      <c r="G2566">
        <v>160</v>
      </c>
      <c r="H2566" t="s">
        <v>739</v>
      </c>
      <c r="I2566">
        <v>4413</v>
      </c>
      <c r="J2566" t="s">
        <v>659</v>
      </c>
      <c r="K2566">
        <v>35</v>
      </c>
      <c r="L2566" t="s">
        <v>1936</v>
      </c>
      <c r="M2566">
        <v>118</v>
      </c>
      <c r="N2566" t="s">
        <v>668</v>
      </c>
      <c r="O2566">
        <v>4</v>
      </c>
      <c r="P2566" t="s">
        <v>655</v>
      </c>
      <c r="Q2566">
        <v>1</v>
      </c>
      <c r="R2566" t="s">
        <v>669</v>
      </c>
      <c r="S2566">
        <v>1</v>
      </c>
      <c r="T2566" t="s">
        <v>661</v>
      </c>
      <c r="U2566">
        <v>8</v>
      </c>
      <c r="V2566">
        <v>3</v>
      </c>
      <c r="W2566">
        <v>180</v>
      </c>
      <c r="X2566">
        <v>2020</v>
      </c>
    </row>
    <row r="2567" spans="1:24" x14ac:dyDescent="0.25">
      <c r="A2567">
        <v>9073</v>
      </c>
      <c r="B2567" t="s">
        <v>18</v>
      </c>
      <c r="C2567">
        <v>31</v>
      </c>
      <c r="D2567" t="s">
        <v>514</v>
      </c>
      <c r="E2567">
        <v>237</v>
      </c>
      <c r="F2567" t="s">
        <v>651</v>
      </c>
      <c r="G2567">
        <v>160</v>
      </c>
      <c r="H2567" t="s">
        <v>719</v>
      </c>
      <c r="I2567">
        <v>7630</v>
      </c>
      <c r="J2567" t="s">
        <v>897</v>
      </c>
      <c r="K2567">
        <v>3</v>
      </c>
      <c r="L2567" t="s">
        <v>923</v>
      </c>
      <c r="M2567">
        <v>3082</v>
      </c>
      <c r="N2567" t="s">
        <v>668</v>
      </c>
      <c r="O2567">
        <v>4</v>
      </c>
      <c r="P2567" t="s">
        <v>655</v>
      </c>
      <c r="Q2567">
        <v>1</v>
      </c>
      <c r="R2567" t="s">
        <v>669</v>
      </c>
      <c r="S2567">
        <v>1</v>
      </c>
      <c r="T2567" t="s">
        <v>661</v>
      </c>
      <c r="U2567">
        <v>8</v>
      </c>
      <c r="V2567">
        <v>3</v>
      </c>
      <c r="W2567">
        <v>180</v>
      </c>
      <c r="X2567">
        <v>2020</v>
      </c>
    </row>
    <row r="2568" spans="1:24" x14ac:dyDescent="0.25">
      <c r="A2568">
        <v>9072</v>
      </c>
      <c r="B2568" t="s">
        <v>108</v>
      </c>
      <c r="C2568">
        <v>13</v>
      </c>
      <c r="D2568" t="s">
        <v>582</v>
      </c>
      <c r="E2568">
        <v>86</v>
      </c>
      <c r="F2568" t="s">
        <v>651</v>
      </c>
      <c r="G2568">
        <v>160</v>
      </c>
      <c r="H2568" t="s">
        <v>854</v>
      </c>
      <c r="I2568">
        <v>1</v>
      </c>
      <c r="J2568" t="s">
        <v>765</v>
      </c>
      <c r="K2568">
        <v>76</v>
      </c>
      <c r="L2568" t="s">
        <v>766</v>
      </c>
      <c r="M2568">
        <v>137</v>
      </c>
      <c r="N2568" t="s">
        <v>668</v>
      </c>
      <c r="O2568">
        <v>4</v>
      </c>
      <c r="P2568" t="s">
        <v>655</v>
      </c>
      <c r="Q2568">
        <v>1</v>
      </c>
      <c r="R2568" t="s">
        <v>669</v>
      </c>
      <c r="S2568">
        <v>1</v>
      </c>
      <c r="T2568" t="s">
        <v>661</v>
      </c>
      <c r="U2568">
        <v>8</v>
      </c>
      <c r="V2568">
        <v>3</v>
      </c>
      <c r="W2568">
        <v>180</v>
      </c>
      <c r="X2568">
        <v>2020</v>
      </c>
    </row>
    <row r="2569" spans="1:24" x14ac:dyDescent="0.25">
      <c r="A2569">
        <v>9071</v>
      </c>
      <c r="B2569" t="s">
        <v>108</v>
      </c>
      <c r="C2569">
        <v>13</v>
      </c>
      <c r="D2569" t="s">
        <v>582</v>
      </c>
      <c r="E2569">
        <v>86</v>
      </c>
      <c r="F2569" t="s">
        <v>651</v>
      </c>
      <c r="G2569">
        <v>160</v>
      </c>
      <c r="H2569" t="s">
        <v>854</v>
      </c>
      <c r="I2569">
        <v>1</v>
      </c>
      <c r="J2569" t="s">
        <v>684</v>
      </c>
      <c r="K2569">
        <v>22</v>
      </c>
      <c r="L2569" t="s">
        <v>685</v>
      </c>
      <c r="M2569">
        <v>72</v>
      </c>
      <c r="N2569" t="s">
        <v>654</v>
      </c>
      <c r="O2569">
        <v>3</v>
      </c>
      <c r="P2569" t="s">
        <v>689</v>
      </c>
      <c r="Q2569">
        <v>4</v>
      </c>
      <c r="R2569" t="s">
        <v>669</v>
      </c>
      <c r="S2569">
        <v>1</v>
      </c>
      <c r="T2569" t="s">
        <v>661</v>
      </c>
      <c r="U2569">
        <v>8</v>
      </c>
      <c r="V2569">
        <v>3</v>
      </c>
      <c r="W2569">
        <v>180</v>
      </c>
      <c r="X2569">
        <v>2020</v>
      </c>
    </row>
    <row r="2570" spans="1:24" x14ac:dyDescent="0.25">
      <c r="A2570">
        <v>9070</v>
      </c>
      <c r="B2570" t="s">
        <v>364</v>
      </c>
      <c r="C2570">
        <v>112</v>
      </c>
      <c r="D2570" t="s">
        <v>363</v>
      </c>
      <c r="E2570">
        <v>568</v>
      </c>
      <c r="F2570" t="s">
        <v>651</v>
      </c>
      <c r="G2570">
        <v>160</v>
      </c>
      <c r="H2570" t="s">
        <v>658</v>
      </c>
      <c r="I2570">
        <v>13755</v>
      </c>
      <c r="J2570" t="s">
        <v>676</v>
      </c>
      <c r="K2570">
        <v>4</v>
      </c>
      <c r="L2570" t="s">
        <v>936</v>
      </c>
      <c r="M2570">
        <v>13</v>
      </c>
      <c r="N2570" t="s">
        <v>668</v>
      </c>
      <c r="O2570">
        <v>4</v>
      </c>
      <c r="P2570" t="s">
        <v>655</v>
      </c>
      <c r="Q2570">
        <v>1</v>
      </c>
      <c r="R2570" t="s">
        <v>669</v>
      </c>
      <c r="S2570">
        <v>1</v>
      </c>
      <c r="T2570" t="s">
        <v>718</v>
      </c>
      <c r="U2570">
        <v>2</v>
      </c>
      <c r="V2570">
        <v>3</v>
      </c>
      <c r="W2570">
        <v>180</v>
      </c>
      <c r="X2570">
        <v>2020</v>
      </c>
    </row>
    <row r="2571" spans="1:24" x14ac:dyDescent="0.25">
      <c r="A2571">
        <v>9069</v>
      </c>
      <c r="B2571" t="s">
        <v>293</v>
      </c>
      <c r="C2571">
        <v>52</v>
      </c>
      <c r="D2571" t="s">
        <v>325</v>
      </c>
      <c r="E2571">
        <v>657</v>
      </c>
      <c r="F2571" t="s">
        <v>651</v>
      </c>
      <c r="G2571">
        <v>160</v>
      </c>
      <c r="H2571" t="s">
        <v>658</v>
      </c>
      <c r="I2571">
        <v>13755</v>
      </c>
      <c r="J2571" t="s">
        <v>1614</v>
      </c>
      <c r="K2571">
        <v>71</v>
      </c>
      <c r="L2571" t="s">
        <v>1937</v>
      </c>
      <c r="M2571">
        <v>323</v>
      </c>
      <c r="N2571" t="s">
        <v>654</v>
      </c>
      <c r="O2571">
        <v>3</v>
      </c>
      <c r="P2571" t="s">
        <v>655</v>
      </c>
      <c r="Q2571">
        <v>1</v>
      </c>
      <c r="R2571" t="s">
        <v>669</v>
      </c>
      <c r="S2571">
        <v>1</v>
      </c>
      <c r="T2571" t="s">
        <v>661</v>
      </c>
      <c r="U2571">
        <v>8</v>
      </c>
      <c r="V2571">
        <v>3</v>
      </c>
      <c r="W2571">
        <v>180</v>
      </c>
      <c r="X2571">
        <v>2020</v>
      </c>
    </row>
    <row r="2572" spans="1:24" x14ac:dyDescent="0.25">
      <c r="A2572">
        <v>9068</v>
      </c>
      <c r="B2572" t="s">
        <v>50</v>
      </c>
      <c r="C2572">
        <v>56</v>
      </c>
      <c r="D2572" t="s">
        <v>443</v>
      </c>
      <c r="E2572">
        <v>380</v>
      </c>
      <c r="F2572" t="s">
        <v>651</v>
      </c>
      <c r="G2572">
        <v>160</v>
      </c>
      <c r="H2572" t="s">
        <v>817</v>
      </c>
      <c r="I2572">
        <v>11010</v>
      </c>
      <c r="J2572" t="s">
        <v>1614</v>
      </c>
      <c r="K2572">
        <v>71</v>
      </c>
      <c r="L2572" t="s">
        <v>1938</v>
      </c>
      <c r="M2572">
        <v>3081</v>
      </c>
      <c r="N2572" t="s">
        <v>668</v>
      </c>
      <c r="O2572">
        <v>4</v>
      </c>
      <c r="P2572" t="s">
        <v>655</v>
      </c>
      <c r="Q2572">
        <v>1</v>
      </c>
      <c r="R2572" t="s">
        <v>669</v>
      </c>
      <c r="S2572">
        <v>1</v>
      </c>
      <c r="T2572" t="s">
        <v>661</v>
      </c>
      <c r="U2572">
        <v>8</v>
      </c>
      <c r="V2572">
        <v>3</v>
      </c>
      <c r="W2572">
        <v>180</v>
      </c>
      <c r="X2572">
        <v>2020</v>
      </c>
    </row>
    <row r="2573" spans="1:24" x14ac:dyDescent="0.25">
      <c r="A2573">
        <v>9067</v>
      </c>
      <c r="B2573" t="s">
        <v>50</v>
      </c>
      <c r="C2573">
        <v>56</v>
      </c>
      <c r="D2573" t="s">
        <v>443</v>
      </c>
      <c r="E2573">
        <v>380</v>
      </c>
      <c r="F2573" t="s">
        <v>651</v>
      </c>
      <c r="G2573">
        <v>160</v>
      </c>
      <c r="H2573" t="s">
        <v>817</v>
      </c>
      <c r="I2573">
        <v>11010</v>
      </c>
      <c r="J2573" t="s">
        <v>1614</v>
      </c>
      <c r="K2573">
        <v>71</v>
      </c>
      <c r="L2573" t="s">
        <v>1939</v>
      </c>
      <c r="M2573">
        <v>315</v>
      </c>
      <c r="N2573" t="s">
        <v>654</v>
      </c>
      <c r="O2573">
        <v>3</v>
      </c>
      <c r="P2573" t="s">
        <v>655</v>
      </c>
      <c r="Q2573">
        <v>1</v>
      </c>
      <c r="R2573" t="s">
        <v>669</v>
      </c>
      <c r="S2573">
        <v>1</v>
      </c>
      <c r="T2573" t="s">
        <v>661</v>
      </c>
      <c r="U2573">
        <v>8</v>
      </c>
      <c r="V2573">
        <v>3</v>
      </c>
      <c r="W2573">
        <v>180</v>
      </c>
      <c r="X2573">
        <v>2020</v>
      </c>
    </row>
    <row r="2574" spans="1:24" x14ac:dyDescent="0.25">
      <c r="A2574">
        <v>9066</v>
      </c>
      <c r="B2574" t="s">
        <v>303</v>
      </c>
      <c r="C2574">
        <v>53</v>
      </c>
      <c r="D2574" t="s">
        <v>323</v>
      </c>
      <c r="E2574">
        <v>655</v>
      </c>
      <c r="F2574" t="s">
        <v>651</v>
      </c>
      <c r="G2574">
        <v>160</v>
      </c>
      <c r="H2574" t="s">
        <v>658</v>
      </c>
      <c r="I2574">
        <v>13755</v>
      </c>
      <c r="J2574" t="s">
        <v>682</v>
      </c>
      <c r="K2574">
        <v>20</v>
      </c>
      <c r="L2574" t="s">
        <v>904</v>
      </c>
      <c r="M2574">
        <v>61</v>
      </c>
      <c r="N2574" t="s">
        <v>668</v>
      </c>
      <c r="O2574">
        <v>4</v>
      </c>
      <c r="P2574" t="s">
        <v>655</v>
      </c>
      <c r="Q2574">
        <v>1</v>
      </c>
      <c r="R2574" t="s">
        <v>669</v>
      </c>
      <c r="S2574">
        <v>1</v>
      </c>
      <c r="T2574" t="s">
        <v>661</v>
      </c>
      <c r="U2574">
        <v>8</v>
      </c>
      <c r="V2574">
        <v>3</v>
      </c>
      <c r="W2574">
        <v>180</v>
      </c>
      <c r="X2574">
        <v>2020</v>
      </c>
    </row>
    <row r="2575" spans="1:24" x14ac:dyDescent="0.25">
      <c r="A2575">
        <v>9065</v>
      </c>
      <c r="B2575" t="s">
        <v>303</v>
      </c>
      <c r="C2575">
        <v>53</v>
      </c>
      <c r="D2575" t="s">
        <v>323</v>
      </c>
      <c r="E2575">
        <v>655</v>
      </c>
      <c r="F2575" t="s">
        <v>651</v>
      </c>
      <c r="G2575">
        <v>160</v>
      </c>
      <c r="H2575" t="s">
        <v>658</v>
      </c>
      <c r="I2575">
        <v>13755</v>
      </c>
      <c r="J2575" t="s">
        <v>65</v>
      </c>
      <c r="K2575">
        <v>15</v>
      </c>
      <c r="L2575" t="s">
        <v>65</v>
      </c>
      <c r="M2575">
        <v>51</v>
      </c>
      <c r="N2575" t="s">
        <v>668</v>
      </c>
      <c r="O2575">
        <v>4</v>
      </c>
      <c r="P2575" t="s">
        <v>689</v>
      </c>
      <c r="Q2575">
        <v>4</v>
      </c>
      <c r="R2575" t="s">
        <v>669</v>
      </c>
      <c r="S2575">
        <v>1</v>
      </c>
      <c r="T2575" t="s">
        <v>661</v>
      </c>
      <c r="U2575">
        <v>8</v>
      </c>
      <c r="V2575">
        <v>4</v>
      </c>
      <c r="W2575">
        <v>240</v>
      </c>
      <c r="X2575">
        <v>2020</v>
      </c>
    </row>
    <row r="2576" spans="1:24" x14ac:dyDescent="0.25">
      <c r="A2576">
        <v>9064</v>
      </c>
      <c r="B2576" t="s">
        <v>303</v>
      </c>
      <c r="C2576">
        <v>53</v>
      </c>
      <c r="D2576" t="s">
        <v>323</v>
      </c>
      <c r="E2576">
        <v>655</v>
      </c>
      <c r="F2576" t="s">
        <v>651</v>
      </c>
      <c r="G2576">
        <v>160</v>
      </c>
      <c r="H2576" t="s">
        <v>658</v>
      </c>
      <c r="I2576">
        <v>13755</v>
      </c>
      <c r="J2576" t="s">
        <v>65</v>
      </c>
      <c r="K2576">
        <v>15</v>
      </c>
      <c r="L2576" t="s">
        <v>65</v>
      </c>
      <c r="M2576">
        <v>51</v>
      </c>
      <c r="N2576" t="s">
        <v>654</v>
      </c>
      <c r="O2576">
        <v>3</v>
      </c>
      <c r="P2576" t="s">
        <v>655</v>
      </c>
      <c r="Q2576">
        <v>1</v>
      </c>
      <c r="R2576" t="s">
        <v>669</v>
      </c>
      <c r="S2576">
        <v>1</v>
      </c>
      <c r="T2576" t="s">
        <v>661</v>
      </c>
      <c r="U2576">
        <v>8</v>
      </c>
      <c r="V2576">
        <v>4</v>
      </c>
      <c r="W2576">
        <v>240</v>
      </c>
      <c r="X2576">
        <v>2020</v>
      </c>
    </row>
    <row r="2577" spans="1:24" x14ac:dyDescent="0.25">
      <c r="A2577">
        <v>9063</v>
      </c>
      <c r="B2577" t="s">
        <v>303</v>
      </c>
      <c r="C2577">
        <v>53</v>
      </c>
      <c r="D2577" t="s">
        <v>327</v>
      </c>
      <c r="E2577">
        <v>654</v>
      </c>
      <c r="F2577" t="s">
        <v>651</v>
      </c>
      <c r="G2577">
        <v>160</v>
      </c>
      <c r="H2577" t="s">
        <v>658</v>
      </c>
      <c r="I2577">
        <v>13755</v>
      </c>
      <c r="J2577" t="s">
        <v>1614</v>
      </c>
      <c r="K2577">
        <v>71</v>
      </c>
      <c r="L2577" t="s">
        <v>1940</v>
      </c>
      <c r="M2577">
        <v>53</v>
      </c>
      <c r="N2577" t="s">
        <v>654</v>
      </c>
      <c r="O2577">
        <v>3</v>
      </c>
      <c r="P2577" t="s">
        <v>655</v>
      </c>
      <c r="Q2577">
        <v>1</v>
      </c>
      <c r="R2577" t="s">
        <v>669</v>
      </c>
      <c r="S2577">
        <v>1</v>
      </c>
      <c r="T2577" t="s">
        <v>661</v>
      </c>
      <c r="U2577">
        <v>8</v>
      </c>
      <c r="V2577">
        <v>3</v>
      </c>
      <c r="W2577">
        <v>180</v>
      </c>
      <c r="X2577">
        <v>2020</v>
      </c>
    </row>
    <row r="2578" spans="1:24" x14ac:dyDescent="0.25">
      <c r="A2578">
        <v>9062</v>
      </c>
      <c r="B2578" t="s">
        <v>303</v>
      </c>
      <c r="C2578">
        <v>53</v>
      </c>
      <c r="D2578" t="s">
        <v>328</v>
      </c>
      <c r="E2578">
        <v>653</v>
      </c>
      <c r="F2578" t="s">
        <v>651</v>
      </c>
      <c r="G2578">
        <v>160</v>
      </c>
      <c r="H2578" t="s">
        <v>658</v>
      </c>
      <c r="I2578">
        <v>13755</v>
      </c>
      <c r="J2578" t="s">
        <v>1614</v>
      </c>
      <c r="K2578">
        <v>71</v>
      </c>
      <c r="L2578" t="s">
        <v>1940</v>
      </c>
      <c r="M2578">
        <v>53</v>
      </c>
      <c r="N2578" t="s">
        <v>654</v>
      </c>
      <c r="O2578">
        <v>3</v>
      </c>
      <c r="P2578" t="s">
        <v>655</v>
      </c>
      <c r="Q2578">
        <v>1</v>
      </c>
      <c r="R2578" t="s">
        <v>669</v>
      </c>
      <c r="S2578">
        <v>1</v>
      </c>
      <c r="T2578" t="s">
        <v>661</v>
      </c>
      <c r="U2578">
        <v>8</v>
      </c>
      <c r="V2578">
        <v>3</v>
      </c>
      <c r="W2578">
        <v>180</v>
      </c>
      <c r="X2578">
        <v>2020</v>
      </c>
    </row>
    <row r="2579" spans="1:24" x14ac:dyDescent="0.25">
      <c r="A2579">
        <v>9061</v>
      </c>
      <c r="B2579" t="s">
        <v>140</v>
      </c>
      <c r="C2579">
        <v>34</v>
      </c>
      <c r="D2579" t="s">
        <v>357</v>
      </c>
      <c r="E2579">
        <v>595</v>
      </c>
      <c r="F2579" t="s">
        <v>651</v>
      </c>
      <c r="G2579">
        <v>160</v>
      </c>
      <c r="H2579" t="s">
        <v>652</v>
      </c>
      <c r="I2579">
        <v>2094</v>
      </c>
      <c r="J2579" t="s">
        <v>691</v>
      </c>
      <c r="K2579">
        <v>21</v>
      </c>
      <c r="L2579" t="s">
        <v>1923</v>
      </c>
      <c r="M2579">
        <v>67</v>
      </c>
      <c r="N2579" t="s">
        <v>668</v>
      </c>
      <c r="O2579">
        <v>4</v>
      </c>
      <c r="P2579" t="s">
        <v>655</v>
      </c>
      <c r="Q2579">
        <v>1</v>
      </c>
      <c r="R2579" t="s">
        <v>669</v>
      </c>
      <c r="S2579">
        <v>1</v>
      </c>
      <c r="T2579" t="s">
        <v>661</v>
      </c>
      <c r="U2579">
        <v>8</v>
      </c>
      <c r="V2579">
        <v>3</v>
      </c>
      <c r="W2579">
        <v>180</v>
      </c>
      <c r="X2579">
        <v>2020</v>
      </c>
    </row>
    <row r="2580" spans="1:24" x14ac:dyDescent="0.25">
      <c r="A2580">
        <v>9059</v>
      </c>
      <c r="B2580" t="s">
        <v>95</v>
      </c>
      <c r="C2580">
        <v>26</v>
      </c>
      <c r="D2580" t="s">
        <v>361</v>
      </c>
      <c r="E2580">
        <v>590</v>
      </c>
      <c r="F2580" t="s">
        <v>651</v>
      </c>
      <c r="G2580">
        <v>160</v>
      </c>
      <c r="H2580" t="s">
        <v>833</v>
      </c>
      <c r="I2580">
        <v>5562</v>
      </c>
      <c r="J2580" t="s">
        <v>714</v>
      </c>
      <c r="K2580">
        <v>52</v>
      </c>
      <c r="L2580" t="s">
        <v>715</v>
      </c>
      <c r="M2580">
        <v>306</v>
      </c>
      <c r="N2580" t="s">
        <v>654</v>
      </c>
      <c r="O2580">
        <v>3</v>
      </c>
      <c r="P2580" t="s">
        <v>655</v>
      </c>
      <c r="Q2580">
        <v>1</v>
      </c>
      <c r="R2580" t="s">
        <v>669</v>
      </c>
      <c r="S2580">
        <v>1</v>
      </c>
      <c r="T2580" t="s">
        <v>661</v>
      </c>
      <c r="U2580">
        <v>8</v>
      </c>
      <c r="V2580">
        <v>4</v>
      </c>
      <c r="W2580">
        <v>240</v>
      </c>
      <c r="X2580">
        <v>2020</v>
      </c>
    </row>
    <row r="2581" spans="1:24" x14ac:dyDescent="0.25">
      <c r="A2581">
        <v>9058</v>
      </c>
      <c r="B2581" t="s">
        <v>226</v>
      </c>
      <c r="C2581">
        <v>1</v>
      </c>
      <c r="D2581" t="s">
        <v>361</v>
      </c>
      <c r="E2581">
        <v>1</v>
      </c>
      <c r="F2581" t="s">
        <v>651</v>
      </c>
      <c r="G2581">
        <v>160</v>
      </c>
      <c r="H2581" t="s">
        <v>658</v>
      </c>
      <c r="I2581">
        <v>13755</v>
      </c>
      <c r="J2581" t="s">
        <v>714</v>
      </c>
      <c r="K2581">
        <v>52</v>
      </c>
      <c r="L2581" t="s">
        <v>715</v>
      </c>
      <c r="M2581">
        <v>306</v>
      </c>
      <c r="N2581" t="s">
        <v>654</v>
      </c>
      <c r="O2581">
        <v>3</v>
      </c>
      <c r="P2581" t="s">
        <v>655</v>
      </c>
      <c r="Q2581">
        <v>1</v>
      </c>
      <c r="R2581" t="s">
        <v>669</v>
      </c>
      <c r="S2581">
        <v>1</v>
      </c>
      <c r="T2581" t="s">
        <v>661</v>
      </c>
      <c r="U2581">
        <v>8</v>
      </c>
      <c r="V2581">
        <v>4</v>
      </c>
      <c r="W2581">
        <v>240</v>
      </c>
      <c r="X2581">
        <v>2020</v>
      </c>
    </row>
    <row r="2582" spans="1:24" x14ac:dyDescent="0.25">
      <c r="A2582">
        <v>9054</v>
      </c>
      <c r="B2582" t="s">
        <v>22</v>
      </c>
      <c r="C2582">
        <v>28</v>
      </c>
      <c r="D2582" t="s">
        <v>502</v>
      </c>
      <c r="E2582">
        <v>212</v>
      </c>
      <c r="F2582" t="s">
        <v>1255</v>
      </c>
      <c r="G2582">
        <v>98</v>
      </c>
      <c r="H2582" t="s">
        <v>1919</v>
      </c>
      <c r="I2582">
        <v>17520</v>
      </c>
      <c r="J2582" t="s">
        <v>932</v>
      </c>
      <c r="K2582">
        <v>77</v>
      </c>
      <c r="L2582" t="s">
        <v>933</v>
      </c>
      <c r="M2582">
        <v>330</v>
      </c>
      <c r="N2582" t="s">
        <v>668</v>
      </c>
      <c r="O2582">
        <v>4</v>
      </c>
      <c r="P2582" t="s">
        <v>655</v>
      </c>
      <c r="Q2582">
        <v>1</v>
      </c>
      <c r="R2582" t="s">
        <v>669</v>
      </c>
      <c r="S2582">
        <v>1</v>
      </c>
      <c r="T2582" t="s">
        <v>661</v>
      </c>
      <c r="U2582">
        <v>8</v>
      </c>
      <c r="V2582">
        <v>4</v>
      </c>
      <c r="W2582">
        <v>240</v>
      </c>
      <c r="X2582">
        <v>2020</v>
      </c>
    </row>
    <row r="2583" spans="1:24" x14ac:dyDescent="0.25">
      <c r="A2583">
        <v>9053</v>
      </c>
      <c r="B2583" t="s">
        <v>22</v>
      </c>
      <c r="C2583">
        <v>28</v>
      </c>
      <c r="D2583" t="s">
        <v>528</v>
      </c>
      <c r="E2583">
        <v>215</v>
      </c>
      <c r="F2583" t="s">
        <v>651</v>
      </c>
      <c r="G2583">
        <v>160</v>
      </c>
      <c r="H2583" t="s">
        <v>675</v>
      </c>
      <c r="I2583">
        <v>5952</v>
      </c>
      <c r="J2583" t="s">
        <v>703</v>
      </c>
      <c r="K2583">
        <v>16</v>
      </c>
      <c r="L2583" t="s">
        <v>704</v>
      </c>
      <c r="M2583">
        <v>56</v>
      </c>
      <c r="N2583" t="s">
        <v>668</v>
      </c>
      <c r="O2583">
        <v>4</v>
      </c>
      <c r="P2583" t="s">
        <v>655</v>
      </c>
      <c r="Q2583">
        <v>1</v>
      </c>
      <c r="R2583" t="s">
        <v>669</v>
      </c>
      <c r="S2583">
        <v>1</v>
      </c>
      <c r="T2583" t="s">
        <v>661</v>
      </c>
      <c r="U2583">
        <v>8</v>
      </c>
      <c r="V2583">
        <v>3</v>
      </c>
      <c r="W2583">
        <v>180</v>
      </c>
      <c r="X2583">
        <v>2020</v>
      </c>
    </row>
    <row r="2584" spans="1:24" x14ac:dyDescent="0.25">
      <c r="A2584">
        <v>9052</v>
      </c>
      <c r="B2584" t="s">
        <v>22</v>
      </c>
      <c r="C2584">
        <v>28</v>
      </c>
      <c r="D2584" t="s">
        <v>528</v>
      </c>
      <c r="E2584">
        <v>215</v>
      </c>
      <c r="F2584" t="s">
        <v>651</v>
      </c>
      <c r="G2584">
        <v>160</v>
      </c>
      <c r="H2584" t="s">
        <v>675</v>
      </c>
      <c r="I2584">
        <v>5952</v>
      </c>
      <c r="J2584" t="s">
        <v>756</v>
      </c>
      <c r="K2584">
        <v>19</v>
      </c>
      <c r="L2584" t="s">
        <v>756</v>
      </c>
      <c r="M2584">
        <v>60</v>
      </c>
      <c r="N2584" t="s">
        <v>668</v>
      </c>
      <c r="O2584">
        <v>4</v>
      </c>
      <c r="P2584" t="s">
        <v>655</v>
      </c>
      <c r="Q2584">
        <v>1</v>
      </c>
      <c r="R2584" t="s">
        <v>669</v>
      </c>
      <c r="S2584">
        <v>1</v>
      </c>
      <c r="T2584" t="s">
        <v>661</v>
      </c>
      <c r="U2584">
        <v>8</v>
      </c>
      <c r="V2584">
        <v>3</v>
      </c>
      <c r="W2584">
        <v>180</v>
      </c>
      <c r="X2584">
        <v>2020</v>
      </c>
    </row>
    <row r="2585" spans="1:24" x14ac:dyDescent="0.25">
      <c r="A2585">
        <v>9051</v>
      </c>
      <c r="B2585" t="s">
        <v>22</v>
      </c>
      <c r="C2585">
        <v>28</v>
      </c>
      <c r="D2585" t="s">
        <v>532</v>
      </c>
      <c r="E2585">
        <v>208</v>
      </c>
      <c r="F2585" t="s">
        <v>651</v>
      </c>
      <c r="G2585">
        <v>160</v>
      </c>
      <c r="H2585" t="s">
        <v>675</v>
      </c>
      <c r="I2585">
        <v>5952</v>
      </c>
      <c r="J2585" t="s">
        <v>714</v>
      </c>
      <c r="K2585">
        <v>52</v>
      </c>
      <c r="L2585" t="s">
        <v>928</v>
      </c>
      <c r="M2585">
        <v>202</v>
      </c>
      <c r="N2585" t="s">
        <v>668</v>
      </c>
      <c r="O2585">
        <v>4</v>
      </c>
      <c r="P2585" t="s">
        <v>655</v>
      </c>
      <c r="Q2585">
        <v>1</v>
      </c>
      <c r="R2585" t="s">
        <v>669</v>
      </c>
      <c r="S2585">
        <v>1</v>
      </c>
      <c r="T2585" t="s">
        <v>769</v>
      </c>
      <c r="U2585">
        <v>3</v>
      </c>
      <c r="V2585">
        <v>4</v>
      </c>
      <c r="W2585">
        <v>240</v>
      </c>
      <c r="X2585">
        <v>2020</v>
      </c>
    </row>
    <row r="2586" spans="1:24" x14ac:dyDescent="0.25">
      <c r="A2586">
        <v>9050</v>
      </c>
      <c r="B2586" t="s">
        <v>22</v>
      </c>
      <c r="C2586">
        <v>28</v>
      </c>
      <c r="D2586" t="s">
        <v>533</v>
      </c>
      <c r="E2586">
        <v>207</v>
      </c>
      <c r="F2586" t="s">
        <v>651</v>
      </c>
      <c r="G2586">
        <v>160</v>
      </c>
      <c r="H2586" t="s">
        <v>675</v>
      </c>
      <c r="I2586">
        <v>5952</v>
      </c>
      <c r="J2586" t="s">
        <v>749</v>
      </c>
      <c r="K2586">
        <v>63</v>
      </c>
      <c r="L2586" t="s">
        <v>749</v>
      </c>
      <c r="M2586">
        <v>271</v>
      </c>
      <c r="N2586" t="s">
        <v>668</v>
      </c>
      <c r="O2586">
        <v>4</v>
      </c>
      <c r="P2586" t="s">
        <v>655</v>
      </c>
      <c r="Q2586">
        <v>1</v>
      </c>
      <c r="R2586" t="s">
        <v>669</v>
      </c>
      <c r="S2586">
        <v>1</v>
      </c>
      <c r="T2586" t="s">
        <v>718</v>
      </c>
      <c r="U2586">
        <v>2</v>
      </c>
      <c r="V2586">
        <v>4</v>
      </c>
      <c r="W2586">
        <v>240</v>
      </c>
      <c r="X2586">
        <v>2020</v>
      </c>
    </row>
    <row r="2587" spans="1:24" x14ac:dyDescent="0.25">
      <c r="A2587">
        <v>9049</v>
      </c>
      <c r="B2587" t="s">
        <v>14</v>
      </c>
      <c r="C2587">
        <v>20</v>
      </c>
      <c r="D2587" t="s">
        <v>508</v>
      </c>
      <c r="E2587">
        <v>157</v>
      </c>
      <c r="F2587" t="s">
        <v>651</v>
      </c>
      <c r="G2587">
        <v>160</v>
      </c>
      <c r="H2587" t="s">
        <v>854</v>
      </c>
      <c r="I2587">
        <v>1</v>
      </c>
      <c r="J2587" t="s">
        <v>864</v>
      </c>
      <c r="K2587">
        <v>14</v>
      </c>
      <c r="L2587" t="s">
        <v>1941</v>
      </c>
      <c r="M2587">
        <v>355</v>
      </c>
      <c r="N2587" t="s">
        <v>654</v>
      </c>
      <c r="O2587">
        <v>3</v>
      </c>
      <c r="P2587" t="s">
        <v>655</v>
      </c>
      <c r="Q2587">
        <v>1</v>
      </c>
      <c r="R2587" t="s">
        <v>669</v>
      </c>
      <c r="S2587">
        <v>1</v>
      </c>
      <c r="T2587" t="s">
        <v>657</v>
      </c>
      <c r="U2587">
        <v>7</v>
      </c>
      <c r="V2587">
        <v>4</v>
      </c>
      <c r="W2587">
        <v>240</v>
      </c>
      <c r="X2587">
        <v>2020</v>
      </c>
    </row>
    <row r="2588" spans="1:24" x14ac:dyDescent="0.25">
      <c r="A2588">
        <v>9047</v>
      </c>
      <c r="B2588" t="s">
        <v>14</v>
      </c>
      <c r="C2588">
        <v>20</v>
      </c>
      <c r="D2588" t="s">
        <v>554</v>
      </c>
      <c r="E2588">
        <v>149</v>
      </c>
      <c r="F2588" t="s">
        <v>651</v>
      </c>
      <c r="G2588">
        <v>160</v>
      </c>
      <c r="H2588" t="s">
        <v>739</v>
      </c>
      <c r="I2588">
        <v>4413</v>
      </c>
      <c r="J2588" t="s">
        <v>301</v>
      </c>
      <c r="K2588">
        <v>26</v>
      </c>
      <c r="L2588" t="s">
        <v>301</v>
      </c>
      <c r="M2588">
        <v>82</v>
      </c>
      <c r="N2588" t="s">
        <v>668</v>
      </c>
      <c r="O2588">
        <v>4</v>
      </c>
      <c r="P2588" t="s">
        <v>655</v>
      </c>
      <c r="Q2588">
        <v>1</v>
      </c>
      <c r="R2588" t="s">
        <v>669</v>
      </c>
      <c r="S2588">
        <v>1</v>
      </c>
      <c r="T2588" t="s">
        <v>729</v>
      </c>
      <c r="U2588">
        <v>4</v>
      </c>
      <c r="V2588">
        <v>3</v>
      </c>
      <c r="W2588">
        <v>180</v>
      </c>
      <c r="X2588">
        <v>2020</v>
      </c>
    </row>
    <row r="2589" spans="1:24" x14ac:dyDescent="0.25">
      <c r="A2589">
        <v>9046</v>
      </c>
      <c r="B2589" t="s">
        <v>14</v>
      </c>
      <c r="C2589">
        <v>20</v>
      </c>
      <c r="D2589" t="s">
        <v>556</v>
      </c>
      <c r="E2589">
        <v>146</v>
      </c>
      <c r="F2589" t="s">
        <v>651</v>
      </c>
      <c r="G2589">
        <v>160</v>
      </c>
      <c r="H2589" t="s">
        <v>739</v>
      </c>
      <c r="I2589">
        <v>4413</v>
      </c>
      <c r="J2589" t="s">
        <v>1084</v>
      </c>
      <c r="K2589">
        <v>118</v>
      </c>
      <c r="L2589" t="s">
        <v>1084</v>
      </c>
      <c r="M2589">
        <v>59</v>
      </c>
      <c r="N2589" t="s">
        <v>668</v>
      </c>
      <c r="O2589">
        <v>4</v>
      </c>
      <c r="P2589" t="s">
        <v>655</v>
      </c>
      <c r="Q2589">
        <v>1</v>
      </c>
      <c r="R2589" t="s">
        <v>669</v>
      </c>
      <c r="S2589">
        <v>1</v>
      </c>
      <c r="T2589" t="s">
        <v>718</v>
      </c>
      <c r="U2589">
        <v>2</v>
      </c>
      <c r="V2589">
        <v>3</v>
      </c>
      <c r="W2589">
        <v>180</v>
      </c>
      <c r="X2589">
        <v>2020</v>
      </c>
    </row>
    <row r="2590" spans="1:24" x14ac:dyDescent="0.25">
      <c r="A2590">
        <v>9045</v>
      </c>
      <c r="B2590" t="s">
        <v>14</v>
      </c>
      <c r="C2590">
        <v>20</v>
      </c>
      <c r="D2590" t="s">
        <v>386</v>
      </c>
      <c r="E2590">
        <v>142</v>
      </c>
      <c r="F2590" t="s">
        <v>651</v>
      </c>
      <c r="G2590">
        <v>160</v>
      </c>
      <c r="H2590" t="s">
        <v>739</v>
      </c>
      <c r="I2590">
        <v>4413</v>
      </c>
      <c r="J2590" t="s">
        <v>792</v>
      </c>
      <c r="K2590">
        <v>6</v>
      </c>
      <c r="L2590" t="s">
        <v>1927</v>
      </c>
      <c r="M2590">
        <v>17</v>
      </c>
      <c r="N2590" t="s">
        <v>668</v>
      </c>
      <c r="O2590">
        <v>4</v>
      </c>
      <c r="P2590" t="s">
        <v>655</v>
      </c>
      <c r="Q2590">
        <v>1</v>
      </c>
      <c r="R2590" t="s">
        <v>669</v>
      </c>
      <c r="S2590">
        <v>1</v>
      </c>
      <c r="T2590" t="s">
        <v>729</v>
      </c>
      <c r="U2590">
        <v>4</v>
      </c>
      <c r="V2590">
        <v>3</v>
      </c>
      <c r="W2590">
        <v>180</v>
      </c>
      <c r="X2590">
        <v>2020</v>
      </c>
    </row>
    <row r="2591" spans="1:24" x14ac:dyDescent="0.25">
      <c r="A2591">
        <v>9043</v>
      </c>
      <c r="B2591" t="s">
        <v>364</v>
      </c>
      <c r="C2591">
        <v>112</v>
      </c>
      <c r="D2591" t="s">
        <v>363</v>
      </c>
      <c r="E2591">
        <v>568</v>
      </c>
      <c r="F2591" t="s">
        <v>651</v>
      </c>
      <c r="G2591">
        <v>160</v>
      </c>
      <c r="H2591" t="s">
        <v>658</v>
      </c>
      <c r="I2591">
        <v>13755</v>
      </c>
      <c r="J2591" t="s">
        <v>756</v>
      </c>
      <c r="K2591">
        <v>19</v>
      </c>
      <c r="L2591" t="s">
        <v>756</v>
      </c>
      <c r="M2591">
        <v>60</v>
      </c>
      <c r="N2591" t="s">
        <v>668</v>
      </c>
      <c r="O2591">
        <v>4</v>
      </c>
      <c r="P2591" t="s">
        <v>655</v>
      </c>
      <c r="Q2591">
        <v>1</v>
      </c>
      <c r="R2591" t="s">
        <v>669</v>
      </c>
      <c r="S2591">
        <v>1</v>
      </c>
      <c r="T2591" t="s">
        <v>718</v>
      </c>
      <c r="U2591">
        <v>2</v>
      </c>
      <c r="V2591">
        <v>3</v>
      </c>
      <c r="W2591">
        <v>180</v>
      </c>
      <c r="X2591">
        <v>2020</v>
      </c>
    </row>
    <row r="2592" spans="1:24" x14ac:dyDescent="0.25">
      <c r="A2592">
        <v>9042</v>
      </c>
      <c r="B2592" t="s">
        <v>364</v>
      </c>
      <c r="C2592">
        <v>112</v>
      </c>
      <c r="D2592" t="s">
        <v>363</v>
      </c>
      <c r="E2592">
        <v>568</v>
      </c>
      <c r="F2592" t="s">
        <v>651</v>
      </c>
      <c r="G2592">
        <v>160</v>
      </c>
      <c r="H2592" t="s">
        <v>658</v>
      </c>
      <c r="I2592">
        <v>13755</v>
      </c>
      <c r="J2592" t="s">
        <v>301</v>
      </c>
      <c r="K2592">
        <v>26</v>
      </c>
      <c r="L2592" t="s">
        <v>301</v>
      </c>
      <c r="M2592">
        <v>82</v>
      </c>
      <c r="N2592" t="s">
        <v>668</v>
      </c>
      <c r="O2592">
        <v>4</v>
      </c>
      <c r="P2592" t="s">
        <v>655</v>
      </c>
      <c r="Q2592">
        <v>1</v>
      </c>
      <c r="R2592" t="s">
        <v>669</v>
      </c>
      <c r="S2592">
        <v>1</v>
      </c>
      <c r="T2592" t="s">
        <v>718</v>
      </c>
      <c r="U2592">
        <v>2</v>
      </c>
      <c r="V2592">
        <v>3</v>
      </c>
      <c r="W2592">
        <v>180</v>
      </c>
      <c r="X2592">
        <v>2020</v>
      </c>
    </row>
    <row r="2593" spans="1:24" x14ac:dyDescent="0.25">
      <c r="A2593">
        <v>9039</v>
      </c>
      <c r="B2593" t="s">
        <v>67</v>
      </c>
      <c r="C2593">
        <v>62</v>
      </c>
      <c r="D2593" t="s">
        <v>422</v>
      </c>
      <c r="E2593">
        <v>445</v>
      </c>
      <c r="F2593" t="s">
        <v>651</v>
      </c>
      <c r="G2593">
        <v>160</v>
      </c>
      <c r="H2593" t="s">
        <v>658</v>
      </c>
      <c r="I2593">
        <v>13755</v>
      </c>
      <c r="J2593" t="s">
        <v>1538</v>
      </c>
      <c r="K2593">
        <v>36</v>
      </c>
      <c r="L2593" t="s">
        <v>1538</v>
      </c>
      <c r="M2593">
        <v>125</v>
      </c>
      <c r="N2593" t="s">
        <v>668</v>
      </c>
      <c r="O2593">
        <v>4</v>
      </c>
      <c r="P2593" t="s">
        <v>655</v>
      </c>
      <c r="Q2593">
        <v>1</v>
      </c>
      <c r="R2593" t="s">
        <v>669</v>
      </c>
      <c r="S2593">
        <v>1</v>
      </c>
      <c r="T2593" t="s">
        <v>718</v>
      </c>
      <c r="U2593">
        <v>2</v>
      </c>
      <c r="V2593">
        <v>6</v>
      </c>
      <c r="W2593">
        <v>360</v>
      </c>
      <c r="X2593">
        <v>2020</v>
      </c>
    </row>
    <row r="2594" spans="1:24" x14ac:dyDescent="0.25">
      <c r="A2594">
        <v>9035</v>
      </c>
      <c r="B2594" t="s">
        <v>215</v>
      </c>
      <c r="C2594">
        <v>41</v>
      </c>
      <c r="D2594" t="s">
        <v>482</v>
      </c>
      <c r="E2594">
        <v>320</v>
      </c>
      <c r="F2594" t="s">
        <v>651</v>
      </c>
      <c r="G2594">
        <v>160</v>
      </c>
      <c r="H2594" t="s">
        <v>1207</v>
      </c>
      <c r="I2594">
        <v>5188</v>
      </c>
      <c r="J2594" t="s">
        <v>765</v>
      </c>
      <c r="K2594">
        <v>76</v>
      </c>
      <c r="L2594" t="s">
        <v>766</v>
      </c>
      <c r="M2594">
        <v>137</v>
      </c>
      <c r="N2594" t="s">
        <v>654</v>
      </c>
      <c r="O2594">
        <v>3</v>
      </c>
      <c r="P2594" t="s">
        <v>655</v>
      </c>
      <c r="Q2594">
        <v>1</v>
      </c>
      <c r="R2594" t="s">
        <v>669</v>
      </c>
      <c r="S2594">
        <v>1</v>
      </c>
      <c r="T2594" t="s">
        <v>661</v>
      </c>
      <c r="U2594">
        <v>8</v>
      </c>
      <c r="V2594">
        <v>3</v>
      </c>
      <c r="W2594">
        <v>180</v>
      </c>
      <c r="X2594">
        <v>2020</v>
      </c>
    </row>
    <row r="2595" spans="1:24" x14ac:dyDescent="0.25">
      <c r="A2595">
        <v>9034</v>
      </c>
      <c r="B2595" t="s">
        <v>74</v>
      </c>
      <c r="C2595">
        <v>40</v>
      </c>
      <c r="D2595" t="s">
        <v>485</v>
      </c>
      <c r="E2595">
        <v>314</v>
      </c>
      <c r="F2595" t="s">
        <v>651</v>
      </c>
      <c r="G2595">
        <v>160</v>
      </c>
      <c r="H2595" t="s">
        <v>697</v>
      </c>
      <c r="I2595">
        <v>11198</v>
      </c>
      <c r="J2595" t="s">
        <v>699</v>
      </c>
      <c r="K2595">
        <v>10</v>
      </c>
      <c r="L2595" t="s">
        <v>700</v>
      </c>
      <c r="M2595">
        <v>348</v>
      </c>
      <c r="N2595" t="s">
        <v>668</v>
      </c>
      <c r="O2595">
        <v>4</v>
      </c>
      <c r="P2595" t="s">
        <v>655</v>
      </c>
      <c r="Q2595">
        <v>1</v>
      </c>
      <c r="R2595" t="s">
        <v>669</v>
      </c>
      <c r="S2595">
        <v>1</v>
      </c>
      <c r="T2595" t="s">
        <v>1504</v>
      </c>
      <c r="U2595">
        <v>63</v>
      </c>
      <c r="V2595">
        <v>3</v>
      </c>
      <c r="W2595">
        <v>180</v>
      </c>
      <c r="X2595">
        <v>2020</v>
      </c>
    </row>
    <row r="2596" spans="1:24" x14ac:dyDescent="0.25">
      <c r="A2596">
        <v>9033</v>
      </c>
      <c r="B2596" t="s">
        <v>74</v>
      </c>
      <c r="C2596">
        <v>40</v>
      </c>
      <c r="D2596" t="s">
        <v>485</v>
      </c>
      <c r="E2596">
        <v>314</v>
      </c>
      <c r="F2596" t="s">
        <v>651</v>
      </c>
      <c r="G2596">
        <v>160</v>
      </c>
      <c r="H2596" t="s">
        <v>697</v>
      </c>
      <c r="I2596">
        <v>11198</v>
      </c>
      <c r="J2596" t="s">
        <v>699</v>
      </c>
      <c r="K2596">
        <v>10</v>
      </c>
      <c r="L2596" t="s">
        <v>700</v>
      </c>
      <c r="M2596">
        <v>348</v>
      </c>
      <c r="N2596" t="s">
        <v>668</v>
      </c>
      <c r="O2596">
        <v>4</v>
      </c>
      <c r="P2596" t="s">
        <v>655</v>
      </c>
      <c r="Q2596">
        <v>1</v>
      </c>
      <c r="R2596" t="s">
        <v>669</v>
      </c>
      <c r="S2596">
        <v>1</v>
      </c>
      <c r="T2596" t="s">
        <v>1424</v>
      </c>
      <c r="U2596">
        <v>62</v>
      </c>
      <c r="V2596">
        <v>3</v>
      </c>
      <c r="W2596">
        <v>180</v>
      </c>
      <c r="X2596">
        <v>2020</v>
      </c>
    </row>
    <row r="2597" spans="1:24" x14ac:dyDescent="0.25">
      <c r="A2597">
        <v>9031</v>
      </c>
      <c r="B2597" t="s">
        <v>189</v>
      </c>
      <c r="C2597">
        <v>30</v>
      </c>
      <c r="D2597" t="s">
        <v>463</v>
      </c>
      <c r="E2597">
        <v>232</v>
      </c>
      <c r="F2597" t="s">
        <v>651</v>
      </c>
      <c r="G2597">
        <v>160</v>
      </c>
      <c r="H2597" t="s">
        <v>719</v>
      </c>
      <c r="I2597">
        <v>7630</v>
      </c>
      <c r="J2597" t="s">
        <v>880</v>
      </c>
      <c r="K2597">
        <v>58</v>
      </c>
      <c r="L2597" t="s">
        <v>1536</v>
      </c>
      <c r="M2597">
        <v>475</v>
      </c>
      <c r="N2597" t="s">
        <v>668</v>
      </c>
      <c r="O2597">
        <v>4</v>
      </c>
      <c r="P2597" t="s">
        <v>655</v>
      </c>
      <c r="Q2597">
        <v>1</v>
      </c>
      <c r="R2597" t="s">
        <v>669</v>
      </c>
      <c r="S2597">
        <v>1</v>
      </c>
      <c r="T2597" t="s">
        <v>661</v>
      </c>
      <c r="U2597">
        <v>8</v>
      </c>
      <c r="V2597">
        <v>4</v>
      </c>
      <c r="W2597">
        <v>240</v>
      </c>
      <c r="X2597">
        <v>2020</v>
      </c>
    </row>
    <row r="2598" spans="1:24" x14ac:dyDescent="0.25">
      <c r="A2598">
        <v>9030</v>
      </c>
      <c r="B2598" t="s">
        <v>189</v>
      </c>
      <c r="C2598">
        <v>30</v>
      </c>
      <c r="D2598" t="s">
        <v>463</v>
      </c>
      <c r="E2598">
        <v>232</v>
      </c>
      <c r="F2598" t="s">
        <v>651</v>
      </c>
      <c r="G2598">
        <v>160</v>
      </c>
      <c r="H2598" t="s">
        <v>719</v>
      </c>
      <c r="I2598">
        <v>7630</v>
      </c>
      <c r="J2598" t="s">
        <v>909</v>
      </c>
      <c r="K2598">
        <v>39</v>
      </c>
      <c r="L2598" t="s">
        <v>1942</v>
      </c>
      <c r="M2598">
        <v>142</v>
      </c>
      <c r="N2598" t="s">
        <v>668</v>
      </c>
      <c r="O2598">
        <v>4</v>
      </c>
      <c r="P2598" t="s">
        <v>655</v>
      </c>
      <c r="Q2598">
        <v>1</v>
      </c>
      <c r="R2598" t="s">
        <v>669</v>
      </c>
      <c r="S2598">
        <v>1</v>
      </c>
      <c r="T2598" t="s">
        <v>661</v>
      </c>
      <c r="U2598">
        <v>8</v>
      </c>
      <c r="V2598">
        <v>4</v>
      </c>
      <c r="W2598">
        <v>240</v>
      </c>
      <c r="X2598">
        <v>2020</v>
      </c>
    </row>
    <row r="2599" spans="1:24" x14ac:dyDescent="0.25">
      <c r="A2599">
        <v>9028</v>
      </c>
      <c r="B2599" t="s">
        <v>30</v>
      </c>
      <c r="C2599">
        <v>18</v>
      </c>
      <c r="D2599" t="s">
        <v>477</v>
      </c>
      <c r="E2599">
        <v>103</v>
      </c>
      <c r="F2599" t="s">
        <v>651</v>
      </c>
      <c r="G2599">
        <v>160</v>
      </c>
      <c r="H2599" t="s">
        <v>922</v>
      </c>
      <c r="I2599">
        <v>8163</v>
      </c>
      <c r="J2599" t="s">
        <v>716</v>
      </c>
      <c r="K2599">
        <v>68</v>
      </c>
      <c r="L2599" t="s">
        <v>717</v>
      </c>
      <c r="M2599">
        <v>295</v>
      </c>
      <c r="N2599" t="s">
        <v>668</v>
      </c>
      <c r="O2599">
        <v>4</v>
      </c>
      <c r="P2599" t="s">
        <v>655</v>
      </c>
      <c r="Q2599">
        <v>1</v>
      </c>
      <c r="R2599" t="s">
        <v>669</v>
      </c>
      <c r="S2599">
        <v>1</v>
      </c>
      <c r="T2599" t="s">
        <v>661</v>
      </c>
      <c r="U2599">
        <v>8</v>
      </c>
      <c r="V2599">
        <v>4</v>
      </c>
      <c r="W2599">
        <v>240</v>
      </c>
      <c r="X2599">
        <v>2020</v>
      </c>
    </row>
    <row r="2600" spans="1:24" x14ac:dyDescent="0.25">
      <c r="A2600">
        <v>9027</v>
      </c>
      <c r="B2600" t="s">
        <v>16</v>
      </c>
      <c r="C2600">
        <v>5</v>
      </c>
      <c r="D2600" t="s">
        <v>425</v>
      </c>
      <c r="E2600">
        <v>50</v>
      </c>
      <c r="F2600" t="s">
        <v>651</v>
      </c>
      <c r="G2600">
        <v>160</v>
      </c>
      <c r="H2600" t="s">
        <v>658</v>
      </c>
      <c r="I2600">
        <v>13755</v>
      </c>
      <c r="J2600" t="s">
        <v>684</v>
      </c>
      <c r="K2600">
        <v>22</v>
      </c>
      <c r="L2600" t="s">
        <v>1943</v>
      </c>
      <c r="M2600">
        <v>70</v>
      </c>
      <c r="N2600" t="s">
        <v>668</v>
      </c>
      <c r="O2600">
        <v>4</v>
      </c>
      <c r="P2600" t="s">
        <v>655</v>
      </c>
      <c r="Q2600">
        <v>1</v>
      </c>
      <c r="R2600" t="s">
        <v>669</v>
      </c>
      <c r="S2600">
        <v>1</v>
      </c>
      <c r="T2600" t="s">
        <v>718</v>
      </c>
      <c r="U2600">
        <v>2</v>
      </c>
      <c r="V2600">
        <v>3</v>
      </c>
      <c r="W2600">
        <v>180</v>
      </c>
      <c r="X2600">
        <v>2020</v>
      </c>
    </row>
    <row r="2601" spans="1:24" x14ac:dyDescent="0.25">
      <c r="A2601">
        <v>9026</v>
      </c>
      <c r="B2601" t="s">
        <v>84</v>
      </c>
      <c r="C2601">
        <v>3</v>
      </c>
      <c r="D2601" t="s">
        <v>422</v>
      </c>
      <c r="E2601">
        <v>24</v>
      </c>
      <c r="F2601" t="s">
        <v>651</v>
      </c>
      <c r="G2601">
        <v>160</v>
      </c>
      <c r="H2601" t="s">
        <v>658</v>
      </c>
      <c r="I2601">
        <v>13755</v>
      </c>
      <c r="J2601" t="s">
        <v>1538</v>
      </c>
      <c r="K2601">
        <v>36</v>
      </c>
      <c r="L2601" t="s">
        <v>1538</v>
      </c>
      <c r="M2601">
        <v>125</v>
      </c>
      <c r="N2601" t="s">
        <v>668</v>
      </c>
      <c r="O2601">
        <v>4</v>
      </c>
      <c r="P2601" t="s">
        <v>655</v>
      </c>
      <c r="Q2601">
        <v>1</v>
      </c>
      <c r="R2601" t="s">
        <v>669</v>
      </c>
      <c r="S2601">
        <v>1</v>
      </c>
      <c r="T2601" t="s">
        <v>718</v>
      </c>
      <c r="U2601">
        <v>2</v>
      </c>
      <c r="V2601">
        <v>6</v>
      </c>
      <c r="W2601">
        <v>360</v>
      </c>
      <c r="X2601">
        <v>2020</v>
      </c>
    </row>
    <row r="2602" spans="1:24" x14ac:dyDescent="0.25">
      <c r="A2602">
        <v>9025</v>
      </c>
      <c r="B2602" t="s">
        <v>26</v>
      </c>
      <c r="C2602">
        <v>44</v>
      </c>
      <c r="D2602" t="s">
        <v>474</v>
      </c>
      <c r="E2602">
        <v>332</v>
      </c>
      <c r="F2602" t="s">
        <v>651</v>
      </c>
      <c r="G2602">
        <v>160</v>
      </c>
      <c r="H2602" t="s">
        <v>666</v>
      </c>
      <c r="I2602">
        <v>8767</v>
      </c>
      <c r="J2602" t="s">
        <v>894</v>
      </c>
      <c r="K2602">
        <v>18</v>
      </c>
      <c r="L2602" t="s">
        <v>894</v>
      </c>
      <c r="M2602">
        <v>58</v>
      </c>
      <c r="N2602" t="s">
        <v>668</v>
      </c>
      <c r="O2602">
        <v>4</v>
      </c>
      <c r="P2602" t="s">
        <v>655</v>
      </c>
      <c r="Q2602">
        <v>1</v>
      </c>
      <c r="R2602" t="s">
        <v>669</v>
      </c>
      <c r="S2602">
        <v>1</v>
      </c>
      <c r="T2602" t="s">
        <v>661</v>
      </c>
      <c r="U2602">
        <v>8</v>
      </c>
      <c r="V2602">
        <v>3</v>
      </c>
      <c r="W2602">
        <v>180</v>
      </c>
      <c r="X2602">
        <v>2020</v>
      </c>
    </row>
    <row r="2603" spans="1:24" x14ac:dyDescent="0.25">
      <c r="A2603">
        <v>9024</v>
      </c>
      <c r="B2603" t="s">
        <v>206</v>
      </c>
      <c r="C2603">
        <v>33</v>
      </c>
      <c r="D2603" t="s">
        <v>348</v>
      </c>
      <c r="E2603">
        <v>618</v>
      </c>
      <c r="F2603" t="s">
        <v>651</v>
      </c>
      <c r="G2603">
        <v>160</v>
      </c>
      <c r="H2603" t="s">
        <v>719</v>
      </c>
      <c r="I2603">
        <v>7630</v>
      </c>
      <c r="J2603" t="s">
        <v>679</v>
      </c>
      <c r="K2603">
        <v>32</v>
      </c>
      <c r="L2603" t="s">
        <v>680</v>
      </c>
      <c r="M2603">
        <v>466</v>
      </c>
      <c r="N2603" t="s">
        <v>668</v>
      </c>
      <c r="O2603">
        <v>4</v>
      </c>
      <c r="P2603" t="s">
        <v>655</v>
      </c>
      <c r="Q2603">
        <v>1</v>
      </c>
      <c r="R2603" t="s">
        <v>669</v>
      </c>
      <c r="S2603">
        <v>1</v>
      </c>
      <c r="T2603" t="s">
        <v>661</v>
      </c>
      <c r="U2603">
        <v>8</v>
      </c>
      <c r="V2603">
        <v>3</v>
      </c>
      <c r="W2603">
        <v>180</v>
      </c>
      <c r="X2603">
        <v>2020</v>
      </c>
    </row>
    <row r="2604" spans="1:24" x14ac:dyDescent="0.25">
      <c r="A2604">
        <v>9023</v>
      </c>
      <c r="B2604" t="s">
        <v>206</v>
      </c>
      <c r="C2604">
        <v>33</v>
      </c>
      <c r="D2604" t="s">
        <v>506</v>
      </c>
      <c r="E2604">
        <v>257</v>
      </c>
      <c r="F2604" t="s">
        <v>651</v>
      </c>
      <c r="G2604">
        <v>160</v>
      </c>
      <c r="H2604" t="s">
        <v>719</v>
      </c>
      <c r="I2604">
        <v>7630</v>
      </c>
      <c r="J2604" t="s">
        <v>659</v>
      </c>
      <c r="K2604">
        <v>35</v>
      </c>
      <c r="L2604" t="s">
        <v>925</v>
      </c>
      <c r="M2604">
        <v>112</v>
      </c>
      <c r="N2604" t="s">
        <v>654</v>
      </c>
      <c r="O2604">
        <v>3</v>
      </c>
      <c r="P2604" t="s">
        <v>655</v>
      </c>
      <c r="Q2604">
        <v>1</v>
      </c>
      <c r="R2604" t="s">
        <v>669</v>
      </c>
      <c r="S2604">
        <v>1</v>
      </c>
      <c r="T2604" t="s">
        <v>661</v>
      </c>
      <c r="U2604">
        <v>8</v>
      </c>
      <c r="V2604">
        <v>3</v>
      </c>
      <c r="W2604">
        <v>180</v>
      </c>
      <c r="X2604">
        <v>2020</v>
      </c>
    </row>
    <row r="2605" spans="1:24" x14ac:dyDescent="0.25">
      <c r="A2605">
        <v>9022</v>
      </c>
      <c r="B2605" t="s">
        <v>206</v>
      </c>
      <c r="C2605">
        <v>33</v>
      </c>
      <c r="D2605" t="s">
        <v>506</v>
      </c>
      <c r="E2605">
        <v>257</v>
      </c>
      <c r="F2605" t="s">
        <v>651</v>
      </c>
      <c r="G2605">
        <v>160</v>
      </c>
      <c r="H2605" t="s">
        <v>719</v>
      </c>
      <c r="I2605">
        <v>7630</v>
      </c>
      <c r="J2605" t="s">
        <v>659</v>
      </c>
      <c r="K2605">
        <v>35</v>
      </c>
      <c r="L2605" t="s">
        <v>1604</v>
      </c>
      <c r="M2605">
        <v>379</v>
      </c>
      <c r="N2605" t="s">
        <v>654</v>
      </c>
      <c r="O2605">
        <v>3</v>
      </c>
      <c r="P2605" t="s">
        <v>655</v>
      </c>
      <c r="Q2605">
        <v>1</v>
      </c>
      <c r="R2605" t="s">
        <v>669</v>
      </c>
      <c r="S2605">
        <v>1</v>
      </c>
      <c r="T2605" t="s">
        <v>661</v>
      </c>
      <c r="U2605">
        <v>8</v>
      </c>
      <c r="V2605">
        <v>3</v>
      </c>
      <c r="W2605">
        <v>180</v>
      </c>
      <c r="X2605">
        <v>2020</v>
      </c>
    </row>
    <row r="2606" spans="1:24" x14ac:dyDescent="0.25">
      <c r="A2606">
        <v>9021</v>
      </c>
      <c r="B2606" t="s">
        <v>129</v>
      </c>
      <c r="C2606">
        <v>10</v>
      </c>
      <c r="D2606" t="s">
        <v>587</v>
      </c>
      <c r="E2606">
        <v>77</v>
      </c>
      <c r="F2606" t="s">
        <v>651</v>
      </c>
      <c r="G2606">
        <v>160</v>
      </c>
      <c r="H2606" t="s">
        <v>658</v>
      </c>
      <c r="I2606">
        <v>13755</v>
      </c>
      <c r="J2606" t="s">
        <v>1028</v>
      </c>
      <c r="K2606">
        <v>33</v>
      </c>
      <c r="L2606" t="s">
        <v>1085</v>
      </c>
      <c r="M2606">
        <v>529</v>
      </c>
      <c r="N2606" t="s">
        <v>654</v>
      </c>
      <c r="O2606">
        <v>3</v>
      </c>
      <c r="P2606" t="s">
        <v>655</v>
      </c>
      <c r="Q2606">
        <v>1</v>
      </c>
      <c r="R2606" t="s">
        <v>669</v>
      </c>
      <c r="S2606">
        <v>1</v>
      </c>
      <c r="T2606" t="s">
        <v>661</v>
      </c>
      <c r="U2606">
        <v>8</v>
      </c>
      <c r="V2606">
        <v>3</v>
      </c>
      <c r="W2606">
        <v>180</v>
      </c>
      <c r="X2606">
        <v>2020</v>
      </c>
    </row>
    <row r="2607" spans="1:24" x14ac:dyDescent="0.25">
      <c r="A2607">
        <v>9020</v>
      </c>
      <c r="B2607" t="s">
        <v>129</v>
      </c>
      <c r="C2607">
        <v>10</v>
      </c>
      <c r="D2607" t="s">
        <v>587</v>
      </c>
      <c r="E2607">
        <v>77</v>
      </c>
      <c r="F2607" t="s">
        <v>651</v>
      </c>
      <c r="G2607">
        <v>160</v>
      </c>
      <c r="H2607" t="s">
        <v>658</v>
      </c>
      <c r="I2607">
        <v>13755</v>
      </c>
      <c r="J2607" t="s">
        <v>1028</v>
      </c>
      <c r="K2607">
        <v>33</v>
      </c>
      <c r="L2607" t="s">
        <v>1944</v>
      </c>
      <c r="M2607">
        <v>471</v>
      </c>
      <c r="N2607" t="s">
        <v>654</v>
      </c>
      <c r="O2607">
        <v>3</v>
      </c>
      <c r="P2607" t="s">
        <v>655</v>
      </c>
      <c r="Q2607">
        <v>1</v>
      </c>
      <c r="R2607" t="s">
        <v>669</v>
      </c>
      <c r="S2607">
        <v>1</v>
      </c>
      <c r="T2607" t="s">
        <v>661</v>
      </c>
      <c r="U2607">
        <v>8</v>
      </c>
      <c r="V2607">
        <v>3</v>
      </c>
      <c r="W2607">
        <v>180</v>
      </c>
      <c r="X2607">
        <v>2020</v>
      </c>
    </row>
    <row r="2608" spans="1:24" x14ac:dyDescent="0.25">
      <c r="A2608">
        <v>9019</v>
      </c>
      <c r="B2608" t="s">
        <v>129</v>
      </c>
      <c r="C2608">
        <v>10</v>
      </c>
      <c r="D2608" t="s">
        <v>587</v>
      </c>
      <c r="E2608">
        <v>77</v>
      </c>
      <c r="F2608" t="s">
        <v>651</v>
      </c>
      <c r="G2608">
        <v>160</v>
      </c>
      <c r="H2608" t="s">
        <v>658</v>
      </c>
      <c r="I2608">
        <v>13755</v>
      </c>
      <c r="J2608" t="s">
        <v>1028</v>
      </c>
      <c r="K2608">
        <v>33</v>
      </c>
      <c r="L2608" t="s">
        <v>1945</v>
      </c>
      <c r="M2608">
        <v>470</v>
      </c>
      <c r="N2608" t="s">
        <v>654</v>
      </c>
      <c r="O2608">
        <v>3</v>
      </c>
      <c r="P2608" t="s">
        <v>655</v>
      </c>
      <c r="Q2608">
        <v>1</v>
      </c>
      <c r="R2608" t="s">
        <v>669</v>
      </c>
      <c r="S2608">
        <v>1</v>
      </c>
      <c r="T2608" t="s">
        <v>661</v>
      </c>
      <c r="U2608">
        <v>8</v>
      </c>
      <c r="V2608">
        <v>3</v>
      </c>
      <c r="W2608">
        <v>180</v>
      </c>
      <c r="X2608">
        <v>2020</v>
      </c>
    </row>
    <row r="2609" spans="1:24" x14ac:dyDescent="0.25">
      <c r="A2609">
        <v>9018</v>
      </c>
      <c r="B2609" t="s">
        <v>129</v>
      </c>
      <c r="C2609">
        <v>10</v>
      </c>
      <c r="D2609" t="s">
        <v>348</v>
      </c>
      <c r="E2609">
        <v>76</v>
      </c>
      <c r="F2609" t="s">
        <v>651</v>
      </c>
      <c r="G2609">
        <v>160</v>
      </c>
      <c r="H2609" t="s">
        <v>658</v>
      </c>
      <c r="I2609">
        <v>13755</v>
      </c>
      <c r="J2609" t="s">
        <v>679</v>
      </c>
      <c r="K2609">
        <v>32</v>
      </c>
      <c r="L2609" t="s">
        <v>1946</v>
      </c>
      <c r="M2609">
        <v>465</v>
      </c>
      <c r="N2609" t="s">
        <v>654</v>
      </c>
      <c r="O2609">
        <v>3</v>
      </c>
      <c r="P2609" t="s">
        <v>655</v>
      </c>
      <c r="Q2609">
        <v>1</v>
      </c>
      <c r="R2609" t="s">
        <v>669</v>
      </c>
      <c r="S2609">
        <v>1</v>
      </c>
      <c r="T2609" t="s">
        <v>661</v>
      </c>
      <c r="U2609">
        <v>8</v>
      </c>
      <c r="V2609">
        <v>3</v>
      </c>
      <c r="W2609">
        <v>180</v>
      </c>
      <c r="X2609">
        <v>2020</v>
      </c>
    </row>
    <row r="2610" spans="1:24" x14ac:dyDescent="0.25">
      <c r="A2610">
        <v>9017</v>
      </c>
      <c r="B2610" t="s">
        <v>129</v>
      </c>
      <c r="C2610">
        <v>10</v>
      </c>
      <c r="D2610" t="s">
        <v>348</v>
      </c>
      <c r="E2610">
        <v>76</v>
      </c>
      <c r="F2610" t="s">
        <v>651</v>
      </c>
      <c r="G2610">
        <v>160</v>
      </c>
      <c r="H2610" t="s">
        <v>658</v>
      </c>
      <c r="I2610">
        <v>13755</v>
      </c>
      <c r="J2610" t="s">
        <v>679</v>
      </c>
      <c r="K2610">
        <v>32</v>
      </c>
      <c r="L2610" t="s">
        <v>1947</v>
      </c>
      <c r="M2610">
        <v>464</v>
      </c>
      <c r="N2610" t="s">
        <v>654</v>
      </c>
      <c r="O2610">
        <v>3</v>
      </c>
      <c r="P2610" t="s">
        <v>655</v>
      </c>
      <c r="Q2610">
        <v>1</v>
      </c>
      <c r="R2610" t="s">
        <v>669</v>
      </c>
      <c r="S2610">
        <v>1</v>
      </c>
      <c r="T2610" t="s">
        <v>661</v>
      </c>
      <c r="U2610">
        <v>8</v>
      </c>
      <c r="V2610">
        <v>3</v>
      </c>
      <c r="W2610">
        <v>180</v>
      </c>
      <c r="X2610">
        <v>2020</v>
      </c>
    </row>
    <row r="2611" spans="1:24" x14ac:dyDescent="0.25">
      <c r="A2611">
        <v>9016</v>
      </c>
      <c r="B2611" t="s">
        <v>129</v>
      </c>
      <c r="C2611">
        <v>10</v>
      </c>
      <c r="D2611" t="s">
        <v>348</v>
      </c>
      <c r="E2611">
        <v>76</v>
      </c>
      <c r="F2611" t="s">
        <v>651</v>
      </c>
      <c r="G2611">
        <v>160</v>
      </c>
      <c r="H2611" t="s">
        <v>658</v>
      </c>
      <c r="I2611">
        <v>13755</v>
      </c>
      <c r="J2611" t="s">
        <v>679</v>
      </c>
      <c r="K2611">
        <v>32</v>
      </c>
      <c r="L2611" t="s">
        <v>1612</v>
      </c>
      <c r="M2611">
        <v>463</v>
      </c>
      <c r="N2611" t="s">
        <v>654</v>
      </c>
      <c r="O2611">
        <v>3</v>
      </c>
      <c r="P2611" t="s">
        <v>655</v>
      </c>
      <c r="Q2611">
        <v>1</v>
      </c>
      <c r="R2611" t="s">
        <v>669</v>
      </c>
      <c r="S2611">
        <v>1</v>
      </c>
      <c r="T2611" t="s">
        <v>661</v>
      </c>
      <c r="U2611">
        <v>8</v>
      </c>
      <c r="V2611">
        <v>3</v>
      </c>
      <c r="W2611">
        <v>180</v>
      </c>
      <c r="X2611">
        <v>2020</v>
      </c>
    </row>
    <row r="2612" spans="1:24" x14ac:dyDescent="0.25">
      <c r="A2612">
        <v>9015</v>
      </c>
      <c r="B2612" t="s">
        <v>14</v>
      </c>
      <c r="C2612">
        <v>20</v>
      </c>
      <c r="D2612" t="s">
        <v>554</v>
      </c>
      <c r="E2612">
        <v>149</v>
      </c>
      <c r="F2612" t="s">
        <v>651</v>
      </c>
      <c r="G2612">
        <v>160</v>
      </c>
      <c r="H2612" t="s">
        <v>739</v>
      </c>
      <c r="I2612">
        <v>4413</v>
      </c>
      <c r="J2612" t="s">
        <v>1094</v>
      </c>
      <c r="K2612">
        <v>28</v>
      </c>
      <c r="L2612" t="s">
        <v>296</v>
      </c>
      <c r="M2612">
        <v>91</v>
      </c>
      <c r="N2612" t="s">
        <v>654</v>
      </c>
      <c r="O2612">
        <v>3</v>
      </c>
      <c r="P2612" t="s">
        <v>655</v>
      </c>
      <c r="Q2612">
        <v>1</v>
      </c>
      <c r="R2612" t="s">
        <v>669</v>
      </c>
      <c r="S2612">
        <v>1</v>
      </c>
      <c r="T2612" t="s">
        <v>657</v>
      </c>
      <c r="U2612">
        <v>7</v>
      </c>
      <c r="V2612">
        <v>3</v>
      </c>
      <c r="W2612">
        <v>180</v>
      </c>
      <c r="X2612">
        <v>2020</v>
      </c>
    </row>
    <row r="2613" spans="1:24" x14ac:dyDescent="0.25">
      <c r="A2613">
        <v>9014</v>
      </c>
      <c r="B2613" t="s">
        <v>110</v>
      </c>
      <c r="C2613">
        <v>2</v>
      </c>
      <c r="D2613" t="s">
        <v>615</v>
      </c>
      <c r="E2613">
        <v>22</v>
      </c>
      <c r="F2613" t="s">
        <v>651</v>
      </c>
      <c r="G2613">
        <v>160</v>
      </c>
      <c r="H2613" t="s">
        <v>658</v>
      </c>
      <c r="I2613">
        <v>13755</v>
      </c>
      <c r="J2613" t="s">
        <v>667</v>
      </c>
      <c r="K2613">
        <v>11</v>
      </c>
      <c r="L2613" t="s">
        <v>1420</v>
      </c>
      <c r="M2613">
        <v>34</v>
      </c>
      <c r="N2613" t="s">
        <v>654</v>
      </c>
      <c r="O2613">
        <v>3</v>
      </c>
      <c r="P2613" t="s">
        <v>655</v>
      </c>
      <c r="Q2613">
        <v>1</v>
      </c>
      <c r="R2613" t="s">
        <v>669</v>
      </c>
      <c r="S2613">
        <v>1</v>
      </c>
      <c r="T2613" t="s">
        <v>1010</v>
      </c>
      <c r="U2613">
        <v>36</v>
      </c>
      <c r="V2613">
        <v>3</v>
      </c>
      <c r="W2613">
        <v>180</v>
      </c>
      <c r="X2613">
        <v>2020</v>
      </c>
    </row>
    <row r="2614" spans="1:24" x14ac:dyDescent="0.25">
      <c r="A2614">
        <v>9013</v>
      </c>
      <c r="B2614" t="s">
        <v>110</v>
      </c>
      <c r="C2614">
        <v>2</v>
      </c>
      <c r="D2614" t="s">
        <v>615</v>
      </c>
      <c r="E2614">
        <v>22</v>
      </c>
      <c r="F2614" t="s">
        <v>651</v>
      </c>
      <c r="G2614">
        <v>160</v>
      </c>
      <c r="H2614" t="s">
        <v>658</v>
      </c>
      <c r="I2614">
        <v>13755</v>
      </c>
      <c r="J2614" t="s">
        <v>667</v>
      </c>
      <c r="K2614">
        <v>11</v>
      </c>
      <c r="L2614" t="s">
        <v>1420</v>
      </c>
      <c r="M2614">
        <v>34</v>
      </c>
      <c r="N2614" t="s">
        <v>654</v>
      </c>
      <c r="O2614">
        <v>3</v>
      </c>
      <c r="P2614" t="s">
        <v>655</v>
      </c>
      <c r="Q2614">
        <v>1</v>
      </c>
      <c r="R2614" t="s">
        <v>669</v>
      </c>
      <c r="S2614">
        <v>1</v>
      </c>
      <c r="T2614" t="s">
        <v>1009</v>
      </c>
      <c r="U2614">
        <v>35</v>
      </c>
      <c r="V2614">
        <v>3</v>
      </c>
      <c r="W2614">
        <v>180</v>
      </c>
      <c r="X2614">
        <v>2020</v>
      </c>
    </row>
    <row r="2615" spans="1:24" x14ac:dyDescent="0.25">
      <c r="A2615">
        <v>9012</v>
      </c>
      <c r="B2615" t="s">
        <v>14</v>
      </c>
      <c r="C2615">
        <v>20</v>
      </c>
      <c r="D2615" t="s">
        <v>426</v>
      </c>
      <c r="E2615">
        <v>145</v>
      </c>
      <c r="F2615" t="s">
        <v>651</v>
      </c>
      <c r="G2615">
        <v>160</v>
      </c>
      <c r="H2615" t="s">
        <v>739</v>
      </c>
      <c r="I2615">
        <v>4413</v>
      </c>
      <c r="J2615" t="s">
        <v>895</v>
      </c>
      <c r="K2615">
        <v>13</v>
      </c>
      <c r="L2615" t="s">
        <v>895</v>
      </c>
      <c r="M2615">
        <v>44</v>
      </c>
      <c r="N2615" t="s">
        <v>654</v>
      </c>
      <c r="O2615">
        <v>3</v>
      </c>
      <c r="P2615" t="s">
        <v>655</v>
      </c>
      <c r="Q2615">
        <v>1</v>
      </c>
      <c r="R2615" t="s">
        <v>669</v>
      </c>
      <c r="S2615">
        <v>1</v>
      </c>
      <c r="T2615" t="s">
        <v>657</v>
      </c>
      <c r="U2615">
        <v>7</v>
      </c>
      <c r="V2615">
        <v>3</v>
      </c>
      <c r="W2615">
        <v>180</v>
      </c>
      <c r="X2615">
        <v>2020</v>
      </c>
    </row>
    <row r="2616" spans="1:24" x14ac:dyDescent="0.25">
      <c r="A2616">
        <v>8900</v>
      </c>
      <c r="B2616" t="s">
        <v>383</v>
      </c>
      <c r="C2616">
        <v>83</v>
      </c>
      <c r="D2616" t="s">
        <v>384</v>
      </c>
      <c r="E2616">
        <v>527</v>
      </c>
      <c r="F2616" t="s">
        <v>651</v>
      </c>
      <c r="G2616">
        <v>160</v>
      </c>
      <c r="H2616" t="s">
        <v>773</v>
      </c>
      <c r="I2616">
        <v>11846</v>
      </c>
      <c r="J2616" t="s">
        <v>65</v>
      </c>
      <c r="K2616">
        <v>15</v>
      </c>
      <c r="L2616" t="s">
        <v>1948</v>
      </c>
      <c r="M2616">
        <v>3073</v>
      </c>
      <c r="N2616" t="s">
        <v>654</v>
      </c>
      <c r="O2616">
        <v>3</v>
      </c>
      <c r="P2616" t="s">
        <v>655</v>
      </c>
      <c r="Q2616">
        <v>1</v>
      </c>
      <c r="R2616" t="s">
        <v>656</v>
      </c>
      <c r="S2616">
        <v>2</v>
      </c>
      <c r="T2616" t="s">
        <v>661</v>
      </c>
      <c r="U2616">
        <v>8</v>
      </c>
      <c r="V2616">
        <v>2</v>
      </c>
      <c r="W2616">
        <v>120</v>
      </c>
      <c r="X2616">
        <v>2020</v>
      </c>
    </row>
    <row r="2617" spans="1:24" x14ac:dyDescent="0.25">
      <c r="A2617">
        <v>8899</v>
      </c>
      <c r="B2617" t="s">
        <v>383</v>
      </c>
      <c r="C2617">
        <v>83</v>
      </c>
      <c r="D2617" t="s">
        <v>385</v>
      </c>
      <c r="E2617">
        <v>525</v>
      </c>
      <c r="F2617" t="s">
        <v>651</v>
      </c>
      <c r="G2617">
        <v>160</v>
      </c>
      <c r="H2617" t="s">
        <v>773</v>
      </c>
      <c r="I2617">
        <v>11846</v>
      </c>
      <c r="J2617" t="s">
        <v>676</v>
      </c>
      <c r="K2617">
        <v>4</v>
      </c>
      <c r="L2617" t="s">
        <v>1949</v>
      </c>
      <c r="M2617">
        <v>3072</v>
      </c>
      <c r="N2617" t="s">
        <v>654</v>
      </c>
      <c r="O2617">
        <v>3</v>
      </c>
      <c r="P2617" t="s">
        <v>655</v>
      </c>
      <c r="Q2617">
        <v>1</v>
      </c>
      <c r="R2617" t="s">
        <v>656</v>
      </c>
      <c r="S2617">
        <v>2</v>
      </c>
      <c r="T2617" t="s">
        <v>661</v>
      </c>
      <c r="U2617">
        <v>8</v>
      </c>
      <c r="V2617">
        <v>2</v>
      </c>
      <c r="W2617">
        <v>120</v>
      </c>
      <c r="X2617">
        <v>2020</v>
      </c>
    </row>
    <row r="2618" spans="1:24" x14ac:dyDescent="0.25">
      <c r="A2618">
        <v>8898</v>
      </c>
      <c r="B2618" t="s">
        <v>383</v>
      </c>
      <c r="C2618">
        <v>83</v>
      </c>
      <c r="D2618" t="s">
        <v>385</v>
      </c>
      <c r="E2618">
        <v>525</v>
      </c>
      <c r="F2618" t="s">
        <v>651</v>
      </c>
      <c r="G2618">
        <v>160</v>
      </c>
      <c r="H2618" t="s">
        <v>773</v>
      </c>
      <c r="I2618">
        <v>11846</v>
      </c>
      <c r="J2618" t="s">
        <v>676</v>
      </c>
      <c r="K2618">
        <v>4</v>
      </c>
      <c r="L2618" t="s">
        <v>1950</v>
      </c>
      <c r="M2618">
        <v>3071</v>
      </c>
      <c r="N2618" t="s">
        <v>654</v>
      </c>
      <c r="O2618">
        <v>3</v>
      </c>
      <c r="P2618" t="s">
        <v>655</v>
      </c>
      <c r="Q2618">
        <v>1</v>
      </c>
      <c r="R2618" t="s">
        <v>656</v>
      </c>
      <c r="S2618">
        <v>2</v>
      </c>
      <c r="T2618" t="s">
        <v>661</v>
      </c>
      <c r="U2618">
        <v>8</v>
      </c>
      <c r="V2618">
        <v>2</v>
      </c>
      <c r="W2618">
        <v>120</v>
      </c>
      <c r="X2618">
        <v>2020</v>
      </c>
    </row>
    <row r="2619" spans="1:24" x14ac:dyDescent="0.25">
      <c r="A2619">
        <v>8897</v>
      </c>
      <c r="B2619" t="s">
        <v>383</v>
      </c>
      <c r="C2619">
        <v>83</v>
      </c>
      <c r="D2619" t="s">
        <v>382</v>
      </c>
      <c r="E2619">
        <v>530</v>
      </c>
      <c r="F2619" t="s">
        <v>651</v>
      </c>
      <c r="G2619">
        <v>160</v>
      </c>
      <c r="H2619" t="s">
        <v>773</v>
      </c>
      <c r="I2619">
        <v>11846</v>
      </c>
      <c r="J2619" t="s">
        <v>868</v>
      </c>
      <c r="K2619">
        <v>23</v>
      </c>
      <c r="L2619" t="s">
        <v>1951</v>
      </c>
      <c r="M2619">
        <v>3070</v>
      </c>
      <c r="N2619" t="s">
        <v>654</v>
      </c>
      <c r="O2619">
        <v>3</v>
      </c>
      <c r="P2619" t="s">
        <v>655</v>
      </c>
      <c r="Q2619">
        <v>1</v>
      </c>
      <c r="R2619" t="s">
        <v>656</v>
      </c>
      <c r="S2619">
        <v>2</v>
      </c>
      <c r="T2619" t="s">
        <v>661</v>
      </c>
      <c r="U2619">
        <v>8</v>
      </c>
      <c r="V2619">
        <v>2</v>
      </c>
      <c r="W2619">
        <v>120</v>
      </c>
      <c r="X2619">
        <v>2020</v>
      </c>
    </row>
    <row r="2620" spans="1:24" x14ac:dyDescent="0.25">
      <c r="A2620">
        <v>8895</v>
      </c>
      <c r="B2620" t="s">
        <v>383</v>
      </c>
      <c r="C2620">
        <v>83</v>
      </c>
      <c r="D2620" t="s">
        <v>316</v>
      </c>
      <c r="E2620">
        <v>523</v>
      </c>
      <c r="F2620" t="s">
        <v>651</v>
      </c>
      <c r="G2620">
        <v>160</v>
      </c>
      <c r="H2620" t="s">
        <v>773</v>
      </c>
      <c r="I2620">
        <v>11846</v>
      </c>
      <c r="J2620" t="s">
        <v>299</v>
      </c>
      <c r="K2620">
        <v>27</v>
      </c>
      <c r="L2620" t="s">
        <v>1952</v>
      </c>
      <c r="M2620">
        <v>3069</v>
      </c>
      <c r="N2620" t="s">
        <v>654</v>
      </c>
      <c r="O2620">
        <v>3</v>
      </c>
      <c r="P2620" t="s">
        <v>655</v>
      </c>
      <c r="Q2620">
        <v>1</v>
      </c>
      <c r="R2620" t="s">
        <v>656</v>
      </c>
      <c r="S2620">
        <v>2</v>
      </c>
      <c r="T2620" t="s">
        <v>661</v>
      </c>
      <c r="U2620">
        <v>8</v>
      </c>
      <c r="V2620">
        <v>2</v>
      </c>
      <c r="W2620">
        <v>120</v>
      </c>
      <c r="X2620">
        <v>2020</v>
      </c>
    </row>
    <row r="2621" spans="1:24" x14ac:dyDescent="0.25">
      <c r="A2621">
        <v>8892</v>
      </c>
      <c r="B2621" t="s">
        <v>55</v>
      </c>
      <c r="C2621">
        <v>81</v>
      </c>
      <c r="D2621" t="s">
        <v>11</v>
      </c>
      <c r="E2621">
        <v>516</v>
      </c>
      <c r="F2621" t="s">
        <v>651</v>
      </c>
      <c r="G2621">
        <v>160</v>
      </c>
      <c r="H2621" t="s">
        <v>666</v>
      </c>
      <c r="I2621">
        <v>8767</v>
      </c>
      <c r="J2621" t="s">
        <v>65</v>
      </c>
      <c r="K2621">
        <v>15</v>
      </c>
      <c r="L2621" t="s">
        <v>1953</v>
      </c>
      <c r="M2621">
        <v>3066</v>
      </c>
      <c r="N2621" t="s">
        <v>654</v>
      </c>
      <c r="O2621">
        <v>3</v>
      </c>
      <c r="P2621" t="s">
        <v>655</v>
      </c>
      <c r="Q2621">
        <v>1</v>
      </c>
      <c r="R2621" t="s">
        <v>656</v>
      </c>
      <c r="S2621">
        <v>2</v>
      </c>
      <c r="T2621" t="s">
        <v>661</v>
      </c>
      <c r="U2621">
        <v>8</v>
      </c>
      <c r="V2621">
        <v>1</v>
      </c>
      <c r="W2621">
        <v>60</v>
      </c>
      <c r="X2621">
        <v>2020</v>
      </c>
    </row>
    <row r="2622" spans="1:24" x14ac:dyDescent="0.25">
      <c r="A2622">
        <v>8891</v>
      </c>
      <c r="B2622" t="s">
        <v>55</v>
      </c>
      <c r="C2622">
        <v>81</v>
      </c>
      <c r="D2622" t="s">
        <v>387</v>
      </c>
      <c r="E2622">
        <v>518</v>
      </c>
      <c r="F2622" t="s">
        <v>651</v>
      </c>
      <c r="G2622">
        <v>160</v>
      </c>
      <c r="H2622" t="s">
        <v>666</v>
      </c>
      <c r="I2622">
        <v>8767</v>
      </c>
      <c r="J2622" t="s">
        <v>684</v>
      </c>
      <c r="K2622">
        <v>22</v>
      </c>
      <c r="L2622" t="s">
        <v>1954</v>
      </c>
      <c r="M2622">
        <v>3065</v>
      </c>
      <c r="N2622" t="s">
        <v>654</v>
      </c>
      <c r="O2622">
        <v>3</v>
      </c>
      <c r="P2622" t="s">
        <v>655</v>
      </c>
      <c r="Q2622">
        <v>1</v>
      </c>
      <c r="R2622" t="s">
        <v>656</v>
      </c>
      <c r="S2622">
        <v>2</v>
      </c>
      <c r="T2622" t="s">
        <v>661</v>
      </c>
      <c r="U2622">
        <v>8</v>
      </c>
      <c r="V2622">
        <v>2</v>
      </c>
      <c r="W2622">
        <v>120</v>
      </c>
      <c r="X2622">
        <v>2020</v>
      </c>
    </row>
    <row r="2623" spans="1:24" x14ac:dyDescent="0.25">
      <c r="A2623">
        <v>8890</v>
      </c>
      <c r="B2623" t="s">
        <v>55</v>
      </c>
      <c r="C2623">
        <v>81</v>
      </c>
      <c r="D2623" t="s">
        <v>387</v>
      </c>
      <c r="E2623">
        <v>518</v>
      </c>
      <c r="F2623" t="s">
        <v>651</v>
      </c>
      <c r="G2623">
        <v>160</v>
      </c>
      <c r="H2623" t="s">
        <v>666</v>
      </c>
      <c r="I2623">
        <v>8767</v>
      </c>
      <c r="J2623" t="s">
        <v>868</v>
      </c>
      <c r="K2623">
        <v>23</v>
      </c>
      <c r="L2623" t="s">
        <v>1955</v>
      </c>
      <c r="M2623">
        <v>917</v>
      </c>
      <c r="N2623" t="s">
        <v>654</v>
      </c>
      <c r="O2623">
        <v>3</v>
      </c>
      <c r="P2623" t="s">
        <v>655</v>
      </c>
      <c r="Q2623">
        <v>1</v>
      </c>
      <c r="R2623" t="s">
        <v>656</v>
      </c>
      <c r="S2623">
        <v>2</v>
      </c>
      <c r="T2623" t="s">
        <v>661</v>
      </c>
      <c r="U2623">
        <v>8</v>
      </c>
      <c r="V2623">
        <v>2</v>
      </c>
      <c r="W2623">
        <v>120</v>
      </c>
      <c r="X2623">
        <v>2020</v>
      </c>
    </row>
    <row r="2624" spans="1:24" x14ac:dyDescent="0.25">
      <c r="A2624">
        <v>8889</v>
      </c>
      <c r="B2624" t="s">
        <v>55</v>
      </c>
      <c r="C2624">
        <v>81</v>
      </c>
      <c r="D2624" t="s">
        <v>387</v>
      </c>
      <c r="E2624">
        <v>518</v>
      </c>
      <c r="F2624" t="s">
        <v>651</v>
      </c>
      <c r="G2624">
        <v>160</v>
      </c>
      <c r="H2624" t="s">
        <v>666</v>
      </c>
      <c r="I2624">
        <v>8767</v>
      </c>
      <c r="J2624" t="s">
        <v>868</v>
      </c>
      <c r="K2624">
        <v>23</v>
      </c>
      <c r="L2624" t="s">
        <v>1956</v>
      </c>
      <c r="M2624">
        <v>3064</v>
      </c>
      <c r="N2624" t="s">
        <v>654</v>
      </c>
      <c r="O2624">
        <v>3</v>
      </c>
      <c r="P2624" t="s">
        <v>655</v>
      </c>
      <c r="Q2624">
        <v>1</v>
      </c>
      <c r="R2624" t="s">
        <v>656</v>
      </c>
      <c r="S2624">
        <v>2</v>
      </c>
      <c r="T2624" t="s">
        <v>661</v>
      </c>
      <c r="U2624">
        <v>8</v>
      </c>
      <c r="V2624">
        <v>2</v>
      </c>
      <c r="W2624">
        <v>120</v>
      </c>
      <c r="X2624">
        <v>2020</v>
      </c>
    </row>
    <row r="2625" spans="1:24" x14ac:dyDescent="0.25">
      <c r="A2625">
        <v>8888</v>
      </c>
      <c r="B2625" t="s">
        <v>55</v>
      </c>
      <c r="C2625">
        <v>81</v>
      </c>
      <c r="D2625" t="s">
        <v>386</v>
      </c>
      <c r="E2625">
        <v>519</v>
      </c>
      <c r="F2625" t="s">
        <v>651</v>
      </c>
      <c r="G2625">
        <v>160</v>
      </c>
      <c r="H2625" t="s">
        <v>666</v>
      </c>
      <c r="I2625">
        <v>8767</v>
      </c>
      <c r="J2625" t="s">
        <v>792</v>
      </c>
      <c r="K2625">
        <v>6</v>
      </c>
      <c r="L2625" t="s">
        <v>1957</v>
      </c>
      <c r="M2625">
        <v>3063</v>
      </c>
      <c r="N2625" t="s">
        <v>654</v>
      </c>
      <c r="O2625">
        <v>3</v>
      </c>
      <c r="P2625" t="s">
        <v>655</v>
      </c>
      <c r="Q2625">
        <v>1</v>
      </c>
      <c r="R2625" t="s">
        <v>656</v>
      </c>
      <c r="S2625">
        <v>2</v>
      </c>
      <c r="T2625" t="s">
        <v>661</v>
      </c>
      <c r="U2625">
        <v>8</v>
      </c>
      <c r="V2625">
        <v>2</v>
      </c>
      <c r="W2625">
        <v>120</v>
      </c>
      <c r="X2625">
        <v>2020</v>
      </c>
    </row>
    <row r="2626" spans="1:24" x14ac:dyDescent="0.25">
      <c r="A2626">
        <v>8887</v>
      </c>
      <c r="B2626" t="s">
        <v>55</v>
      </c>
      <c r="C2626">
        <v>81</v>
      </c>
      <c r="D2626" t="s">
        <v>316</v>
      </c>
      <c r="E2626">
        <v>517</v>
      </c>
      <c r="F2626" t="s">
        <v>651</v>
      </c>
      <c r="G2626">
        <v>160</v>
      </c>
      <c r="H2626" t="s">
        <v>666</v>
      </c>
      <c r="I2626">
        <v>8767</v>
      </c>
      <c r="J2626" t="s">
        <v>807</v>
      </c>
      <c r="K2626">
        <v>25</v>
      </c>
      <c r="L2626" t="s">
        <v>1958</v>
      </c>
      <c r="M2626">
        <v>3062</v>
      </c>
      <c r="N2626" t="s">
        <v>654</v>
      </c>
      <c r="O2626">
        <v>3</v>
      </c>
      <c r="P2626" t="s">
        <v>655</v>
      </c>
      <c r="Q2626">
        <v>1</v>
      </c>
      <c r="R2626" t="s">
        <v>656</v>
      </c>
      <c r="S2626">
        <v>2</v>
      </c>
      <c r="T2626" t="s">
        <v>661</v>
      </c>
      <c r="U2626">
        <v>8</v>
      </c>
      <c r="V2626">
        <v>2</v>
      </c>
      <c r="W2626">
        <v>120</v>
      </c>
      <c r="X2626">
        <v>2020</v>
      </c>
    </row>
    <row r="2627" spans="1:24" x14ac:dyDescent="0.25">
      <c r="A2627">
        <v>8886</v>
      </c>
      <c r="B2627" t="s">
        <v>55</v>
      </c>
      <c r="C2627">
        <v>81</v>
      </c>
      <c r="D2627" t="s">
        <v>316</v>
      </c>
      <c r="E2627">
        <v>517</v>
      </c>
      <c r="F2627" t="s">
        <v>651</v>
      </c>
      <c r="G2627">
        <v>160</v>
      </c>
      <c r="H2627" t="s">
        <v>666</v>
      </c>
      <c r="I2627">
        <v>8767</v>
      </c>
      <c r="J2627" t="s">
        <v>807</v>
      </c>
      <c r="K2627">
        <v>25</v>
      </c>
      <c r="L2627" t="s">
        <v>1959</v>
      </c>
      <c r="M2627">
        <v>3061</v>
      </c>
      <c r="N2627" t="s">
        <v>654</v>
      </c>
      <c r="O2627">
        <v>3</v>
      </c>
      <c r="P2627" t="s">
        <v>655</v>
      </c>
      <c r="Q2627">
        <v>1</v>
      </c>
      <c r="R2627" t="s">
        <v>656</v>
      </c>
      <c r="S2627">
        <v>2</v>
      </c>
      <c r="T2627" t="s">
        <v>661</v>
      </c>
      <c r="U2627">
        <v>8</v>
      </c>
      <c r="V2627">
        <v>2</v>
      </c>
      <c r="W2627">
        <v>120</v>
      </c>
      <c r="X2627">
        <v>2020</v>
      </c>
    </row>
    <row r="2628" spans="1:24" x14ac:dyDescent="0.25">
      <c r="A2628">
        <v>8885</v>
      </c>
      <c r="B2628" t="s">
        <v>388</v>
      </c>
      <c r="C2628">
        <v>80</v>
      </c>
      <c r="D2628" t="s">
        <v>316</v>
      </c>
      <c r="E2628">
        <v>515</v>
      </c>
      <c r="F2628" t="s">
        <v>651</v>
      </c>
      <c r="G2628">
        <v>160</v>
      </c>
      <c r="H2628" t="s">
        <v>817</v>
      </c>
      <c r="I2628">
        <v>11010</v>
      </c>
      <c r="J2628" t="s">
        <v>294</v>
      </c>
      <c r="K2628">
        <v>31</v>
      </c>
      <c r="L2628" t="s">
        <v>1960</v>
      </c>
      <c r="M2628">
        <v>1039</v>
      </c>
      <c r="N2628" t="s">
        <v>654</v>
      </c>
      <c r="O2628">
        <v>3</v>
      </c>
      <c r="P2628" t="s">
        <v>655</v>
      </c>
      <c r="Q2628">
        <v>1</v>
      </c>
      <c r="R2628" t="s">
        <v>656</v>
      </c>
      <c r="S2628">
        <v>2</v>
      </c>
      <c r="T2628" t="s">
        <v>661</v>
      </c>
      <c r="U2628">
        <v>8</v>
      </c>
      <c r="V2628">
        <v>2</v>
      </c>
      <c r="W2628">
        <v>120</v>
      </c>
      <c r="X2628">
        <v>2020</v>
      </c>
    </row>
    <row r="2629" spans="1:24" x14ac:dyDescent="0.25">
      <c r="A2629">
        <v>8884</v>
      </c>
      <c r="B2629" t="s">
        <v>388</v>
      </c>
      <c r="C2629">
        <v>80</v>
      </c>
      <c r="D2629" t="s">
        <v>316</v>
      </c>
      <c r="E2629">
        <v>515</v>
      </c>
      <c r="F2629" t="s">
        <v>651</v>
      </c>
      <c r="G2629">
        <v>160</v>
      </c>
      <c r="H2629" t="s">
        <v>817</v>
      </c>
      <c r="I2629">
        <v>11010</v>
      </c>
      <c r="J2629" t="s">
        <v>295</v>
      </c>
      <c r="K2629">
        <v>30</v>
      </c>
      <c r="L2629" t="s">
        <v>1961</v>
      </c>
      <c r="M2629">
        <v>3060</v>
      </c>
      <c r="N2629" t="s">
        <v>654</v>
      </c>
      <c r="O2629">
        <v>3</v>
      </c>
      <c r="P2629" t="s">
        <v>655</v>
      </c>
      <c r="Q2629">
        <v>1</v>
      </c>
      <c r="R2629" t="s">
        <v>656</v>
      </c>
      <c r="S2629">
        <v>2</v>
      </c>
      <c r="T2629" t="s">
        <v>661</v>
      </c>
      <c r="U2629">
        <v>8</v>
      </c>
      <c r="V2629">
        <v>2</v>
      </c>
      <c r="W2629">
        <v>120</v>
      </c>
      <c r="X2629">
        <v>2020</v>
      </c>
    </row>
    <row r="2630" spans="1:24" x14ac:dyDescent="0.25">
      <c r="A2630">
        <v>8883</v>
      </c>
      <c r="B2630" t="s">
        <v>388</v>
      </c>
      <c r="C2630">
        <v>80</v>
      </c>
      <c r="D2630" t="s">
        <v>316</v>
      </c>
      <c r="E2630">
        <v>515</v>
      </c>
      <c r="F2630" t="s">
        <v>651</v>
      </c>
      <c r="G2630">
        <v>160</v>
      </c>
      <c r="H2630" t="s">
        <v>817</v>
      </c>
      <c r="I2630">
        <v>11010</v>
      </c>
      <c r="J2630" t="s">
        <v>295</v>
      </c>
      <c r="K2630">
        <v>30</v>
      </c>
      <c r="L2630" t="s">
        <v>1652</v>
      </c>
      <c r="M2630">
        <v>1557</v>
      </c>
      <c r="N2630" t="s">
        <v>654</v>
      </c>
      <c r="O2630">
        <v>3</v>
      </c>
      <c r="P2630" t="s">
        <v>655</v>
      </c>
      <c r="Q2630">
        <v>1</v>
      </c>
      <c r="R2630" t="s">
        <v>656</v>
      </c>
      <c r="S2630">
        <v>2</v>
      </c>
      <c r="T2630" t="s">
        <v>661</v>
      </c>
      <c r="U2630">
        <v>8</v>
      </c>
      <c r="V2630">
        <v>2</v>
      </c>
      <c r="W2630">
        <v>120</v>
      </c>
      <c r="X2630">
        <v>2020</v>
      </c>
    </row>
    <row r="2631" spans="1:24" x14ac:dyDescent="0.25">
      <c r="A2631">
        <v>8882</v>
      </c>
      <c r="B2631" t="s">
        <v>388</v>
      </c>
      <c r="C2631">
        <v>80</v>
      </c>
      <c r="D2631" t="s">
        <v>316</v>
      </c>
      <c r="E2631">
        <v>515</v>
      </c>
      <c r="F2631" t="s">
        <v>651</v>
      </c>
      <c r="G2631">
        <v>160</v>
      </c>
      <c r="H2631" t="s">
        <v>817</v>
      </c>
      <c r="I2631">
        <v>11010</v>
      </c>
      <c r="J2631" t="s">
        <v>295</v>
      </c>
      <c r="K2631">
        <v>30</v>
      </c>
      <c r="L2631" t="s">
        <v>1939</v>
      </c>
      <c r="M2631">
        <v>1791</v>
      </c>
      <c r="N2631" t="s">
        <v>654</v>
      </c>
      <c r="O2631">
        <v>3</v>
      </c>
      <c r="P2631" t="s">
        <v>655</v>
      </c>
      <c r="Q2631">
        <v>1</v>
      </c>
      <c r="R2631" t="s">
        <v>656</v>
      </c>
      <c r="S2631">
        <v>2</v>
      </c>
      <c r="T2631" t="s">
        <v>661</v>
      </c>
      <c r="U2631">
        <v>8</v>
      </c>
      <c r="V2631">
        <v>2</v>
      </c>
      <c r="W2631">
        <v>120</v>
      </c>
      <c r="X2631">
        <v>2020</v>
      </c>
    </row>
    <row r="2632" spans="1:24" x14ac:dyDescent="0.25">
      <c r="A2632">
        <v>8881</v>
      </c>
      <c r="B2632" t="s">
        <v>391</v>
      </c>
      <c r="C2632">
        <v>79</v>
      </c>
      <c r="D2632" t="s">
        <v>393</v>
      </c>
      <c r="E2632">
        <v>510</v>
      </c>
      <c r="F2632" t="s">
        <v>651</v>
      </c>
      <c r="G2632">
        <v>160</v>
      </c>
      <c r="H2632" t="s">
        <v>732</v>
      </c>
      <c r="I2632">
        <v>1000</v>
      </c>
      <c r="J2632" t="s">
        <v>65</v>
      </c>
      <c r="K2632">
        <v>15</v>
      </c>
      <c r="L2632" t="s">
        <v>1962</v>
      </c>
      <c r="M2632">
        <v>802</v>
      </c>
      <c r="N2632" t="s">
        <v>654</v>
      </c>
      <c r="O2632">
        <v>3</v>
      </c>
      <c r="P2632" t="s">
        <v>655</v>
      </c>
      <c r="Q2632">
        <v>1</v>
      </c>
      <c r="R2632" t="s">
        <v>656</v>
      </c>
      <c r="S2632">
        <v>2</v>
      </c>
      <c r="T2632" t="s">
        <v>661</v>
      </c>
      <c r="U2632">
        <v>8</v>
      </c>
      <c r="V2632">
        <v>1</v>
      </c>
      <c r="W2632">
        <v>60</v>
      </c>
      <c r="X2632">
        <v>2020</v>
      </c>
    </row>
    <row r="2633" spans="1:24" x14ac:dyDescent="0.25">
      <c r="A2633">
        <v>8878</v>
      </c>
      <c r="B2633" t="s">
        <v>391</v>
      </c>
      <c r="C2633">
        <v>79</v>
      </c>
      <c r="D2633" t="s">
        <v>390</v>
      </c>
      <c r="E2633">
        <v>513</v>
      </c>
      <c r="F2633" t="s">
        <v>651</v>
      </c>
      <c r="G2633">
        <v>160</v>
      </c>
      <c r="H2633" t="s">
        <v>1569</v>
      </c>
      <c r="I2633">
        <v>12777</v>
      </c>
      <c r="J2633" t="s">
        <v>299</v>
      </c>
      <c r="K2633">
        <v>27</v>
      </c>
      <c r="L2633" t="s">
        <v>1963</v>
      </c>
      <c r="M2633">
        <v>3057</v>
      </c>
      <c r="N2633" t="s">
        <v>654</v>
      </c>
      <c r="O2633">
        <v>3</v>
      </c>
      <c r="P2633" t="s">
        <v>655</v>
      </c>
      <c r="Q2633">
        <v>1</v>
      </c>
      <c r="R2633" t="s">
        <v>656</v>
      </c>
      <c r="S2633">
        <v>2</v>
      </c>
      <c r="T2633" t="s">
        <v>661</v>
      </c>
      <c r="U2633">
        <v>8</v>
      </c>
      <c r="V2633">
        <v>2</v>
      </c>
      <c r="W2633">
        <v>120</v>
      </c>
      <c r="X2633">
        <v>2020</v>
      </c>
    </row>
    <row r="2634" spans="1:24" x14ac:dyDescent="0.25">
      <c r="A2634">
        <v>8877</v>
      </c>
      <c r="B2634" t="s">
        <v>391</v>
      </c>
      <c r="C2634">
        <v>79</v>
      </c>
      <c r="D2634" t="s">
        <v>392</v>
      </c>
      <c r="E2634">
        <v>511</v>
      </c>
      <c r="F2634" t="s">
        <v>651</v>
      </c>
      <c r="G2634">
        <v>160</v>
      </c>
      <c r="H2634" t="s">
        <v>1231</v>
      </c>
      <c r="I2634">
        <v>3308</v>
      </c>
      <c r="J2634" t="s">
        <v>299</v>
      </c>
      <c r="K2634">
        <v>27</v>
      </c>
      <c r="L2634" t="s">
        <v>1963</v>
      </c>
      <c r="M2634">
        <v>3057</v>
      </c>
      <c r="N2634" t="s">
        <v>654</v>
      </c>
      <c r="O2634">
        <v>3</v>
      </c>
      <c r="P2634" t="s">
        <v>655</v>
      </c>
      <c r="Q2634">
        <v>1</v>
      </c>
      <c r="R2634" t="s">
        <v>656</v>
      </c>
      <c r="S2634">
        <v>2</v>
      </c>
      <c r="T2634" t="s">
        <v>661</v>
      </c>
      <c r="U2634">
        <v>8</v>
      </c>
      <c r="V2634">
        <v>2</v>
      </c>
      <c r="W2634">
        <v>120</v>
      </c>
      <c r="X2634">
        <v>2020</v>
      </c>
    </row>
    <row r="2635" spans="1:24" x14ac:dyDescent="0.25">
      <c r="A2635">
        <v>8876</v>
      </c>
      <c r="B2635" t="s">
        <v>391</v>
      </c>
      <c r="C2635">
        <v>79</v>
      </c>
      <c r="D2635" t="s">
        <v>394</v>
      </c>
      <c r="E2635">
        <v>509</v>
      </c>
      <c r="F2635" t="s">
        <v>651</v>
      </c>
      <c r="G2635">
        <v>160</v>
      </c>
      <c r="H2635" t="s">
        <v>732</v>
      </c>
      <c r="I2635">
        <v>1000</v>
      </c>
      <c r="J2635" t="s">
        <v>299</v>
      </c>
      <c r="K2635">
        <v>27</v>
      </c>
      <c r="L2635" t="s">
        <v>1963</v>
      </c>
      <c r="M2635">
        <v>3057</v>
      </c>
      <c r="N2635" t="s">
        <v>654</v>
      </c>
      <c r="O2635">
        <v>3</v>
      </c>
      <c r="P2635" t="s">
        <v>655</v>
      </c>
      <c r="Q2635">
        <v>1</v>
      </c>
      <c r="R2635" t="s">
        <v>656</v>
      </c>
      <c r="S2635">
        <v>2</v>
      </c>
      <c r="T2635" t="s">
        <v>661</v>
      </c>
      <c r="U2635">
        <v>8</v>
      </c>
      <c r="V2635">
        <v>2</v>
      </c>
      <c r="W2635">
        <v>120</v>
      </c>
      <c r="X2635">
        <v>2020</v>
      </c>
    </row>
    <row r="2636" spans="1:24" x14ac:dyDescent="0.25">
      <c r="A2636">
        <v>8875</v>
      </c>
      <c r="B2636" t="s">
        <v>391</v>
      </c>
      <c r="C2636">
        <v>79</v>
      </c>
      <c r="D2636" t="s">
        <v>390</v>
      </c>
      <c r="E2636">
        <v>513</v>
      </c>
      <c r="F2636" t="s">
        <v>651</v>
      </c>
      <c r="G2636">
        <v>160</v>
      </c>
      <c r="H2636" t="s">
        <v>1569</v>
      </c>
      <c r="I2636">
        <v>12777</v>
      </c>
      <c r="J2636" t="s">
        <v>301</v>
      </c>
      <c r="K2636">
        <v>26</v>
      </c>
      <c r="L2636" t="s">
        <v>1964</v>
      </c>
      <c r="M2636">
        <v>3056</v>
      </c>
      <c r="N2636" t="s">
        <v>654</v>
      </c>
      <c r="O2636">
        <v>3</v>
      </c>
      <c r="P2636" t="s">
        <v>655</v>
      </c>
      <c r="Q2636">
        <v>1</v>
      </c>
      <c r="R2636" t="s">
        <v>656</v>
      </c>
      <c r="S2636">
        <v>2</v>
      </c>
      <c r="T2636" t="s">
        <v>661</v>
      </c>
      <c r="U2636">
        <v>8</v>
      </c>
      <c r="V2636">
        <v>2</v>
      </c>
      <c r="W2636">
        <v>120</v>
      </c>
      <c r="X2636">
        <v>2020</v>
      </c>
    </row>
    <row r="2637" spans="1:24" x14ac:dyDescent="0.25">
      <c r="A2637">
        <v>8871</v>
      </c>
      <c r="B2637" t="s">
        <v>391</v>
      </c>
      <c r="C2637">
        <v>79</v>
      </c>
      <c r="D2637" t="s">
        <v>390</v>
      </c>
      <c r="E2637">
        <v>513</v>
      </c>
      <c r="F2637" t="s">
        <v>651</v>
      </c>
      <c r="G2637">
        <v>160</v>
      </c>
      <c r="H2637" t="s">
        <v>1569</v>
      </c>
      <c r="I2637">
        <v>12777</v>
      </c>
      <c r="J2637" t="s">
        <v>295</v>
      </c>
      <c r="K2637">
        <v>30</v>
      </c>
      <c r="L2637" t="s">
        <v>1965</v>
      </c>
      <c r="M2637">
        <v>3053</v>
      </c>
      <c r="N2637" t="s">
        <v>654</v>
      </c>
      <c r="O2637">
        <v>3</v>
      </c>
      <c r="P2637" t="s">
        <v>655</v>
      </c>
      <c r="Q2637">
        <v>1</v>
      </c>
      <c r="R2637" t="s">
        <v>656</v>
      </c>
      <c r="S2637">
        <v>2</v>
      </c>
      <c r="T2637" t="s">
        <v>661</v>
      </c>
      <c r="U2637">
        <v>8</v>
      </c>
      <c r="V2637">
        <v>2</v>
      </c>
      <c r="W2637">
        <v>120</v>
      </c>
      <c r="X2637">
        <v>2020</v>
      </c>
    </row>
    <row r="2638" spans="1:24" x14ac:dyDescent="0.25">
      <c r="A2638">
        <v>8870</v>
      </c>
      <c r="B2638" t="s">
        <v>391</v>
      </c>
      <c r="C2638">
        <v>79</v>
      </c>
      <c r="D2638" t="s">
        <v>392</v>
      </c>
      <c r="E2638">
        <v>511</v>
      </c>
      <c r="F2638" t="s">
        <v>651</v>
      </c>
      <c r="G2638">
        <v>160</v>
      </c>
      <c r="H2638" t="s">
        <v>1231</v>
      </c>
      <c r="I2638">
        <v>3308</v>
      </c>
      <c r="J2638" t="s">
        <v>295</v>
      </c>
      <c r="K2638">
        <v>30</v>
      </c>
      <c r="L2638" t="s">
        <v>1965</v>
      </c>
      <c r="M2638">
        <v>3053</v>
      </c>
      <c r="N2638" t="s">
        <v>654</v>
      </c>
      <c r="O2638">
        <v>3</v>
      </c>
      <c r="P2638" t="s">
        <v>655</v>
      </c>
      <c r="Q2638">
        <v>1</v>
      </c>
      <c r="R2638" t="s">
        <v>656</v>
      </c>
      <c r="S2638">
        <v>2</v>
      </c>
      <c r="T2638" t="s">
        <v>661</v>
      </c>
      <c r="U2638">
        <v>8</v>
      </c>
      <c r="V2638">
        <v>2</v>
      </c>
      <c r="W2638">
        <v>120</v>
      </c>
      <c r="X2638">
        <v>2020</v>
      </c>
    </row>
    <row r="2639" spans="1:24" x14ac:dyDescent="0.25">
      <c r="A2639">
        <v>8869</v>
      </c>
      <c r="B2639" t="s">
        <v>391</v>
      </c>
      <c r="C2639">
        <v>79</v>
      </c>
      <c r="D2639" t="s">
        <v>390</v>
      </c>
      <c r="E2639">
        <v>513</v>
      </c>
      <c r="F2639" t="s">
        <v>651</v>
      </c>
      <c r="G2639">
        <v>160</v>
      </c>
      <c r="H2639" t="s">
        <v>1569</v>
      </c>
      <c r="I2639">
        <v>12777</v>
      </c>
      <c r="J2639" t="s">
        <v>295</v>
      </c>
      <c r="K2639">
        <v>30</v>
      </c>
      <c r="L2639" t="s">
        <v>1966</v>
      </c>
      <c r="M2639">
        <v>1029</v>
      </c>
      <c r="N2639" t="s">
        <v>654</v>
      </c>
      <c r="O2639">
        <v>3</v>
      </c>
      <c r="P2639" t="s">
        <v>655</v>
      </c>
      <c r="Q2639">
        <v>1</v>
      </c>
      <c r="R2639" t="s">
        <v>656</v>
      </c>
      <c r="S2639">
        <v>2</v>
      </c>
      <c r="T2639" t="s">
        <v>661</v>
      </c>
      <c r="U2639">
        <v>8</v>
      </c>
      <c r="V2639">
        <v>2</v>
      </c>
      <c r="W2639">
        <v>120</v>
      </c>
      <c r="X2639">
        <v>2020</v>
      </c>
    </row>
    <row r="2640" spans="1:24" x14ac:dyDescent="0.25">
      <c r="A2640">
        <v>8868</v>
      </c>
      <c r="B2640" t="s">
        <v>391</v>
      </c>
      <c r="C2640">
        <v>79</v>
      </c>
      <c r="D2640" t="s">
        <v>392</v>
      </c>
      <c r="E2640">
        <v>511</v>
      </c>
      <c r="F2640" t="s">
        <v>651</v>
      </c>
      <c r="G2640">
        <v>160</v>
      </c>
      <c r="H2640" t="s">
        <v>1231</v>
      </c>
      <c r="I2640">
        <v>3308</v>
      </c>
      <c r="J2640" t="s">
        <v>295</v>
      </c>
      <c r="K2640">
        <v>30</v>
      </c>
      <c r="L2640" t="s">
        <v>1966</v>
      </c>
      <c r="M2640">
        <v>1029</v>
      </c>
      <c r="N2640" t="s">
        <v>654</v>
      </c>
      <c r="O2640">
        <v>3</v>
      </c>
      <c r="P2640" t="s">
        <v>655</v>
      </c>
      <c r="Q2640">
        <v>1</v>
      </c>
      <c r="R2640" t="s">
        <v>656</v>
      </c>
      <c r="S2640">
        <v>2</v>
      </c>
      <c r="T2640" t="s">
        <v>661</v>
      </c>
      <c r="U2640">
        <v>8</v>
      </c>
      <c r="V2640">
        <v>2</v>
      </c>
      <c r="W2640">
        <v>120</v>
      </c>
      <c r="X2640">
        <v>2020</v>
      </c>
    </row>
    <row r="2641" spans="1:24" x14ac:dyDescent="0.25">
      <c r="A2641">
        <v>8867</v>
      </c>
      <c r="B2641" t="s">
        <v>391</v>
      </c>
      <c r="C2641">
        <v>79</v>
      </c>
      <c r="D2641" t="s">
        <v>395</v>
      </c>
      <c r="E2641">
        <v>508</v>
      </c>
      <c r="F2641" t="s">
        <v>651</v>
      </c>
      <c r="G2641">
        <v>160</v>
      </c>
      <c r="H2641" t="s">
        <v>732</v>
      </c>
      <c r="I2641">
        <v>1000</v>
      </c>
      <c r="J2641" t="s">
        <v>295</v>
      </c>
      <c r="K2641">
        <v>30</v>
      </c>
      <c r="L2641" t="s">
        <v>1967</v>
      </c>
      <c r="M2641">
        <v>3052</v>
      </c>
      <c r="N2641" t="s">
        <v>654</v>
      </c>
      <c r="O2641">
        <v>3</v>
      </c>
      <c r="P2641" t="s">
        <v>655</v>
      </c>
      <c r="Q2641">
        <v>1</v>
      </c>
      <c r="R2641" t="s">
        <v>656</v>
      </c>
      <c r="S2641">
        <v>2</v>
      </c>
      <c r="T2641" t="s">
        <v>661</v>
      </c>
      <c r="U2641">
        <v>8</v>
      </c>
      <c r="V2641">
        <v>2</v>
      </c>
      <c r="W2641">
        <v>120</v>
      </c>
      <c r="X2641">
        <v>2020</v>
      </c>
    </row>
    <row r="2642" spans="1:24" x14ac:dyDescent="0.25">
      <c r="A2642">
        <v>8866</v>
      </c>
      <c r="B2642" t="s">
        <v>391</v>
      </c>
      <c r="C2642">
        <v>79</v>
      </c>
      <c r="D2642" t="s">
        <v>395</v>
      </c>
      <c r="E2642">
        <v>508</v>
      </c>
      <c r="F2642" t="s">
        <v>651</v>
      </c>
      <c r="G2642">
        <v>160</v>
      </c>
      <c r="H2642" t="s">
        <v>732</v>
      </c>
      <c r="I2642">
        <v>1000</v>
      </c>
      <c r="J2642" t="s">
        <v>295</v>
      </c>
      <c r="K2642">
        <v>30</v>
      </c>
      <c r="L2642" t="s">
        <v>1968</v>
      </c>
      <c r="M2642">
        <v>3051</v>
      </c>
      <c r="N2642" t="s">
        <v>654</v>
      </c>
      <c r="O2642">
        <v>3</v>
      </c>
      <c r="P2642" t="s">
        <v>655</v>
      </c>
      <c r="Q2642">
        <v>1</v>
      </c>
      <c r="R2642" t="s">
        <v>656</v>
      </c>
      <c r="S2642">
        <v>2</v>
      </c>
      <c r="T2642" t="s">
        <v>661</v>
      </c>
      <c r="U2642">
        <v>8</v>
      </c>
      <c r="V2642">
        <v>2</v>
      </c>
      <c r="W2642">
        <v>120</v>
      </c>
      <c r="X2642">
        <v>2020</v>
      </c>
    </row>
    <row r="2643" spans="1:24" x14ac:dyDescent="0.25">
      <c r="A2643">
        <v>8865</v>
      </c>
      <c r="B2643" t="s">
        <v>391</v>
      </c>
      <c r="C2643">
        <v>79</v>
      </c>
      <c r="D2643" t="s">
        <v>395</v>
      </c>
      <c r="E2643">
        <v>508</v>
      </c>
      <c r="F2643" t="s">
        <v>651</v>
      </c>
      <c r="G2643">
        <v>160</v>
      </c>
      <c r="H2643" t="s">
        <v>732</v>
      </c>
      <c r="I2643">
        <v>1000</v>
      </c>
      <c r="J2643" t="s">
        <v>295</v>
      </c>
      <c r="K2643">
        <v>30</v>
      </c>
      <c r="L2643" t="s">
        <v>1955</v>
      </c>
      <c r="M2643">
        <v>917</v>
      </c>
      <c r="N2643" t="s">
        <v>654</v>
      </c>
      <c r="O2643">
        <v>3</v>
      </c>
      <c r="P2643" t="s">
        <v>655</v>
      </c>
      <c r="Q2643">
        <v>1</v>
      </c>
      <c r="R2643" t="s">
        <v>656</v>
      </c>
      <c r="S2643">
        <v>2</v>
      </c>
      <c r="T2643" t="s">
        <v>661</v>
      </c>
      <c r="U2643">
        <v>8</v>
      </c>
      <c r="V2643">
        <v>2</v>
      </c>
      <c r="W2643">
        <v>120</v>
      </c>
      <c r="X2643">
        <v>2020</v>
      </c>
    </row>
    <row r="2644" spans="1:24" x14ac:dyDescent="0.25">
      <c r="A2644">
        <v>8864</v>
      </c>
      <c r="B2644" t="s">
        <v>391</v>
      </c>
      <c r="C2644">
        <v>79</v>
      </c>
      <c r="D2644" t="s">
        <v>395</v>
      </c>
      <c r="E2644">
        <v>508</v>
      </c>
      <c r="F2644" t="s">
        <v>651</v>
      </c>
      <c r="G2644">
        <v>160</v>
      </c>
      <c r="H2644" t="s">
        <v>732</v>
      </c>
      <c r="I2644">
        <v>1000</v>
      </c>
      <c r="J2644" t="s">
        <v>295</v>
      </c>
      <c r="K2644">
        <v>30</v>
      </c>
      <c r="L2644" t="s">
        <v>1966</v>
      </c>
      <c r="M2644">
        <v>1029</v>
      </c>
      <c r="N2644" t="s">
        <v>654</v>
      </c>
      <c r="O2644">
        <v>3</v>
      </c>
      <c r="P2644" t="s">
        <v>655</v>
      </c>
      <c r="Q2644">
        <v>1</v>
      </c>
      <c r="R2644" t="s">
        <v>656</v>
      </c>
      <c r="S2644">
        <v>2</v>
      </c>
      <c r="T2644" t="s">
        <v>661</v>
      </c>
      <c r="U2644">
        <v>8</v>
      </c>
      <c r="V2644">
        <v>2</v>
      </c>
      <c r="W2644">
        <v>120</v>
      </c>
      <c r="X2644">
        <v>2020</v>
      </c>
    </row>
    <row r="2645" spans="1:24" x14ac:dyDescent="0.25">
      <c r="A2645">
        <v>8863</v>
      </c>
      <c r="B2645" t="s">
        <v>391</v>
      </c>
      <c r="C2645">
        <v>79</v>
      </c>
      <c r="D2645" t="s">
        <v>395</v>
      </c>
      <c r="E2645">
        <v>508</v>
      </c>
      <c r="F2645" t="s">
        <v>651</v>
      </c>
      <c r="G2645">
        <v>160</v>
      </c>
      <c r="H2645" t="s">
        <v>732</v>
      </c>
      <c r="I2645">
        <v>1000</v>
      </c>
      <c r="J2645" t="s">
        <v>295</v>
      </c>
      <c r="K2645">
        <v>30</v>
      </c>
      <c r="L2645" t="s">
        <v>1969</v>
      </c>
      <c r="M2645">
        <v>3050</v>
      </c>
      <c r="N2645" t="s">
        <v>654</v>
      </c>
      <c r="O2645">
        <v>3</v>
      </c>
      <c r="P2645" t="s">
        <v>655</v>
      </c>
      <c r="Q2645">
        <v>1</v>
      </c>
      <c r="R2645" t="s">
        <v>656</v>
      </c>
      <c r="S2645">
        <v>2</v>
      </c>
      <c r="T2645" t="s">
        <v>661</v>
      </c>
      <c r="U2645">
        <v>8</v>
      </c>
      <c r="V2645">
        <v>2</v>
      </c>
      <c r="W2645">
        <v>120</v>
      </c>
      <c r="X2645">
        <v>2020</v>
      </c>
    </row>
    <row r="2646" spans="1:24" x14ac:dyDescent="0.25">
      <c r="A2646">
        <v>8854</v>
      </c>
      <c r="B2646" t="s">
        <v>397</v>
      </c>
      <c r="C2646">
        <v>78</v>
      </c>
      <c r="D2646" t="s">
        <v>396</v>
      </c>
      <c r="E2646">
        <v>507</v>
      </c>
      <c r="F2646" t="s">
        <v>651</v>
      </c>
      <c r="G2646">
        <v>160</v>
      </c>
      <c r="H2646" t="s">
        <v>652</v>
      </c>
      <c r="I2646">
        <v>2094</v>
      </c>
      <c r="J2646" t="s">
        <v>295</v>
      </c>
      <c r="K2646">
        <v>30</v>
      </c>
      <c r="L2646" t="s">
        <v>1970</v>
      </c>
      <c r="M2646">
        <v>2700</v>
      </c>
      <c r="N2646" t="s">
        <v>654</v>
      </c>
      <c r="O2646">
        <v>3</v>
      </c>
      <c r="P2646" t="s">
        <v>655</v>
      </c>
      <c r="Q2646">
        <v>1</v>
      </c>
      <c r="R2646" t="s">
        <v>656</v>
      </c>
      <c r="S2646">
        <v>2</v>
      </c>
      <c r="T2646" t="s">
        <v>661</v>
      </c>
      <c r="U2646">
        <v>8</v>
      </c>
      <c r="V2646">
        <v>2</v>
      </c>
      <c r="W2646">
        <v>120</v>
      </c>
      <c r="X2646">
        <v>2020</v>
      </c>
    </row>
    <row r="2647" spans="1:24" x14ac:dyDescent="0.25">
      <c r="A2647">
        <v>8853</v>
      </c>
      <c r="B2647" t="s">
        <v>397</v>
      </c>
      <c r="C2647">
        <v>78</v>
      </c>
      <c r="D2647" t="s">
        <v>374</v>
      </c>
      <c r="E2647">
        <v>506</v>
      </c>
      <c r="F2647" t="s">
        <v>651</v>
      </c>
      <c r="G2647">
        <v>160</v>
      </c>
      <c r="H2647" t="s">
        <v>652</v>
      </c>
      <c r="I2647">
        <v>2094</v>
      </c>
      <c r="J2647" t="s">
        <v>864</v>
      </c>
      <c r="K2647">
        <v>14</v>
      </c>
      <c r="L2647" t="s">
        <v>1971</v>
      </c>
      <c r="M2647">
        <v>3041</v>
      </c>
      <c r="N2647" t="s">
        <v>654</v>
      </c>
      <c r="O2647">
        <v>3</v>
      </c>
      <c r="P2647" t="s">
        <v>655</v>
      </c>
      <c r="Q2647">
        <v>1</v>
      </c>
      <c r="R2647" t="s">
        <v>656</v>
      </c>
      <c r="S2647">
        <v>2</v>
      </c>
      <c r="T2647" t="s">
        <v>661</v>
      </c>
      <c r="U2647">
        <v>8</v>
      </c>
      <c r="V2647">
        <v>2</v>
      </c>
      <c r="W2647">
        <v>120</v>
      </c>
      <c r="X2647">
        <v>2020</v>
      </c>
    </row>
    <row r="2648" spans="1:24" x14ac:dyDescent="0.25">
      <c r="A2648">
        <v>8852</v>
      </c>
      <c r="B2648" t="s">
        <v>397</v>
      </c>
      <c r="C2648">
        <v>78</v>
      </c>
      <c r="D2648" t="s">
        <v>374</v>
      </c>
      <c r="E2648">
        <v>506</v>
      </c>
      <c r="F2648" t="s">
        <v>651</v>
      </c>
      <c r="G2648">
        <v>160</v>
      </c>
      <c r="H2648" t="s">
        <v>652</v>
      </c>
      <c r="I2648">
        <v>2094</v>
      </c>
      <c r="J2648" t="s">
        <v>673</v>
      </c>
      <c r="K2648">
        <v>34</v>
      </c>
      <c r="L2648" t="s">
        <v>1122</v>
      </c>
      <c r="M2648">
        <v>2936</v>
      </c>
      <c r="N2648" t="s">
        <v>654</v>
      </c>
      <c r="O2648">
        <v>3</v>
      </c>
      <c r="P2648" t="s">
        <v>655</v>
      </c>
      <c r="Q2648">
        <v>1</v>
      </c>
      <c r="R2648" t="s">
        <v>656</v>
      </c>
      <c r="S2648">
        <v>2</v>
      </c>
      <c r="T2648" t="s">
        <v>661</v>
      </c>
      <c r="U2648">
        <v>8</v>
      </c>
      <c r="V2648">
        <v>2</v>
      </c>
      <c r="W2648">
        <v>120</v>
      </c>
      <c r="X2648">
        <v>2020</v>
      </c>
    </row>
    <row r="2649" spans="1:24" x14ac:dyDescent="0.25">
      <c r="A2649">
        <v>8851</v>
      </c>
      <c r="B2649" t="s">
        <v>397</v>
      </c>
      <c r="C2649">
        <v>78</v>
      </c>
      <c r="D2649" t="s">
        <v>374</v>
      </c>
      <c r="E2649">
        <v>506</v>
      </c>
      <c r="F2649" t="s">
        <v>651</v>
      </c>
      <c r="G2649">
        <v>160</v>
      </c>
      <c r="H2649" t="s">
        <v>652</v>
      </c>
      <c r="I2649">
        <v>2094</v>
      </c>
      <c r="J2649" t="s">
        <v>1011</v>
      </c>
      <c r="K2649">
        <v>17</v>
      </c>
      <c r="L2649" t="s">
        <v>1972</v>
      </c>
      <c r="M2649">
        <v>3040</v>
      </c>
      <c r="N2649" t="s">
        <v>654</v>
      </c>
      <c r="O2649">
        <v>3</v>
      </c>
      <c r="P2649" t="s">
        <v>655</v>
      </c>
      <c r="Q2649">
        <v>1</v>
      </c>
      <c r="R2649" t="s">
        <v>656</v>
      </c>
      <c r="S2649">
        <v>2</v>
      </c>
      <c r="T2649" t="s">
        <v>661</v>
      </c>
      <c r="U2649">
        <v>8</v>
      </c>
      <c r="V2649">
        <v>2</v>
      </c>
      <c r="W2649">
        <v>120</v>
      </c>
      <c r="X2649">
        <v>2020</v>
      </c>
    </row>
    <row r="2650" spans="1:24" x14ac:dyDescent="0.25">
      <c r="A2650">
        <v>8850</v>
      </c>
      <c r="B2650" t="s">
        <v>324</v>
      </c>
      <c r="C2650">
        <v>100</v>
      </c>
      <c r="D2650" t="s">
        <v>323</v>
      </c>
      <c r="E2650">
        <v>659</v>
      </c>
      <c r="F2650" t="s">
        <v>651</v>
      </c>
      <c r="G2650">
        <v>160</v>
      </c>
      <c r="H2650" t="s">
        <v>652</v>
      </c>
      <c r="I2650">
        <v>2094</v>
      </c>
      <c r="J2650" t="s">
        <v>65</v>
      </c>
      <c r="K2650">
        <v>15</v>
      </c>
      <c r="L2650" t="s">
        <v>740</v>
      </c>
      <c r="M2650">
        <v>1169</v>
      </c>
      <c r="N2650" t="s">
        <v>654</v>
      </c>
      <c r="O2650">
        <v>3</v>
      </c>
      <c r="P2650" t="s">
        <v>655</v>
      </c>
      <c r="Q2650">
        <v>1</v>
      </c>
      <c r="R2650" t="s">
        <v>656</v>
      </c>
      <c r="S2650">
        <v>2</v>
      </c>
      <c r="T2650" t="s">
        <v>661</v>
      </c>
      <c r="U2650">
        <v>8</v>
      </c>
      <c r="V2650">
        <v>1</v>
      </c>
      <c r="W2650">
        <v>60</v>
      </c>
      <c r="X2650">
        <v>2020</v>
      </c>
    </row>
    <row r="2651" spans="1:24" x14ac:dyDescent="0.25">
      <c r="A2651">
        <v>8849</v>
      </c>
      <c r="B2651" t="s">
        <v>324</v>
      </c>
      <c r="C2651">
        <v>100</v>
      </c>
      <c r="D2651" t="s">
        <v>316</v>
      </c>
      <c r="E2651">
        <v>658</v>
      </c>
      <c r="F2651" t="s">
        <v>651</v>
      </c>
      <c r="G2651">
        <v>160</v>
      </c>
      <c r="H2651" t="s">
        <v>652</v>
      </c>
      <c r="I2651">
        <v>2094</v>
      </c>
      <c r="J2651" t="s">
        <v>295</v>
      </c>
      <c r="K2651">
        <v>30</v>
      </c>
      <c r="L2651" t="s">
        <v>1955</v>
      </c>
      <c r="M2651">
        <v>917</v>
      </c>
      <c r="N2651" t="s">
        <v>654</v>
      </c>
      <c r="O2651">
        <v>3</v>
      </c>
      <c r="P2651" t="s">
        <v>655</v>
      </c>
      <c r="Q2651">
        <v>1</v>
      </c>
      <c r="R2651" t="s">
        <v>656</v>
      </c>
      <c r="S2651">
        <v>2</v>
      </c>
      <c r="T2651" t="s">
        <v>661</v>
      </c>
      <c r="U2651">
        <v>8</v>
      </c>
      <c r="V2651">
        <v>2</v>
      </c>
      <c r="W2651">
        <v>120</v>
      </c>
      <c r="X2651">
        <v>2020</v>
      </c>
    </row>
    <row r="2652" spans="1:24" x14ac:dyDescent="0.25">
      <c r="A2652">
        <v>8848</v>
      </c>
      <c r="B2652" t="s">
        <v>398</v>
      </c>
      <c r="C2652">
        <v>76</v>
      </c>
      <c r="D2652" t="s">
        <v>316</v>
      </c>
      <c r="E2652">
        <v>504</v>
      </c>
      <c r="F2652" t="s">
        <v>651</v>
      </c>
      <c r="G2652">
        <v>160</v>
      </c>
      <c r="H2652" t="s">
        <v>1935</v>
      </c>
      <c r="I2652">
        <v>11847</v>
      </c>
      <c r="J2652" t="s">
        <v>807</v>
      </c>
      <c r="K2652">
        <v>25</v>
      </c>
      <c r="L2652" t="s">
        <v>1973</v>
      </c>
      <c r="M2652">
        <v>2959</v>
      </c>
      <c r="N2652" t="s">
        <v>654</v>
      </c>
      <c r="O2652">
        <v>3</v>
      </c>
      <c r="P2652" t="s">
        <v>655</v>
      </c>
      <c r="Q2652">
        <v>1</v>
      </c>
      <c r="R2652" t="s">
        <v>656</v>
      </c>
      <c r="S2652">
        <v>2</v>
      </c>
      <c r="T2652" t="s">
        <v>661</v>
      </c>
      <c r="U2652">
        <v>8</v>
      </c>
      <c r="V2652">
        <v>2</v>
      </c>
      <c r="W2652">
        <v>120</v>
      </c>
      <c r="X2652">
        <v>2020</v>
      </c>
    </row>
    <row r="2653" spans="1:24" x14ac:dyDescent="0.25">
      <c r="A2653">
        <v>8847</v>
      </c>
      <c r="B2653" t="s">
        <v>398</v>
      </c>
      <c r="C2653">
        <v>76</v>
      </c>
      <c r="D2653" t="s">
        <v>11</v>
      </c>
      <c r="E2653">
        <v>503</v>
      </c>
      <c r="F2653" t="s">
        <v>651</v>
      </c>
      <c r="G2653">
        <v>160</v>
      </c>
      <c r="H2653" t="s">
        <v>1935</v>
      </c>
      <c r="I2653">
        <v>11847</v>
      </c>
      <c r="J2653" t="s">
        <v>65</v>
      </c>
      <c r="K2653">
        <v>15</v>
      </c>
      <c r="L2653" t="s">
        <v>1974</v>
      </c>
      <c r="M2653">
        <v>3039</v>
      </c>
      <c r="N2653" t="s">
        <v>654</v>
      </c>
      <c r="O2653">
        <v>3</v>
      </c>
      <c r="P2653" t="s">
        <v>655</v>
      </c>
      <c r="Q2653">
        <v>1</v>
      </c>
      <c r="R2653" t="s">
        <v>656</v>
      </c>
      <c r="S2653">
        <v>2</v>
      </c>
      <c r="T2653" t="s">
        <v>661</v>
      </c>
      <c r="U2653">
        <v>8</v>
      </c>
      <c r="V2653">
        <v>1.5</v>
      </c>
      <c r="W2653">
        <v>90</v>
      </c>
      <c r="X2653">
        <v>2020</v>
      </c>
    </row>
    <row r="2654" spans="1:24" x14ac:dyDescent="0.25">
      <c r="A2654">
        <v>8844</v>
      </c>
      <c r="B2654" t="s">
        <v>61</v>
      </c>
      <c r="C2654">
        <v>87</v>
      </c>
      <c r="D2654" t="s">
        <v>60</v>
      </c>
      <c r="E2654">
        <v>1280</v>
      </c>
      <c r="F2654" t="s">
        <v>651</v>
      </c>
      <c r="G2654">
        <v>160</v>
      </c>
      <c r="H2654" t="s">
        <v>719</v>
      </c>
      <c r="I2654">
        <v>7630</v>
      </c>
      <c r="J2654" t="s">
        <v>868</v>
      </c>
      <c r="K2654">
        <v>23</v>
      </c>
      <c r="L2654" t="s">
        <v>1975</v>
      </c>
      <c r="M2654">
        <v>3038</v>
      </c>
      <c r="N2654" t="s">
        <v>654</v>
      </c>
      <c r="O2654">
        <v>3</v>
      </c>
      <c r="P2654" t="s">
        <v>655</v>
      </c>
      <c r="Q2654">
        <v>1</v>
      </c>
      <c r="R2654" t="s">
        <v>656</v>
      </c>
      <c r="S2654">
        <v>2</v>
      </c>
      <c r="T2654" t="s">
        <v>661</v>
      </c>
      <c r="U2654">
        <v>8</v>
      </c>
      <c r="V2654">
        <v>2</v>
      </c>
      <c r="W2654">
        <v>120</v>
      </c>
      <c r="X2654">
        <v>2020</v>
      </c>
    </row>
    <row r="2655" spans="1:24" x14ac:dyDescent="0.25">
      <c r="A2655">
        <v>8841</v>
      </c>
      <c r="B2655" t="s">
        <v>61</v>
      </c>
      <c r="C2655">
        <v>87</v>
      </c>
      <c r="D2655" t="s">
        <v>378</v>
      </c>
      <c r="E2655">
        <v>541</v>
      </c>
      <c r="F2655" t="s">
        <v>651</v>
      </c>
      <c r="G2655">
        <v>160</v>
      </c>
      <c r="H2655" t="s">
        <v>719</v>
      </c>
      <c r="I2655">
        <v>7630</v>
      </c>
      <c r="J2655" t="s">
        <v>807</v>
      </c>
      <c r="K2655">
        <v>25</v>
      </c>
      <c r="L2655" t="s">
        <v>1976</v>
      </c>
      <c r="M2655">
        <v>3035</v>
      </c>
      <c r="N2655" t="s">
        <v>654</v>
      </c>
      <c r="O2655">
        <v>3</v>
      </c>
      <c r="P2655" t="s">
        <v>655</v>
      </c>
      <c r="Q2655">
        <v>1</v>
      </c>
      <c r="R2655" t="s">
        <v>656</v>
      </c>
      <c r="S2655">
        <v>2</v>
      </c>
      <c r="T2655" t="s">
        <v>661</v>
      </c>
      <c r="U2655">
        <v>8</v>
      </c>
      <c r="V2655">
        <v>2</v>
      </c>
      <c r="W2655">
        <v>120</v>
      </c>
      <c r="X2655">
        <v>2020</v>
      </c>
    </row>
    <row r="2656" spans="1:24" x14ac:dyDescent="0.25">
      <c r="A2656">
        <v>8840</v>
      </c>
      <c r="B2656" t="s">
        <v>61</v>
      </c>
      <c r="C2656">
        <v>87</v>
      </c>
      <c r="D2656" t="s">
        <v>11</v>
      </c>
      <c r="E2656">
        <v>542</v>
      </c>
      <c r="F2656" t="s">
        <v>651</v>
      </c>
      <c r="G2656">
        <v>160</v>
      </c>
      <c r="H2656" t="s">
        <v>719</v>
      </c>
      <c r="I2656">
        <v>7630</v>
      </c>
      <c r="J2656" t="s">
        <v>65</v>
      </c>
      <c r="K2656">
        <v>15</v>
      </c>
      <c r="L2656" t="s">
        <v>898</v>
      </c>
      <c r="M2656">
        <v>806</v>
      </c>
      <c r="N2656" t="s">
        <v>654</v>
      </c>
      <c r="O2656">
        <v>3</v>
      </c>
      <c r="P2656" t="s">
        <v>655</v>
      </c>
      <c r="Q2656">
        <v>1</v>
      </c>
      <c r="R2656" t="s">
        <v>656</v>
      </c>
      <c r="S2656">
        <v>2</v>
      </c>
      <c r="T2656" t="s">
        <v>661</v>
      </c>
      <c r="U2656">
        <v>8</v>
      </c>
      <c r="V2656">
        <v>1.5</v>
      </c>
      <c r="W2656">
        <v>90</v>
      </c>
      <c r="X2656">
        <v>2020</v>
      </c>
    </row>
    <row r="2657" spans="1:24" x14ac:dyDescent="0.25">
      <c r="A2657">
        <v>8838</v>
      </c>
      <c r="B2657" t="s">
        <v>61</v>
      </c>
      <c r="C2657">
        <v>87</v>
      </c>
      <c r="D2657" t="s">
        <v>11</v>
      </c>
      <c r="E2657">
        <v>542</v>
      </c>
      <c r="F2657" t="s">
        <v>651</v>
      </c>
      <c r="G2657">
        <v>160</v>
      </c>
      <c r="H2657" t="s">
        <v>719</v>
      </c>
      <c r="I2657">
        <v>7630</v>
      </c>
      <c r="J2657" t="s">
        <v>65</v>
      </c>
      <c r="K2657">
        <v>15</v>
      </c>
      <c r="L2657" t="s">
        <v>1977</v>
      </c>
      <c r="M2657">
        <v>3034</v>
      </c>
      <c r="N2657" t="s">
        <v>654</v>
      </c>
      <c r="O2657">
        <v>3</v>
      </c>
      <c r="P2657" t="s">
        <v>655</v>
      </c>
      <c r="Q2657">
        <v>1</v>
      </c>
      <c r="R2657" t="s">
        <v>656</v>
      </c>
      <c r="S2657">
        <v>2</v>
      </c>
      <c r="T2657" t="s">
        <v>661</v>
      </c>
      <c r="U2657">
        <v>8</v>
      </c>
      <c r="V2657">
        <v>1.5</v>
      </c>
      <c r="W2657">
        <v>90</v>
      </c>
      <c r="X2657">
        <v>2020</v>
      </c>
    </row>
    <row r="2658" spans="1:24" x14ac:dyDescent="0.25">
      <c r="A2658">
        <v>8833</v>
      </c>
      <c r="B2658" t="s">
        <v>8</v>
      </c>
      <c r="C2658">
        <v>75</v>
      </c>
      <c r="D2658" t="s">
        <v>11</v>
      </c>
      <c r="E2658">
        <v>498</v>
      </c>
      <c r="F2658" t="s">
        <v>651</v>
      </c>
      <c r="G2658">
        <v>160</v>
      </c>
      <c r="H2658" t="s">
        <v>675</v>
      </c>
      <c r="I2658">
        <v>5952</v>
      </c>
      <c r="J2658" t="s">
        <v>65</v>
      </c>
      <c r="K2658">
        <v>15</v>
      </c>
      <c r="L2658" t="s">
        <v>898</v>
      </c>
      <c r="M2658">
        <v>806</v>
      </c>
      <c r="N2658" t="s">
        <v>654</v>
      </c>
      <c r="O2658">
        <v>3</v>
      </c>
      <c r="P2658" t="s">
        <v>655</v>
      </c>
      <c r="Q2658">
        <v>1</v>
      </c>
      <c r="R2658" t="s">
        <v>656</v>
      </c>
      <c r="S2658">
        <v>2</v>
      </c>
      <c r="T2658" t="s">
        <v>661</v>
      </c>
      <c r="U2658">
        <v>8</v>
      </c>
      <c r="V2658">
        <v>1.5</v>
      </c>
      <c r="W2658">
        <v>90</v>
      </c>
      <c r="X2658">
        <v>2020</v>
      </c>
    </row>
    <row r="2659" spans="1:24" x14ac:dyDescent="0.25">
      <c r="A2659">
        <v>8832</v>
      </c>
      <c r="B2659" t="s">
        <v>8</v>
      </c>
      <c r="C2659">
        <v>75</v>
      </c>
      <c r="D2659" t="s">
        <v>11</v>
      </c>
      <c r="E2659">
        <v>498</v>
      </c>
      <c r="F2659" t="s">
        <v>651</v>
      </c>
      <c r="G2659">
        <v>160</v>
      </c>
      <c r="H2659" t="s">
        <v>675</v>
      </c>
      <c r="I2659">
        <v>5952</v>
      </c>
      <c r="J2659" t="s">
        <v>65</v>
      </c>
      <c r="K2659">
        <v>15</v>
      </c>
      <c r="L2659" t="s">
        <v>1978</v>
      </c>
      <c r="M2659">
        <v>3030</v>
      </c>
      <c r="N2659" t="s">
        <v>654</v>
      </c>
      <c r="O2659">
        <v>3</v>
      </c>
      <c r="P2659" t="s">
        <v>655</v>
      </c>
      <c r="Q2659">
        <v>1</v>
      </c>
      <c r="R2659" t="s">
        <v>656</v>
      </c>
      <c r="S2659">
        <v>2</v>
      </c>
      <c r="T2659" t="s">
        <v>661</v>
      </c>
      <c r="U2659">
        <v>8</v>
      </c>
      <c r="V2659">
        <v>1.5</v>
      </c>
      <c r="W2659">
        <v>90</v>
      </c>
      <c r="X2659">
        <v>2020</v>
      </c>
    </row>
    <row r="2660" spans="1:24" x14ac:dyDescent="0.25">
      <c r="A2660">
        <v>8831</v>
      </c>
      <c r="B2660" t="s">
        <v>8</v>
      </c>
      <c r="C2660">
        <v>75</v>
      </c>
      <c r="D2660" t="s">
        <v>11</v>
      </c>
      <c r="E2660">
        <v>498</v>
      </c>
      <c r="F2660" t="s">
        <v>651</v>
      </c>
      <c r="G2660">
        <v>160</v>
      </c>
      <c r="H2660" t="s">
        <v>675</v>
      </c>
      <c r="I2660">
        <v>5952</v>
      </c>
      <c r="J2660" t="s">
        <v>65</v>
      </c>
      <c r="K2660">
        <v>15</v>
      </c>
      <c r="L2660" t="s">
        <v>1978</v>
      </c>
      <c r="M2660">
        <v>3030</v>
      </c>
      <c r="N2660" t="s">
        <v>654</v>
      </c>
      <c r="O2660">
        <v>3</v>
      </c>
      <c r="P2660" t="s">
        <v>746</v>
      </c>
      <c r="Q2660">
        <v>2</v>
      </c>
      <c r="R2660" t="s">
        <v>656</v>
      </c>
      <c r="S2660">
        <v>2</v>
      </c>
      <c r="T2660" t="s">
        <v>661</v>
      </c>
      <c r="U2660">
        <v>8</v>
      </c>
      <c r="V2660">
        <v>1.5</v>
      </c>
      <c r="W2660">
        <v>90</v>
      </c>
      <c r="X2660">
        <v>2020</v>
      </c>
    </row>
    <row r="2661" spans="1:24" x14ac:dyDescent="0.25">
      <c r="A2661">
        <v>8830</v>
      </c>
      <c r="B2661" t="s">
        <v>8</v>
      </c>
      <c r="C2661">
        <v>75</v>
      </c>
      <c r="D2661" t="s">
        <v>11</v>
      </c>
      <c r="E2661">
        <v>498</v>
      </c>
      <c r="F2661" t="s">
        <v>651</v>
      </c>
      <c r="G2661">
        <v>160</v>
      </c>
      <c r="H2661" t="s">
        <v>675</v>
      </c>
      <c r="I2661">
        <v>5952</v>
      </c>
      <c r="J2661" t="s">
        <v>65</v>
      </c>
      <c r="K2661">
        <v>15</v>
      </c>
      <c r="L2661" t="s">
        <v>1979</v>
      </c>
      <c r="M2661">
        <v>800</v>
      </c>
      <c r="N2661" t="s">
        <v>654</v>
      </c>
      <c r="O2661">
        <v>3</v>
      </c>
      <c r="P2661" t="s">
        <v>655</v>
      </c>
      <c r="Q2661">
        <v>1</v>
      </c>
      <c r="R2661" t="s">
        <v>656</v>
      </c>
      <c r="S2661">
        <v>2</v>
      </c>
      <c r="T2661" t="s">
        <v>661</v>
      </c>
      <c r="U2661">
        <v>8</v>
      </c>
      <c r="V2661">
        <v>1.5</v>
      </c>
      <c r="W2661">
        <v>90</v>
      </c>
      <c r="X2661">
        <v>2020</v>
      </c>
    </row>
    <row r="2662" spans="1:24" x14ac:dyDescent="0.25">
      <c r="A2662">
        <v>8829</v>
      </c>
      <c r="B2662" t="s">
        <v>8</v>
      </c>
      <c r="C2662">
        <v>75</v>
      </c>
      <c r="D2662" t="s">
        <v>316</v>
      </c>
      <c r="E2662">
        <v>499</v>
      </c>
      <c r="F2662" t="s">
        <v>651</v>
      </c>
      <c r="G2662">
        <v>160</v>
      </c>
      <c r="H2662" t="s">
        <v>675</v>
      </c>
      <c r="I2662">
        <v>5952</v>
      </c>
      <c r="J2662" t="s">
        <v>299</v>
      </c>
      <c r="K2662">
        <v>27</v>
      </c>
      <c r="L2662" t="s">
        <v>1980</v>
      </c>
      <c r="M2662">
        <v>3029</v>
      </c>
      <c r="N2662" t="s">
        <v>654</v>
      </c>
      <c r="O2662">
        <v>3</v>
      </c>
      <c r="P2662" t="s">
        <v>655</v>
      </c>
      <c r="Q2662">
        <v>1</v>
      </c>
      <c r="R2662" t="s">
        <v>656</v>
      </c>
      <c r="S2662">
        <v>2</v>
      </c>
      <c r="T2662" t="s">
        <v>661</v>
      </c>
      <c r="U2662">
        <v>8</v>
      </c>
      <c r="V2662">
        <v>2</v>
      </c>
      <c r="W2662">
        <v>120</v>
      </c>
      <c r="X2662">
        <v>2020</v>
      </c>
    </row>
    <row r="2663" spans="1:24" x14ac:dyDescent="0.25">
      <c r="A2663">
        <v>8828</v>
      </c>
      <c r="B2663" t="s">
        <v>8</v>
      </c>
      <c r="C2663">
        <v>75</v>
      </c>
      <c r="D2663" t="s">
        <v>316</v>
      </c>
      <c r="E2663">
        <v>499</v>
      </c>
      <c r="F2663" t="s">
        <v>651</v>
      </c>
      <c r="G2663">
        <v>160</v>
      </c>
      <c r="H2663" t="s">
        <v>675</v>
      </c>
      <c r="I2663">
        <v>5952</v>
      </c>
      <c r="J2663" t="s">
        <v>807</v>
      </c>
      <c r="K2663">
        <v>25</v>
      </c>
      <c r="L2663" t="s">
        <v>1981</v>
      </c>
      <c r="M2663">
        <v>3028</v>
      </c>
      <c r="N2663" t="s">
        <v>654</v>
      </c>
      <c r="O2663">
        <v>3</v>
      </c>
      <c r="P2663" t="s">
        <v>655</v>
      </c>
      <c r="Q2663">
        <v>1</v>
      </c>
      <c r="R2663" t="s">
        <v>656</v>
      </c>
      <c r="S2663">
        <v>2</v>
      </c>
      <c r="T2663" t="s">
        <v>661</v>
      </c>
      <c r="U2663">
        <v>8</v>
      </c>
      <c r="V2663">
        <v>2</v>
      </c>
      <c r="W2663">
        <v>120</v>
      </c>
      <c r="X2663">
        <v>2020</v>
      </c>
    </row>
    <row r="2664" spans="1:24" x14ac:dyDescent="0.25">
      <c r="A2664">
        <v>8827</v>
      </c>
      <c r="B2664" t="s">
        <v>8</v>
      </c>
      <c r="C2664">
        <v>75</v>
      </c>
      <c r="D2664" t="s">
        <v>316</v>
      </c>
      <c r="E2664">
        <v>499</v>
      </c>
      <c r="F2664" t="s">
        <v>651</v>
      </c>
      <c r="G2664">
        <v>160</v>
      </c>
      <c r="H2664" t="s">
        <v>675</v>
      </c>
      <c r="I2664">
        <v>5952</v>
      </c>
      <c r="J2664" t="s">
        <v>807</v>
      </c>
      <c r="K2664">
        <v>25</v>
      </c>
      <c r="L2664" t="s">
        <v>1982</v>
      </c>
      <c r="M2664">
        <v>3027</v>
      </c>
      <c r="N2664" t="s">
        <v>654</v>
      </c>
      <c r="O2664">
        <v>3</v>
      </c>
      <c r="P2664" t="s">
        <v>655</v>
      </c>
      <c r="Q2664">
        <v>1</v>
      </c>
      <c r="R2664" t="s">
        <v>656</v>
      </c>
      <c r="S2664">
        <v>2</v>
      </c>
      <c r="T2664" t="s">
        <v>661</v>
      </c>
      <c r="U2664">
        <v>8</v>
      </c>
      <c r="V2664">
        <v>2</v>
      </c>
      <c r="W2664">
        <v>120</v>
      </c>
      <c r="X2664">
        <v>2020</v>
      </c>
    </row>
    <row r="2665" spans="1:24" x14ac:dyDescent="0.25">
      <c r="A2665">
        <v>8826</v>
      </c>
      <c r="B2665" t="s">
        <v>8</v>
      </c>
      <c r="C2665">
        <v>75</v>
      </c>
      <c r="D2665" t="s">
        <v>351</v>
      </c>
      <c r="E2665">
        <v>613</v>
      </c>
      <c r="F2665" t="s">
        <v>651</v>
      </c>
      <c r="G2665">
        <v>160</v>
      </c>
      <c r="H2665" t="s">
        <v>675</v>
      </c>
      <c r="I2665">
        <v>5952</v>
      </c>
      <c r="J2665" t="s">
        <v>301</v>
      </c>
      <c r="K2665">
        <v>26</v>
      </c>
      <c r="L2665" t="s">
        <v>1983</v>
      </c>
      <c r="M2665">
        <v>3026</v>
      </c>
      <c r="N2665" t="s">
        <v>654</v>
      </c>
      <c r="O2665">
        <v>3</v>
      </c>
      <c r="P2665" t="s">
        <v>655</v>
      </c>
      <c r="Q2665">
        <v>1</v>
      </c>
      <c r="R2665" t="s">
        <v>656</v>
      </c>
      <c r="S2665">
        <v>2</v>
      </c>
      <c r="T2665" t="s">
        <v>661</v>
      </c>
      <c r="U2665">
        <v>8</v>
      </c>
      <c r="V2665">
        <v>2</v>
      </c>
      <c r="W2665">
        <v>120</v>
      </c>
      <c r="X2665">
        <v>2020</v>
      </c>
    </row>
    <row r="2666" spans="1:24" x14ac:dyDescent="0.25">
      <c r="A2666">
        <v>8825</v>
      </c>
      <c r="B2666" t="s">
        <v>8</v>
      </c>
      <c r="C2666">
        <v>75</v>
      </c>
      <c r="D2666" t="s">
        <v>316</v>
      </c>
      <c r="E2666">
        <v>499</v>
      </c>
      <c r="F2666" t="s">
        <v>651</v>
      </c>
      <c r="G2666">
        <v>160</v>
      </c>
      <c r="H2666" t="s">
        <v>675</v>
      </c>
      <c r="I2666">
        <v>5952</v>
      </c>
      <c r="J2666" t="s">
        <v>301</v>
      </c>
      <c r="K2666">
        <v>26</v>
      </c>
      <c r="L2666" t="s">
        <v>1984</v>
      </c>
      <c r="M2666">
        <v>3025</v>
      </c>
      <c r="N2666" t="s">
        <v>654</v>
      </c>
      <c r="O2666">
        <v>3</v>
      </c>
      <c r="P2666" t="s">
        <v>655</v>
      </c>
      <c r="Q2666">
        <v>1</v>
      </c>
      <c r="R2666" t="s">
        <v>656</v>
      </c>
      <c r="S2666">
        <v>2</v>
      </c>
      <c r="T2666" t="s">
        <v>718</v>
      </c>
      <c r="U2666">
        <v>2</v>
      </c>
      <c r="V2666">
        <v>2</v>
      </c>
      <c r="W2666">
        <v>120</v>
      </c>
      <c r="X2666">
        <v>2020</v>
      </c>
    </row>
    <row r="2667" spans="1:24" x14ac:dyDescent="0.25">
      <c r="A2667">
        <v>8822</v>
      </c>
      <c r="B2667" t="s">
        <v>8</v>
      </c>
      <c r="C2667">
        <v>75</v>
      </c>
      <c r="D2667" t="s">
        <v>316</v>
      </c>
      <c r="E2667">
        <v>499</v>
      </c>
      <c r="F2667" t="s">
        <v>651</v>
      </c>
      <c r="G2667">
        <v>160</v>
      </c>
      <c r="H2667" t="s">
        <v>675</v>
      </c>
      <c r="I2667">
        <v>5952</v>
      </c>
      <c r="J2667" t="s">
        <v>301</v>
      </c>
      <c r="K2667">
        <v>26</v>
      </c>
      <c r="L2667" t="s">
        <v>1985</v>
      </c>
      <c r="M2667">
        <v>2843</v>
      </c>
      <c r="N2667" t="s">
        <v>654</v>
      </c>
      <c r="O2667">
        <v>3</v>
      </c>
      <c r="P2667" t="s">
        <v>655</v>
      </c>
      <c r="Q2667">
        <v>1</v>
      </c>
      <c r="R2667" t="s">
        <v>656</v>
      </c>
      <c r="S2667">
        <v>2</v>
      </c>
      <c r="T2667" t="s">
        <v>661</v>
      </c>
      <c r="U2667">
        <v>8</v>
      </c>
      <c r="V2667">
        <v>2</v>
      </c>
      <c r="W2667">
        <v>120</v>
      </c>
      <c r="X2667">
        <v>2020</v>
      </c>
    </row>
    <row r="2668" spans="1:24" x14ac:dyDescent="0.25">
      <c r="A2668">
        <v>8821</v>
      </c>
      <c r="B2668" t="s">
        <v>399</v>
      </c>
      <c r="C2668">
        <v>74</v>
      </c>
      <c r="D2668" t="s">
        <v>316</v>
      </c>
      <c r="E2668">
        <v>496</v>
      </c>
      <c r="F2668" t="s">
        <v>651</v>
      </c>
      <c r="G2668">
        <v>160</v>
      </c>
      <c r="H2668" t="s">
        <v>747</v>
      </c>
      <c r="I2668">
        <v>4847</v>
      </c>
      <c r="J2668" t="s">
        <v>807</v>
      </c>
      <c r="K2668">
        <v>25</v>
      </c>
      <c r="L2668" t="s">
        <v>1986</v>
      </c>
      <c r="M2668">
        <v>2224</v>
      </c>
      <c r="N2668" t="s">
        <v>654</v>
      </c>
      <c r="O2668">
        <v>3</v>
      </c>
      <c r="P2668" t="s">
        <v>655</v>
      </c>
      <c r="Q2668">
        <v>1</v>
      </c>
      <c r="R2668" t="s">
        <v>656</v>
      </c>
      <c r="S2668">
        <v>2</v>
      </c>
      <c r="T2668" t="s">
        <v>661</v>
      </c>
      <c r="U2668">
        <v>8</v>
      </c>
      <c r="V2668">
        <v>2</v>
      </c>
      <c r="W2668">
        <v>120</v>
      </c>
      <c r="X2668">
        <v>2020</v>
      </c>
    </row>
    <row r="2669" spans="1:24" x14ac:dyDescent="0.25">
      <c r="A2669">
        <v>8820</v>
      </c>
      <c r="B2669" t="s">
        <v>399</v>
      </c>
      <c r="C2669">
        <v>74</v>
      </c>
      <c r="D2669" t="s">
        <v>316</v>
      </c>
      <c r="E2669">
        <v>496</v>
      </c>
      <c r="F2669" t="s">
        <v>651</v>
      </c>
      <c r="G2669">
        <v>160</v>
      </c>
      <c r="H2669" t="s">
        <v>747</v>
      </c>
      <c r="I2669">
        <v>4847</v>
      </c>
      <c r="J2669" t="s">
        <v>807</v>
      </c>
      <c r="K2669">
        <v>25</v>
      </c>
      <c r="L2669" t="s">
        <v>1987</v>
      </c>
      <c r="M2669">
        <v>3023</v>
      </c>
      <c r="N2669" t="s">
        <v>654</v>
      </c>
      <c r="O2669">
        <v>3</v>
      </c>
      <c r="P2669" t="s">
        <v>655</v>
      </c>
      <c r="Q2669">
        <v>1</v>
      </c>
      <c r="R2669" t="s">
        <v>656</v>
      </c>
      <c r="S2669">
        <v>2</v>
      </c>
      <c r="T2669" t="s">
        <v>661</v>
      </c>
      <c r="U2669">
        <v>8</v>
      </c>
      <c r="V2669">
        <v>2</v>
      </c>
      <c r="W2669">
        <v>120</v>
      </c>
      <c r="X2669">
        <v>2020</v>
      </c>
    </row>
    <row r="2670" spans="1:24" x14ac:dyDescent="0.25">
      <c r="A2670">
        <v>8819</v>
      </c>
      <c r="B2670" t="s">
        <v>399</v>
      </c>
      <c r="C2670">
        <v>74</v>
      </c>
      <c r="D2670" t="s">
        <v>389</v>
      </c>
      <c r="E2670">
        <v>493</v>
      </c>
      <c r="F2670" t="s">
        <v>651</v>
      </c>
      <c r="G2670">
        <v>160</v>
      </c>
      <c r="H2670" t="s">
        <v>747</v>
      </c>
      <c r="I2670">
        <v>4847</v>
      </c>
      <c r="J2670" t="s">
        <v>65</v>
      </c>
      <c r="K2670">
        <v>15</v>
      </c>
      <c r="L2670" t="s">
        <v>1988</v>
      </c>
      <c r="M2670">
        <v>3022</v>
      </c>
      <c r="N2670" t="s">
        <v>654</v>
      </c>
      <c r="O2670">
        <v>3</v>
      </c>
      <c r="P2670" t="s">
        <v>655</v>
      </c>
      <c r="Q2670">
        <v>1</v>
      </c>
      <c r="R2670" t="s">
        <v>656</v>
      </c>
      <c r="S2670">
        <v>2</v>
      </c>
      <c r="T2670" t="s">
        <v>661</v>
      </c>
      <c r="U2670">
        <v>8</v>
      </c>
      <c r="V2670">
        <v>2</v>
      </c>
      <c r="W2670">
        <v>120</v>
      </c>
      <c r="X2670">
        <v>2020</v>
      </c>
    </row>
    <row r="2671" spans="1:24" x14ac:dyDescent="0.25">
      <c r="A2671">
        <v>8818</v>
      </c>
      <c r="B2671" t="s">
        <v>399</v>
      </c>
      <c r="C2671">
        <v>74</v>
      </c>
      <c r="D2671" t="s">
        <v>401</v>
      </c>
      <c r="E2671">
        <v>494</v>
      </c>
      <c r="F2671" t="s">
        <v>651</v>
      </c>
      <c r="G2671">
        <v>160</v>
      </c>
      <c r="H2671" t="s">
        <v>747</v>
      </c>
      <c r="I2671">
        <v>4847</v>
      </c>
      <c r="J2671" t="s">
        <v>691</v>
      </c>
      <c r="K2671">
        <v>21</v>
      </c>
      <c r="L2671" t="s">
        <v>1989</v>
      </c>
      <c r="M2671">
        <v>3021</v>
      </c>
      <c r="N2671" t="s">
        <v>654</v>
      </c>
      <c r="O2671">
        <v>3</v>
      </c>
      <c r="P2671" t="s">
        <v>655</v>
      </c>
      <c r="Q2671">
        <v>1</v>
      </c>
      <c r="R2671" t="s">
        <v>656</v>
      </c>
      <c r="S2671">
        <v>2</v>
      </c>
      <c r="T2671" t="s">
        <v>661</v>
      </c>
      <c r="U2671">
        <v>8</v>
      </c>
      <c r="V2671">
        <v>2</v>
      </c>
      <c r="W2671">
        <v>120</v>
      </c>
      <c r="X2671">
        <v>2020</v>
      </c>
    </row>
    <row r="2672" spans="1:24" x14ac:dyDescent="0.25">
      <c r="A2672">
        <v>8817</v>
      </c>
      <c r="B2672" t="s">
        <v>399</v>
      </c>
      <c r="C2672">
        <v>74</v>
      </c>
      <c r="D2672" t="s">
        <v>400</v>
      </c>
      <c r="E2672">
        <v>495</v>
      </c>
      <c r="F2672" t="s">
        <v>651</v>
      </c>
      <c r="G2672">
        <v>160</v>
      </c>
      <c r="H2672" t="s">
        <v>747</v>
      </c>
      <c r="I2672">
        <v>4847</v>
      </c>
      <c r="J2672" t="s">
        <v>868</v>
      </c>
      <c r="K2672">
        <v>23</v>
      </c>
      <c r="L2672" t="s">
        <v>1990</v>
      </c>
      <c r="M2672">
        <v>3020</v>
      </c>
      <c r="N2672" t="s">
        <v>654</v>
      </c>
      <c r="O2672">
        <v>3</v>
      </c>
      <c r="P2672" t="s">
        <v>655</v>
      </c>
      <c r="Q2672">
        <v>1</v>
      </c>
      <c r="R2672" t="s">
        <v>656</v>
      </c>
      <c r="S2672">
        <v>2</v>
      </c>
      <c r="T2672" t="s">
        <v>661</v>
      </c>
      <c r="U2672">
        <v>8</v>
      </c>
      <c r="V2672">
        <v>2</v>
      </c>
      <c r="W2672">
        <v>120</v>
      </c>
      <c r="X2672">
        <v>2020</v>
      </c>
    </row>
    <row r="2673" spans="1:24" x14ac:dyDescent="0.25">
      <c r="A2673">
        <v>8816</v>
      </c>
      <c r="B2673" t="s">
        <v>318</v>
      </c>
      <c r="C2673">
        <v>95</v>
      </c>
      <c r="D2673" t="s">
        <v>317</v>
      </c>
      <c r="E2673">
        <v>667</v>
      </c>
      <c r="F2673" t="s">
        <v>651</v>
      </c>
      <c r="G2673">
        <v>160</v>
      </c>
      <c r="H2673" t="s">
        <v>1672</v>
      </c>
      <c r="I2673">
        <v>6740</v>
      </c>
      <c r="J2673" t="s">
        <v>813</v>
      </c>
      <c r="K2673">
        <v>24</v>
      </c>
      <c r="L2673" t="s">
        <v>1991</v>
      </c>
      <c r="M2673">
        <v>3019</v>
      </c>
      <c r="N2673" t="s">
        <v>654</v>
      </c>
      <c r="O2673">
        <v>3</v>
      </c>
      <c r="P2673" t="s">
        <v>655</v>
      </c>
      <c r="Q2673">
        <v>1</v>
      </c>
      <c r="R2673" t="s">
        <v>656</v>
      </c>
      <c r="S2673">
        <v>2</v>
      </c>
      <c r="T2673" t="s">
        <v>657</v>
      </c>
      <c r="U2673">
        <v>7</v>
      </c>
      <c r="V2673">
        <v>2</v>
      </c>
      <c r="W2673">
        <v>120</v>
      </c>
      <c r="X2673">
        <v>2020</v>
      </c>
    </row>
    <row r="2674" spans="1:24" x14ac:dyDescent="0.25">
      <c r="A2674">
        <v>8815</v>
      </c>
      <c r="B2674" t="s">
        <v>318</v>
      </c>
      <c r="C2674">
        <v>95</v>
      </c>
      <c r="D2674" t="s">
        <v>344</v>
      </c>
      <c r="E2674">
        <v>628</v>
      </c>
      <c r="F2674" t="s">
        <v>651</v>
      </c>
      <c r="G2674">
        <v>160</v>
      </c>
      <c r="H2674" t="s">
        <v>739</v>
      </c>
      <c r="I2674">
        <v>4413</v>
      </c>
      <c r="J2674" t="s">
        <v>756</v>
      </c>
      <c r="K2674">
        <v>19</v>
      </c>
      <c r="L2674" t="s">
        <v>1992</v>
      </c>
      <c r="M2674">
        <v>3018</v>
      </c>
      <c r="N2674" t="s">
        <v>654</v>
      </c>
      <c r="O2674">
        <v>3</v>
      </c>
      <c r="P2674" t="s">
        <v>655</v>
      </c>
      <c r="Q2674">
        <v>1</v>
      </c>
      <c r="R2674" t="s">
        <v>656</v>
      </c>
      <c r="S2674">
        <v>2</v>
      </c>
      <c r="T2674" t="s">
        <v>657</v>
      </c>
      <c r="U2674">
        <v>7</v>
      </c>
      <c r="V2674">
        <v>2</v>
      </c>
      <c r="W2674">
        <v>120</v>
      </c>
      <c r="X2674">
        <v>2020</v>
      </c>
    </row>
    <row r="2675" spans="1:24" x14ac:dyDescent="0.25">
      <c r="A2675">
        <v>8814</v>
      </c>
      <c r="B2675" t="s">
        <v>318</v>
      </c>
      <c r="C2675">
        <v>95</v>
      </c>
      <c r="D2675" t="s">
        <v>317</v>
      </c>
      <c r="E2675">
        <v>667</v>
      </c>
      <c r="F2675" t="s">
        <v>651</v>
      </c>
      <c r="G2675">
        <v>160</v>
      </c>
      <c r="H2675" t="s">
        <v>1672</v>
      </c>
      <c r="I2675">
        <v>6740</v>
      </c>
      <c r="J2675" t="s">
        <v>691</v>
      </c>
      <c r="K2675">
        <v>21</v>
      </c>
      <c r="L2675" t="s">
        <v>1923</v>
      </c>
      <c r="M2675">
        <v>1127</v>
      </c>
      <c r="N2675" t="s">
        <v>654</v>
      </c>
      <c r="O2675">
        <v>3</v>
      </c>
      <c r="P2675" t="s">
        <v>655</v>
      </c>
      <c r="Q2675">
        <v>1</v>
      </c>
      <c r="R2675" t="s">
        <v>656</v>
      </c>
      <c r="S2675">
        <v>2</v>
      </c>
      <c r="T2675" t="s">
        <v>657</v>
      </c>
      <c r="U2675">
        <v>7</v>
      </c>
      <c r="V2675">
        <v>2</v>
      </c>
      <c r="W2675">
        <v>120</v>
      </c>
      <c r="X2675">
        <v>2020</v>
      </c>
    </row>
    <row r="2676" spans="1:24" x14ac:dyDescent="0.25">
      <c r="A2676">
        <v>8813</v>
      </c>
      <c r="B2676" t="s">
        <v>318</v>
      </c>
      <c r="C2676">
        <v>95</v>
      </c>
      <c r="D2676" t="s">
        <v>317</v>
      </c>
      <c r="E2676">
        <v>667</v>
      </c>
      <c r="F2676" t="s">
        <v>651</v>
      </c>
      <c r="G2676">
        <v>160</v>
      </c>
      <c r="H2676" t="s">
        <v>1672</v>
      </c>
      <c r="I2676">
        <v>6740</v>
      </c>
      <c r="J2676" t="s">
        <v>663</v>
      </c>
      <c r="K2676">
        <v>99</v>
      </c>
      <c r="L2676" t="s">
        <v>1993</v>
      </c>
      <c r="M2676">
        <v>3017</v>
      </c>
      <c r="N2676" t="s">
        <v>654</v>
      </c>
      <c r="O2676">
        <v>3</v>
      </c>
      <c r="P2676" t="s">
        <v>655</v>
      </c>
      <c r="Q2676">
        <v>1</v>
      </c>
      <c r="R2676" t="s">
        <v>656</v>
      </c>
      <c r="S2676">
        <v>2</v>
      </c>
      <c r="T2676" t="s">
        <v>1994</v>
      </c>
      <c r="U2676">
        <v>33</v>
      </c>
      <c r="V2676">
        <v>2</v>
      </c>
      <c r="W2676">
        <v>120</v>
      </c>
      <c r="X2676">
        <v>2020</v>
      </c>
    </row>
    <row r="2677" spans="1:24" x14ac:dyDescent="0.25">
      <c r="A2677">
        <v>8812</v>
      </c>
      <c r="B2677" t="s">
        <v>318</v>
      </c>
      <c r="C2677">
        <v>95</v>
      </c>
      <c r="D2677" t="s">
        <v>343</v>
      </c>
      <c r="E2677">
        <v>631</v>
      </c>
      <c r="F2677" t="s">
        <v>651</v>
      </c>
      <c r="G2677">
        <v>160</v>
      </c>
      <c r="H2677" t="s">
        <v>666</v>
      </c>
      <c r="I2677">
        <v>8767</v>
      </c>
      <c r="J2677" t="s">
        <v>797</v>
      </c>
      <c r="K2677">
        <v>65</v>
      </c>
      <c r="L2677" t="s">
        <v>1995</v>
      </c>
      <c r="M2677">
        <v>3016</v>
      </c>
      <c r="N2677" t="s">
        <v>654</v>
      </c>
      <c r="O2677">
        <v>3</v>
      </c>
      <c r="P2677" t="s">
        <v>655</v>
      </c>
      <c r="Q2677">
        <v>1</v>
      </c>
      <c r="R2677" t="s">
        <v>656</v>
      </c>
      <c r="S2677">
        <v>2</v>
      </c>
      <c r="T2677" t="s">
        <v>657</v>
      </c>
      <c r="U2677">
        <v>7</v>
      </c>
      <c r="V2677">
        <v>2</v>
      </c>
      <c r="W2677">
        <v>120</v>
      </c>
      <c r="X2677">
        <v>2020</v>
      </c>
    </row>
    <row r="2678" spans="1:24" x14ac:dyDescent="0.25">
      <c r="A2678">
        <v>8811</v>
      </c>
      <c r="B2678" t="s">
        <v>318</v>
      </c>
      <c r="C2678">
        <v>95</v>
      </c>
      <c r="D2678" t="s">
        <v>317</v>
      </c>
      <c r="E2678">
        <v>667</v>
      </c>
      <c r="F2678" t="s">
        <v>651</v>
      </c>
      <c r="G2678">
        <v>160</v>
      </c>
      <c r="H2678" t="s">
        <v>1672</v>
      </c>
      <c r="I2678">
        <v>6740</v>
      </c>
      <c r="J2678" t="s">
        <v>880</v>
      </c>
      <c r="K2678">
        <v>58</v>
      </c>
      <c r="L2678" t="s">
        <v>1996</v>
      </c>
      <c r="M2678">
        <v>3015</v>
      </c>
      <c r="N2678" t="s">
        <v>654</v>
      </c>
      <c r="O2678">
        <v>3</v>
      </c>
      <c r="P2678" t="s">
        <v>655</v>
      </c>
      <c r="Q2678">
        <v>1</v>
      </c>
      <c r="R2678" t="s">
        <v>656</v>
      </c>
      <c r="S2678">
        <v>2</v>
      </c>
      <c r="T2678" t="s">
        <v>657</v>
      </c>
      <c r="U2678">
        <v>7</v>
      </c>
      <c r="V2678">
        <v>2</v>
      </c>
      <c r="W2678">
        <v>120</v>
      </c>
      <c r="X2678">
        <v>2020</v>
      </c>
    </row>
    <row r="2679" spans="1:24" x14ac:dyDescent="0.25">
      <c r="A2679">
        <v>8810</v>
      </c>
      <c r="B2679" t="s">
        <v>318</v>
      </c>
      <c r="C2679">
        <v>95</v>
      </c>
      <c r="D2679" t="s">
        <v>343</v>
      </c>
      <c r="E2679">
        <v>631</v>
      </c>
      <c r="F2679" t="s">
        <v>651</v>
      </c>
      <c r="G2679">
        <v>160</v>
      </c>
      <c r="H2679" t="s">
        <v>666</v>
      </c>
      <c r="I2679">
        <v>8767</v>
      </c>
      <c r="J2679" t="s">
        <v>716</v>
      </c>
      <c r="K2679">
        <v>68</v>
      </c>
      <c r="L2679" t="s">
        <v>818</v>
      </c>
      <c r="M2679">
        <v>2167</v>
      </c>
      <c r="N2679" t="s">
        <v>654</v>
      </c>
      <c r="O2679">
        <v>3</v>
      </c>
      <c r="P2679" t="s">
        <v>655</v>
      </c>
      <c r="Q2679">
        <v>1</v>
      </c>
      <c r="R2679" t="s">
        <v>656</v>
      </c>
      <c r="S2679">
        <v>2</v>
      </c>
      <c r="T2679" t="s">
        <v>657</v>
      </c>
      <c r="U2679">
        <v>7</v>
      </c>
      <c r="V2679">
        <v>2</v>
      </c>
      <c r="W2679">
        <v>120</v>
      </c>
      <c r="X2679">
        <v>2020</v>
      </c>
    </row>
    <row r="2680" spans="1:24" x14ac:dyDescent="0.25">
      <c r="A2680">
        <v>8809</v>
      </c>
      <c r="B2680" t="s">
        <v>318</v>
      </c>
      <c r="C2680">
        <v>95</v>
      </c>
      <c r="D2680" t="s">
        <v>343</v>
      </c>
      <c r="E2680">
        <v>631</v>
      </c>
      <c r="F2680" t="s">
        <v>651</v>
      </c>
      <c r="G2680">
        <v>160</v>
      </c>
      <c r="H2680" t="s">
        <v>666</v>
      </c>
      <c r="I2680">
        <v>8767</v>
      </c>
      <c r="J2680" t="s">
        <v>794</v>
      </c>
      <c r="K2680">
        <v>40</v>
      </c>
      <c r="L2680" t="s">
        <v>1997</v>
      </c>
      <c r="M2680">
        <v>1408</v>
      </c>
      <c r="N2680" t="s">
        <v>654</v>
      </c>
      <c r="O2680">
        <v>3</v>
      </c>
      <c r="P2680" t="s">
        <v>655</v>
      </c>
      <c r="Q2680">
        <v>1</v>
      </c>
      <c r="R2680" t="s">
        <v>656</v>
      </c>
      <c r="S2680">
        <v>2</v>
      </c>
      <c r="T2680" t="s">
        <v>657</v>
      </c>
      <c r="U2680">
        <v>7</v>
      </c>
      <c r="V2680">
        <v>2</v>
      </c>
      <c r="W2680">
        <v>120</v>
      </c>
      <c r="X2680">
        <v>2020</v>
      </c>
    </row>
    <row r="2681" spans="1:24" x14ac:dyDescent="0.25">
      <c r="A2681">
        <v>8808</v>
      </c>
      <c r="B2681" t="s">
        <v>318</v>
      </c>
      <c r="C2681">
        <v>95</v>
      </c>
      <c r="D2681" t="s">
        <v>343</v>
      </c>
      <c r="E2681">
        <v>631</v>
      </c>
      <c r="F2681" t="s">
        <v>651</v>
      </c>
      <c r="G2681">
        <v>160</v>
      </c>
      <c r="H2681" t="s">
        <v>666</v>
      </c>
      <c r="I2681">
        <v>8767</v>
      </c>
      <c r="J2681" t="s">
        <v>676</v>
      </c>
      <c r="K2681">
        <v>4</v>
      </c>
      <c r="L2681" t="s">
        <v>1998</v>
      </c>
      <c r="M2681">
        <v>3014</v>
      </c>
      <c r="N2681" t="s">
        <v>654</v>
      </c>
      <c r="O2681">
        <v>3</v>
      </c>
      <c r="P2681" t="s">
        <v>655</v>
      </c>
      <c r="Q2681">
        <v>1</v>
      </c>
      <c r="R2681" t="s">
        <v>656</v>
      </c>
      <c r="S2681">
        <v>2</v>
      </c>
      <c r="T2681" t="s">
        <v>657</v>
      </c>
      <c r="U2681">
        <v>7</v>
      </c>
      <c r="V2681">
        <v>2</v>
      </c>
      <c r="W2681">
        <v>120</v>
      </c>
      <c r="X2681">
        <v>2020</v>
      </c>
    </row>
    <row r="2682" spans="1:24" x14ac:dyDescent="0.25">
      <c r="A2682">
        <v>8807</v>
      </c>
      <c r="B2682" t="s">
        <v>91</v>
      </c>
      <c r="C2682">
        <v>91</v>
      </c>
      <c r="D2682" t="s">
        <v>374</v>
      </c>
      <c r="E2682">
        <v>547</v>
      </c>
      <c r="F2682" t="s">
        <v>651</v>
      </c>
      <c r="G2682">
        <v>160</v>
      </c>
      <c r="H2682" t="s">
        <v>739</v>
      </c>
      <c r="I2682">
        <v>4413</v>
      </c>
      <c r="J2682" t="s">
        <v>864</v>
      </c>
      <c r="K2682">
        <v>14</v>
      </c>
      <c r="L2682" t="s">
        <v>1999</v>
      </c>
      <c r="M2682">
        <v>3013</v>
      </c>
      <c r="N2682" t="s">
        <v>654</v>
      </c>
      <c r="O2682">
        <v>3</v>
      </c>
      <c r="P2682" t="s">
        <v>655</v>
      </c>
      <c r="Q2682">
        <v>1</v>
      </c>
      <c r="R2682" t="s">
        <v>656</v>
      </c>
      <c r="S2682">
        <v>2</v>
      </c>
      <c r="T2682" t="s">
        <v>657</v>
      </c>
      <c r="U2682">
        <v>7</v>
      </c>
      <c r="V2682">
        <v>2</v>
      </c>
      <c r="W2682">
        <v>120</v>
      </c>
      <c r="X2682">
        <v>2020</v>
      </c>
    </row>
    <row r="2683" spans="1:24" x14ac:dyDescent="0.25">
      <c r="A2683">
        <v>8806</v>
      </c>
      <c r="B2683" t="s">
        <v>403</v>
      </c>
      <c r="C2683">
        <v>73</v>
      </c>
      <c r="D2683" t="s">
        <v>316</v>
      </c>
      <c r="E2683">
        <v>490</v>
      </c>
      <c r="F2683" t="s">
        <v>651</v>
      </c>
      <c r="G2683">
        <v>160</v>
      </c>
      <c r="H2683" t="s">
        <v>739</v>
      </c>
      <c r="I2683">
        <v>4413</v>
      </c>
      <c r="J2683" t="s">
        <v>295</v>
      </c>
      <c r="K2683">
        <v>30</v>
      </c>
      <c r="L2683" t="s">
        <v>2000</v>
      </c>
      <c r="M2683">
        <v>3012</v>
      </c>
      <c r="N2683" t="s">
        <v>654</v>
      </c>
      <c r="O2683">
        <v>3</v>
      </c>
      <c r="P2683" t="s">
        <v>655</v>
      </c>
      <c r="Q2683">
        <v>1</v>
      </c>
      <c r="R2683" t="s">
        <v>656</v>
      </c>
      <c r="S2683">
        <v>2</v>
      </c>
      <c r="T2683" t="s">
        <v>661</v>
      </c>
      <c r="U2683">
        <v>8</v>
      </c>
      <c r="V2683">
        <v>2</v>
      </c>
      <c r="W2683">
        <v>120</v>
      </c>
      <c r="X2683">
        <v>2020</v>
      </c>
    </row>
    <row r="2684" spans="1:24" x14ac:dyDescent="0.25">
      <c r="A2684">
        <v>8805</v>
      </c>
      <c r="B2684" t="s">
        <v>403</v>
      </c>
      <c r="C2684">
        <v>73</v>
      </c>
      <c r="D2684" t="s">
        <v>316</v>
      </c>
      <c r="E2684">
        <v>490</v>
      </c>
      <c r="F2684" t="s">
        <v>651</v>
      </c>
      <c r="G2684">
        <v>160</v>
      </c>
      <c r="H2684" t="s">
        <v>739</v>
      </c>
      <c r="I2684">
        <v>4413</v>
      </c>
      <c r="J2684" t="s">
        <v>295</v>
      </c>
      <c r="K2684">
        <v>30</v>
      </c>
      <c r="L2684" t="s">
        <v>2001</v>
      </c>
      <c r="M2684">
        <v>3011</v>
      </c>
      <c r="N2684" t="s">
        <v>654</v>
      </c>
      <c r="O2684">
        <v>3</v>
      </c>
      <c r="P2684" t="s">
        <v>655</v>
      </c>
      <c r="Q2684">
        <v>1</v>
      </c>
      <c r="R2684" t="s">
        <v>656</v>
      </c>
      <c r="S2684">
        <v>2</v>
      </c>
      <c r="T2684" t="s">
        <v>661</v>
      </c>
      <c r="U2684">
        <v>8</v>
      </c>
      <c r="V2684">
        <v>2</v>
      </c>
      <c r="W2684">
        <v>120</v>
      </c>
      <c r="X2684">
        <v>2020</v>
      </c>
    </row>
    <row r="2685" spans="1:24" x14ac:dyDescent="0.25">
      <c r="A2685">
        <v>8804</v>
      </c>
      <c r="B2685" t="s">
        <v>403</v>
      </c>
      <c r="C2685">
        <v>73</v>
      </c>
      <c r="D2685" t="s">
        <v>316</v>
      </c>
      <c r="E2685">
        <v>490</v>
      </c>
      <c r="F2685" t="s">
        <v>651</v>
      </c>
      <c r="G2685">
        <v>160</v>
      </c>
      <c r="H2685" t="s">
        <v>739</v>
      </c>
      <c r="I2685">
        <v>4413</v>
      </c>
      <c r="J2685" t="s">
        <v>295</v>
      </c>
      <c r="K2685">
        <v>30</v>
      </c>
      <c r="L2685" t="s">
        <v>1966</v>
      </c>
      <c r="M2685">
        <v>1029</v>
      </c>
      <c r="N2685" t="s">
        <v>654</v>
      </c>
      <c r="O2685">
        <v>3</v>
      </c>
      <c r="P2685" t="s">
        <v>655</v>
      </c>
      <c r="Q2685">
        <v>1</v>
      </c>
      <c r="R2685" t="s">
        <v>656</v>
      </c>
      <c r="S2685">
        <v>2</v>
      </c>
      <c r="T2685" t="s">
        <v>661</v>
      </c>
      <c r="U2685">
        <v>8</v>
      </c>
      <c r="V2685">
        <v>2</v>
      </c>
      <c r="W2685">
        <v>120</v>
      </c>
      <c r="X2685">
        <v>2020</v>
      </c>
    </row>
    <row r="2686" spans="1:24" x14ac:dyDescent="0.25">
      <c r="A2686">
        <v>8803</v>
      </c>
      <c r="B2686" t="s">
        <v>403</v>
      </c>
      <c r="C2686">
        <v>73</v>
      </c>
      <c r="D2686" t="s">
        <v>316</v>
      </c>
      <c r="E2686">
        <v>490</v>
      </c>
      <c r="F2686" t="s">
        <v>651</v>
      </c>
      <c r="G2686">
        <v>160</v>
      </c>
      <c r="H2686" t="s">
        <v>739</v>
      </c>
      <c r="I2686">
        <v>4413</v>
      </c>
      <c r="J2686" t="s">
        <v>295</v>
      </c>
      <c r="K2686">
        <v>30</v>
      </c>
      <c r="L2686" t="s">
        <v>1955</v>
      </c>
      <c r="M2686">
        <v>917</v>
      </c>
      <c r="N2686" t="s">
        <v>654</v>
      </c>
      <c r="O2686">
        <v>3</v>
      </c>
      <c r="P2686" t="s">
        <v>655</v>
      </c>
      <c r="Q2686">
        <v>1</v>
      </c>
      <c r="R2686" t="s">
        <v>656</v>
      </c>
      <c r="S2686">
        <v>2</v>
      </c>
      <c r="T2686" t="s">
        <v>661</v>
      </c>
      <c r="U2686">
        <v>8</v>
      </c>
      <c r="V2686">
        <v>2</v>
      </c>
      <c r="W2686">
        <v>120</v>
      </c>
      <c r="X2686">
        <v>2020</v>
      </c>
    </row>
    <row r="2687" spans="1:24" x14ac:dyDescent="0.25">
      <c r="A2687">
        <v>8802</v>
      </c>
      <c r="B2687" t="s">
        <v>403</v>
      </c>
      <c r="C2687">
        <v>73</v>
      </c>
      <c r="D2687" t="s">
        <v>316</v>
      </c>
      <c r="E2687">
        <v>490</v>
      </c>
      <c r="F2687" t="s">
        <v>651</v>
      </c>
      <c r="G2687">
        <v>160</v>
      </c>
      <c r="H2687" t="s">
        <v>739</v>
      </c>
      <c r="I2687">
        <v>4413</v>
      </c>
      <c r="J2687" t="s">
        <v>807</v>
      </c>
      <c r="K2687">
        <v>25</v>
      </c>
      <c r="L2687" t="s">
        <v>2002</v>
      </c>
      <c r="M2687">
        <v>3010</v>
      </c>
      <c r="N2687" t="s">
        <v>654</v>
      </c>
      <c r="O2687">
        <v>3</v>
      </c>
      <c r="P2687" t="s">
        <v>655</v>
      </c>
      <c r="Q2687">
        <v>1</v>
      </c>
      <c r="R2687" t="s">
        <v>656</v>
      </c>
      <c r="S2687">
        <v>2</v>
      </c>
      <c r="T2687" t="s">
        <v>661</v>
      </c>
      <c r="U2687">
        <v>8</v>
      </c>
      <c r="V2687">
        <v>2</v>
      </c>
      <c r="W2687">
        <v>120</v>
      </c>
      <c r="X2687">
        <v>2020</v>
      </c>
    </row>
    <row r="2688" spans="1:24" x14ac:dyDescent="0.25">
      <c r="A2688">
        <v>8794</v>
      </c>
      <c r="B2688" t="s">
        <v>338</v>
      </c>
      <c r="C2688">
        <v>71</v>
      </c>
      <c r="D2688" t="s">
        <v>337</v>
      </c>
      <c r="E2688">
        <v>643</v>
      </c>
      <c r="F2688" t="s">
        <v>651</v>
      </c>
      <c r="G2688">
        <v>160</v>
      </c>
      <c r="H2688" t="s">
        <v>741</v>
      </c>
      <c r="I2688">
        <v>1585</v>
      </c>
      <c r="J2688" t="s">
        <v>295</v>
      </c>
      <c r="K2688">
        <v>30</v>
      </c>
      <c r="L2688" t="s">
        <v>1966</v>
      </c>
      <c r="M2688">
        <v>1029</v>
      </c>
      <c r="N2688" t="s">
        <v>654</v>
      </c>
      <c r="O2688">
        <v>3</v>
      </c>
      <c r="P2688" t="s">
        <v>655</v>
      </c>
      <c r="Q2688">
        <v>1</v>
      </c>
      <c r="R2688" t="s">
        <v>656</v>
      </c>
      <c r="S2688">
        <v>2</v>
      </c>
      <c r="T2688" t="s">
        <v>661</v>
      </c>
      <c r="U2688">
        <v>8</v>
      </c>
      <c r="V2688">
        <v>2</v>
      </c>
      <c r="W2688">
        <v>120</v>
      </c>
      <c r="X2688">
        <v>2020</v>
      </c>
    </row>
    <row r="2689" spans="1:24" x14ac:dyDescent="0.25">
      <c r="A2689">
        <v>8793</v>
      </c>
      <c r="B2689" t="s">
        <v>338</v>
      </c>
      <c r="C2689">
        <v>71</v>
      </c>
      <c r="D2689" t="s">
        <v>337</v>
      </c>
      <c r="E2689">
        <v>643</v>
      </c>
      <c r="F2689" t="s">
        <v>651</v>
      </c>
      <c r="G2689">
        <v>160</v>
      </c>
      <c r="H2689" t="s">
        <v>741</v>
      </c>
      <c r="I2689">
        <v>1585</v>
      </c>
      <c r="J2689" t="s">
        <v>295</v>
      </c>
      <c r="K2689">
        <v>30</v>
      </c>
      <c r="L2689" t="s">
        <v>2003</v>
      </c>
      <c r="M2689">
        <v>3004</v>
      </c>
      <c r="N2689" t="s">
        <v>654</v>
      </c>
      <c r="O2689">
        <v>3</v>
      </c>
      <c r="P2689" t="s">
        <v>655</v>
      </c>
      <c r="Q2689">
        <v>1</v>
      </c>
      <c r="R2689" t="s">
        <v>656</v>
      </c>
      <c r="S2689">
        <v>2</v>
      </c>
      <c r="T2689" t="s">
        <v>661</v>
      </c>
      <c r="U2689">
        <v>8</v>
      </c>
      <c r="V2689">
        <v>2</v>
      </c>
      <c r="W2689">
        <v>120</v>
      </c>
      <c r="X2689">
        <v>2020</v>
      </c>
    </row>
    <row r="2690" spans="1:24" x14ac:dyDescent="0.25">
      <c r="A2690">
        <v>8790</v>
      </c>
      <c r="B2690" t="s">
        <v>180</v>
      </c>
      <c r="C2690">
        <v>70</v>
      </c>
      <c r="D2690" t="s">
        <v>319</v>
      </c>
      <c r="E2690">
        <v>664</v>
      </c>
      <c r="F2690" t="s">
        <v>651</v>
      </c>
      <c r="G2690">
        <v>160</v>
      </c>
      <c r="H2690" t="s">
        <v>681</v>
      </c>
      <c r="I2690">
        <v>717</v>
      </c>
      <c r="J2690" t="s">
        <v>756</v>
      </c>
      <c r="K2690">
        <v>19</v>
      </c>
      <c r="L2690" t="s">
        <v>2004</v>
      </c>
      <c r="M2690">
        <v>3001</v>
      </c>
      <c r="N2690" t="s">
        <v>654</v>
      </c>
      <c r="O2690">
        <v>3</v>
      </c>
      <c r="P2690" t="s">
        <v>655</v>
      </c>
      <c r="Q2690">
        <v>1</v>
      </c>
      <c r="R2690" t="s">
        <v>656</v>
      </c>
      <c r="S2690">
        <v>2</v>
      </c>
      <c r="T2690" t="s">
        <v>661</v>
      </c>
      <c r="U2690">
        <v>8</v>
      </c>
      <c r="V2690">
        <v>2</v>
      </c>
      <c r="W2690">
        <v>120</v>
      </c>
      <c r="X2690">
        <v>2020</v>
      </c>
    </row>
    <row r="2691" spans="1:24" x14ac:dyDescent="0.25">
      <c r="A2691">
        <v>8789</v>
      </c>
      <c r="B2691" t="s">
        <v>180</v>
      </c>
      <c r="C2691">
        <v>70</v>
      </c>
      <c r="D2691" t="s">
        <v>319</v>
      </c>
      <c r="E2691">
        <v>664</v>
      </c>
      <c r="F2691" t="s">
        <v>651</v>
      </c>
      <c r="G2691">
        <v>160</v>
      </c>
      <c r="H2691" t="s">
        <v>681</v>
      </c>
      <c r="I2691">
        <v>717</v>
      </c>
      <c r="J2691" t="s">
        <v>691</v>
      </c>
      <c r="K2691">
        <v>21</v>
      </c>
      <c r="L2691" t="s">
        <v>727</v>
      </c>
      <c r="M2691">
        <v>1123</v>
      </c>
      <c r="N2691" t="s">
        <v>654</v>
      </c>
      <c r="O2691">
        <v>3</v>
      </c>
      <c r="P2691" t="s">
        <v>655</v>
      </c>
      <c r="Q2691">
        <v>1</v>
      </c>
      <c r="R2691" t="s">
        <v>656</v>
      </c>
      <c r="S2691">
        <v>2</v>
      </c>
      <c r="T2691" t="s">
        <v>661</v>
      </c>
      <c r="U2691">
        <v>8</v>
      </c>
      <c r="V2691">
        <v>2</v>
      </c>
      <c r="W2691">
        <v>120</v>
      </c>
      <c r="X2691">
        <v>2020</v>
      </c>
    </row>
    <row r="2692" spans="1:24" x14ac:dyDescent="0.25">
      <c r="A2692">
        <v>8788</v>
      </c>
      <c r="B2692" t="s">
        <v>180</v>
      </c>
      <c r="C2692">
        <v>70</v>
      </c>
      <c r="D2692" t="s">
        <v>319</v>
      </c>
      <c r="E2692">
        <v>664</v>
      </c>
      <c r="F2692" t="s">
        <v>651</v>
      </c>
      <c r="G2692">
        <v>160</v>
      </c>
      <c r="H2692" t="s">
        <v>681</v>
      </c>
      <c r="I2692">
        <v>717</v>
      </c>
      <c r="J2692" t="s">
        <v>691</v>
      </c>
      <c r="K2692">
        <v>21</v>
      </c>
      <c r="L2692" t="s">
        <v>2005</v>
      </c>
      <c r="M2692">
        <v>3000</v>
      </c>
      <c r="N2692" t="s">
        <v>654</v>
      </c>
      <c r="O2692">
        <v>3</v>
      </c>
      <c r="P2692" t="s">
        <v>655</v>
      </c>
      <c r="Q2692">
        <v>1</v>
      </c>
      <c r="R2692" t="s">
        <v>656</v>
      </c>
      <c r="S2692">
        <v>2</v>
      </c>
      <c r="T2692" t="s">
        <v>661</v>
      </c>
      <c r="U2692">
        <v>8</v>
      </c>
      <c r="V2692">
        <v>2</v>
      </c>
      <c r="W2692">
        <v>120</v>
      </c>
      <c r="X2692">
        <v>2020</v>
      </c>
    </row>
    <row r="2693" spans="1:24" x14ac:dyDescent="0.25">
      <c r="A2693">
        <v>8787</v>
      </c>
      <c r="B2693" t="s">
        <v>180</v>
      </c>
      <c r="C2693">
        <v>70</v>
      </c>
      <c r="D2693" t="s">
        <v>320</v>
      </c>
      <c r="E2693">
        <v>663</v>
      </c>
      <c r="F2693" t="s">
        <v>651</v>
      </c>
      <c r="G2693">
        <v>160</v>
      </c>
      <c r="H2693" t="s">
        <v>681</v>
      </c>
      <c r="I2693">
        <v>717</v>
      </c>
      <c r="J2693" t="s">
        <v>294</v>
      </c>
      <c r="K2693">
        <v>31</v>
      </c>
      <c r="L2693" t="s">
        <v>2006</v>
      </c>
      <c r="M2693">
        <v>2999</v>
      </c>
      <c r="N2693" t="s">
        <v>654</v>
      </c>
      <c r="O2693">
        <v>3</v>
      </c>
      <c r="P2693" t="s">
        <v>655</v>
      </c>
      <c r="Q2693">
        <v>1</v>
      </c>
      <c r="R2693" t="s">
        <v>656</v>
      </c>
      <c r="S2693">
        <v>2</v>
      </c>
      <c r="T2693" t="s">
        <v>661</v>
      </c>
      <c r="U2693">
        <v>8</v>
      </c>
      <c r="V2693">
        <v>2</v>
      </c>
      <c r="W2693">
        <v>120</v>
      </c>
      <c r="X2693">
        <v>2020</v>
      </c>
    </row>
    <row r="2694" spans="1:24" x14ac:dyDescent="0.25">
      <c r="A2694">
        <v>8786</v>
      </c>
      <c r="B2694" t="s">
        <v>180</v>
      </c>
      <c r="C2694">
        <v>70</v>
      </c>
      <c r="D2694" t="s">
        <v>320</v>
      </c>
      <c r="E2694">
        <v>663</v>
      </c>
      <c r="F2694" t="s">
        <v>651</v>
      </c>
      <c r="G2694">
        <v>160</v>
      </c>
      <c r="H2694" t="s">
        <v>681</v>
      </c>
      <c r="I2694">
        <v>717</v>
      </c>
      <c r="J2694" t="s">
        <v>301</v>
      </c>
      <c r="K2694">
        <v>26</v>
      </c>
      <c r="L2694" t="s">
        <v>2007</v>
      </c>
      <c r="M2694">
        <v>2415</v>
      </c>
      <c r="N2694" t="s">
        <v>654</v>
      </c>
      <c r="O2694">
        <v>3</v>
      </c>
      <c r="P2694" t="s">
        <v>655</v>
      </c>
      <c r="Q2694">
        <v>1</v>
      </c>
      <c r="R2694" t="s">
        <v>656</v>
      </c>
      <c r="S2694">
        <v>2</v>
      </c>
      <c r="T2694" t="s">
        <v>661</v>
      </c>
      <c r="U2694">
        <v>8</v>
      </c>
      <c r="V2694">
        <v>2</v>
      </c>
      <c r="W2694">
        <v>120</v>
      </c>
      <c r="X2694">
        <v>2020</v>
      </c>
    </row>
    <row r="2695" spans="1:24" x14ac:dyDescent="0.25">
      <c r="A2695">
        <v>8785</v>
      </c>
      <c r="B2695" t="s">
        <v>180</v>
      </c>
      <c r="C2695">
        <v>70</v>
      </c>
      <c r="D2695" t="s">
        <v>319</v>
      </c>
      <c r="E2695">
        <v>664</v>
      </c>
      <c r="F2695" t="s">
        <v>651</v>
      </c>
      <c r="G2695">
        <v>160</v>
      </c>
      <c r="H2695" t="s">
        <v>681</v>
      </c>
      <c r="I2695">
        <v>717</v>
      </c>
      <c r="J2695" t="s">
        <v>802</v>
      </c>
      <c r="K2695">
        <v>12</v>
      </c>
      <c r="L2695" t="s">
        <v>2008</v>
      </c>
      <c r="M2695">
        <v>2998</v>
      </c>
      <c r="N2695" t="s">
        <v>654</v>
      </c>
      <c r="O2695">
        <v>3</v>
      </c>
      <c r="P2695" t="s">
        <v>655</v>
      </c>
      <c r="Q2695">
        <v>1</v>
      </c>
      <c r="R2695" t="s">
        <v>656</v>
      </c>
      <c r="S2695">
        <v>2</v>
      </c>
      <c r="T2695" t="s">
        <v>661</v>
      </c>
      <c r="U2695">
        <v>8</v>
      </c>
      <c r="V2695">
        <v>2</v>
      </c>
      <c r="W2695">
        <v>120</v>
      </c>
      <c r="X2695">
        <v>2020</v>
      </c>
    </row>
    <row r="2696" spans="1:24" x14ac:dyDescent="0.25">
      <c r="A2696">
        <v>8784</v>
      </c>
      <c r="B2696" t="s">
        <v>180</v>
      </c>
      <c r="C2696">
        <v>70</v>
      </c>
      <c r="D2696" t="s">
        <v>322</v>
      </c>
      <c r="E2696">
        <v>660</v>
      </c>
      <c r="F2696" t="s">
        <v>651</v>
      </c>
      <c r="G2696">
        <v>160</v>
      </c>
      <c r="H2696" t="s">
        <v>681</v>
      </c>
      <c r="I2696">
        <v>717</v>
      </c>
      <c r="J2696" t="s">
        <v>851</v>
      </c>
      <c r="K2696">
        <v>43</v>
      </c>
      <c r="L2696" t="s">
        <v>2009</v>
      </c>
      <c r="M2696">
        <v>2997</v>
      </c>
      <c r="N2696" t="s">
        <v>654</v>
      </c>
      <c r="O2696">
        <v>3</v>
      </c>
      <c r="P2696" t="s">
        <v>655</v>
      </c>
      <c r="Q2696">
        <v>1</v>
      </c>
      <c r="R2696" t="s">
        <v>656</v>
      </c>
      <c r="S2696">
        <v>2</v>
      </c>
      <c r="T2696" t="s">
        <v>769</v>
      </c>
      <c r="U2696">
        <v>3</v>
      </c>
      <c r="V2696">
        <v>1.5</v>
      </c>
      <c r="W2696">
        <v>90</v>
      </c>
      <c r="X2696">
        <v>2020</v>
      </c>
    </row>
    <row r="2697" spans="1:24" x14ac:dyDescent="0.25">
      <c r="A2697">
        <v>8783</v>
      </c>
      <c r="B2697" t="s">
        <v>180</v>
      </c>
      <c r="C2697">
        <v>70</v>
      </c>
      <c r="D2697" t="s">
        <v>322</v>
      </c>
      <c r="E2697">
        <v>660</v>
      </c>
      <c r="F2697" t="s">
        <v>651</v>
      </c>
      <c r="G2697">
        <v>160</v>
      </c>
      <c r="H2697" t="s">
        <v>681</v>
      </c>
      <c r="I2697">
        <v>717</v>
      </c>
      <c r="J2697" t="s">
        <v>851</v>
      </c>
      <c r="K2697">
        <v>43</v>
      </c>
      <c r="L2697" t="s">
        <v>2010</v>
      </c>
      <c r="M2697">
        <v>2771</v>
      </c>
      <c r="N2697" t="s">
        <v>654</v>
      </c>
      <c r="O2697">
        <v>3</v>
      </c>
      <c r="P2697" t="s">
        <v>655</v>
      </c>
      <c r="Q2697">
        <v>1</v>
      </c>
      <c r="R2697" t="s">
        <v>656</v>
      </c>
      <c r="S2697">
        <v>2</v>
      </c>
      <c r="T2697" t="s">
        <v>661</v>
      </c>
      <c r="U2697">
        <v>8</v>
      </c>
      <c r="V2697">
        <v>2</v>
      </c>
      <c r="W2697">
        <v>120</v>
      </c>
      <c r="X2697">
        <v>2020</v>
      </c>
    </row>
    <row r="2698" spans="1:24" x14ac:dyDescent="0.25">
      <c r="A2698">
        <v>8782</v>
      </c>
      <c r="B2698" t="s">
        <v>180</v>
      </c>
      <c r="C2698">
        <v>70</v>
      </c>
      <c r="D2698" t="s">
        <v>322</v>
      </c>
      <c r="E2698">
        <v>660</v>
      </c>
      <c r="F2698" t="s">
        <v>651</v>
      </c>
      <c r="G2698">
        <v>160</v>
      </c>
      <c r="H2698" t="s">
        <v>681</v>
      </c>
      <c r="I2698">
        <v>717</v>
      </c>
      <c r="J2698" t="s">
        <v>831</v>
      </c>
      <c r="K2698">
        <v>5</v>
      </c>
      <c r="L2698" t="s">
        <v>2011</v>
      </c>
      <c r="M2698">
        <v>2996</v>
      </c>
      <c r="N2698" t="s">
        <v>654</v>
      </c>
      <c r="O2698">
        <v>3</v>
      </c>
      <c r="P2698" t="s">
        <v>655</v>
      </c>
      <c r="Q2698">
        <v>1</v>
      </c>
      <c r="R2698" t="s">
        <v>656</v>
      </c>
      <c r="S2698">
        <v>2</v>
      </c>
      <c r="T2698" t="s">
        <v>661</v>
      </c>
      <c r="U2698">
        <v>8</v>
      </c>
      <c r="V2698">
        <v>2</v>
      </c>
      <c r="W2698">
        <v>120</v>
      </c>
      <c r="X2698">
        <v>2020</v>
      </c>
    </row>
    <row r="2699" spans="1:24" x14ac:dyDescent="0.25">
      <c r="A2699">
        <v>8781</v>
      </c>
      <c r="B2699" t="s">
        <v>180</v>
      </c>
      <c r="C2699">
        <v>70</v>
      </c>
      <c r="D2699" t="s">
        <v>319</v>
      </c>
      <c r="E2699">
        <v>664</v>
      </c>
      <c r="F2699" t="s">
        <v>651</v>
      </c>
      <c r="G2699">
        <v>160</v>
      </c>
      <c r="H2699" t="s">
        <v>681</v>
      </c>
      <c r="I2699">
        <v>717</v>
      </c>
      <c r="J2699" t="s">
        <v>663</v>
      </c>
      <c r="K2699">
        <v>99</v>
      </c>
      <c r="L2699" t="s">
        <v>2012</v>
      </c>
      <c r="M2699">
        <v>2995</v>
      </c>
      <c r="N2699" t="s">
        <v>654</v>
      </c>
      <c r="O2699">
        <v>3</v>
      </c>
      <c r="P2699" t="s">
        <v>655</v>
      </c>
      <c r="Q2699">
        <v>1</v>
      </c>
      <c r="R2699" t="s">
        <v>656</v>
      </c>
      <c r="S2699">
        <v>2</v>
      </c>
      <c r="T2699" t="s">
        <v>661</v>
      </c>
      <c r="U2699">
        <v>8</v>
      </c>
      <c r="V2699">
        <v>2</v>
      </c>
      <c r="W2699">
        <v>120</v>
      </c>
      <c r="X2699">
        <v>2020</v>
      </c>
    </row>
    <row r="2700" spans="1:24" x14ac:dyDescent="0.25">
      <c r="A2700">
        <v>8780</v>
      </c>
      <c r="B2700" t="s">
        <v>180</v>
      </c>
      <c r="C2700">
        <v>70</v>
      </c>
      <c r="D2700" t="s">
        <v>319</v>
      </c>
      <c r="E2700">
        <v>664</v>
      </c>
      <c r="F2700" t="s">
        <v>651</v>
      </c>
      <c r="G2700">
        <v>160</v>
      </c>
      <c r="H2700" t="s">
        <v>681</v>
      </c>
      <c r="I2700">
        <v>717</v>
      </c>
      <c r="J2700" t="s">
        <v>663</v>
      </c>
      <c r="K2700">
        <v>99</v>
      </c>
      <c r="L2700" t="s">
        <v>2013</v>
      </c>
      <c r="M2700">
        <v>2994</v>
      </c>
      <c r="N2700" t="s">
        <v>654</v>
      </c>
      <c r="O2700">
        <v>3</v>
      </c>
      <c r="P2700" t="s">
        <v>655</v>
      </c>
      <c r="Q2700">
        <v>1</v>
      </c>
      <c r="R2700" t="s">
        <v>656</v>
      </c>
      <c r="S2700">
        <v>2</v>
      </c>
      <c r="T2700" t="s">
        <v>661</v>
      </c>
      <c r="U2700">
        <v>8</v>
      </c>
      <c r="V2700">
        <v>2</v>
      </c>
      <c r="W2700">
        <v>120</v>
      </c>
      <c r="X2700">
        <v>2020</v>
      </c>
    </row>
    <row r="2701" spans="1:24" x14ac:dyDescent="0.25">
      <c r="A2701">
        <v>8779</v>
      </c>
      <c r="B2701" t="s">
        <v>180</v>
      </c>
      <c r="C2701">
        <v>70</v>
      </c>
      <c r="D2701" t="s">
        <v>332</v>
      </c>
      <c r="E2701">
        <v>473</v>
      </c>
      <c r="F2701" t="s">
        <v>651</v>
      </c>
      <c r="G2701">
        <v>160</v>
      </c>
      <c r="H2701" t="s">
        <v>681</v>
      </c>
      <c r="I2701">
        <v>717</v>
      </c>
      <c r="J2701" t="s">
        <v>65</v>
      </c>
      <c r="K2701">
        <v>15</v>
      </c>
      <c r="L2701" t="s">
        <v>2014</v>
      </c>
      <c r="M2701">
        <v>2993</v>
      </c>
      <c r="N2701" t="s">
        <v>654</v>
      </c>
      <c r="O2701">
        <v>3</v>
      </c>
      <c r="P2701" t="s">
        <v>655</v>
      </c>
      <c r="Q2701">
        <v>1</v>
      </c>
      <c r="R2701" t="s">
        <v>656</v>
      </c>
      <c r="S2701">
        <v>2</v>
      </c>
      <c r="T2701" t="s">
        <v>661</v>
      </c>
      <c r="U2701">
        <v>8</v>
      </c>
      <c r="V2701">
        <v>2</v>
      </c>
      <c r="W2701">
        <v>120</v>
      </c>
      <c r="X2701">
        <v>2020</v>
      </c>
    </row>
    <row r="2702" spans="1:24" x14ac:dyDescent="0.25">
      <c r="A2702">
        <v>8778</v>
      </c>
      <c r="B2702" t="s">
        <v>180</v>
      </c>
      <c r="C2702">
        <v>70</v>
      </c>
      <c r="D2702" t="s">
        <v>332</v>
      </c>
      <c r="E2702">
        <v>473</v>
      </c>
      <c r="F2702" t="s">
        <v>651</v>
      </c>
      <c r="G2702">
        <v>160</v>
      </c>
      <c r="H2702" t="s">
        <v>681</v>
      </c>
      <c r="I2702">
        <v>717</v>
      </c>
      <c r="J2702" t="s">
        <v>65</v>
      </c>
      <c r="K2702">
        <v>15</v>
      </c>
      <c r="L2702" t="s">
        <v>2015</v>
      </c>
      <c r="M2702">
        <v>2992</v>
      </c>
      <c r="N2702" t="s">
        <v>654</v>
      </c>
      <c r="O2702">
        <v>3</v>
      </c>
      <c r="P2702" t="s">
        <v>655</v>
      </c>
      <c r="Q2702">
        <v>1</v>
      </c>
      <c r="R2702" t="s">
        <v>656</v>
      </c>
      <c r="S2702">
        <v>2</v>
      </c>
      <c r="T2702" t="s">
        <v>661</v>
      </c>
      <c r="U2702">
        <v>8</v>
      </c>
      <c r="V2702">
        <v>1.5</v>
      </c>
      <c r="W2702">
        <v>90</v>
      </c>
      <c r="X2702">
        <v>2020</v>
      </c>
    </row>
    <row r="2703" spans="1:24" x14ac:dyDescent="0.25">
      <c r="A2703">
        <v>8777</v>
      </c>
      <c r="B2703" t="s">
        <v>180</v>
      </c>
      <c r="C2703">
        <v>70</v>
      </c>
      <c r="D2703" t="s">
        <v>332</v>
      </c>
      <c r="E2703">
        <v>473</v>
      </c>
      <c r="F2703" t="s">
        <v>651</v>
      </c>
      <c r="G2703">
        <v>160</v>
      </c>
      <c r="H2703" t="s">
        <v>681</v>
      </c>
      <c r="I2703">
        <v>717</v>
      </c>
      <c r="J2703" t="s">
        <v>65</v>
      </c>
      <c r="K2703">
        <v>15</v>
      </c>
      <c r="L2703" t="s">
        <v>2016</v>
      </c>
      <c r="M2703">
        <v>2991</v>
      </c>
      <c r="N2703" t="s">
        <v>654</v>
      </c>
      <c r="O2703">
        <v>3</v>
      </c>
      <c r="P2703" t="s">
        <v>655</v>
      </c>
      <c r="Q2703">
        <v>1</v>
      </c>
      <c r="R2703" t="s">
        <v>656</v>
      </c>
      <c r="S2703">
        <v>2</v>
      </c>
      <c r="T2703" t="s">
        <v>661</v>
      </c>
      <c r="U2703">
        <v>8</v>
      </c>
      <c r="V2703">
        <v>1.5</v>
      </c>
      <c r="W2703">
        <v>90</v>
      </c>
      <c r="X2703">
        <v>2020</v>
      </c>
    </row>
    <row r="2704" spans="1:24" x14ac:dyDescent="0.25">
      <c r="A2704">
        <v>8776</v>
      </c>
      <c r="B2704" t="s">
        <v>180</v>
      </c>
      <c r="C2704">
        <v>70</v>
      </c>
      <c r="D2704" t="s">
        <v>319</v>
      </c>
      <c r="E2704">
        <v>664</v>
      </c>
      <c r="F2704" t="s">
        <v>651</v>
      </c>
      <c r="G2704">
        <v>160</v>
      </c>
      <c r="H2704" t="s">
        <v>681</v>
      </c>
      <c r="I2704">
        <v>717</v>
      </c>
      <c r="J2704" t="s">
        <v>682</v>
      </c>
      <c r="K2704">
        <v>20</v>
      </c>
      <c r="L2704" t="s">
        <v>2017</v>
      </c>
      <c r="M2704">
        <v>2990</v>
      </c>
      <c r="N2704" t="s">
        <v>654</v>
      </c>
      <c r="O2704">
        <v>3</v>
      </c>
      <c r="P2704" t="s">
        <v>655</v>
      </c>
      <c r="Q2704">
        <v>1</v>
      </c>
      <c r="R2704" t="s">
        <v>656</v>
      </c>
      <c r="S2704">
        <v>2</v>
      </c>
      <c r="T2704" t="s">
        <v>661</v>
      </c>
      <c r="U2704">
        <v>8</v>
      </c>
      <c r="V2704">
        <v>2</v>
      </c>
      <c r="W2704">
        <v>120</v>
      </c>
      <c r="X2704">
        <v>2020</v>
      </c>
    </row>
    <row r="2705" spans="1:24" x14ac:dyDescent="0.25">
      <c r="A2705">
        <v>8775</v>
      </c>
      <c r="B2705" t="s">
        <v>180</v>
      </c>
      <c r="C2705">
        <v>70</v>
      </c>
      <c r="D2705" t="s">
        <v>319</v>
      </c>
      <c r="E2705">
        <v>664</v>
      </c>
      <c r="F2705" t="s">
        <v>651</v>
      </c>
      <c r="G2705">
        <v>160</v>
      </c>
      <c r="H2705" t="s">
        <v>681</v>
      </c>
      <c r="I2705">
        <v>717</v>
      </c>
      <c r="J2705" t="s">
        <v>819</v>
      </c>
      <c r="K2705">
        <v>101</v>
      </c>
      <c r="L2705" t="s">
        <v>2018</v>
      </c>
      <c r="M2705">
        <v>2713</v>
      </c>
      <c r="N2705" t="s">
        <v>654</v>
      </c>
      <c r="O2705">
        <v>3</v>
      </c>
      <c r="P2705" t="s">
        <v>655</v>
      </c>
      <c r="Q2705">
        <v>1</v>
      </c>
      <c r="R2705" t="s">
        <v>656</v>
      </c>
      <c r="S2705">
        <v>2</v>
      </c>
      <c r="T2705" t="s">
        <v>661</v>
      </c>
      <c r="U2705">
        <v>8</v>
      </c>
      <c r="V2705">
        <v>2</v>
      </c>
      <c r="W2705">
        <v>120</v>
      </c>
      <c r="X2705">
        <v>2020</v>
      </c>
    </row>
    <row r="2706" spans="1:24" x14ac:dyDescent="0.25">
      <c r="A2706">
        <v>8774</v>
      </c>
      <c r="B2706" t="s">
        <v>180</v>
      </c>
      <c r="C2706">
        <v>70</v>
      </c>
      <c r="D2706" t="s">
        <v>319</v>
      </c>
      <c r="E2706">
        <v>664</v>
      </c>
      <c r="F2706" t="s">
        <v>651</v>
      </c>
      <c r="G2706">
        <v>160</v>
      </c>
      <c r="H2706" t="s">
        <v>681</v>
      </c>
      <c r="I2706">
        <v>717</v>
      </c>
      <c r="J2706" t="s">
        <v>819</v>
      </c>
      <c r="K2706">
        <v>101</v>
      </c>
      <c r="L2706" t="s">
        <v>2019</v>
      </c>
      <c r="M2706">
        <v>2989</v>
      </c>
      <c r="N2706" t="s">
        <v>654</v>
      </c>
      <c r="O2706">
        <v>3</v>
      </c>
      <c r="P2706" t="s">
        <v>655</v>
      </c>
      <c r="Q2706">
        <v>1</v>
      </c>
      <c r="R2706" t="s">
        <v>656</v>
      </c>
      <c r="S2706">
        <v>2</v>
      </c>
      <c r="T2706" t="s">
        <v>661</v>
      </c>
      <c r="U2706">
        <v>8</v>
      </c>
      <c r="V2706">
        <v>2</v>
      </c>
      <c r="W2706">
        <v>120</v>
      </c>
      <c r="X2706">
        <v>2020</v>
      </c>
    </row>
    <row r="2707" spans="1:24" x14ac:dyDescent="0.25">
      <c r="A2707">
        <v>8773</v>
      </c>
      <c r="B2707" t="s">
        <v>180</v>
      </c>
      <c r="C2707">
        <v>70</v>
      </c>
      <c r="D2707" t="s">
        <v>322</v>
      </c>
      <c r="E2707">
        <v>660</v>
      </c>
      <c r="F2707" t="s">
        <v>651</v>
      </c>
      <c r="G2707">
        <v>160</v>
      </c>
      <c r="H2707" t="s">
        <v>681</v>
      </c>
      <c r="I2707">
        <v>717</v>
      </c>
      <c r="J2707" t="s">
        <v>839</v>
      </c>
      <c r="K2707">
        <v>89</v>
      </c>
      <c r="L2707" t="s">
        <v>2020</v>
      </c>
      <c r="M2707">
        <v>2988</v>
      </c>
      <c r="N2707" t="s">
        <v>654</v>
      </c>
      <c r="O2707">
        <v>3</v>
      </c>
      <c r="P2707" t="s">
        <v>655</v>
      </c>
      <c r="Q2707">
        <v>1</v>
      </c>
      <c r="R2707" t="s">
        <v>656</v>
      </c>
      <c r="S2707">
        <v>2</v>
      </c>
      <c r="T2707" t="s">
        <v>661</v>
      </c>
      <c r="U2707">
        <v>8</v>
      </c>
      <c r="V2707">
        <v>1.5</v>
      </c>
      <c r="W2707">
        <v>90</v>
      </c>
      <c r="X2707">
        <v>2020</v>
      </c>
    </row>
    <row r="2708" spans="1:24" x14ac:dyDescent="0.25">
      <c r="A2708">
        <v>8772</v>
      </c>
      <c r="B2708" t="s">
        <v>180</v>
      </c>
      <c r="C2708">
        <v>70</v>
      </c>
      <c r="D2708" t="s">
        <v>322</v>
      </c>
      <c r="E2708">
        <v>660</v>
      </c>
      <c r="F2708" t="s">
        <v>651</v>
      </c>
      <c r="G2708">
        <v>160</v>
      </c>
      <c r="H2708" t="s">
        <v>681</v>
      </c>
      <c r="I2708">
        <v>717</v>
      </c>
      <c r="J2708" t="s">
        <v>839</v>
      </c>
      <c r="K2708">
        <v>89</v>
      </c>
      <c r="L2708" t="s">
        <v>2021</v>
      </c>
      <c r="M2708">
        <v>2987</v>
      </c>
      <c r="N2708" t="s">
        <v>654</v>
      </c>
      <c r="O2708">
        <v>3</v>
      </c>
      <c r="P2708" t="s">
        <v>655</v>
      </c>
      <c r="Q2708">
        <v>1</v>
      </c>
      <c r="R2708" t="s">
        <v>656</v>
      </c>
      <c r="S2708">
        <v>2</v>
      </c>
      <c r="T2708" t="s">
        <v>661</v>
      </c>
      <c r="U2708">
        <v>8</v>
      </c>
      <c r="V2708">
        <v>1.5</v>
      </c>
      <c r="W2708">
        <v>90</v>
      </c>
      <c r="X2708">
        <v>2020</v>
      </c>
    </row>
    <row r="2709" spans="1:24" x14ac:dyDescent="0.25">
      <c r="A2709">
        <v>8771</v>
      </c>
      <c r="B2709" t="s">
        <v>180</v>
      </c>
      <c r="C2709">
        <v>70</v>
      </c>
      <c r="D2709" t="s">
        <v>320</v>
      </c>
      <c r="E2709">
        <v>663</v>
      </c>
      <c r="F2709" t="s">
        <v>651</v>
      </c>
      <c r="G2709">
        <v>160</v>
      </c>
      <c r="H2709" t="s">
        <v>681</v>
      </c>
      <c r="I2709">
        <v>717</v>
      </c>
      <c r="J2709" t="s">
        <v>299</v>
      </c>
      <c r="K2709">
        <v>27</v>
      </c>
      <c r="L2709" t="s">
        <v>780</v>
      </c>
      <c r="M2709">
        <v>2986</v>
      </c>
      <c r="N2709" t="s">
        <v>654</v>
      </c>
      <c r="O2709">
        <v>3</v>
      </c>
      <c r="P2709" t="s">
        <v>655</v>
      </c>
      <c r="Q2709">
        <v>1</v>
      </c>
      <c r="R2709" t="s">
        <v>656</v>
      </c>
      <c r="S2709">
        <v>2</v>
      </c>
      <c r="T2709" t="s">
        <v>661</v>
      </c>
      <c r="U2709">
        <v>8</v>
      </c>
      <c r="V2709">
        <v>2</v>
      </c>
      <c r="W2709">
        <v>120</v>
      </c>
      <c r="X2709">
        <v>2020</v>
      </c>
    </row>
    <row r="2710" spans="1:24" x14ac:dyDescent="0.25">
      <c r="A2710">
        <v>8770</v>
      </c>
      <c r="B2710" t="s">
        <v>180</v>
      </c>
      <c r="C2710">
        <v>70</v>
      </c>
      <c r="D2710" t="s">
        <v>320</v>
      </c>
      <c r="E2710">
        <v>663</v>
      </c>
      <c r="F2710" t="s">
        <v>651</v>
      </c>
      <c r="G2710">
        <v>160</v>
      </c>
      <c r="H2710" t="s">
        <v>681</v>
      </c>
      <c r="I2710">
        <v>717</v>
      </c>
      <c r="J2710" t="s">
        <v>678</v>
      </c>
      <c r="K2710">
        <v>41</v>
      </c>
      <c r="L2710" t="s">
        <v>2022</v>
      </c>
      <c r="M2710">
        <v>2985</v>
      </c>
      <c r="N2710" t="s">
        <v>654</v>
      </c>
      <c r="O2710">
        <v>3</v>
      </c>
      <c r="P2710" t="s">
        <v>655</v>
      </c>
      <c r="Q2710">
        <v>1</v>
      </c>
      <c r="R2710" t="s">
        <v>656</v>
      </c>
      <c r="S2710">
        <v>2</v>
      </c>
      <c r="T2710" t="s">
        <v>661</v>
      </c>
      <c r="U2710">
        <v>8</v>
      </c>
      <c r="V2710">
        <v>1.5</v>
      </c>
      <c r="W2710">
        <v>90</v>
      </c>
      <c r="X2710">
        <v>2020</v>
      </c>
    </row>
    <row r="2711" spans="1:24" x14ac:dyDescent="0.25">
      <c r="A2711">
        <v>8769</v>
      </c>
      <c r="B2711" t="s">
        <v>180</v>
      </c>
      <c r="C2711">
        <v>70</v>
      </c>
      <c r="D2711" t="s">
        <v>320</v>
      </c>
      <c r="E2711">
        <v>663</v>
      </c>
      <c r="F2711" t="s">
        <v>651</v>
      </c>
      <c r="G2711">
        <v>160</v>
      </c>
      <c r="H2711" t="s">
        <v>681</v>
      </c>
      <c r="I2711">
        <v>717</v>
      </c>
      <c r="J2711" t="s">
        <v>676</v>
      </c>
      <c r="K2711">
        <v>4</v>
      </c>
      <c r="L2711" t="s">
        <v>2023</v>
      </c>
      <c r="M2711">
        <v>2984</v>
      </c>
      <c r="N2711" t="s">
        <v>654</v>
      </c>
      <c r="O2711">
        <v>3</v>
      </c>
      <c r="P2711" t="s">
        <v>655</v>
      </c>
      <c r="Q2711">
        <v>1</v>
      </c>
      <c r="R2711" t="s">
        <v>656</v>
      </c>
      <c r="S2711">
        <v>2</v>
      </c>
      <c r="T2711" t="s">
        <v>661</v>
      </c>
      <c r="U2711">
        <v>8</v>
      </c>
      <c r="V2711">
        <v>2</v>
      </c>
      <c r="W2711">
        <v>120</v>
      </c>
      <c r="X2711">
        <v>2020</v>
      </c>
    </row>
    <row r="2712" spans="1:24" x14ac:dyDescent="0.25">
      <c r="A2712">
        <v>8768</v>
      </c>
      <c r="B2712" t="s">
        <v>180</v>
      </c>
      <c r="C2712">
        <v>70</v>
      </c>
      <c r="D2712" t="s">
        <v>319</v>
      </c>
      <c r="E2712">
        <v>664</v>
      </c>
      <c r="F2712" t="s">
        <v>651</v>
      </c>
      <c r="G2712">
        <v>160</v>
      </c>
      <c r="H2712" t="s">
        <v>681</v>
      </c>
      <c r="I2712">
        <v>717</v>
      </c>
      <c r="J2712" t="s">
        <v>868</v>
      </c>
      <c r="K2712">
        <v>23</v>
      </c>
      <c r="L2712" t="s">
        <v>2024</v>
      </c>
      <c r="M2712">
        <v>2983</v>
      </c>
      <c r="N2712" t="s">
        <v>654</v>
      </c>
      <c r="O2712">
        <v>3</v>
      </c>
      <c r="P2712" t="s">
        <v>655</v>
      </c>
      <c r="Q2712">
        <v>1</v>
      </c>
      <c r="R2712" t="s">
        <v>656</v>
      </c>
      <c r="S2712">
        <v>2</v>
      </c>
      <c r="T2712" t="s">
        <v>661</v>
      </c>
      <c r="U2712">
        <v>8</v>
      </c>
      <c r="V2712">
        <v>2</v>
      </c>
      <c r="W2712">
        <v>120</v>
      </c>
      <c r="X2712">
        <v>2020</v>
      </c>
    </row>
    <row r="2713" spans="1:24" x14ac:dyDescent="0.25">
      <c r="A2713">
        <v>8767</v>
      </c>
      <c r="B2713" t="s">
        <v>180</v>
      </c>
      <c r="C2713">
        <v>70</v>
      </c>
      <c r="D2713" t="s">
        <v>319</v>
      </c>
      <c r="E2713">
        <v>664</v>
      </c>
      <c r="F2713" t="s">
        <v>651</v>
      </c>
      <c r="G2713">
        <v>160</v>
      </c>
      <c r="H2713" t="s">
        <v>681</v>
      </c>
      <c r="I2713">
        <v>717</v>
      </c>
      <c r="J2713" t="s">
        <v>684</v>
      </c>
      <c r="K2713">
        <v>22</v>
      </c>
      <c r="L2713" t="s">
        <v>906</v>
      </c>
      <c r="M2713">
        <v>725</v>
      </c>
      <c r="N2713" t="s">
        <v>654</v>
      </c>
      <c r="O2713">
        <v>3</v>
      </c>
      <c r="P2713" t="s">
        <v>655</v>
      </c>
      <c r="Q2713">
        <v>1</v>
      </c>
      <c r="R2713" t="s">
        <v>656</v>
      </c>
      <c r="S2713">
        <v>2</v>
      </c>
      <c r="T2713" t="s">
        <v>661</v>
      </c>
      <c r="U2713">
        <v>8</v>
      </c>
      <c r="V2713">
        <v>2</v>
      </c>
      <c r="W2713">
        <v>120</v>
      </c>
      <c r="X2713">
        <v>2020</v>
      </c>
    </row>
    <row r="2714" spans="1:24" x14ac:dyDescent="0.25">
      <c r="A2714">
        <v>8766</v>
      </c>
      <c r="B2714" t="s">
        <v>375</v>
      </c>
      <c r="C2714">
        <v>90</v>
      </c>
      <c r="D2714" t="s">
        <v>375</v>
      </c>
      <c r="E2714">
        <v>546</v>
      </c>
      <c r="F2714" t="s">
        <v>651</v>
      </c>
      <c r="G2714">
        <v>160</v>
      </c>
      <c r="H2714" t="s">
        <v>658</v>
      </c>
      <c r="I2714">
        <v>13755</v>
      </c>
      <c r="J2714" t="s">
        <v>301</v>
      </c>
      <c r="K2714">
        <v>26</v>
      </c>
      <c r="L2714" t="s">
        <v>2025</v>
      </c>
      <c r="M2714">
        <v>2982</v>
      </c>
      <c r="N2714" t="s">
        <v>654</v>
      </c>
      <c r="O2714">
        <v>3</v>
      </c>
      <c r="P2714" t="s">
        <v>655</v>
      </c>
      <c r="Q2714">
        <v>1</v>
      </c>
      <c r="R2714" t="s">
        <v>656</v>
      </c>
      <c r="S2714">
        <v>2</v>
      </c>
      <c r="T2714" t="s">
        <v>718</v>
      </c>
      <c r="U2714">
        <v>2</v>
      </c>
      <c r="V2714">
        <v>2</v>
      </c>
      <c r="W2714">
        <v>120</v>
      </c>
      <c r="X2714">
        <v>2020</v>
      </c>
    </row>
    <row r="2715" spans="1:24" x14ac:dyDescent="0.25">
      <c r="A2715">
        <v>8765</v>
      </c>
      <c r="B2715" t="s">
        <v>375</v>
      </c>
      <c r="C2715">
        <v>90</v>
      </c>
      <c r="D2715" t="s">
        <v>375</v>
      </c>
      <c r="E2715">
        <v>546</v>
      </c>
      <c r="F2715" t="s">
        <v>651</v>
      </c>
      <c r="G2715">
        <v>160</v>
      </c>
      <c r="H2715" t="s">
        <v>658</v>
      </c>
      <c r="I2715">
        <v>13755</v>
      </c>
      <c r="J2715" t="s">
        <v>301</v>
      </c>
      <c r="K2715">
        <v>26</v>
      </c>
      <c r="L2715" t="s">
        <v>2026</v>
      </c>
      <c r="M2715">
        <v>2981</v>
      </c>
      <c r="N2715" t="s">
        <v>654</v>
      </c>
      <c r="O2715">
        <v>3</v>
      </c>
      <c r="P2715" t="s">
        <v>655</v>
      </c>
      <c r="Q2715">
        <v>1</v>
      </c>
      <c r="R2715" t="s">
        <v>656</v>
      </c>
      <c r="S2715">
        <v>2</v>
      </c>
      <c r="T2715" t="s">
        <v>718</v>
      </c>
      <c r="U2715">
        <v>2</v>
      </c>
      <c r="V2715">
        <v>2</v>
      </c>
      <c r="W2715">
        <v>120</v>
      </c>
      <c r="X2715">
        <v>2020</v>
      </c>
    </row>
    <row r="2716" spans="1:24" x14ac:dyDescent="0.25">
      <c r="A2716">
        <v>8764</v>
      </c>
      <c r="B2716" t="s">
        <v>381</v>
      </c>
      <c r="C2716">
        <v>85</v>
      </c>
      <c r="D2716" t="s">
        <v>380</v>
      </c>
      <c r="E2716">
        <v>534</v>
      </c>
      <c r="F2716" t="s">
        <v>651</v>
      </c>
      <c r="G2716">
        <v>160</v>
      </c>
      <c r="H2716" t="s">
        <v>658</v>
      </c>
      <c r="I2716">
        <v>13755</v>
      </c>
      <c r="J2716" t="s">
        <v>864</v>
      </c>
      <c r="K2716">
        <v>14</v>
      </c>
      <c r="L2716" t="s">
        <v>2027</v>
      </c>
      <c r="M2716">
        <v>2980</v>
      </c>
      <c r="N2716" t="s">
        <v>654</v>
      </c>
      <c r="O2716">
        <v>3</v>
      </c>
      <c r="P2716" t="s">
        <v>655</v>
      </c>
      <c r="Q2716">
        <v>1</v>
      </c>
      <c r="R2716" t="s">
        <v>656</v>
      </c>
      <c r="S2716">
        <v>2</v>
      </c>
      <c r="T2716" t="s">
        <v>661</v>
      </c>
      <c r="U2716">
        <v>8</v>
      </c>
      <c r="V2716">
        <v>2</v>
      </c>
      <c r="W2716">
        <v>120</v>
      </c>
      <c r="X2716">
        <v>2020</v>
      </c>
    </row>
    <row r="2717" spans="1:24" x14ac:dyDescent="0.25">
      <c r="A2717">
        <v>8763</v>
      </c>
      <c r="B2717" t="s">
        <v>406</v>
      </c>
      <c r="C2717">
        <v>67</v>
      </c>
      <c r="D2717" t="s">
        <v>405</v>
      </c>
      <c r="E2717">
        <v>470</v>
      </c>
      <c r="F2717" t="s">
        <v>651</v>
      </c>
      <c r="G2717">
        <v>160</v>
      </c>
      <c r="H2717" t="s">
        <v>658</v>
      </c>
      <c r="I2717">
        <v>13755</v>
      </c>
      <c r="J2717" t="s">
        <v>301</v>
      </c>
      <c r="K2717">
        <v>26</v>
      </c>
      <c r="L2717" t="s">
        <v>2028</v>
      </c>
      <c r="M2717">
        <v>1162</v>
      </c>
      <c r="N2717" t="s">
        <v>654</v>
      </c>
      <c r="O2717">
        <v>3</v>
      </c>
      <c r="P2717" t="s">
        <v>655</v>
      </c>
      <c r="Q2717">
        <v>1</v>
      </c>
      <c r="R2717" t="s">
        <v>656</v>
      </c>
      <c r="S2717">
        <v>2</v>
      </c>
      <c r="T2717" t="s">
        <v>661</v>
      </c>
      <c r="U2717">
        <v>8</v>
      </c>
      <c r="V2717">
        <v>2</v>
      </c>
      <c r="W2717">
        <v>120</v>
      </c>
      <c r="X2717">
        <v>2020</v>
      </c>
    </row>
    <row r="2718" spans="1:24" x14ac:dyDescent="0.25">
      <c r="A2718">
        <v>8762</v>
      </c>
      <c r="B2718" t="s">
        <v>406</v>
      </c>
      <c r="C2718">
        <v>67</v>
      </c>
      <c r="D2718" t="s">
        <v>405</v>
      </c>
      <c r="E2718">
        <v>470</v>
      </c>
      <c r="F2718" t="s">
        <v>651</v>
      </c>
      <c r="G2718">
        <v>160</v>
      </c>
      <c r="H2718" t="s">
        <v>658</v>
      </c>
      <c r="I2718">
        <v>13755</v>
      </c>
      <c r="J2718" t="s">
        <v>294</v>
      </c>
      <c r="K2718">
        <v>31</v>
      </c>
      <c r="L2718" t="s">
        <v>1960</v>
      </c>
      <c r="M2718">
        <v>1039</v>
      </c>
      <c r="N2718" t="s">
        <v>654</v>
      </c>
      <c r="O2718">
        <v>3</v>
      </c>
      <c r="P2718" t="s">
        <v>655</v>
      </c>
      <c r="Q2718">
        <v>1</v>
      </c>
      <c r="R2718" t="s">
        <v>656</v>
      </c>
      <c r="S2718">
        <v>2</v>
      </c>
      <c r="T2718" t="s">
        <v>661</v>
      </c>
      <c r="U2718">
        <v>8</v>
      </c>
      <c r="V2718">
        <v>2</v>
      </c>
      <c r="W2718">
        <v>120</v>
      </c>
      <c r="X2718">
        <v>2020</v>
      </c>
    </row>
    <row r="2719" spans="1:24" x14ac:dyDescent="0.25">
      <c r="A2719">
        <v>8759</v>
      </c>
      <c r="B2719" t="s">
        <v>406</v>
      </c>
      <c r="C2719">
        <v>67</v>
      </c>
      <c r="D2719" t="s">
        <v>405</v>
      </c>
      <c r="E2719">
        <v>470</v>
      </c>
      <c r="F2719" t="s">
        <v>651</v>
      </c>
      <c r="G2719">
        <v>160</v>
      </c>
      <c r="H2719" t="s">
        <v>658</v>
      </c>
      <c r="I2719">
        <v>13755</v>
      </c>
      <c r="J2719" t="s">
        <v>295</v>
      </c>
      <c r="K2719">
        <v>30</v>
      </c>
      <c r="L2719" t="s">
        <v>2029</v>
      </c>
      <c r="M2719">
        <v>2978</v>
      </c>
      <c r="N2719" t="s">
        <v>654</v>
      </c>
      <c r="O2719">
        <v>3</v>
      </c>
      <c r="P2719" t="s">
        <v>655</v>
      </c>
      <c r="Q2719">
        <v>1</v>
      </c>
      <c r="R2719" t="s">
        <v>656</v>
      </c>
      <c r="S2719">
        <v>2</v>
      </c>
      <c r="T2719" t="s">
        <v>661</v>
      </c>
      <c r="U2719">
        <v>8</v>
      </c>
      <c r="V2719">
        <v>2</v>
      </c>
      <c r="W2719">
        <v>120</v>
      </c>
      <c r="X2719">
        <v>2020</v>
      </c>
    </row>
    <row r="2720" spans="1:24" x14ac:dyDescent="0.25">
      <c r="A2720">
        <v>8758</v>
      </c>
      <c r="B2720" t="s">
        <v>406</v>
      </c>
      <c r="C2720">
        <v>67</v>
      </c>
      <c r="D2720" t="s">
        <v>407</v>
      </c>
      <c r="E2720">
        <v>469</v>
      </c>
      <c r="F2720" t="s">
        <v>651</v>
      </c>
      <c r="G2720">
        <v>160</v>
      </c>
      <c r="H2720" t="s">
        <v>658</v>
      </c>
      <c r="I2720">
        <v>13755</v>
      </c>
      <c r="J2720" t="s">
        <v>299</v>
      </c>
      <c r="K2720">
        <v>27</v>
      </c>
      <c r="L2720" t="s">
        <v>2030</v>
      </c>
      <c r="M2720">
        <v>2977</v>
      </c>
      <c r="N2720" t="s">
        <v>654</v>
      </c>
      <c r="O2720">
        <v>3</v>
      </c>
      <c r="P2720" t="s">
        <v>655</v>
      </c>
      <c r="Q2720">
        <v>1</v>
      </c>
      <c r="R2720" t="s">
        <v>656</v>
      </c>
      <c r="S2720">
        <v>2</v>
      </c>
      <c r="T2720" t="s">
        <v>661</v>
      </c>
      <c r="U2720">
        <v>8</v>
      </c>
      <c r="V2720">
        <v>2</v>
      </c>
      <c r="W2720">
        <v>120</v>
      </c>
      <c r="X2720">
        <v>2020</v>
      </c>
    </row>
    <row r="2721" spans="1:24" x14ac:dyDescent="0.25">
      <c r="A2721">
        <v>8757</v>
      </c>
      <c r="B2721" t="s">
        <v>406</v>
      </c>
      <c r="C2721">
        <v>67</v>
      </c>
      <c r="D2721" t="s">
        <v>407</v>
      </c>
      <c r="E2721">
        <v>469</v>
      </c>
      <c r="F2721" t="s">
        <v>651</v>
      </c>
      <c r="G2721">
        <v>160</v>
      </c>
      <c r="H2721" t="s">
        <v>658</v>
      </c>
      <c r="I2721">
        <v>13755</v>
      </c>
      <c r="J2721" t="s">
        <v>807</v>
      </c>
      <c r="K2721">
        <v>25</v>
      </c>
      <c r="L2721" t="s">
        <v>2031</v>
      </c>
      <c r="M2721">
        <v>2976</v>
      </c>
      <c r="N2721" t="s">
        <v>654</v>
      </c>
      <c r="O2721">
        <v>3</v>
      </c>
      <c r="P2721" t="s">
        <v>655</v>
      </c>
      <c r="Q2721">
        <v>1</v>
      </c>
      <c r="R2721" t="s">
        <v>656</v>
      </c>
      <c r="S2721">
        <v>2</v>
      </c>
      <c r="T2721" t="s">
        <v>661</v>
      </c>
      <c r="U2721">
        <v>8</v>
      </c>
      <c r="V2721">
        <v>2</v>
      </c>
      <c r="W2721">
        <v>120</v>
      </c>
      <c r="X2721">
        <v>2020</v>
      </c>
    </row>
    <row r="2722" spans="1:24" x14ac:dyDescent="0.25">
      <c r="A2722">
        <v>8754</v>
      </c>
      <c r="B2722" t="s">
        <v>409</v>
      </c>
      <c r="C2722">
        <v>66</v>
      </c>
      <c r="D2722" t="s">
        <v>408</v>
      </c>
      <c r="E2722">
        <v>468</v>
      </c>
      <c r="F2722" t="s">
        <v>651</v>
      </c>
      <c r="G2722">
        <v>160</v>
      </c>
      <c r="H2722" t="s">
        <v>658</v>
      </c>
      <c r="I2722">
        <v>13755</v>
      </c>
      <c r="J2722" t="s">
        <v>682</v>
      </c>
      <c r="K2722">
        <v>20</v>
      </c>
      <c r="L2722" t="s">
        <v>2032</v>
      </c>
      <c r="M2722">
        <v>1691</v>
      </c>
      <c r="N2722" t="s">
        <v>654</v>
      </c>
      <c r="O2722">
        <v>3</v>
      </c>
      <c r="P2722" t="s">
        <v>655</v>
      </c>
      <c r="Q2722">
        <v>1</v>
      </c>
      <c r="R2722" t="s">
        <v>656</v>
      </c>
      <c r="S2722">
        <v>2</v>
      </c>
      <c r="T2722" t="s">
        <v>661</v>
      </c>
      <c r="U2722">
        <v>8</v>
      </c>
      <c r="V2722">
        <v>2</v>
      </c>
      <c r="W2722">
        <v>120</v>
      </c>
      <c r="X2722">
        <v>2020</v>
      </c>
    </row>
    <row r="2723" spans="1:24" x14ac:dyDescent="0.25">
      <c r="A2723">
        <v>8753</v>
      </c>
      <c r="B2723" t="s">
        <v>409</v>
      </c>
      <c r="C2723">
        <v>66</v>
      </c>
      <c r="D2723" t="s">
        <v>408</v>
      </c>
      <c r="E2723">
        <v>468</v>
      </c>
      <c r="F2723" t="s">
        <v>651</v>
      </c>
      <c r="G2723">
        <v>160</v>
      </c>
      <c r="H2723" t="s">
        <v>658</v>
      </c>
      <c r="I2723">
        <v>13755</v>
      </c>
      <c r="J2723" t="s">
        <v>682</v>
      </c>
      <c r="K2723">
        <v>20</v>
      </c>
      <c r="L2723" t="s">
        <v>2033</v>
      </c>
      <c r="M2723">
        <v>1118</v>
      </c>
      <c r="N2723" t="s">
        <v>654</v>
      </c>
      <c r="O2723">
        <v>3</v>
      </c>
      <c r="P2723" t="s">
        <v>655</v>
      </c>
      <c r="Q2723">
        <v>1</v>
      </c>
      <c r="R2723" t="s">
        <v>656</v>
      </c>
      <c r="S2723">
        <v>2</v>
      </c>
      <c r="T2723" t="s">
        <v>661</v>
      </c>
      <c r="U2723">
        <v>8</v>
      </c>
      <c r="V2723">
        <v>2</v>
      </c>
      <c r="W2723">
        <v>120</v>
      </c>
      <c r="X2723">
        <v>2020</v>
      </c>
    </row>
    <row r="2724" spans="1:24" x14ac:dyDescent="0.25">
      <c r="A2724">
        <v>8751</v>
      </c>
      <c r="B2724" t="s">
        <v>409</v>
      </c>
      <c r="C2724">
        <v>66</v>
      </c>
      <c r="D2724" t="s">
        <v>316</v>
      </c>
      <c r="E2724">
        <v>467</v>
      </c>
      <c r="F2724" t="s">
        <v>651</v>
      </c>
      <c r="G2724">
        <v>160</v>
      </c>
      <c r="H2724" t="s">
        <v>658</v>
      </c>
      <c r="I2724">
        <v>13755</v>
      </c>
      <c r="J2724" t="s">
        <v>299</v>
      </c>
      <c r="K2724">
        <v>27</v>
      </c>
      <c r="L2724" t="s">
        <v>2034</v>
      </c>
      <c r="M2724">
        <v>2972</v>
      </c>
      <c r="N2724" t="s">
        <v>654</v>
      </c>
      <c r="O2724">
        <v>3</v>
      </c>
      <c r="P2724" t="s">
        <v>655</v>
      </c>
      <c r="Q2724">
        <v>1</v>
      </c>
      <c r="R2724" t="s">
        <v>656</v>
      </c>
      <c r="S2724">
        <v>2</v>
      </c>
      <c r="T2724" t="s">
        <v>661</v>
      </c>
      <c r="U2724">
        <v>8</v>
      </c>
      <c r="V2724">
        <v>2</v>
      </c>
      <c r="W2724">
        <v>120</v>
      </c>
      <c r="X2724">
        <v>2020</v>
      </c>
    </row>
    <row r="2725" spans="1:24" x14ac:dyDescent="0.25">
      <c r="A2725">
        <v>8746</v>
      </c>
      <c r="B2725" t="s">
        <v>414</v>
      </c>
      <c r="C2725">
        <v>64</v>
      </c>
      <c r="D2725" t="s">
        <v>413</v>
      </c>
      <c r="E2725">
        <v>464</v>
      </c>
      <c r="F2725" t="s">
        <v>651</v>
      </c>
      <c r="G2725">
        <v>160</v>
      </c>
      <c r="H2725" t="s">
        <v>658</v>
      </c>
      <c r="I2725">
        <v>13755</v>
      </c>
      <c r="J2725" t="s">
        <v>691</v>
      </c>
      <c r="K2725">
        <v>21</v>
      </c>
      <c r="L2725" t="s">
        <v>1923</v>
      </c>
      <c r="M2725">
        <v>1127</v>
      </c>
      <c r="N2725" t="s">
        <v>654</v>
      </c>
      <c r="O2725">
        <v>3</v>
      </c>
      <c r="P2725" t="s">
        <v>655</v>
      </c>
      <c r="Q2725">
        <v>1</v>
      </c>
      <c r="R2725" t="s">
        <v>656</v>
      </c>
      <c r="S2725">
        <v>2</v>
      </c>
      <c r="T2725" t="s">
        <v>661</v>
      </c>
      <c r="U2725">
        <v>8</v>
      </c>
      <c r="V2725">
        <v>2</v>
      </c>
      <c r="W2725">
        <v>120</v>
      </c>
      <c r="X2725">
        <v>2020</v>
      </c>
    </row>
    <row r="2726" spans="1:24" x14ac:dyDescent="0.25">
      <c r="A2726">
        <v>8745</v>
      </c>
      <c r="B2726" t="s">
        <v>414</v>
      </c>
      <c r="C2726">
        <v>64</v>
      </c>
      <c r="D2726" t="s">
        <v>382</v>
      </c>
      <c r="E2726">
        <v>463</v>
      </c>
      <c r="F2726" t="s">
        <v>651</v>
      </c>
      <c r="G2726">
        <v>160</v>
      </c>
      <c r="H2726" t="s">
        <v>658</v>
      </c>
      <c r="I2726">
        <v>13755</v>
      </c>
      <c r="J2726" t="s">
        <v>868</v>
      </c>
      <c r="K2726">
        <v>23</v>
      </c>
      <c r="L2726" t="s">
        <v>2035</v>
      </c>
      <c r="M2726">
        <v>929</v>
      </c>
      <c r="N2726" t="s">
        <v>654</v>
      </c>
      <c r="O2726">
        <v>3</v>
      </c>
      <c r="P2726" t="s">
        <v>655</v>
      </c>
      <c r="Q2726">
        <v>1</v>
      </c>
      <c r="R2726" t="s">
        <v>656</v>
      </c>
      <c r="S2726">
        <v>2</v>
      </c>
      <c r="T2726" t="s">
        <v>661</v>
      </c>
      <c r="U2726">
        <v>8</v>
      </c>
      <c r="V2726">
        <v>2</v>
      </c>
      <c r="W2726">
        <v>120</v>
      </c>
      <c r="X2726">
        <v>2020</v>
      </c>
    </row>
    <row r="2727" spans="1:24" x14ac:dyDescent="0.25">
      <c r="A2727">
        <v>8744</v>
      </c>
      <c r="B2727" t="s">
        <v>414</v>
      </c>
      <c r="C2727">
        <v>64</v>
      </c>
      <c r="D2727" t="s">
        <v>382</v>
      </c>
      <c r="E2727">
        <v>463</v>
      </c>
      <c r="F2727" t="s">
        <v>651</v>
      </c>
      <c r="G2727">
        <v>160</v>
      </c>
      <c r="H2727" t="s">
        <v>658</v>
      </c>
      <c r="I2727">
        <v>13755</v>
      </c>
      <c r="J2727" t="s">
        <v>868</v>
      </c>
      <c r="K2727">
        <v>23</v>
      </c>
      <c r="L2727" t="s">
        <v>2036</v>
      </c>
      <c r="M2727">
        <v>2968</v>
      </c>
      <c r="N2727" t="s">
        <v>654</v>
      </c>
      <c r="O2727">
        <v>3</v>
      </c>
      <c r="P2727" t="s">
        <v>655</v>
      </c>
      <c r="Q2727">
        <v>1</v>
      </c>
      <c r="R2727" t="s">
        <v>656</v>
      </c>
      <c r="S2727">
        <v>2</v>
      </c>
      <c r="T2727" t="s">
        <v>661</v>
      </c>
      <c r="U2727">
        <v>8</v>
      </c>
      <c r="V2727">
        <v>2</v>
      </c>
      <c r="W2727">
        <v>120</v>
      </c>
      <c r="X2727">
        <v>2020</v>
      </c>
    </row>
    <row r="2728" spans="1:24" x14ac:dyDescent="0.25">
      <c r="A2728">
        <v>8743</v>
      </c>
      <c r="B2728" t="s">
        <v>414</v>
      </c>
      <c r="C2728">
        <v>64</v>
      </c>
      <c r="D2728" t="s">
        <v>417</v>
      </c>
      <c r="E2728">
        <v>460</v>
      </c>
      <c r="F2728" t="s">
        <v>651</v>
      </c>
      <c r="G2728">
        <v>160</v>
      </c>
      <c r="H2728" t="s">
        <v>658</v>
      </c>
      <c r="I2728">
        <v>13755</v>
      </c>
      <c r="J2728" t="s">
        <v>730</v>
      </c>
      <c r="K2728">
        <v>66</v>
      </c>
      <c r="L2728" t="s">
        <v>2037</v>
      </c>
      <c r="M2728">
        <v>2967</v>
      </c>
      <c r="N2728" t="s">
        <v>654</v>
      </c>
      <c r="O2728">
        <v>3</v>
      </c>
      <c r="P2728" t="s">
        <v>655</v>
      </c>
      <c r="Q2728">
        <v>1</v>
      </c>
      <c r="R2728" t="s">
        <v>656</v>
      </c>
      <c r="S2728">
        <v>2</v>
      </c>
      <c r="T2728" t="s">
        <v>661</v>
      </c>
      <c r="U2728">
        <v>8</v>
      </c>
      <c r="V2728">
        <v>2</v>
      </c>
      <c r="W2728">
        <v>120</v>
      </c>
      <c r="X2728">
        <v>2020</v>
      </c>
    </row>
    <row r="2729" spans="1:24" x14ac:dyDescent="0.25">
      <c r="A2729">
        <v>8741</v>
      </c>
      <c r="B2729" t="s">
        <v>414</v>
      </c>
      <c r="C2729">
        <v>64</v>
      </c>
      <c r="D2729" t="s">
        <v>402</v>
      </c>
      <c r="E2729">
        <v>459</v>
      </c>
      <c r="F2729" t="s">
        <v>651</v>
      </c>
      <c r="G2729">
        <v>160</v>
      </c>
      <c r="H2729" t="s">
        <v>658</v>
      </c>
      <c r="I2729">
        <v>13755</v>
      </c>
      <c r="J2729" t="s">
        <v>819</v>
      </c>
      <c r="K2729">
        <v>101</v>
      </c>
      <c r="L2729" t="s">
        <v>2038</v>
      </c>
      <c r="M2729">
        <v>2965</v>
      </c>
      <c r="N2729" t="s">
        <v>654</v>
      </c>
      <c r="O2729">
        <v>3</v>
      </c>
      <c r="P2729" t="s">
        <v>655</v>
      </c>
      <c r="Q2729">
        <v>1</v>
      </c>
      <c r="R2729" t="s">
        <v>656</v>
      </c>
      <c r="S2729">
        <v>2</v>
      </c>
      <c r="T2729" t="s">
        <v>661</v>
      </c>
      <c r="U2729">
        <v>8</v>
      </c>
      <c r="V2729">
        <v>2</v>
      </c>
      <c r="W2729">
        <v>120</v>
      </c>
      <c r="X2729">
        <v>2020</v>
      </c>
    </row>
    <row r="2730" spans="1:24" x14ac:dyDescent="0.25">
      <c r="A2730">
        <v>8740</v>
      </c>
      <c r="B2730" t="s">
        <v>414</v>
      </c>
      <c r="C2730">
        <v>64</v>
      </c>
      <c r="D2730" t="s">
        <v>402</v>
      </c>
      <c r="E2730">
        <v>459</v>
      </c>
      <c r="F2730" t="s">
        <v>651</v>
      </c>
      <c r="G2730">
        <v>160</v>
      </c>
      <c r="H2730" t="s">
        <v>658</v>
      </c>
      <c r="I2730">
        <v>13755</v>
      </c>
      <c r="J2730" t="s">
        <v>819</v>
      </c>
      <c r="K2730">
        <v>101</v>
      </c>
      <c r="L2730" t="s">
        <v>1089</v>
      </c>
      <c r="M2730">
        <v>2710</v>
      </c>
      <c r="N2730" t="s">
        <v>654</v>
      </c>
      <c r="O2730">
        <v>3</v>
      </c>
      <c r="P2730" t="s">
        <v>655</v>
      </c>
      <c r="Q2730">
        <v>1</v>
      </c>
      <c r="R2730" t="s">
        <v>656</v>
      </c>
      <c r="S2730">
        <v>2</v>
      </c>
      <c r="T2730" t="s">
        <v>661</v>
      </c>
      <c r="U2730">
        <v>8</v>
      </c>
      <c r="V2730">
        <v>2</v>
      </c>
      <c r="W2730">
        <v>120</v>
      </c>
      <c r="X2730">
        <v>2020</v>
      </c>
    </row>
    <row r="2731" spans="1:24" x14ac:dyDescent="0.25">
      <c r="A2731">
        <v>8739</v>
      </c>
      <c r="B2731" t="s">
        <v>414</v>
      </c>
      <c r="C2731">
        <v>64</v>
      </c>
      <c r="D2731" t="s">
        <v>415</v>
      </c>
      <c r="E2731">
        <v>462</v>
      </c>
      <c r="F2731" t="s">
        <v>651</v>
      </c>
      <c r="G2731">
        <v>160</v>
      </c>
      <c r="H2731" t="s">
        <v>658</v>
      </c>
      <c r="I2731">
        <v>13755</v>
      </c>
      <c r="J2731" t="s">
        <v>736</v>
      </c>
      <c r="K2731">
        <v>8</v>
      </c>
      <c r="L2731" t="s">
        <v>2039</v>
      </c>
      <c r="M2731">
        <v>2964</v>
      </c>
      <c r="N2731" t="s">
        <v>654</v>
      </c>
      <c r="O2731">
        <v>3</v>
      </c>
      <c r="P2731" t="s">
        <v>655</v>
      </c>
      <c r="Q2731">
        <v>1</v>
      </c>
      <c r="R2731" t="s">
        <v>656</v>
      </c>
      <c r="S2731">
        <v>2</v>
      </c>
      <c r="T2731" t="s">
        <v>661</v>
      </c>
      <c r="U2731">
        <v>8</v>
      </c>
      <c r="V2731">
        <v>2</v>
      </c>
      <c r="W2731">
        <v>120</v>
      </c>
      <c r="X2731">
        <v>2020</v>
      </c>
    </row>
    <row r="2732" spans="1:24" x14ac:dyDescent="0.25">
      <c r="A2732">
        <v>8738</v>
      </c>
      <c r="B2732" t="s">
        <v>414</v>
      </c>
      <c r="C2732">
        <v>64</v>
      </c>
      <c r="D2732" t="s">
        <v>415</v>
      </c>
      <c r="E2732">
        <v>462</v>
      </c>
      <c r="F2732" t="s">
        <v>651</v>
      </c>
      <c r="G2732">
        <v>160</v>
      </c>
      <c r="H2732" t="s">
        <v>658</v>
      </c>
      <c r="I2732">
        <v>13755</v>
      </c>
      <c r="J2732" t="s">
        <v>736</v>
      </c>
      <c r="K2732">
        <v>8</v>
      </c>
      <c r="L2732" t="s">
        <v>2040</v>
      </c>
      <c r="M2732">
        <v>2963</v>
      </c>
      <c r="N2732" t="s">
        <v>654</v>
      </c>
      <c r="O2732">
        <v>3</v>
      </c>
      <c r="P2732" t="s">
        <v>655</v>
      </c>
      <c r="Q2732">
        <v>1</v>
      </c>
      <c r="R2732" t="s">
        <v>656</v>
      </c>
      <c r="S2732">
        <v>2</v>
      </c>
      <c r="T2732" t="s">
        <v>661</v>
      </c>
      <c r="U2732">
        <v>8</v>
      </c>
      <c r="V2732">
        <v>2</v>
      </c>
      <c r="W2732">
        <v>120</v>
      </c>
      <c r="X2732">
        <v>2020</v>
      </c>
    </row>
    <row r="2733" spans="1:24" x14ac:dyDescent="0.25">
      <c r="A2733">
        <v>8737</v>
      </c>
      <c r="B2733" t="s">
        <v>414</v>
      </c>
      <c r="C2733">
        <v>64</v>
      </c>
      <c r="D2733" t="s">
        <v>415</v>
      </c>
      <c r="E2733">
        <v>462</v>
      </c>
      <c r="F2733" t="s">
        <v>651</v>
      </c>
      <c r="G2733">
        <v>160</v>
      </c>
      <c r="H2733" t="s">
        <v>658</v>
      </c>
      <c r="I2733">
        <v>13755</v>
      </c>
      <c r="J2733" t="s">
        <v>736</v>
      </c>
      <c r="K2733">
        <v>8</v>
      </c>
      <c r="L2733" t="s">
        <v>2041</v>
      </c>
      <c r="M2733">
        <v>2962</v>
      </c>
      <c r="N2733" t="s">
        <v>654</v>
      </c>
      <c r="O2733">
        <v>3</v>
      </c>
      <c r="P2733" t="s">
        <v>655</v>
      </c>
      <c r="Q2733">
        <v>1</v>
      </c>
      <c r="R2733" t="s">
        <v>656</v>
      </c>
      <c r="S2733">
        <v>2</v>
      </c>
      <c r="T2733" t="s">
        <v>661</v>
      </c>
      <c r="U2733">
        <v>8</v>
      </c>
      <c r="V2733">
        <v>2</v>
      </c>
      <c r="W2733">
        <v>120</v>
      </c>
      <c r="X2733">
        <v>2020</v>
      </c>
    </row>
    <row r="2734" spans="1:24" x14ac:dyDescent="0.25">
      <c r="A2734">
        <v>8735</v>
      </c>
      <c r="B2734" t="s">
        <v>414</v>
      </c>
      <c r="C2734">
        <v>64</v>
      </c>
      <c r="D2734" t="s">
        <v>416</v>
      </c>
      <c r="E2734">
        <v>461</v>
      </c>
      <c r="F2734" t="s">
        <v>651</v>
      </c>
      <c r="G2734">
        <v>160</v>
      </c>
      <c r="H2734" t="s">
        <v>658</v>
      </c>
      <c r="I2734">
        <v>13755</v>
      </c>
      <c r="J2734" t="s">
        <v>807</v>
      </c>
      <c r="K2734">
        <v>25</v>
      </c>
      <c r="L2734" t="s">
        <v>2042</v>
      </c>
      <c r="M2734">
        <v>2961</v>
      </c>
      <c r="N2734" t="s">
        <v>654</v>
      </c>
      <c r="O2734">
        <v>3</v>
      </c>
      <c r="P2734" t="s">
        <v>655</v>
      </c>
      <c r="Q2734">
        <v>1</v>
      </c>
      <c r="R2734" t="s">
        <v>656</v>
      </c>
      <c r="S2734">
        <v>2</v>
      </c>
      <c r="T2734" t="s">
        <v>661</v>
      </c>
      <c r="U2734">
        <v>8</v>
      </c>
      <c r="V2734">
        <v>2</v>
      </c>
      <c r="W2734">
        <v>120</v>
      </c>
      <c r="X2734">
        <v>2020</v>
      </c>
    </row>
    <row r="2735" spans="1:24" x14ac:dyDescent="0.25">
      <c r="A2735">
        <v>8734</v>
      </c>
      <c r="B2735" t="s">
        <v>414</v>
      </c>
      <c r="C2735">
        <v>64</v>
      </c>
      <c r="D2735" t="s">
        <v>416</v>
      </c>
      <c r="E2735">
        <v>461</v>
      </c>
      <c r="F2735" t="s">
        <v>651</v>
      </c>
      <c r="G2735">
        <v>160</v>
      </c>
      <c r="H2735" t="s">
        <v>658</v>
      </c>
      <c r="I2735">
        <v>13755</v>
      </c>
      <c r="J2735" t="s">
        <v>807</v>
      </c>
      <c r="K2735">
        <v>25</v>
      </c>
      <c r="L2735" t="s">
        <v>2043</v>
      </c>
      <c r="M2735">
        <v>2960</v>
      </c>
      <c r="N2735" t="s">
        <v>654</v>
      </c>
      <c r="O2735">
        <v>3</v>
      </c>
      <c r="P2735" t="s">
        <v>655</v>
      </c>
      <c r="Q2735">
        <v>1</v>
      </c>
      <c r="R2735" t="s">
        <v>656</v>
      </c>
      <c r="S2735">
        <v>2</v>
      </c>
      <c r="T2735" t="s">
        <v>661</v>
      </c>
      <c r="U2735">
        <v>8</v>
      </c>
      <c r="V2735">
        <v>2</v>
      </c>
      <c r="W2735">
        <v>120</v>
      </c>
      <c r="X2735">
        <v>2020</v>
      </c>
    </row>
    <row r="2736" spans="1:24" x14ac:dyDescent="0.25">
      <c r="A2736">
        <v>8733</v>
      </c>
      <c r="B2736" t="s">
        <v>414</v>
      </c>
      <c r="C2736">
        <v>64</v>
      </c>
      <c r="D2736" t="s">
        <v>416</v>
      </c>
      <c r="E2736">
        <v>461</v>
      </c>
      <c r="F2736" t="s">
        <v>651</v>
      </c>
      <c r="G2736">
        <v>160</v>
      </c>
      <c r="H2736" t="s">
        <v>658</v>
      </c>
      <c r="I2736">
        <v>13755</v>
      </c>
      <c r="J2736" t="s">
        <v>807</v>
      </c>
      <c r="K2736">
        <v>25</v>
      </c>
      <c r="L2736" t="s">
        <v>1973</v>
      </c>
      <c r="M2736">
        <v>2959</v>
      </c>
      <c r="N2736" t="s">
        <v>654</v>
      </c>
      <c r="O2736">
        <v>3</v>
      </c>
      <c r="P2736" t="s">
        <v>655</v>
      </c>
      <c r="Q2736">
        <v>1</v>
      </c>
      <c r="R2736" t="s">
        <v>656</v>
      </c>
      <c r="S2736">
        <v>2</v>
      </c>
      <c r="T2736" t="s">
        <v>661</v>
      </c>
      <c r="U2736">
        <v>8</v>
      </c>
      <c r="V2736">
        <v>2</v>
      </c>
      <c r="W2736">
        <v>120</v>
      </c>
      <c r="X2736">
        <v>2020</v>
      </c>
    </row>
    <row r="2737" spans="1:24" x14ac:dyDescent="0.25">
      <c r="A2737">
        <v>8730</v>
      </c>
      <c r="B2737" t="s">
        <v>414</v>
      </c>
      <c r="C2737">
        <v>64</v>
      </c>
      <c r="D2737" t="s">
        <v>11</v>
      </c>
      <c r="E2737">
        <v>458</v>
      </c>
      <c r="F2737" t="s">
        <v>651</v>
      </c>
      <c r="G2737">
        <v>160</v>
      </c>
      <c r="H2737" t="s">
        <v>658</v>
      </c>
      <c r="I2737">
        <v>13755</v>
      </c>
      <c r="J2737" t="s">
        <v>65</v>
      </c>
      <c r="K2737">
        <v>15</v>
      </c>
      <c r="L2737" t="s">
        <v>2044</v>
      </c>
      <c r="M2737">
        <v>2957</v>
      </c>
      <c r="N2737" t="s">
        <v>654</v>
      </c>
      <c r="O2737">
        <v>3</v>
      </c>
      <c r="P2737" t="s">
        <v>655</v>
      </c>
      <c r="Q2737">
        <v>1</v>
      </c>
      <c r="R2737" t="s">
        <v>656</v>
      </c>
      <c r="S2737">
        <v>2</v>
      </c>
      <c r="T2737" t="s">
        <v>661</v>
      </c>
      <c r="U2737">
        <v>8</v>
      </c>
      <c r="V2737">
        <v>1</v>
      </c>
      <c r="W2737">
        <v>60</v>
      </c>
      <c r="X2737">
        <v>2020</v>
      </c>
    </row>
    <row r="2738" spans="1:24" x14ac:dyDescent="0.25">
      <c r="A2738">
        <v>8729</v>
      </c>
      <c r="B2738" t="s">
        <v>414</v>
      </c>
      <c r="C2738">
        <v>64</v>
      </c>
      <c r="D2738" t="s">
        <v>11</v>
      </c>
      <c r="E2738">
        <v>458</v>
      </c>
      <c r="F2738" t="s">
        <v>651</v>
      </c>
      <c r="G2738">
        <v>160</v>
      </c>
      <c r="H2738" t="s">
        <v>658</v>
      </c>
      <c r="I2738">
        <v>13755</v>
      </c>
      <c r="J2738" t="s">
        <v>65</v>
      </c>
      <c r="K2738">
        <v>15</v>
      </c>
      <c r="L2738" t="s">
        <v>2045</v>
      </c>
      <c r="M2738">
        <v>2956</v>
      </c>
      <c r="N2738" t="s">
        <v>654</v>
      </c>
      <c r="O2738">
        <v>3</v>
      </c>
      <c r="P2738" t="s">
        <v>655</v>
      </c>
      <c r="Q2738">
        <v>1</v>
      </c>
      <c r="R2738" t="s">
        <v>656</v>
      </c>
      <c r="S2738">
        <v>2</v>
      </c>
      <c r="T2738" t="s">
        <v>661</v>
      </c>
      <c r="U2738">
        <v>8</v>
      </c>
      <c r="V2738">
        <v>1</v>
      </c>
      <c r="W2738">
        <v>60</v>
      </c>
      <c r="X2738">
        <v>2020</v>
      </c>
    </row>
    <row r="2739" spans="1:24" x14ac:dyDescent="0.25">
      <c r="A2739">
        <v>8727</v>
      </c>
      <c r="B2739" t="s">
        <v>414</v>
      </c>
      <c r="C2739">
        <v>64</v>
      </c>
      <c r="D2739" t="s">
        <v>11</v>
      </c>
      <c r="E2739">
        <v>458</v>
      </c>
      <c r="F2739" t="s">
        <v>651</v>
      </c>
      <c r="G2739">
        <v>160</v>
      </c>
      <c r="H2739" t="s">
        <v>658</v>
      </c>
      <c r="I2739">
        <v>13755</v>
      </c>
      <c r="J2739" t="s">
        <v>65</v>
      </c>
      <c r="K2739">
        <v>15</v>
      </c>
      <c r="L2739" t="s">
        <v>2046</v>
      </c>
      <c r="M2739">
        <v>2954</v>
      </c>
      <c r="N2739" t="s">
        <v>654</v>
      </c>
      <c r="O2739">
        <v>3</v>
      </c>
      <c r="P2739" t="s">
        <v>655</v>
      </c>
      <c r="Q2739">
        <v>1</v>
      </c>
      <c r="R2739" t="s">
        <v>656</v>
      </c>
      <c r="S2739">
        <v>2</v>
      </c>
      <c r="T2739" t="s">
        <v>661</v>
      </c>
      <c r="U2739">
        <v>8</v>
      </c>
      <c r="V2739">
        <v>1</v>
      </c>
      <c r="W2739">
        <v>60</v>
      </c>
      <c r="X2739">
        <v>2020</v>
      </c>
    </row>
    <row r="2740" spans="1:24" x14ac:dyDescent="0.25">
      <c r="A2740">
        <v>8726</v>
      </c>
      <c r="B2740" t="s">
        <v>414</v>
      </c>
      <c r="C2740">
        <v>64</v>
      </c>
      <c r="D2740" t="s">
        <v>11</v>
      </c>
      <c r="E2740">
        <v>458</v>
      </c>
      <c r="F2740" t="s">
        <v>651</v>
      </c>
      <c r="G2740">
        <v>160</v>
      </c>
      <c r="H2740" t="s">
        <v>658</v>
      </c>
      <c r="I2740">
        <v>13755</v>
      </c>
      <c r="J2740" t="s">
        <v>65</v>
      </c>
      <c r="K2740">
        <v>15</v>
      </c>
      <c r="L2740" t="s">
        <v>740</v>
      </c>
      <c r="M2740">
        <v>1169</v>
      </c>
      <c r="N2740" t="s">
        <v>654</v>
      </c>
      <c r="O2740">
        <v>3</v>
      </c>
      <c r="P2740" t="s">
        <v>655</v>
      </c>
      <c r="Q2740">
        <v>1</v>
      </c>
      <c r="R2740" t="s">
        <v>656</v>
      </c>
      <c r="S2740">
        <v>2</v>
      </c>
      <c r="T2740" t="s">
        <v>661</v>
      </c>
      <c r="U2740">
        <v>8</v>
      </c>
      <c r="V2740">
        <v>1</v>
      </c>
      <c r="W2740">
        <v>60</v>
      </c>
      <c r="X2740">
        <v>2020</v>
      </c>
    </row>
    <row r="2741" spans="1:24" x14ac:dyDescent="0.25">
      <c r="A2741">
        <v>8725</v>
      </c>
      <c r="B2741" t="s">
        <v>414</v>
      </c>
      <c r="C2741">
        <v>64</v>
      </c>
      <c r="D2741" t="s">
        <v>11</v>
      </c>
      <c r="E2741">
        <v>458</v>
      </c>
      <c r="F2741" t="s">
        <v>651</v>
      </c>
      <c r="G2741">
        <v>160</v>
      </c>
      <c r="H2741" t="s">
        <v>658</v>
      </c>
      <c r="I2741">
        <v>13755</v>
      </c>
      <c r="J2741" t="s">
        <v>65</v>
      </c>
      <c r="K2741">
        <v>15</v>
      </c>
      <c r="L2741" t="s">
        <v>2047</v>
      </c>
      <c r="M2741">
        <v>2953</v>
      </c>
      <c r="N2741" t="s">
        <v>654</v>
      </c>
      <c r="O2741">
        <v>3</v>
      </c>
      <c r="P2741" t="s">
        <v>655</v>
      </c>
      <c r="Q2741">
        <v>1</v>
      </c>
      <c r="R2741" t="s">
        <v>656</v>
      </c>
      <c r="S2741">
        <v>2</v>
      </c>
      <c r="T2741" t="s">
        <v>661</v>
      </c>
      <c r="U2741">
        <v>8</v>
      </c>
      <c r="V2741">
        <v>1</v>
      </c>
      <c r="W2741">
        <v>60</v>
      </c>
      <c r="X2741">
        <v>2020</v>
      </c>
    </row>
    <row r="2742" spans="1:24" x14ac:dyDescent="0.25">
      <c r="A2742">
        <v>8724</v>
      </c>
      <c r="B2742" t="s">
        <v>414</v>
      </c>
      <c r="C2742">
        <v>64</v>
      </c>
      <c r="D2742" t="s">
        <v>11</v>
      </c>
      <c r="E2742">
        <v>458</v>
      </c>
      <c r="F2742" t="s">
        <v>651</v>
      </c>
      <c r="G2742">
        <v>160</v>
      </c>
      <c r="H2742" t="s">
        <v>658</v>
      </c>
      <c r="I2742">
        <v>13755</v>
      </c>
      <c r="J2742" t="s">
        <v>65</v>
      </c>
      <c r="K2742">
        <v>15</v>
      </c>
      <c r="L2742" t="s">
        <v>2048</v>
      </c>
      <c r="M2742">
        <v>2952</v>
      </c>
      <c r="N2742" t="s">
        <v>654</v>
      </c>
      <c r="O2742">
        <v>3</v>
      </c>
      <c r="P2742" t="s">
        <v>655</v>
      </c>
      <c r="Q2742">
        <v>1</v>
      </c>
      <c r="R2742" t="s">
        <v>656</v>
      </c>
      <c r="S2742">
        <v>2</v>
      </c>
      <c r="T2742" t="s">
        <v>661</v>
      </c>
      <c r="U2742">
        <v>8</v>
      </c>
      <c r="V2742">
        <v>1</v>
      </c>
      <c r="W2742">
        <v>60</v>
      </c>
      <c r="X2742">
        <v>2020</v>
      </c>
    </row>
    <row r="2743" spans="1:24" x14ac:dyDescent="0.25">
      <c r="A2743">
        <v>8723</v>
      </c>
      <c r="B2743" t="s">
        <v>24</v>
      </c>
      <c r="C2743">
        <v>63</v>
      </c>
      <c r="D2743" t="s">
        <v>420</v>
      </c>
      <c r="E2743">
        <v>448</v>
      </c>
      <c r="F2743" t="s">
        <v>651</v>
      </c>
      <c r="G2743">
        <v>160</v>
      </c>
      <c r="H2743" t="s">
        <v>658</v>
      </c>
      <c r="I2743">
        <v>13755</v>
      </c>
      <c r="J2743" t="s">
        <v>917</v>
      </c>
      <c r="K2743">
        <v>83</v>
      </c>
      <c r="L2743" t="s">
        <v>2049</v>
      </c>
      <c r="M2743">
        <v>2951</v>
      </c>
      <c r="N2743" t="s">
        <v>654</v>
      </c>
      <c r="O2743">
        <v>3</v>
      </c>
      <c r="P2743" t="s">
        <v>655</v>
      </c>
      <c r="Q2743">
        <v>1</v>
      </c>
      <c r="R2743" t="s">
        <v>656</v>
      </c>
      <c r="S2743">
        <v>2</v>
      </c>
      <c r="T2743" t="s">
        <v>661</v>
      </c>
      <c r="U2743">
        <v>8</v>
      </c>
      <c r="V2743">
        <v>2</v>
      </c>
      <c r="W2743">
        <v>120</v>
      </c>
      <c r="X2743">
        <v>2020</v>
      </c>
    </row>
    <row r="2744" spans="1:24" x14ac:dyDescent="0.25">
      <c r="A2744">
        <v>8722</v>
      </c>
      <c r="B2744" t="s">
        <v>24</v>
      </c>
      <c r="C2744">
        <v>63</v>
      </c>
      <c r="D2744" t="s">
        <v>419</v>
      </c>
      <c r="E2744">
        <v>454</v>
      </c>
      <c r="F2744" t="s">
        <v>651</v>
      </c>
      <c r="G2744">
        <v>160</v>
      </c>
      <c r="H2744" t="s">
        <v>658</v>
      </c>
      <c r="I2744">
        <v>13755</v>
      </c>
      <c r="J2744" t="s">
        <v>880</v>
      </c>
      <c r="K2744">
        <v>58</v>
      </c>
      <c r="L2744" t="s">
        <v>2050</v>
      </c>
      <c r="M2744">
        <v>2950</v>
      </c>
      <c r="N2744" t="s">
        <v>654</v>
      </c>
      <c r="O2744">
        <v>3</v>
      </c>
      <c r="P2744" t="s">
        <v>655</v>
      </c>
      <c r="Q2744">
        <v>1</v>
      </c>
      <c r="R2744" t="s">
        <v>656</v>
      </c>
      <c r="S2744">
        <v>2</v>
      </c>
      <c r="T2744" t="s">
        <v>661</v>
      </c>
      <c r="U2744">
        <v>8</v>
      </c>
      <c r="V2744">
        <v>2</v>
      </c>
      <c r="W2744">
        <v>120</v>
      </c>
      <c r="X2744">
        <v>2020</v>
      </c>
    </row>
    <row r="2745" spans="1:24" x14ac:dyDescent="0.25">
      <c r="A2745">
        <v>8721</v>
      </c>
      <c r="B2745" t="s">
        <v>24</v>
      </c>
      <c r="C2745">
        <v>63</v>
      </c>
      <c r="D2745" t="s">
        <v>11</v>
      </c>
      <c r="E2745">
        <v>453</v>
      </c>
      <c r="F2745" t="s">
        <v>651</v>
      </c>
      <c r="G2745">
        <v>160</v>
      </c>
      <c r="H2745" t="s">
        <v>658</v>
      </c>
      <c r="I2745">
        <v>13755</v>
      </c>
      <c r="J2745" t="s">
        <v>65</v>
      </c>
      <c r="K2745">
        <v>15</v>
      </c>
      <c r="L2745" t="s">
        <v>2051</v>
      </c>
      <c r="M2745">
        <v>2949</v>
      </c>
      <c r="N2745" t="s">
        <v>654</v>
      </c>
      <c r="O2745">
        <v>3</v>
      </c>
      <c r="P2745" t="s">
        <v>655</v>
      </c>
      <c r="Q2745">
        <v>1</v>
      </c>
      <c r="R2745" t="s">
        <v>656</v>
      </c>
      <c r="S2745">
        <v>2</v>
      </c>
      <c r="T2745" t="s">
        <v>661</v>
      </c>
      <c r="U2745">
        <v>8</v>
      </c>
      <c r="V2745">
        <v>1.5</v>
      </c>
      <c r="W2745">
        <v>90</v>
      </c>
      <c r="X2745">
        <v>2020</v>
      </c>
    </row>
    <row r="2746" spans="1:24" x14ac:dyDescent="0.25">
      <c r="A2746">
        <v>8720</v>
      </c>
      <c r="B2746" t="s">
        <v>67</v>
      </c>
      <c r="C2746">
        <v>62</v>
      </c>
      <c r="D2746" t="s">
        <v>315</v>
      </c>
      <c r="E2746">
        <v>669</v>
      </c>
      <c r="F2746" t="s">
        <v>651</v>
      </c>
      <c r="G2746">
        <v>160</v>
      </c>
      <c r="H2746" t="s">
        <v>744</v>
      </c>
      <c r="I2746">
        <v>3143</v>
      </c>
      <c r="J2746" t="s">
        <v>295</v>
      </c>
      <c r="K2746">
        <v>30</v>
      </c>
      <c r="L2746" t="s">
        <v>2052</v>
      </c>
      <c r="M2746">
        <v>2948</v>
      </c>
      <c r="N2746" t="s">
        <v>654</v>
      </c>
      <c r="O2746">
        <v>3</v>
      </c>
      <c r="P2746" t="s">
        <v>655</v>
      </c>
      <c r="Q2746">
        <v>1</v>
      </c>
      <c r="R2746" t="s">
        <v>656</v>
      </c>
      <c r="S2746">
        <v>2</v>
      </c>
      <c r="T2746" t="s">
        <v>661</v>
      </c>
      <c r="U2746">
        <v>8</v>
      </c>
      <c r="V2746">
        <v>2</v>
      </c>
      <c r="W2746">
        <v>120</v>
      </c>
      <c r="X2746">
        <v>2020</v>
      </c>
    </row>
    <row r="2747" spans="1:24" x14ac:dyDescent="0.25">
      <c r="A2747">
        <v>8719</v>
      </c>
      <c r="B2747" t="s">
        <v>67</v>
      </c>
      <c r="C2747">
        <v>62</v>
      </c>
      <c r="D2747" t="s">
        <v>313</v>
      </c>
      <c r="E2747">
        <v>671</v>
      </c>
      <c r="F2747" t="s">
        <v>651</v>
      </c>
      <c r="G2747">
        <v>160</v>
      </c>
      <c r="H2747" t="s">
        <v>747</v>
      </c>
      <c r="I2747">
        <v>4847</v>
      </c>
      <c r="J2747" t="s">
        <v>295</v>
      </c>
      <c r="K2747">
        <v>30</v>
      </c>
      <c r="L2747" t="s">
        <v>2053</v>
      </c>
      <c r="M2747">
        <v>2947</v>
      </c>
      <c r="N2747" t="s">
        <v>654</v>
      </c>
      <c r="O2747">
        <v>3</v>
      </c>
      <c r="P2747" t="s">
        <v>655</v>
      </c>
      <c r="Q2747">
        <v>1</v>
      </c>
      <c r="R2747" t="s">
        <v>656</v>
      </c>
      <c r="S2747">
        <v>2</v>
      </c>
      <c r="T2747" t="s">
        <v>661</v>
      </c>
      <c r="U2747">
        <v>8</v>
      </c>
      <c r="V2747">
        <v>2</v>
      </c>
      <c r="W2747">
        <v>120</v>
      </c>
      <c r="X2747">
        <v>2020</v>
      </c>
    </row>
    <row r="2748" spans="1:24" x14ac:dyDescent="0.25">
      <c r="A2748">
        <v>8717</v>
      </c>
      <c r="B2748" t="s">
        <v>67</v>
      </c>
      <c r="C2748">
        <v>62</v>
      </c>
      <c r="D2748" t="s">
        <v>315</v>
      </c>
      <c r="E2748">
        <v>669</v>
      </c>
      <c r="F2748" t="s">
        <v>651</v>
      </c>
      <c r="G2748">
        <v>160</v>
      </c>
      <c r="H2748" t="s">
        <v>744</v>
      </c>
      <c r="I2748">
        <v>3143</v>
      </c>
      <c r="J2748" t="s">
        <v>682</v>
      </c>
      <c r="K2748">
        <v>20</v>
      </c>
      <c r="L2748" t="s">
        <v>2054</v>
      </c>
      <c r="M2748">
        <v>2945</v>
      </c>
      <c r="N2748" t="s">
        <v>654</v>
      </c>
      <c r="O2748">
        <v>3</v>
      </c>
      <c r="P2748" t="s">
        <v>655</v>
      </c>
      <c r="Q2748">
        <v>1</v>
      </c>
      <c r="R2748" t="s">
        <v>656</v>
      </c>
      <c r="S2748">
        <v>2</v>
      </c>
      <c r="T2748" t="s">
        <v>661</v>
      </c>
      <c r="U2748">
        <v>8</v>
      </c>
      <c r="V2748">
        <v>2</v>
      </c>
      <c r="W2748">
        <v>120</v>
      </c>
      <c r="X2748">
        <v>2020</v>
      </c>
    </row>
    <row r="2749" spans="1:24" x14ac:dyDescent="0.25">
      <c r="A2749">
        <v>8713</v>
      </c>
      <c r="B2749" t="s">
        <v>67</v>
      </c>
      <c r="C2749">
        <v>62</v>
      </c>
      <c r="D2749" t="s">
        <v>425</v>
      </c>
      <c r="E2749">
        <v>432</v>
      </c>
      <c r="F2749" t="s">
        <v>651</v>
      </c>
      <c r="G2749">
        <v>160</v>
      </c>
      <c r="H2749" t="s">
        <v>658</v>
      </c>
      <c r="I2749">
        <v>13755</v>
      </c>
      <c r="J2749" t="s">
        <v>868</v>
      </c>
      <c r="K2749">
        <v>23</v>
      </c>
      <c r="L2749" t="s">
        <v>2055</v>
      </c>
      <c r="M2749">
        <v>2941</v>
      </c>
      <c r="N2749" t="s">
        <v>654</v>
      </c>
      <c r="O2749">
        <v>3</v>
      </c>
      <c r="P2749" t="s">
        <v>655</v>
      </c>
      <c r="Q2749">
        <v>1</v>
      </c>
      <c r="R2749" t="s">
        <v>656</v>
      </c>
      <c r="S2749">
        <v>2</v>
      </c>
      <c r="T2749" t="s">
        <v>661</v>
      </c>
      <c r="U2749">
        <v>8</v>
      </c>
      <c r="V2749">
        <v>2</v>
      </c>
      <c r="W2749">
        <v>120</v>
      </c>
      <c r="X2749">
        <v>2020</v>
      </c>
    </row>
    <row r="2750" spans="1:24" x14ac:dyDescent="0.25">
      <c r="A2750">
        <v>8712</v>
      </c>
      <c r="B2750" t="s">
        <v>67</v>
      </c>
      <c r="C2750">
        <v>62</v>
      </c>
      <c r="D2750" t="s">
        <v>425</v>
      </c>
      <c r="E2750">
        <v>432</v>
      </c>
      <c r="F2750" t="s">
        <v>651</v>
      </c>
      <c r="G2750">
        <v>160</v>
      </c>
      <c r="H2750" t="s">
        <v>658</v>
      </c>
      <c r="I2750">
        <v>13755</v>
      </c>
      <c r="J2750" t="s">
        <v>868</v>
      </c>
      <c r="K2750">
        <v>23</v>
      </c>
      <c r="L2750" t="s">
        <v>1517</v>
      </c>
      <c r="M2750">
        <v>2940</v>
      </c>
      <c r="N2750" t="s">
        <v>654</v>
      </c>
      <c r="O2750">
        <v>3</v>
      </c>
      <c r="P2750" t="s">
        <v>655</v>
      </c>
      <c r="Q2750">
        <v>1</v>
      </c>
      <c r="R2750" t="s">
        <v>656</v>
      </c>
      <c r="S2750">
        <v>2</v>
      </c>
      <c r="T2750" t="s">
        <v>661</v>
      </c>
      <c r="U2750">
        <v>8</v>
      </c>
      <c r="V2750">
        <v>2</v>
      </c>
      <c r="W2750">
        <v>120</v>
      </c>
      <c r="X2750">
        <v>2020</v>
      </c>
    </row>
    <row r="2751" spans="1:24" x14ac:dyDescent="0.25">
      <c r="A2751">
        <v>8711</v>
      </c>
      <c r="B2751" t="s">
        <v>67</v>
      </c>
      <c r="C2751">
        <v>62</v>
      </c>
      <c r="D2751" t="s">
        <v>315</v>
      </c>
      <c r="E2751">
        <v>669</v>
      </c>
      <c r="F2751" t="s">
        <v>651</v>
      </c>
      <c r="G2751">
        <v>160</v>
      </c>
      <c r="H2751" t="s">
        <v>744</v>
      </c>
      <c r="I2751">
        <v>3143</v>
      </c>
      <c r="J2751" t="s">
        <v>65</v>
      </c>
      <c r="K2751">
        <v>15</v>
      </c>
      <c r="L2751" t="s">
        <v>2056</v>
      </c>
      <c r="M2751">
        <v>2939</v>
      </c>
      <c r="N2751" t="s">
        <v>654</v>
      </c>
      <c r="O2751">
        <v>3</v>
      </c>
      <c r="P2751" t="s">
        <v>655</v>
      </c>
      <c r="Q2751">
        <v>1</v>
      </c>
      <c r="R2751" t="s">
        <v>656</v>
      </c>
      <c r="S2751">
        <v>2</v>
      </c>
      <c r="T2751" t="s">
        <v>661</v>
      </c>
      <c r="U2751">
        <v>8</v>
      </c>
      <c r="V2751">
        <v>1</v>
      </c>
      <c r="W2751">
        <v>60</v>
      </c>
      <c r="X2751">
        <v>2020</v>
      </c>
    </row>
    <row r="2752" spans="1:24" x14ac:dyDescent="0.25">
      <c r="A2752">
        <v>8709</v>
      </c>
      <c r="B2752" t="s">
        <v>67</v>
      </c>
      <c r="C2752">
        <v>62</v>
      </c>
      <c r="D2752" t="s">
        <v>313</v>
      </c>
      <c r="E2752">
        <v>671</v>
      </c>
      <c r="F2752" t="s">
        <v>651</v>
      </c>
      <c r="G2752">
        <v>160</v>
      </c>
      <c r="H2752" t="s">
        <v>747</v>
      </c>
      <c r="I2752">
        <v>4847</v>
      </c>
      <c r="J2752" t="s">
        <v>65</v>
      </c>
      <c r="K2752">
        <v>15</v>
      </c>
      <c r="L2752" t="s">
        <v>898</v>
      </c>
      <c r="M2752">
        <v>806</v>
      </c>
      <c r="N2752" t="s">
        <v>654</v>
      </c>
      <c r="O2752">
        <v>3</v>
      </c>
      <c r="P2752" t="s">
        <v>655</v>
      </c>
      <c r="Q2752">
        <v>1</v>
      </c>
      <c r="R2752" t="s">
        <v>656</v>
      </c>
      <c r="S2752">
        <v>2</v>
      </c>
      <c r="T2752" t="s">
        <v>661</v>
      </c>
      <c r="U2752">
        <v>8</v>
      </c>
      <c r="V2752">
        <v>1</v>
      </c>
      <c r="W2752">
        <v>60</v>
      </c>
      <c r="X2752">
        <v>2020</v>
      </c>
    </row>
    <row r="2753" spans="1:24" x14ac:dyDescent="0.25">
      <c r="A2753">
        <v>8708</v>
      </c>
      <c r="B2753" t="s">
        <v>67</v>
      </c>
      <c r="C2753">
        <v>62</v>
      </c>
      <c r="D2753" t="s">
        <v>312</v>
      </c>
      <c r="E2753">
        <v>673</v>
      </c>
      <c r="F2753" t="s">
        <v>651</v>
      </c>
      <c r="G2753">
        <v>160</v>
      </c>
      <c r="H2753" t="s">
        <v>658</v>
      </c>
      <c r="I2753">
        <v>13755</v>
      </c>
      <c r="J2753" t="s">
        <v>65</v>
      </c>
      <c r="K2753">
        <v>15</v>
      </c>
      <c r="L2753" t="s">
        <v>898</v>
      </c>
      <c r="M2753">
        <v>806</v>
      </c>
      <c r="N2753" t="s">
        <v>654</v>
      </c>
      <c r="O2753">
        <v>3</v>
      </c>
      <c r="P2753" t="s">
        <v>655</v>
      </c>
      <c r="Q2753">
        <v>1</v>
      </c>
      <c r="R2753" t="s">
        <v>656</v>
      </c>
      <c r="S2753">
        <v>2</v>
      </c>
      <c r="T2753" t="s">
        <v>661</v>
      </c>
      <c r="U2753">
        <v>8</v>
      </c>
      <c r="V2753">
        <v>1</v>
      </c>
      <c r="W2753">
        <v>60</v>
      </c>
      <c r="X2753">
        <v>2020</v>
      </c>
    </row>
    <row r="2754" spans="1:24" x14ac:dyDescent="0.25">
      <c r="A2754">
        <v>8707</v>
      </c>
      <c r="B2754" t="s">
        <v>67</v>
      </c>
      <c r="C2754">
        <v>62</v>
      </c>
      <c r="D2754" t="s">
        <v>314</v>
      </c>
      <c r="E2754">
        <v>670</v>
      </c>
      <c r="F2754" t="s">
        <v>651</v>
      </c>
      <c r="G2754">
        <v>160</v>
      </c>
      <c r="H2754" t="s">
        <v>833</v>
      </c>
      <c r="I2754">
        <v>5562</v>
      </c>
      <c r="J2754" t="s">
        <v>65</v>
      </c>
      <c r="K2754">
        <v>15</v>
      </c>
      <c r="L2754" t="s">
        <v>740</v>
      </c>
      <c r="M2754">
        <v>1169</v>
      </c>
      <c r="N2754" t="s">
        <v>654</v>
      </c>
      <c r="O2754">
        <v>3</v>
      </c>
      <c r="P2754" t="s">
        <v>655</v>
      </c>
      <c r="Q2754">
        <v>1</v>
      </c>
      <c r="R2754" t="s">
        <v>656</v>
      </c>
      <c r="S2754">
        <v>2</v>
      </c>
      <c r="T2754" t="s">
        <v>661</v>
      </c>
      <c r="U2754">
        <v>8</v>
      </c>
      <c r="V2754">
        <v>1</v>
      </c>
      <c r="W2754">
        <v>60</v>
      </c>
      <c r="X2754">
        <v>2020</v>
      </c>
    </row>
    <row r="2755" spans="1:24" x14ac:dyDescent="0.25">
      <c r="A2755">
        <v>8700</v>
      </c>
      <c r="B2755" t="s">
        <v>67</v>
      </c>
      <c r="C2755">
        <v>62</v>
      </c>
      <c r="D2755" t="s">
        <v>316</v>
      </c>
      <c r="E2755">
        <v>668</v>
      </c>
      <c r="F2755" t="s">
        <v>651</v>
      </c>
      <c r="G2755">
        <v>160</v>
      </c>
      <c r="H2755" t="s">
        <v>658</v>
      </c>
      <c r="I2755">
        <v>13755</v>
      </c>
      <c r="J2755" t="s">
        <v>807</v>
      </c>
      <c r="K2755">
        <v>25</v>
      </c>
      <c r="L2755" t="s">
        <v>2057</v>
      </c>
      <c r="M2755">
        <v>2934</v>
      </c>
      <c r="N2755" t="s">
        <v>654</v>
      </c>
      <c r="O2755">
        <v>3</v>
      </c>
      <c r="P2755" t="s">
        <v>655</v>
      </c>
      <c r="Q2755">
        <v>1</v>
      </c>
      <c r="R2755" t="s">
        <v>656</v>
      </c>
      <c r="S2755">
        <v>2</v>
      </c>
      <c r="T2755" t="s">
        <v>661</v>
      </c>
      <c r="U2755">
        <v>8</v>
      </c>
      <c r="V2755">
        <v>2</v>
      </c>
      <c r="W2755">
        <v>120</v>
      </c>
      <c r="X2755">
        <v>2020</v>
      </c>
    </row>
    <row r="2756" spans="1:24" x14ac:dyDescent="0.25">
      <c r="A2756">
        <v>8697</v>
      </c>
      <c r="B2756" t="s">
        <v>67</v>
      </c>
      <c r="C2756">
        <v>62</v>
      </c>
      <c r="D2756" t="s">
        <v>314</v>
      </c>
      <c r="E2756">
        <v>670</v>
      </c>
      <c r="F2756" t="s">
        <v>651</v>
      </c>
      <c r="G2756">
        <v>160</v>
      </c>
      <c r="H2756" t="s">
        <v>833</v>
      </c>
      <c r="I2756">
        <v>5562</v>
      </c>
      <c r="J2756" t="s">
        <v>807</v>
      </c>
      <c r="K2756">
        <v>25</v>
      </c>
      <c r="L2756" t="s">
        <v>2058</v>
      </c>
      <c r="M2756">
        <v>2931</v>
      </c>
      <c r="N2756" t="s">
        <v>654</v>
      </c>
      <c r="O2756">
        <v>3</v>
      </c>
      <c r="P2756" t="s">
        <v>655</v>
      </c>
      <c r="Q2756">
        <v>1</v>
      </c>
      <c r="R2756" t="s">
        <v>656</v>
      </c>
      <c r="S2756">
        <v>2</v>
      </c>
      <c r="T2756" t="s">
        <v>661</v>
      </c>
      <c r="U2756">
        <v>8</v>
      </c>
      <c r="V2756">
        <v>2</v>
      </c>
      <c r="W2756">
        <v>120</v>
      </c>
      <c r="X2756">
        <v>2020</v>
      </c>
    </row>
    <row r="2757" spans="1:24" x14ac:dyDescent="0.25">
      <c r="A2757">
        <v>8696</v>
      </c>
      <c r="B2757" t="s">
        <v>67</v>
      </c>
      <c r="C2757">
        <v>62</v>
      </c>
      <c r="D2757" t="s">
        <v>424</v>
      </c>
      <c r="E2757">
        <v>433</v>
      </c>
      <c r="F2757" t="s">
        <v>651</v>
      </c>
      <c r="G2757">
        <v>160</v>
      </c>
      <c r="H2757" t="s">
        <v>744</v>
      </c>
      <c r="I2757">
        <v>3143</v>
      </c>
      <c r="J2757" t="s">
        <v>684</v>
      </c>
      <c r="K2757">
        <v>22</v>
      </c>
      <c r="L2757" t="s">
        <v>2059</v>
      </c>
      <c r="M2757">
        <v>2930</v>
      </c>
      <c r="N2757" t="s">
        <v>654</v>
      </c>
      <c r="O2757">
        <v>3</v>
      </c>
      <c r="P2757" t="s">
        <v>655</v>
      </c>
      <c r="Q2757">
        <v>1</v>
      </c>
      <c r="R2757" t="s">
        <v>656</v>
      </c>
      <c r="S2757">
        <v>2</v>
      </c>
      <c r="T2757" t="s">
        <v>661</v>
      </c>
      <c r="U2757">
        <v>8</v>
      </c>
      <c r="V2757">
        <v>2</v>
      </c>
      <c r="W2757">
        <v>120</v>
      </c>
      <c r="X2757">
        <v>2020</v>
      </c>
    </row>
    <row r="2758" spans="1:24" x14ac:dyDescent="0.25">
      <c r="A2758">
        <v>8695</v>
      </c>
      <c r="B2758" t="s">
        <v>67</v>
      </c>
      <c r="C2758">
        <v>62</v>
      </c>
      <c r="D2758" t="s">
        <v>316</v>
      </c>
      <c r="E2758">
        <v>668</v>
      </c>
      <c r="F2758" t="s">
        <v>651</v>
      </c>
      <c r="G2758">
        <v>160</v>
      </c>
      <c r="H2758" t="s">
        <v>658</v>
      </c>
      <c r="I2758">
        <v>13755</v>
      </c>
      <c r="J2758" t="s">
        <v>294</v>
      </c>
      <c r="K2758">
        <v>31</v>
      </c>
      <c r="L2758" t="s">
        <v>2060</v>
      </c>
      <c r="M2758">
        <v>2929</v>
      </c>
      <c r="N2758" t="s">
        <v>654</v>
      </c>
      <c r="O2758">
        <v>3</v>
      </c>
      <c r="P2758" t="s">
        <v>655</v>
      </c>
      <c r="Q2758">
        <v>1</v>
      </c>
      <c r="R2758" t="s">
        <v>656</v>
      </c>
      <c r="S2758">
        <v>2</v>
      </c>
      <c r="T2758" t="s">
        <v>661</v>
      </c>
      <c r="U2758">
        <v>8</v>
      </c>
      <c r="V2758">
        <v>2</v>
      </c>
      <c r="W2758">
        <v>120</v>
      </c>
      <c r="X2758">
        <v>2020</v>
      </c>
    </row>
    <row r="2759" spans="1:24" x14ac:dyDescent="0.25">
      <c r="A2759">
        <v>8693</v>
      </c>
      <c r="B2759" t="s">
        <v>67</v>
      </c>
      <c r="C2759">
        <v>62</v>
      </c>
      <c r="D2759" t="s">
        <v>316</v>
      </c>
      <c r="E2759">
        <v>668</v>
      </c>
      <c r="F2759" t="s">
        <v>651</v>
      </c>
      <c r="G2759">
        <v>160</v>
      </c>
      <c r="H2759" t="s">
        <v>658</v>
      </c>
      <c r="I2759">
        <v>13755</v>
      </c>
      <c r="J2759" t="s">
        <v>294</v>
      </c>
      <c r="K2759">
        <v>31</v>
      </c>
      <c r="L2759" t="s">
        <v>2061</v>
      </c>
      <c r="M2759">
        <v>2927</v>
      </c>
      <c r="N2759" t="s">
        <v>654</v>
      </c>
      <c r="O2759">
        <v>3</v>
      </c>
      <c r="P2759" t="s">
        <v>655</v>
      </c>
      <c r="Q2759">
        <v>1</v>
      </c>
      <c r="R2759" t="s">
        <v>656</v>
      </c>
      <c r="S2759">
        <v>2</v>
      </c>
      <c r="T2759" t="s">
        <v>661</v>
      </c>
      <c r="U2759">
        <v>8</v>
      </c>
      <c r="V2759">
        <v>2</v>
      </c>
      <c r="W2759">
        <v>120</v>
      </c>
      <c r="X2759">
        <v>2020</v>
      </c>
    </row>
    <row r="2760" spans="1:24" x14ac:dyDescent="0.25">
      <c r="A2760">
        <v>8688</v>
      </c>
      <c r="B2760" t="s">
        <v>67</v>
      </c>
      <c r="C2760">
        <v>62</v>
      </c>
      <c r="D2760" t="s">
        <v>402</v>
      </c>
      <c r="E2760">
        <v>446</v>
      </c>
      <c r="F2760" t="s">
        <v>651</v>
      </c>
      <c r="G2760">
        <v>160</v>
      </c>
      <c r="H2760" t="s">
        <v>658</v>
      </c>
      <c r="I2760">
        <v>13755</v>
      </c>
      <c r="J2760" t="s">
        <v>819</v>
      </c>
      <c r="K2760">
        <v>101</v>
      </c>
      <c r="L2760" t="s">
        <v>2062</v>
      </c>
      <c r="M2760">
        <v>2922</v>
      </c>
      <c r="N2760" t="s">
        <v>654</v>
      </c>
      <c r="O2760">
        <v>3</v>
      </c>
      <c r="P2760" t="s">
        <v>655</v>
      </c>
      <c r="Q2760">
        <v>1</v>
      </c>
      <c r="R2760" t="s">
        <v>656</v>
      </c>
      <c r="S2760">
        <v>2</v>
      </c>
      <c r="T2760" t="s">
        <v>661</v>
      </c>
      <c r="U2760">
        <v>8</v>
      </c>
      <c r="V2760">
        <v>2</v>
      </c>
      <c r="W2760">
        <v>120</v>
      </c>
      <c r="X2760">
        <v>2020</v>
      </c>
    </row>
    <row r="2761" spans="1:24" x14ac:dyDescent="0.25">
      <c r="A2761">
        <v>8687</v>
      </c>
      <c r="B2761" t="s">
        <v>67</v>
      </c>
      <c r="C2761">
        <v>62</v>
      </c>
      <c r="D2761" t="s">
        <v>402</v>
      </c>
      <c r="E2761">
        <v>446</v>
      </c>
      <c r="F2761" t="s">
        <v>651</v>
      </c>
      <c r="G2761">
        <v>160</v>
      </c>
      <c r="H2761" t="s">
        <v>658</v>
      </c>
      <c r="I2761">
        <v>13755</v>
      </c>
      <c r="J2761" t="s">
        <v>819</v>
      </c>
      <c r="K2761">
        <v>101</v>
      </c>
      <c r="L2761" t="s">
        <v>2063</v>
      </c>
      <c r="M2761">
        <v>2142</v>
      </c>
      <c r="N2761" t="s">
        <v>654</v>
      </c>
      <c r="O2761">
        <v>3</v>
      </c>
      <c r="P2761" t="s">
        <v>655</v>
      </c>
      <c r="Q2761">
        <v>1</v>
      </c>
      <c r="R2761" t="s">
        <v>656</v>
      </c>
      <c r="S2761">
        <v>2</v>
      </c>
      <c r="T2761" t="s">
        <v>661</v>
      </c>
      <c r="U2761">
        <v>8</v>
      </c>
      <c r="V2761">
        <v>2</v>
      </c>
      <c r="W2761">
        <v>120</v>
      </c>
      <c r="X2761">
        <v>2020</v>
      </c>
    </row>
    <row r="2762" spans="1:24" x14ac:dyDescent="0.25">
      <c r="A2762">
        <v>8684</v>
      </c>
      <c r="B2762" t="s">
        <v>67</v>
      </c>
      <c r="C2762">
        <v>62</v>
      </c>
      <c r="D2762" t="s">
        <v>426</v>
      </c>
      <c r="E2762">
        <v>425</v>
      </c>
      <c r="F2762" t="s">
        <v>651</v>
      </c>
      <c r="G2762">
        <v>160</v>
      </c>
      <c r="H2762" t="s">
        <v>658</v>
      </c>
      <c r="I2762">
        <v>13755</v>
      </c>
      <c r="J2762" t="s">
        <v>663</v>
      </c>
      <c r="K2762">
        <v>99</v>
      </c>
      <c r="L2762" t="s">
        <v>2064</v>
      </c>
      <c r="M2762">
        <v>2920</v>
      </c>
      <c r="N2762" t="s">
        <v>654</v>
      </c>
      <c r="O2762">
        <v>3</v>
      </c>
      <c r="P2762" t="s">
        <v>655</v>
      </c>
      <c r="Q2762">
        <v>1</v>
      </c>
      <c r="R2762" t="s">
        <v>656</v>
      </c>
      <c r="S2762">
        <v>2</v>
      </c>
      <c r="T2762" t="s">
        <v>661</v>
      </c>
      <c r="U2762">
        <v>8</v>
      </c>
      <c r="V2762">
        <v>2</v>
      </c>
      <c r="W2762">
        <v>120</v>
      </c>
      <c r="X2762">
        <v>2020</v>
      </c>
    </row>
    <row r="2763" spans="1:24" x14ac:dyDescent="0.25">
      <c r="A2763">
        <v>8681</v>
      </c>
      <c r="B2763" t="s">
        <v>67</v>
      </c>
      <c r="C2763">
        <v>62</v>
      </c>
      <c r="D2763" t="s">
        <v>423</v>
      </c>
      <c r="E2763">
        <v>440</v>
      </c>
      <c r="F2763" t="s">
        <v>651</v>
      </c>
      <c r="G2763">
        <v>160</v>
      </c>
      <c r="H2763" t="s">
        <v>1605</v>
      </c>
      <c r="I2763">
        <v>1001</v>
      </c>
      <c r="J2763" t="s">
        <v>299</v>
      </c>
      <c r="K2763">
        <v>27</v>
      </c>
      <c r="L2763" t="s">
        <v>2065</v>
      </c>
      <c r="M2763">
        <v>2917</v>
      </c>
      <c r="N2763" t="s">
        <v>654</v>
      </c>
      <c r="O2763">
        <v>3</v>
      </c>
      <c r="P2763" t="s">
        <v>655</v>
      </c>
      <c r="Q2763">
        <v>1</v>
      </c>
      <c r="R2763" t="s">
        <v>656</v>
      </c>
      <c r="S2763">
        <v>2</v>
      </c>
      <c r="T2763" t="s">
        <v>661</v>
      </c>
      <c r="U2763">
        <v>8</v>
      </c>
      <c r="V2763">
        <v>2</v>
      </c>
      <c r="W2763">
        <v>120</v>
      </c>
      <c r="X2763">
        <v>2020</v>
      </c>
    </row>
    <row r="2764" spans="1:24" x14ac:dyDescent="0.25">
      <c r="A2764">
        <v>8679</v>
      </c>
      <c r="B2764" t="s">
        <v>67</v>
      </c>
      <c r="C2764">
        <v>62</v>
      </c>
      <c r="D2764" t="s">
        <v>313</v>
      </c>
      <c r="E2764">
        <v>671</v>
      </c>
      <c r="F2764" t="s">
        <v>651</v>
      </c>
      <c r="G2764">
        <v>160</v>
      </c>
      <c r="H2764" t="s">
        <v>747</v>
      </c>
      <c r="I2764">
        <v>4847</v>
      </c>
      <c r="J2764" t="s">
        <v>299</v>
      </c>
      <c r="K2764">
        <v>27</v>
      </c>
      <c r="L2764" t="s">
        <v>2066</v>
      </c>
      <c r="M2764">
        <v>2915</v>
      </c>
      <c r="N2764" t="s">
        <v>654</v>
      </c>
      <c r="O2764">
        <v>3</v>
      </c>
      <c r="P2764" t="s">
        <v>655</v>
      </c>
      <c r="Q2764">
        <v>1</v>
      </c>
      <c r="R2764" t="s">
        <v>656</v>
      </c>
      <c r="S2764">
        <v>2</v>
      </c>
      <c r="T2764" t="s">
        <v>661</v>
      </c>
      <c r="U2764">
        <v>8</v>
      </c>
      <c r="V2764">
        <v>2</v>
      </c>
      <c r="W2764">
        <v>120</v>
      </c>
      <c r="X2764">
        <v>2020</v>
      </c>
    </row>
    <row r="2765" spans="1:24" x14ac:dyDescent="0.25">
      <c r="A2765">
        <v>8678</v>
      </c>
      <c r="B2765" t="s">
        <v>67</v>
      </c>
      <c r="C2765">
        <v>62</v>
      </c>
      <c r="D2765" t="s">
        <v>316</v>
      </c>
      <c r="E2765">
        <v>668</v>
      </c>
      <c r="F2765" t="s">
        <v>651</v>
      </c>
      <c r="G2765">
        <v>160</v>
      </c>
      <c r="H2765" t="s">
        <v>658</v>
      </c>
      <c r="I2765">
        <v>13755</v>
      </c>
      <c r="J2765" t="s">
        <v>299</v>
      </c>
      <c r="K2765">
        <v>27</v>
      </c>
      <c r="L2765" t="s">
        <v>2067</v>
      </c>
      <c r="M2765">
        <v>2914</v>
      </c>
      <c r="N2765" t="s">
        <v>654</v>
      </c>
      <c r="O2765">
        <v>3</v>
      </c>
      <c r="P2765" t="s">
        <v>655</v>
      </c>
      <c r="Q2765">
        <v>1</v>
      </c>
      <c r="R2765" t="s">
        <v>656</v>
      </c>
      <c r="S2765">
        <v>2</v>
      </c>
      <c r="T2765" t="s">
        <v>661</v>
      </c>
      <c r="U2765">
        <v>8</v>
      </c>
      <c r="V2765">
        <v>2</v>
      </c>
      <c r="W2765">
        <v>120</v>
      </c>
      <c r="X2765">
        <v>2020</v>
      </c>
    </row>
    <row r="2766" spans="1:24" x14ac:dyDescent="0.25">
      <c r="A2766">
        <v>8676</v>
      </c>
      <c r="B2766" t="s">
        <v>67</v>
      </c>
      <c r="C2766">
        <v>62</v>
      </c>
      <c r="D2766" t="s">
        <v>314</v>
      </c>
      <c r="E2766">
        <v>670</v>
      </c>
      <c r="F2766" t="s">
        <v>651</v>
      </c>
      <c r="G2766">
        <v>160</v>
      </c>
      <c r="H2766" t="s">
        <v>833</v>
      </c>
      <c r="I2766">
        <v>5562</v>
      </c>
      <c r="J2766" t="s">
        <v>299</v>
      </c>
      <c r="K2766">
        <v>27</v>
      </c>
      <c r="L2766" t="s">
        <v>2068</v>
      </c>
      <c r="M2766">
        <v>2912</v>
      </c>
      <c r="N2766" t="s">
        <v>654</v>
      </c>
      <c r="O2766">
        <v>3</v>
      </c>
      <c r="P2766" t="s">
        <v>655</v>
      </c>
      <c r="Q2766">
        <v>1</v>
      </c>
      <c r="R2766" t="s">
        <v>656</v>
      </c>
      <c r="S2766">
        <v>2</v>
      </c>
      <c r="T2766" t="s">
        <v>661</v>
      </c>
      <c r="U2766">
        <v>8</v>
      </c>
      <c r="V2766">
        <v>2</v>
      </c>
      <c r="W2766">
        <v>120</v>
      </c>
      <c r="X2766">
        <v>2020</v>
      </c>
    </row>
    <row r="2767" spans="1:24" x14ac:dyDescent="0.25">
      <c r="A2767">
        <v>8675</v>
      </c>
      <c r="B2767" t="s">
        <v>67</v>
      </c>
      <c r="C2767">
        <v>62</v>
      </c>
      <c r="D2767" t="s">
        <v>316</v>
      </c>
      <c r="E2767">
        <v>668</v>
      </c>
      <c r="F2767" t="s">
        <v>651</v>
      </c>
      <c r="G2767">
        <v>160</v>
      </c>
      <c r="H2767" t="s">
        <v>658</v>
      </c>
      <c r="I2767">
        <v>13755</v>
      </c>
      <c r="J2767" t="s">
        <v>299</v>
      </c>
      <c r="K2767">
        <v>27</v>
      </c>
      <c r="L2767" t="s">
        <v>2069</v>
      </c>
      <c r="M2767">
        <v>2911</v>
      </c>
      <c r="N2767" t="s">
        <v>654</v>
      </c>
      <c r="O2767">
        <v>3</v>
      </c>
      <c r="P2767" t="s">
        <v>655</v>
      </c>
      <c r="Q2767">
        <v>1</v>
      </c>
      <c r="R2767" t="s">
        <v>656</v>
      </c>
      <c r="S2767">
        <v>2</v>
      </c>
      <c r="T2767" t="s">
        <v>661</v>
      </c>
      <c r="U2767">
        <v>8</v>
      </c>
      <c r="V2767">
        <v>2</v>
      </c>
      <c r="W2767">
        <v>120</v>
      </c>
      <c r="X2767">
        <v>2020</v>
      </c>
    </row>
    <row r="2768" spans="1:24" x14ac:dyDescent="0.25">
      <c r="A2768">
        <v>8674</v>
      </c>
      <c r="B2768" t="s">
        <v>76</v>
      </c>
      <c r="C2768">
        <v>61</v>
      </c>
      <c r="D2768" t="s">
        <v>360</v>
      </c>
      <c r="E2768">
        <v>421</v>
      </c>
      <c r="F2768" t="s">
        <v>651</v>
      </c>
      <c r="G2768">
        <v>160</v>
      </c>
      <c r="H2768" t="s">
        <v>658</v>
      </c>
      <c r="I2768">
        <v>13755</v>
      </c>
      <c r="J2768" t="s">
        <v>1028</v>
      </c>
      <c r="K2768">
        <v>33</v>
      </c>
      <c r="L2768" t="s">
        <v>2070</v>
      </c>
      <c r="M2768">
        <v>2910</v>
      </c>
      <c r="N2768" t="s">
        <v>654</v>
      </c>
      <c r="O2768">
        <v>3</v>
      </c>
      <c r="P2768" t="s">
        <v>655</v>
      </c>
      <c r="Q2768">
        <v>1</v>
      </c>
      <c r="R2768" t="s">
        <v>656</v>
      </c>
      <c r="S2768">
        <v>2</v>
      </c>
      <c r="T2768" t="s">
        <v>661</v>
      </c>
      <c r="U2768">
        <v>8</v>
      </c>
      <c r="V2768">
        <v>2</v>
      </c>
      <c r="W2768">
        <v>120</v>
      </c>
      <c r="X2768">
        <v>2020</v>
      </c>
    </row>
    <row r="2769" spans="1:24" x14ac:dyDescent="0.25">
      <c r="A2769">
        <v>8673</v>
      </c>
      <c r="B2769" t="s">
        <v>76</v>
      </c>
      <c r="C2769">
        <v>61</v>
      </c>
      <c r="D2769" t="s">
        <v>360</v>
      </c>
      <c r="E2769">
        <v>421</v>
      </c>
      <c r="F2769" t="s">
        <v>651</v>
      </c>
      <c r="G2769">
        <v>160</v>
      </c>
      <c r="H2769" t="s">
        <v>658</v>
      </c>
      <c r="I2769">
        <v>13755</v>
      </c>
      <c r="J2769" t="s">
        <v>679</v>
      </c>
      <c r="K2769">
        <v>32</v>
      </c>
      <c r="L2769" t="s">
        <v>2071</v>
      </c>
      <c r="M2769">
        <v>2909</v>
      </c>
      <c r="N2769" t="s">
        <v>654</v>
      </c>
      <c r="O2769">
        <v>3</v>
      </c>
      <c r="P2769" t="s">
        <v>655</v>
      </c>
      <c r="Q2769">
        <v>1</v>
      </c>
      <c r="R2769" t="s">
        <v>656</v>
      </c>
      <c r="S2769">
        <v>2</v>
      </c>
      <c r="T2769" t="s">
        <v>661</v>
      </c>
      <c r="U2769">
        <v>8</v>
      </c>
      <c r="V2769">
        <v>2</v>
      </c>
      <c r="W2769">
        <v>120</v>
      </c>
      <c r="X2769">
        <v>2020</v>
      </c>
    </row>
    <row r="2770" spans="1:24" x14ac:dyDescent="0.25">
      <c r="A2770">
        <v>8671</v>
      </c>
      <c r="B2770" t="s">
        <v>76</v>
      </c>
      <c r="C2770">
        <v>61</v>
      </c>
      <c r="D2770" t="s">
        <v>336</v>
      </c>
      <c r="E2770">
        <v>623</v>
      </c>
      <c r="F2770" t="s">
        <v>651</v>
      </c>
      <c r="G2770">
        <v>160</v>
      </c>
      <c r="H2770" t="s">
        <v>658</v>
      </c>
      <c r="I2770">
        <v>13755</v>
      </c>
      <c r="J2770" t="s">
        <v>726</v>
      </c>
      <c r="K2770">
        <v>2</v>
      </c>
      <c r="L2770" t="s">
        <v>2072</v>
      </c>
      <c r="M2770">
        <v>2908</v>
      </c>
      <c r="N2770" t="s">
        <v>654</v>
      </c>
      <c r="O2770">
        <v>3</v>
      </c>
      <c r="P2770" t="s">
        <v>655</v>
      </c>
      <c r="Q2770">
        <v>1</v>
      </c>
      <c r="R2770" t="s">
        <v>656</v>
      </c>
      <c r="S2770">
        <v>2</v>
      </c>
      <c r="T2770" t="s">
        <v>661</v>
      </c>
      <c r="U2770">
        <v>8</v>
      </c>
      <c r="V2770">
        <v>2</v>
      </c>
      <c r="W2770">
        <v>120</v>
      </c>
      <c r="X2770">
        <v>2020</v>
      </c>
    </row>
    <row r="2771" spans="1:24" x14ac:dyDescent="0.25">
      <c r="A2771">
        <v>8669</v>
      </c>
      <c r="B2771" t="s">
        <v>76</v>
      </c>
      <c r="C2771">
        <v>61</v>
      </c>
      <c r="D2771" t="s">
        <v>346</v>
      </c>
      <c r="E2771">
        <v>624</v>
      </c>
      <c r="F2771" t="s">
        <v>651</v>
      </c>
      <c r="G2771">
        <v>160</v>
      </c>
      <c r="H2771" t="s">
        <v>658</v>
      </c>
      <c r="I2771">
        <v>13755</v>
      </c>
      <c r="J2771" t="s">
        <v>703</v>
      </c>
      <c r="K2771">
        <v>16</v>
      </c>
      <c r="L2771" t="s">
        <v>2073</v>
      </c>
      <c r="M2771">
        <v>2906</v>
      </c>
      <c r="N2771" t="s">
        <v>654</v>
      </c>
      <c r="O2771">
        <v>3</v>
      </c>
      <c r="P2771" t="s">
        <v>655</v>
      </c>
      <c r="Q2771">
        <v>1</v>
      </c>
      <c r="R2771" t="s">
        <v>656</v>
      </c>
      <c r="S2771">
        <v>2</v>
      </c>
      <c r="T2771" t="s">
        <v>661</v>
      </c>
      <c r="U2771">
        <v>8</v>
      </c>
      <c r="V2771">
        <v>2</v>
      </c>
      <c r="W2771">
        <v>120</v>
      </c>
      <c r="X2771">
        <v>2020</v>
      </c>
    </row>
    <row r="2772" spans="1:24" x14ac:dyDescent="0.25">
      <c r="A2772">
        <v>8668</v>
      </c>
      <c r="B2772" t="s">
        <v>76</v>
      </c>
      <c r="C2772">
        <v>61</v>
      </c>
      <c r="D2772" t="s">
        <v>346</v>
      </c>
      <c r="E2772">
        <v>624</v>
      </c>
      <c r="F2772" t="s">
        <v>651</v>
      </c>
      <c r="G2772">
        <v>160</v>
      </c>
      <c r="H2772" t="s">
        <v>658</v>
      </c>
      <c r="I2772">
        <v>13755</v>
      </c>
      <c r="J2772" t="s">
        <v>663</v>
      </c>
      <c r="K2772">
        <v>99</v>
      </c>
      <c r="L2772" t="s">
        <v>2074</v>
      </c>
      <c r="M2772">
        <v>2905</v>
      </c>
      <c r="N2772" t="s">
        <v>654</v>
      </c>
      <c r="O2772">
        <v>3</v>
      </c>
      <c r="P2772" t="s">
        <v>655</v>
      </c>
      <c r="Q2772">
        <v>1</v>
      </c>
      <c r="R2772" t="s">
        <v>656</v>
      </c>
      <c r="S2772">
        <v>2</v>
      </c>
      <c r="T2772" t="s">
        <v>661</v>
      </c>
      <c r="U2772">
        <v>8</v>
      </c>
      <c r="V2772">
        <v>2</v>
      </c>
      <c r="W2772">
        <v>120</v>
      </c>
      <c r="X2772">
        <v>2020</v>
      </c>
    </row>
    <row r="2773" spans="1:24" x14ac:dyDescent="0.25">
      <c r="A2773">
        <v>8667</v>
      </c>
      <c r="B2773" t="s">
        <v>76</v>
      </c>
      <c r="C2773">
        <v>61</v>
      </c>
      <c r="D2773" t="s">
        <v>346</v>
      </c>
      <c r="E2773">
        <v>624</v>
      </c>
      <c r="F2773" t="s">
        <v>651</v>
      </c>
      <c r="G2773">
        <v>160</v>
      </c>
      <c r="H2773" t="s">
        <v>658</v>
      </c>
      <c r="I2773">
        <v>13755</v>
      </c>
      <c r="J2773" t="s">
        <v>792</v>
      </c>
      <c r="K2773">
        <v>6</v>
      </c>
      <c r="L2773" t="s">
        <v>2075</v>
      </c>
      <c r="M2773">
        <v>2904</v>
      </c>
      <c r="N2773" t="s">
        <v>654</v>
      </c>
      <c r="O2773">
        <v>3</v>
      </c>
      <c r="P2773" t="s">
        <v>655</v>
      </c>
      <c r="Q2773">
        <v>1</v>
      </c>
      <c r="R2773" t="s">
        <v>656</v>
      </c>
      <c r="S2773">
        <v>2</v>
      </c>
      <c r="T2773" t="s">
        <v>661</v>
      </c>
      <c r="U2773">
        <v>8</v>
      </c>
      <c r="V2773">
        <v>2</v>
      </c>
      <c r="W2773">
        <v>120</v>
      </c>
      <c r="X2773">
        <v>2020</v>
      </c>
    </row>
    <row r="2774" spans="1:24" x14ac:dyDescent="0.25">
      <c r="A2774">
        <v>8666</v>
      </c>
      <c r="B2774" t="s">
        <v>76</v>
      </c>
      <c r="C2774">
        <v>61</v>
      </c>
      <c r="D2774" t="s">
        <v>346</v>
      </c>
      <c r="E2774">
        <v>624</v>
      </c>
      <c r="F2774" t="s">
        <v>651</v>
      </c>
      <c r="G2774">
        <v>160</v>
      </c>
      <c r="H2774" t="s">
        <v>658</v>
      </c>
      <c r="I2774">
        <v>13755</v>
      </c>
      <c r="J2774" t="s">
        <v>802</v>
      </c>
      <c r="K2774">
        <v>12</v>
      </c>
      <c r="L2774" t="s">
        <v>2076</v>
      </c>
      <c r="M2774">
        <v>2903</v>
      </c>
      <c r="N2774" t="s">
        <v>654</v>
      </c>
      <c r="O2774">
        <v>3</v>
      </c>
      <c r="P2774" t="s">
        <v>655</v>
      </c>
      <c r="Q2774">
        <v>1</v>
      </c>
      <c r="R2774" t="s">
        <v>656</v>
      </c>
      <c r="S2774">
        <v>2</v>
      </c>
      <c r="T2774" t="s">
        <v>661</v>
      </c>
      <c r="U2774">
        <v>8</v>
      </c>
      <c r="V2774">
        <v>2</v>
      </c>
      <c r="W2774">
        <v>120</v>
      </c>
      <c r="X2774">
        <v>2020</v>
      </c>
    </row>
    <row r="2775" spans="1:24" x14ac:dyDescent="0.25">
      <c r="A2775">
        <v>8665</v>
      </c>
      <c r="B2775" t="s">
        <v>76</v>
      </c>
      <c r="C2775">
        <v>61</v>
      </c>
      <c r="D2775" t="s">
        <v>336</v>
      </c>
      <c r="E2775">
        <v>623</v>
      </c>
      <c r="F2775" t="s">
        <v>651</v>
      </c>
      <c r="G2775">
        <v>160</v>
      </c>
      <c r="H2775" t="s">
        <v>658</v>
      </c>
      <c r="I2775">
        <v>13755</v>
      </c>
      <c r="J2775" t="s">
        <v>797</v>
      </c>
      <c r="K2775">
        <v>65</v>
      </c>
      <c r="L2775" t="s">
        <v>2077</v>
      </c>
      <c r="M2775">
        <v>2902</v>
      </c>
      <c r="N2775" t="s">
        <v>654</v>
      </c>
      <c r="O2775">
        <v>3</v>
      </c>
      <c r="P2775" t="s">
        <v>655</v>
      </c>
      <c r="Q2775">
        <v>1</v>
      </c>
      <c r="R2775" t="s">
        <v>656</v>
      </c>
      <c r="S2775">
        <v>2</v>
      </c>
      <c r="T2775" t="s">
        <v>661</v>
      </c>
      <c r="U2775">
        <v>8</v>
      </c>
      <c r="V2775">
        <v>1.5</v>
      </c>
      <c r="W2775">
        <v>90</v>
      </c>
      <c r="X2775">
        <v>2020</v>
      </c>
    </row>
    <row r="2776" spans="1:24" x14ac:dyDescent="0.25">
      <c r="A2776">
        <v>8664</v>
      </c>
      <c r="B2776" t="s">
        <v>76</v>
      </c>
      <c r="C2776">
        <v>61</v>
      </c>
      <c r="D2776" t="s">
        <v>332</v>
      </c>
      <c r="E2776">
        <v>648</v>
      </c>
      <c r="F2776" t="s">
        <v>651</v>
      </c>
      <c r="G2776">
        <v>160</v>
      </c>
      <c r="H2776" t="s">
        <v>658</v>
      </c>
      <c r="I2776">
        <v>13755</v>
      </c>
      <c r="J2776" t="s">
        <v>65</v>
      </c>
      <c r="K2776">
        <v>15</v>
      </c>
      <c r="L2776" t="s">
        <v>2078</v>
      </c>
      <c r="M2776">
        <v>2901</v>
      </c>
      <c r="N2776" t="s">
        <v>654</v>
      </c>
      <c r="O2776">
        <v>3</v>
      </c>
      <c r="P2776" t="s">
        <v>655</v>
      </c>
      <c r="Q2776">
        <v>1</v>
      </c>
      <c r="R2776" t="s">
        <v>656</v>
      </c>
      <c r="S2776">
        <v>2</v>
      </c>
      <c r="T2776" t="s">
        <v>661</v>
      </c>
      <c r="U2776">
        <v>8</v>
      </c>
      <c r="V2776">
        <v>1.5</v>
      </c>
      <c r="W2776">
        <v>90</v>
      </c>
      <c r="X2776">
        <v>2020</v>
      </c>
    </row>
    <row r="2777" spans="1:24" x14ac:dyDescent="0.25">
      <c r="A2777">
        <v>8663</v>
      </c>
      <c r="B2777" t="s">
        <v>76</v>
      </c>
      <c r="C2777">
        <v>61</v>
      </c>
      <c r="D2777" t="s">
        <v>316</v>
      </c>
      <c r="E2777">
        <v>420</v>
      </c>
      <c r="F2777" t="s">
        <v>651</v>
      </c>
      <c r="G2777">
        <v>160</v>
      </c>
      <c r="H2777" t="s">
        <v>658</v>
      </c>
      <c r="I2777">
        <v>13755</v>
      </c>
      <c r="J2777" t="s">
        <v>299</v>
      </c>
      <c r="K2777">
        <v>27</v>
      </c>
      <c r="L2777" t="s">
        <v>2079</v>
      </c>
      <c r="M2777">
        <v>2900</v>
      </c>
      <c r="N2777" t="s">
        <v>654</v>
      </c>
      <c r="O2777">
        <v>3</v>
      </c>
      <c r="P2777" t="s">
        <v>655</v>
      </c>
      <c r="Q2777">
        <v>1</v>
      </c>
      <c r="R2777" t="s">
        <v>656</v>
      </c>
      <c r="S2777">
        <v>2</v>
      </c>
      <c r="T2777" t="s">
        <v>661</v>
      </c>
      <c r="U2777">
        <v>8</v>
      </c>
      <c r="V2777">
        <v>2</v>
      </c>
      <c r="W2777">
        <v>120</v>
      </c>
      <c r="X2777">
        <v>2020</v>
      </c>
    </row>
    <row r="2778" spans="1:24" x14ac:dyDescent="0.25">
      <c r="A2778">
        <v>8662</v>
      </c>
      <c r="B2778" t="s">
        <v>76</v>
      </c>
      <c r="C2778">
        <v>61</v>
      </c>
      <c r="D2778" t="s">
        <v>316</v>
      </c>
      <c r="E2778">
        <v>420</v>
      </c>
      <c r="F2778" t="s">
        <v>651</v>
      </c>
      <c r="G2778">
        <v>160</v>
      </c>
      <c r="H2778" t="s">
        <v>658</v>
      </c>
      <c r="I2778">
        <v>13755</v>
      </c>
      <c r="J2778" t="s">
        <v>295</v>
      </c>
      <c r="K2778">
        <v>30</v>
      </c>
      <c r="L2778" t="s">
        <v>2080</v>
      </c>
      <c r="M2778">
        <v>2899</v>
      </c>
      <c r="N2778" t="s">
        <v>654</v>
      </c>
      <c r="O2778">
        <v>3</v>
      </c>
      <c r="P2778" t="s">
        <v>655</v>
      </c>
      <c r="Q2778">
        <v>1</v>
      </c>
      <c r="R2778" t="s">
        <v>656</v>
      </c>
      <c r="S2778">
        <v>2</v>
      </c>
      <c r="T2778" t="s">
        <v>661</v>
      </c>
      <c r="U2778">
        <v>8</v>
      </c>
      <c r="V2778">
        <v>2</v>
      </c>
      <c r="W2778">
        <v>120</v>
      </c>
      <c r="X2778">
        <v>2020</v>
      </c>
    </row>
    <row r="2779" spans="1:24" x14ac:dyDescent="0.25">
      <c r="A2779">
        <v>8661</v>
      </c>
      <c r="B2779" t="s">
        <v>76</v>
      </c>
      <c r="C2779">
        <v>61</v>
      </c>
      <c r="D2779" t="s">
        <v>316</v>
      </c>
      <c r="E2779">
        <v>420</v>
      </c>
      <c r="F2779" t="s">
        <v>651</v>
      </c>
      <c r="G2779">
        <v>160</v>
      </c>
      <c r="H2779" t="s">
        <v>658</v>
      </c>
      <c r="I2779">
        <v>13755</v>
      </c>
      <c r="J2779" t="s">
        <v>295</v>
      </c>
      <c r="K2779">
        <v>30</v>
      </c>
      <c r="L2779" t="s">
        <v>2081</v>
      </c>
      <c r="M2779">
        <v>2898</v>
      </c>
      <c r="N2779" t="s">
        <v>654</v>
      </c>
      <c r="O2779">
        <v>3</v>
      </c>
      <c r="P2779" t="s">
        <v>655</v>
      </c>
      <c r="Q2779">
        <v>1</v>
      </c>
      <c r="R2779" t="s">
        <v>656</v>
      </c>
      <c r="S2779">
        <v>2</v>
      </c>
      <c r="T2779" t="s">
        <v>661</v>
      </c>
      <c r="U2779">
        <v>8</v>
      </c>
      <c r="V2779">
        <v>2</v>
      </c>
      <c r="W2779">
        <v>120</v>
      </c>
      <c r="X2779">
        <v>2020</v>
      </c>
    </row>
    <row r="2780" spans="1:24" x14ac:dyDescent="0.25">
      <c r="A2780">
        <v>8660</v>
      </c>
      <c r="B2780" t="s">
        <v>53</v>
      </c>
      <c r="C2780">
        <v>60</v>
      </c>
      <c r="D2780" t="s">
        <v>11</v>
      </c>
      <c r="E2780">
        <v>406</v>
      </c>
      <c r="F2780" t="s">
        <v>651</v>
      </c>
      <c r="G2780">
        <v>160</v>
      </c>
      <c r="H2780" t="s">
        <v>658</v>
      </c>
      <c r="I2780">
        <v>13755</v>
      </c>
      <c r="J2780" t="s">
        <v>65</v>
      </c>
      <c r="K2780">
        <v>15</v>
      </c>
      <c r="L2780" t="s">
        <v>898</v>
      </c>
      <c r="M2780">
        <v>806</v>
      </c>
      <c r="N2780" t="s">
        <v>654</v>
      </c>
      <c r="O2780">
        <v>3</v>
      </c>
      <c r="P2780" t="s">
        <v>655</v>
      </c>
      <c r="Q2780">
        <v>1</v>
      </c>
      <c r="R2780" t="s">
        <v>656</v>
      </c>
      <c r="S2780">
        <v>2</v>
      </c>
      <c r="T2780" t="s">
        <v>661</v>
      </c>
      <c r="U2780">
        <v>8</v>
      </c>
      <c r="V2780">
        <v>1</v>
      </c>
      <c r="W2780">
        <v>60</v>
      </c>
      <c r="X2780">
        <v>2020</v>
      </c>
    </row>
    <row r="2781" spans="1:24" x14ac:dyDescent="0.25">
      <c r="A2781">
        <v>8655</v>
      </c>
      <c r="B2781" t="s">
        <v>53</v>
      </c>
      <c r="C2781">
        <v>60</v>
      </c>
      <c r="D2781" t="s">
        <v>429</v>
      </c>
      <c r="E2781">
        <v>408</v>
      </c>
      <c r="F2781" t="s">
        <v>651</v>
      </c>
      <c r="G2781">
        <v>160</v>
      </c>
      <c r="H2781" t="s">
        <v>658</v>
      </c>
      <c r="I2781">
        <v>13755</v>
      </c>
      <c r="J2781" t="s">
        <v>296</v>
      </c>
      <c r="K2781">
        <v>97</v>
      </c>
      <c r="L2781" t="s">
        <v>296</v>
      </c>
      <c r="M2781">
        <v>989</v>
      </c>
      <c r="N2781" t="s">
        <v>654</v>
      </c>
      <c r="O2781">
        <v>3</v>
      </c>
      <c r="P2781" t="s">
        <v>655</v>
      </c>
      <c r="Q2781">
        <v>1</v>
      </c>
      <c r="R2781" t="s">
        <v>656</v>
      </c>
      <c r="S2781">
        <v>2</v>
      </c>
      <c r="T2781" t="s">
        <v>661</v>
      </c>
      <c r="U2781">
        <v>8</v>
      </c>
      <c r="V2781">
        <v>2</v>
      </c>
      <c r="W2781">
        <v>120</v>
      </c>
      <c r="X2781">
        <v>2020</v>
      </c>
    </row>
    <row r="2782" spans="1:24" x14ac:dyDescent="0.25">
      <c r="A2782">
        <v>8654</v>
      </c>
      <c r="B2782" t="s">
        <v>53</v>
      </c>
      <c r="C2782">
        <v>60</v>
      </c>
      <c r="D2782" t="s">
        <v>405</v>
      </c>
      <c r="E2782">
        <v>409</v>
      </c>
      <c r="F2782" t="s">
        <v>651</v>
      </c>
      <c r="G2782">
        <v>160</v>
      </c>
      <c r="H2782" t="s">
        <v>658</v>
      </c>
      <c r="I2782">
        <v>13755</v>
      </c>
      <c r="J2782" t="s">
        <v>294</v>
      </c>
      <c r="K2782">
        <v>31</v>
      </c>
      <c r="L2782" t="s">
        <v>2082</v>
      </c>
      <c r="M2782">
        <v>2894</v>
      </c>
      <c r="N2782" t="s">
        <v>654</v>
      </c>
      <c r="O2782">
        <v>3</v>
      </c>
      <c r="P2782" t="s">
        <v>655</v>
      </c>
      <c r="Q2782">
        <v>1</v>
      </c>
      <c r="R2782" t="s">
        <v>656</v>
      </c>
      <c r="S2782">
        <v>2</v>
      </c>
      <c r="T2782" t="s">
        <v>661</v>
      </c>
      <c r="U2782">
        <v>8</v>
      </c>
      <c r="V2782">
        <v>2</v>
      </c>
      <c r="W2782">
        <v>120</v>
      </c>
      <c r="X2782">
        <v>2020</v>
      </c>
    </row>
    <row r="2783" spans="1:24" x14ac:dyDescent="0.25">
      <c r="A2783">
        <v>8653</v>
      </c>
      <c r="B2783" t="s">
        <v>53</v>
      </c>
      <c r="C2783">
        <v>60</v>
      </c>
      <c r="D2783" t="s">
        <v>405</v>
      </c>
      <c r="E2783">
        <v>409</v>
      </c>
      <c r="F2783" t="s">
        <v>651</v>
      </c>
      <c r="G2783">
        <v>160</v>
      </c>
      <c r="H2783" t="s">
        <v>658</v>
      </c>
      <c r="I2783">
        <v>13755</v>
      </c>
      <c r="J2783" t="s">
        <v>294</v>
      </c>
      <c r="K2783">
        <v>31</v>
      </c>
      <c r="L2783" t="s">
        <v>2083</v>
      </c>
      <c r="M2783">
        <v>2893</v>
      </c>
      <c r="N2783" t="s">
        <v>654</v>
      </c>
      <c r="O2783">
        <v>3</v>
      </c>
      <c r="P2783" t="s">
        <v>655</v>
      </c>
      <c r="Q2783">
        <v>1</v>
      </c>
      <c r="R2783" t="s">
        <v>656</v>
      </c>
      <c r="S2783">
        <v>2</v>
      </c>
      <c r="T2783" t="s">
        <v>718</v>
      </c>
      <c r="U2783">
        <v>2</v>
      </c>
      <c r="V2783">
        <v>2</v>
      </c>
      <c r="W2783">
        <v>120</v>
      </c>
      <c r="X2783">
        <v>2020</v>
      </c>
    </row>
    <row r="2784" spans="1:24" x14ac:dyDescent="0.25">
      <c r="A2784">
        <v>8651</v>
      </c>
      <c r="B2784" t="s">
        <v>53</v>
      </c>
      <c r="C2784">
        <v>60</v>
      </c>
      <c r="D2784" t="s">
        <v>405</v>
      </c>
      <c r="E2784">
        <v>409</v>
      </c>
      <c r="F2784" t="s">
        <v>651</v>
      </c>
      <c r="G2784">
        <v>160</v>
      </c>
      <c r="H2784" t="s">
        <v>658</v>
      </c>
      <c r="I2784">
        <v>13755</v>
      </c>
      <c r="J2784" t="s">
        <v>295</v>
      </c>
      <c r="K2784">
        <v>30</v>
      </c>
      <c r="L2784" t="s">
        <v>2084</v>
      </c>
      <c r="M2784">
        <v>2892</v>
      </c>
      <c r="N2784" t="s">
        <v>654</v>
      </c>
      <c r="O2784">
        <v>3</v>
      </c>
      <c r="P2784" t="s">
        <v>655</v>
      </c>
      <c r="Q2784">
        <v>1</v>
      </c>
      <c r="R2784" t="s">
        <v>656</v>
      </c>
      <c r="S2784">
        <v>2</v>
      </c>
      <c r="T2784" t="s">
        <v>661</v>
      </c>
      <c r="U2784">
        <v>8</v>
      </c>
      <c r="V2784">
        <v>2</v>
      </c>
      <c r="W2784">
        <v>120</v>
      </c>
      <c r="X2784">
        <v>2020</v>
      </c>
    </row>
    <row r="2785" spans="1:24" x14ac:dyDescent="0.25">
      <c r="A2785">
        <v>8650</v>
      </c>
      <c r="B2785" t="s">
        <v>53</v>
      </c>
      <c r="C2785">
        <v>60</v>
      </c>
      <c r="D2785" t="s">
        <v>405</v>
      </c>
      <c r="E2785">
        <v>409</v>
      </c>
      <c r="F2785" t="s">
        <v>651</v>
      </c>
      <c r="G2785">
        <v>160</v>
      </c>
      <c r="H2785" t="s">
        <v>658</v>
      </c>
      <c r="I2785">
        <v>13755</v>
      </c>
      <c r="J2785" t="s">
        <v>295</v>
      </c>
      <c r="K2785">
        <v>30</v>
      </c>
      <c r="L2785" t="s">
        <v>2085</v>
      </c>
      <c r="M2785">
        <v>2891</v>
      </c>
      <c r="N2785" t="s">
        <v>654</v>
      </c>
      <c r="O2785">
        <v>3</v>
      </c>
      <c r="P2785" t="s">
        <v>655</v>
      </c>
      <c r="Q2785">
        <v>1</v>
      </c>
      <c r="R2785" t="s">
        <v>656</v>
      </c>
      <c r="S2785">
        <v>2</v>
      </c>
      <c r="T2785" t="s">
        <v>661</v>
      </c>
      <c r="U2785">
        <v>8</v>
      </c>
      <c r="V2785">
        <v>2</v>
      </c>
      <c r="W2785">
        <v>120</v>
      </c>
      <c r="X2785">
        <v>2020</v>
      </c>
    </row>
    <row r="2786" spans="1:24" x14ac:dyDescent="0.25">
      <c r="A2786">
        <v>8648</v>
      </c>
      <c r="B2786" t="s">
        <v>53</v>
      </c>
      <c r="C2786">
        <v>60</v>
      </c>
      <c r="D2786" t="s">
        <v>430</v>
      </c>
      <c r="E2786">
        <v>407</v>
      </c>
      <c r="F2786" t="s">
        <v>651</v>
      </c>
      <c r="G2786">
        <v>160</v>
      </c>
      <c r="H2786" t="s">
        <v>658</v>
      </c>
      <c r="I2786">
        <v>13755</v>
      </c>
      <c r="J2786" t="s">
        <v>301</v>
      </c>
      <c r="K2786">
        <v>26</v>
      </c>
      <c r="L2786" t="s">
        <v>1632</v>
      </c>
      <c r="M2786">
        <v>980</v>
      </c>
      <c r="N2786" t="s">
        <v>654</v>
      </c>
      <c r="O2786">
        <v>3</v>
      </c>
      <c r="P2786" t="s">
        <v>655</v>
      </c>
      <c r="Q2786">
        <v>1</v>
      </c>
      <c r="R2786" t="s">
        <v>656</v>
      </c>
      <c r="S2786">
        <v>2</v>
      </c>
      <c r="T2786" t="s">
        <v>661</v>
      </c>
      <c r="U2786">
        <v>8</v>
      </c>
      <c r="V2786">
        <v>2</v>
      </c>
      <c r="W2786">
        <v>120</v>
      </c>
      <c r="X2786">
        <v>2020</v>
      </c>
    </row>
    <row r="2787" spans="1:24" x14ac:dyDescent="0.25">
      <c r="A2787">
        <v>8646</v>
      </c>
      <c r="B2787" t="s">
        <v>53</v>
      </c>
      <c r="C2787">
        <v>60</v>
      </c>
      <c r="D2787" t="s">
        <v>428</v>
      </c>
      <c r="E2787">
        <v>410</v>
      </c>
      <c r="F2787" t="s">
        <v>651</v>
      </c>
      <c r="G2787">
        <v>160</v>
      </c>
      <c r="H2787" t="s">
        <v>658</v>
      </c>
      <c r="I2787">
        <v>13755</v>
      </c>
      <c r="J2787" t="s">
        <v>807</v>
      </c>
      <c r="K2787">
        <v>25</v>
      </c>
      <c r="L2787" t="s">
        <v>2086</v>
      </c>
      <c r="M2787">
        <v>2200</v>
      </c>
      <c r="N2787" t="s">
        <v>654</v>
      </c>
      <c r="O2787">
        <v>3</v>
      </c>
      <c r="P2787" t="s">
        <v>655</v>
      </c>
      <c r="Q2787">
        <v>1</v>
      </c>
      <c r="R2787" t="s">
        <v>656</v>
      </c>
      <c r="S2787">
        <v>2</v>
      </c>
      <c r="T2787" t="s">
        <v>661</v>
      </c>
      <c r="U2787">
        <v>8</v>
      </c>
      <c r="V2787">
        <v>2</v>
      </c>
      <c r="W2787">
        <v>120</v>
      </c>
      <c r="X2787">
        <v>2020</v>
      </c>
    </row>
    <row r="2788" spans="1:24" x14ac:dyDescent="0.25">
      <c r="A2788">
        <v>8645</v>
      </c>
      <c r="B2788" t="s">
        <v>53</v>
      </c>
      <c r="C2788">
        <v>60</v>
      </c>
      <c r="D2788" t="s">
        <v>428</v>
      </c>
      <c r="E2788">
        <v>410</v>
      </c>
      <c r="F2788" t="s">
        <v>651</v>
      </c>
      <c r="G2788">
        <v>160</v>
      </c>
      <c r="H2788" t="s">
        <v>658</v>
      </c>
      <c r="I2788">
        <v>13755</v>
      </c>
      <c r="J2788" t="s">
        <v>807</v>
      </c>
      <c r="K2788">
        <v>25</v>
      </c>
      <c r="L2788" t="s">
        <v>2087</v>
      </c>
      <c r="M2788">
        <v>2888</v>
      </c>
      <c r="N2788" t="s">
        <v>654</v>
      </c>
      <c r="O2788">
        <v>3</v>
      </c>
      <c r="P2788" t="s">
        <v>655</v>
      </c>
      <c r="Q2788">
        <v>1</v>
      </c>
      <c r="R2788" t="s">
        <v>656</v>
      </c>
      <c r="S2788">
        <v>2</v>
      </c>
      <c r="T2788" t="s">
        <v>718</v>
      </c>
      <c r="U2788">
        <v>2</v>
      </c>
      <c r="V2788">
        <v>2</v>
      </c>
      <c r="W2788">
        <v>120</v>
      </c>
      <c r="X2788">
        <v>2020</v>
      </c>
    </row>
    <row r="2789" spans="1:24" x14ac:dyDescent="0.25">
      <c r="A2789">
        <v>8644</v>
      </c>
      <c r="B2789" t="s">
        <v>53</v>
      </c>
      <c r="C2789">
        <v>60</v>
      </c>
      <c r="D2789" t="s">
        <v>427</v>
      </c>
      <c r="E2789">
        <v>411</v>
      </c>
      <c r="F2789" t="s">
        <v>651</v>
      </c>
      <c r="G2789">
        <v>160</v>
      </c>
      <c r="H2789" t="s">
        <v>658</v>
      </c>
      <c r="I2789">
        <v>13755</v>
      </c>
      <c r="J2789" t="s">
        <v>955</v>
      </c>
      <c r="K2789">
        <v>29</v>
      </c>
      <c r="L2789" t="s">
        <v>2088</v>
      </c>
      <c r="M2789">
        <v>2198</v>
      </c>
      <c r="N2789" t="s">
        <v>654</v>
      </c>
      <c r="O2789">
        <v>3</v>
      </c>
      <c r="P2789" t="s">
        <v>655</v>
      </c>
      <c r="Q2789">
        <v>1</v>
      </c>
      <c r="R2789" t="s">
        <v>656</v>
      </c>
      <c r="S2789">
        <v>2</v>
      </c>
      <c r="T2789" t="s">
        <v>661</v>
      </c>
      <c r="U2789">
        <v>8</v>
      </c>
      <c r="V2789">
        <v>2</v>
      </c>
      <c r="W2789">
        <v>120</v>
      </c>
      <c r="X2789">
        <v>2020</v>
      </c>
    </row>
    <row r="2790" spans="1:24" x14ac:dyDescent="0.25">
      <c r="A2790">
        <v>8640</v>
      </c>
      <c r="B2790" t="s">
        <v>53</v>
      </c>
      <c r="C2790">
        <v>60</v>
      </c>
      <c r="D2790" t="s">
        <v>428</v>
      </c>
      <c r="E2790">
        <v>410</v>
      </c>
      <c r="F2790" t="s">
        <v>651</v>
      </c>
      <c r="G2790">
        <v>160</v>
      </c>
      <c r="H2790" t="s">
        <v>658</v>
      </c>
      <c r="I2790">
        <v>13755</v>
      </c>
      <c r="J2790" t="s">
        <v>955</v>
      </c>
      <c r="K2790">
        <v>29</v>
      </c>
      <c r="L2790" t="s">
        <v>2089</v>
      </c>
      <c r="M2790">
        <v>1050</v>
      </c>
      <c r="N2790" t="s">
        <v>654</v>
      </c>
      <c r="O2790">
        <v>3</v>
      </c>
      <c r="P2790" t="s">
        <v>655</v>
      </c>
      <c r="Q2790">
        <v>1</v>
      </c>
      <c r="R2790" t="s">
        <v>656</v>
      </c>
      <c r="S2790">
        <v>2</v>
      </c>
      <c r="T2790" t="s">
        <v>661</v>
      </c>
      <c r="U2790">
        <v>8</v>
      </c>
      <c r="V2790">
        <v>2</v>
      </c>
      <c r="W2790">
        <v>120</v>
      </c>
      <c r="X2790">
        <v>2020</v>
      </c>
    </row>
    <row r="2791" spans="1:24" x14ac:dyDescent="0.25">
      <c r="A2791">
        <v>8639</v>
      </c>
      <c r="B2791" t="s">
        <v>287</v>
      </c>
      <c r="C2791">
        <v>59</v>
      </c>
      <c r="D2791" t="s">
        <v>431</v>
      </c>
      <c r="E2791">
        <v>405</v>
      </c>
      <c r="F2791" t="s">
        <v>651</v>
      </c>
      <c r="G2791">
        <v>160</v>
      </c>
      <c r="H2791" t="s">
        <v>658</v>
      </c>
      <c r="I2791">
        <v>13755</v>
      </c>
      <c r="J2791" t="s">
        <v>682</v>
      </c>
      <c r="K2791">
        <v>20</v>
      </c>
      <c r="L2791" t="s">
        <v>2090</v>
      </c>
      <c r="M2791">
        <v>2884</v>
      </c>
      <c r="N2791" t="s">
        <v>654</v>
      </c>
      <c r="O2791">
        <v>3</v>
      </c>
      <c r="P2791" t="s">
        <v>655</v>
      </c>
      <c r="Q2791">
        <v>1</v>
      </c>
      <c r="R2791" t="s">
        <v>656</v>
      </c>
      <c r="S2791">
        <v>2</v>
      </c>
      <c r="T2791" t="s">
        <v>661</v>
      </c>
      <c r="U2791">
        <v>8</v>
      </c>
      <c r="V2791">
        <v>2</v>
      </c>
      <c r="W2791">
        <v>120</v>
      </c>
      <c r="X2791">
        <v>2020</v>
      </c>
    </row>
    <row r="2792" spans="1:24" x14ac:dyDescent="0.25">
      <c r="A2792">
        <v>8637</v>
      </c>
      <c r="B2792" t="s">
        <v>287</v>
      </c>
      <c r="C2792">
        <v>59</v>
      </c>
      <c r="D2792" t="s">
        <v>9</v>
      </c>
      <c r="E2792">
        <v>404</v>
      </c>
      <c r="F2792" t="s">
        <v>651</v>
      </c>
      <c r="G2792">
        <v>160</v>
      </c>
      <c r="H2792" t="s">
        <v>658</v>
      </c>
      <c r="I2792">
        <v>13755</v>
      </c>
      <c r="J2792" t="s">
        <v>299</v>
      </c>
      <c r="K2792">
        <v>27</v>
      </c>
      <c r="L2792" t="s">
        <v>2091</v>
      </c>
      <c r="M2792">
        <v>2882</v>
      </c>
      <c r="N2792" t="s">
        <v>654</v>
      </c>
      <c r="O2792">
        <v>3</v>
      </c>
      <c r="P2792" t="s">
        <v>655</v>
      </c>
      <c r="Q2792">
        <v>1</v>
      </c>
      <c r="R2792" t="s">
        <v>656</v>
      </c>
      <c r="S2792">
        <v>2</v>
      </c>
      <c r="T2792" t="s">
        <v>661</v>
      </c>
      <c r="U2792">
        <v>8</v>
      </c>
      <c r="V2792">
        <v>2</v>
      </c>
      <c r="W2792">
        <v>120</v>
      </c>
      <c r="X2792">
        <v>2020</v>
      </c>
    </row>
    <row r="2793" spans="1:24" x14ac:dyDescent="0.25">
      <c r="A2793">
        <v>8636</v>
      </c>
      <c r="B2793" t="s">
        <v>287</v>
      </c>
      <c r="C2793">
        <v>59</v>
      </c>
      <c r="D2793" t="s">
        <v>9</v>
      </c>
      <c r="E2793">
        <v>404</v>
      </c>
      <c r="F2793" t="s">
        <v>651</v>
      </c>
      <c r="G2793">
        <v>160</v>
      </c>
      <c r="H2793" t="s">
        <v>658</v>
      </c>
      <c r="I2793">
        <v>13755</v>
      </c>
      <c r="J2793" t="s">
        <v>299</v>
      </c>
      <c r="K2793">
        <v>27</v>
      </c>
      <c r="L2793" t="s">
        <v>2092</v>
      </c>
      <c r="M2793">
        <v>2881</v>
      </c>
      <c r="N2793" t="s">
        <v>654</v>
      </c>
      <c r="O2793">
        <v>3</v>
      </c>
      <c r="P2793" t="s">
        <v>655</v>
      </c>
      <c r="Q2793">
        <v>1</v>
      </c>
      <c r="R2793" t="s">
        <v>656</v>
      </c>
      <c r="S2793">
        <v>2</v>
      </c>
      <c r="T2793" t="s">
        <v>661</v>
      </c>
      <c r="U2793">
        <v>8</v>
      </c>
      <c r="V2793">
        <v>2</v>
      </c>
      <c r="W2793">
        <v>120</v>
      </c>
      <c r="X2793">
        <v>2020</v>
      </c>
    </row>
    <row r="2794" spans="1:24" x14ac:dyDescent="0.25">
      <c r="A2794">
        <v>8635</v>
      </c>
      <c r="B2794" t="s">
        <v>287</v>
      </c>
      <c r="C2794">
        <v>59</v>
      </c>
      <c r="D2794" t="s">
        <v>9</v>
      </c>
      <c r="E2794">
        <v>404</v>
      </c>
      <c r="F2794" t="s">
        <v>651</v>
      </c>
      <c r="G2794">
        <v>160</v>
      </c>
      <c r="H2794" t="s">
        <v>658</v>
      </c>
      <c r="I2794">
        <v>13755</v>
      </c>
      <c r="J2794" t="s">
        <v>299</v>
      </c>
      <c r="K2794">
        <v>27</v>
      </c>
      <c r="L2794" t="s">
        <v>2093</v>
      </c>
      <c r="M2794">
        <v>2880</v>
      </c>
      <c r="N2794" t="s">
        <v>654</v>
      </c>
      <c r="O2794">
        <v>3</v>
      </c>
      <c r="P2794" t="s">
        <v>655</v>
      </c>
      <c r="Q2794">
        <v>1</v>
      </c>
      <c r="R2794" t="s">
        <v>656</v>
      </c>
      <c r="S2794">
        <v>2</v>
      </c>
      <c r="T2794" t="s">
        <v>661</v>
      </c>
      <c r="U2794">
        <v>8</v>
      </c>
      <c r="V2794">
        <v>2</v>
      </c>
      <c r="W2794">
        <v>120</v>
      </c>
      <c r="X2794">
        <v>2020</v>
      </c>
    </row>
    <row r="2795" spans="1:24" x14ac:dyDescent="0.25">
      <c r="A2795">
        <v>8630</v>
      </c>
      <c r="B2795" t="s">
        <v>287</v>
      </c>
      <c r="C2795">
        <v>59</v>
      </c>
      <c r="D2795" t="s">
        <v>11</v>
      </c>
      <c r="E2795">
        <v>403</v>
      </c>
      <c r="F2795" t="s">
        <v>651</v>
      </c>
      <c r="G2795">
        <v>160</v>
      </c>
      <c r="H2795" t="s">
        <v>658</v>
      </c>
      <c r="I2795">
        <v>13755</v>
      </c>
      <c r="J2795" t="s">
        <v>65</v>
      </c>
      <c r="K2795">
        <v>15</v>
      </c>
      <c r="L2795" t="s">
        <v>908</v>
      </c>
      <c r="M2795">
        <v>799</v>
      </c>
      <c r="N2795" t="s">
        <v>654</v>
      </c>
      <c r="O2795">
        <v>3</v>
      </c>
      <c r="P2795" t="s">
        <v>655</v>
      </c>
      <c r="Q2795">
        <v>1</v>
      </c>
      <c r="R2795" t="s">
        <v>656</v>
      </c>
      <c r="S2795">
        <v>2</v>
      </c>
      <c r="T2795" t="s">
        <v>661</v>
      </c>
      <c r="U2795">
        <v>8</v>
      </c>
      <c r="V2795">
        <v>1</v>
      </c>
      <c r="W2795">
        <v>60</v>
      </c>
      <c r="X2795">
        <v>2020</v>
      </c>
    </row>
    <row r="2796" spans="1:24" x14ac:dyDescent="0.25">
      <c r="A2796">
        <v>8629</v>
      </c>
      <c r="B2796" t="s">
        <v>287</v>
      </c>
      <c r="C2796">
        <v>59</v>
      </c>
      <c r="D2796" t="s">
        <v>11</v>
      </c>
      <c r="E2796">
        <v>403</v>
      </c>
      <c r="F2796" t="s">
        <v>651</v>
      </c>
      <c r="G2796">
        <v>160</v>
      </c>
      <c r="H2796" t="s">
        <v>658</v>
      </c>
      <c r="I2796">
        <v>13755</v>
      </c>
      <c r="J2796" t="s">
        <v>65</v>
      </c>
      <c r="K2796">
        <v>15</v>
      </c>
      <c r="L2796" t="s">
        <v>2094</v>
      </c>
      <c r="M2796">
        <v>2875</v>
      </c>
      <c r="N2796" t="s">
        <v>654</v>
      </c>
      <c r="O2796">
        <v>3</v>
      </c>
      <c r="P2796" t="s">
        <v>655</v>
      </c>
      <c r="Q2796">
        <v>1</v>
      </c>
      <c r="R2796" t="s">
        <v>656</v>
      </c>
      <c r="S2796">
        <v>2</v>
      </c>
      <c r="T2796" t="s">
        <v>661</v>
      </c>
      <c r="U2796">
        <v>8</v>
      </c>
      <c r="V2796">
        <v>1</v>
      </c>
      <c r="W2796">
        <v>60</v>
      </c>
      <c r="X2796">
        <v>2020</v>
      </c>
    </row>
    <row r="2797" spans="1:24" x14ac:dyDescent="0.25">
      <c r="A2797">
        <v>8628</v>
      </c>
      <c r="B2797" t="s">
        <v>287</v>
      </c>
      <c r="C2797">
        <v>59</v>
      </c>
      <c r="D2797" t="s">
        <v>11</v>
      </c>
      <c r="E2797">
        <v>403</v>
      </c>
      <c r="F2797" t="s">
        <v>651</v>
      </c>
      <c r="G2797">
        <v>160</v>
      </c>
      <c r="H2797" t="s">
        <v>658</v>
      </c>
      <c r="I2797">
        <v>13755</v>
      </c>
      <c r="J2797" t="s">
        <v>65</v>
      </c>
      <c r="K2797">
        <v>15</v>
      </c>
      <c r="L2797" t="s">
        <v>899</v>
      </c>
      <c r="M2797">
        <v>803</v>
      </c>
      <c r="N2797" t="s">
        <v>654</v>
      </c>
      <c r="O2797">
        <v>3</v>
      </c>
      <c r="P2797" t="s">
        <v>655</v>
      </c>
      <c r="Q2797">
        <v>1</v>
      </c>
      <c r="R2797" t="s">
        <v>656</v>
      </c>
      <c r="S2797">
        <v>2</v>
      </c>
      <c r="T2797" t="s">
        <v>661</v>
      </c>
      <c r="U2797">
        <v>8</v>
      </c>
      <c r="V2797">
        <v>1</v>
      </c>
      <c r="W2797">
        <v>60</v>
      </c>
      <c r="X2797">
        <v>2020</v>
      </c>
    </row>
    <row r="2798" spans="1:24" x14ac:dyDescent="0.25">
      <c r="A2798">
        <v>8626</v>
      </c>
      <c r="B2798" t="s">
        <v>287</v>
      </c>
      <c r="C2798">
        <v>59</v>
      </c>
      <c r="D2798" t="s">
        <v>11</v>
      </c>
      <c r="E2798">
        <v>403</v>
      </c>
      <c r="F2798" t="s">
        <v>651</v>
      </c>
      <c r="G2798">
        <v>160</v>
      </c>
      <c r="H2798" t="s">
        <v>658</v>
      </c>
      <c r="I2798">
        <v>13755</v>
      </c>
      <c r="J2798" t="s">
        <v>65</v>
      </c>
      <c r="K2798">
        <v>15</v>
      </c>
      <c r="L2798" t="s">
        <v>898</v>
      </c>
      <c r="M2798">
        <v>806</v>
      </c>
      <c r="N2798" t="s">
        <v>654</v>
      </c>
      <c r="O2798">
        <v>3</v>
      </c>
      <c r="P2798" t="s">
        <v>655</v>
      </c>
      <c r="Q2798">
        <v>1</v>
      </c>
      <c r="R2798" t="s">
        <v>656</v>
      </c>
      <c r="S2798">
        <v>2</v>
      </c>
      <c r="T2798" t="s">
        <v>661</v>
      </c>
      <c r="U2798">
        <v>8</v>
      </c>
      <c r="V2798">
        <v>1</v>
      </c>
      <c r="W2798">
        <v>60</v>
      </c>
      <c r="X2798">
        <v>2020</v>
      </c>
    </row>
    <row r="2799" spans="1:24" x14ac:dyDescent="0.25">
      <c r="A2799">
        <v>8624</v>
      </c>
      <c r="B2799" t="s">
        <v>63</v>
      </c>
      <c r="C2799">
        <v>58</v>
      </c>
      <c r="D2799" t="s">
        <v>54</v>
      </c>
      <c r="E2799">
        <v>609</v>
      </c>
      <c r="F2799" t="s">
        <v>651</v>
      </c>
      <c r="G2799">
        <v>160</v>
      </c>
      <c r="H2799" t="s">
        <v>658</v>
      </c>
      <c r="I2799">
        <v>13755</v>
      </c>
      <c r="J2799" t="s">
        <v>752</v>
      </c>
      <c r="K2799">
        <v>90</v>
      </c>
      <c r="L2799" t="s">
        <v>2095</v>
      </c>
      <c r="M2799">
        <v>2872</v>
      </c>
      <c r="N2799" t="s">
        <v>654</v>
      </c>
      <c r="O2799">
        <v>3</v>
      </c>
      <c r="P2799" t="s">
        <v>655</v>
      </c>
      <c r="Q2799">
        <v>1</v>
      </c>
      <c r="R2799" t="s">
        <v>656</v>
      </c>
      <c r="S2799">
        <v>2</v>
      </c>
      <c r="T2799" t="s">
        <v>661</v>
      </c>
      <c r="U2799">
        <v>8</v>
      </c>
      <c r="V2799">
        <v>2</v>
      </c>
      <c r="W2799">
        <v>120</v>
      </c>
      <c r="X2799">
        <v>2020</v>
      </c>
    </row>
    <row r="2800" spans="1:24" x14ac:dyDescent="0.25">
      <c r="A2800">
        <v>8622</v>
      </c>
      <c r="B2800" t="s">
        <v>63</v>
      </c>
      <c r="C2800">
        <v>58</v>
      </c>
      <c r="D2800" t="s">
        <v>23</v>
      </c>
      <c r="E2800">
        <v>401</v>
      </c>
      <c r="F2800" t="s">
        <v>651</v>
      </c>
      <c r="G2800">
        <v>160</v>
      </c>
      <c r="H2800" t="s">
        <v>658</v>
      </c>
      <c r="I2800">
        <v>13755</v>
      </c>
      <c r="J2800" t="s">
        <v>676</v>
      </c>
      <c r="K2800">
        <v>4</v>
      </c>
      <c r="L2800" t="s">
        <v>2096</v>
      </c>
      <c r="M2800">
        <v>2870</v>
      </c>
      <c r="N2800" t="s">
        <v>654</v>
      </c>
      <c r="O2800">
        <v>3</v>
      </c>
      <c r="P2800" t="s">
        <v>655</v>
      </c>
      <c r="Q2800">
        <v>1</v>
      </c>
      <c r="R2800" t="s">
        <v>656</v>
      </c>
      <c r="S2800">
        <v>2</v>
      </c>
      <c r="T2800" t="s">
        <v>661</v>
      </c>
      <c r="U2800">
        <v>8</v>
      </c>
      <c r="V2800">
        <v>2</v>
      </c>
      <c r="W2800">
        <v>120</v>
      </c>
      <c r="X2800">
        <v>2020</v>
      </c>
    </row>
    <row r="2801" spans="1:24" x14ac:dyDescent="0.25">
      <c r="A2801">
        <v>8620</v>
      </c>
      <c r="B2801" t="s">
        <v>63</v>
      </c>
      <c r="C2801">
        <v>58</v>
      </c>
      <c r="D2801" t="s">
        <v>382</v>
      </c>
      <c r="E2801">
        <v>400</v>
      </c>
      <c r="F2801" t="s">
        <v>651</v>
      </c>
      <c r="G2801">
        <v>160</v>
      </c>
      <c r="H2801" t="s">
        <v>658</v>
      </c>
      <c r="I2801">
        <v>13755</v>
      </c>
      <c r="J2801" t="s">
        <v>868</v>
      </c>
      <c r="K2801">
        <v>23</v>
      </c>
      <c r="L2801" t="s">
        <v>2097</v>
      </c>
      <c r="M2801">
        <v>2868</v>
      </c>
      <c r="N2801" t="s">
        <v>654</v>
      </c>
      <c r="O2801">
        <v>3</v>
      </c>
      <c r="P2801" t="s">
        <v>655</v>
      </c>
      <c r="Q2801">
        <v>1</v>
      </c>
      <c r="R2801" t="s">
        <v>656</v>
      </c>
      <c r="S2801">
        <v>2</v>
      </c>
      <c r="T2801" t="s">
        <v>661</v>
      </c>
      <c r="U2801">
        <v>8</v>
      </c>
      <c r="V2801">
        <v>2</v>
      </c>
      <c r="W2801">
        <v>120</v>
      </c>
      <c r="X2801">
        <v>2020</v>
      </c>
    </row>
    <row r="2802" spans="1:24" x14ac:dyDescent="0.25">
      <c r="A2802">
        <v>8619</v>
      </c>
      <c r="B2802" t="s">
        <v>63</v>
      </c>
      <c r="C2802">
        <v>58</v>
      </c>
      <c r="D2802" t="s">
        <v>382</v>
      </c>
      <c r="E2802">
        <v>400</v>
      </c>
      <c r="F2802" t="s">
        <v>651</v>
      </c>
      <c r="G2802">
        <v>160</v>
      </c>
      <c r="H2802" t="s">
        <v>658</v>
      </c>
      <c r="I2802">
        <v>13755</v>
      </c>
      <c r="J2802" t="s">
        <v>868</v>
      </c>
      <c r="K2802">
        <v>23</v>
      </c>
      <c r="L2802" t="s">
        <v>2098</v>
      </c>
      <c r="M2802">
        <v>2867</v>
      </c>
      <c r="N2802" t="s">
        <v>654</v>
      </c>
      <c r="O2802">
        <v>3</v>
      </c>
      <c r="P2802" t="s">
        <v>655</v>
      </c>
      <c r="Q2802">
        <v>1</v>
      </c>
      <c r="R2802" t="s">
        <v>656</v>
      </c>
      <c r="S2802">
        <v>2</v>
      </c>
      <c r="T2802" t="s">
        <v>661</v>
      </c>
      <c r="U2802">
        <v>8</v>
      </c>
      <c r="V2802">
        <v>2</v>
      </c>
      <c r="W2802">
        <v>120</v>
      </c>
      <c r="X2802">
        <v>2020</v>
      </c>
    </row>
    <row r="2803" spans="1:24" x14ac:dyDescent="0.25">
      <c r="A2803">
        <v>8618</v>
      </c>
      <c r="B2803" t="s">
        <v>63</v>
      </c>
      <c r="C2803">
        <v>58</v>
      </c>
      <c r="D2803" t="s">
        <v>382</v>
      </c>
      <c r="E2803">
        <v>400</v>
      </c>
      <c r="F2803" t="s">
        <v>651</v>
      </c>
      <c r="G2803">
        <v>160</v>
      </c>
      <c r="H2803" t="s">
        <v>658</v>
      </c>
      <c r="I2803">
        <v>13755</v>
      </c>
      <c r="J2803" t="s">
        <v>868</v>
      </c>
      <c r="K2803">
        <v>23</v>
      </c>
      <c r="L2803" t="s">
        <v>2099</v>
      </c>
      <c r="M2803">
        <v>1565</v>
      </c>
      <c r="N2803" t="s">
        <v>654</v>
      </c>
      <c r="O2803">
        <v>3</v>
      </c>
      <c r="P2803" t="s">
        <v>655</v>
      </c>
      <c r="Q2803">
        <v>1</v>
      </c>
      <c r="R2803" t="s">
        <v>656</v>
      </c>
      <c r="S2803">
        <v>2</v>
      </c>
      <c r="T2803" t="s">
        <v>661</v>
      </c>
      <c r="U2803">
        <v>8</v>
      </c>
      <c r="V2803">
        <v>2</v>
      </c>
      <c r="W2803">
        <v>120</v>
      </c>
      <c r="X2803">
        <v>2020</v>
      </c>
    </row>
    <row r="2804" spans="1:24" x14ac:dyDescent="0.25">
      <c r="A2804">
        <v>8617</v>
      </c>
      <c r="B2804" t="s">
        <v>63</v>
      </c>
      <c r="C2804">
        <v>58</v>
      </c>
      <c r="D2804" t="s">
        <v>382</v>
      </c>
      <c r="E2804">
        <v>400</v>
      </c>
      <c r="F2804" t="s">
        <v>651</v>
      </c>
      <c r="G2804">
        <v>160</v>
      </c>
      <c r="H2804" t="s">
        <v>658</v>
      </c>
      <c r="I2804">
        <v>13755</v>
      </c>
      <c r="J2804" t="s">
        <v>868</v>
      </c>
      <c r="K2804">
        <v>23</v>
      </c>
      <c r="L2804" t="s">
        <v>2100</v>
      </c>
      <c r="M2804">
        <v>2866</v>
      </c>
      <c r="N2804" t="s">
        <v>654</v>
      </c>
      <c r="O2804">
        <v>3</v>
      </c>
      <c r="P2804" t="s">
        <v>655</v>
      </c>
      <c r="Q2804">
        <v>1</v>
      </c>
      <c r="R2804" t="s">
        <v>656</v>
      </c>
      <c r="S2804">
        <v>2</v>
      </c>
      <c r="T2804" t="s">
        <v>661</v>
      </c>
      <c r="U2804">
        <v>8</v>
      </c>
      <c r="V2804">
        <v>2</v>
      </c>
      <c r="W2804">
        <v>120</v>
      </c>
      <c r="X2804">
        <v>2020</v>
      </c>
    </row>
    <row r="2805" spans="1:24" x14ac:dyDescent="0.25">
      <c r="A2805">
        <v>8616</v>
      </c>
      <c r="B2805" t="s">
        <v>63</v>
      </c>
      <c r="C2805">
        <v>58</v>
      </c>
      <c r="D2805" t="s">
        <v>382</v>
      </c>
      <c r="E2805">
        <v>400</v>
      </c>
      <c r="F2805" t="s">
        <v>651</v>
      </c>
      <c r="G2805">
        <v>160</v>
      </c>
      <c r="H2805" t="s">
        <v>658</v>
      </c>
      <c r="I2805">
        <v>13755</v>
      </c>
      <c r="J2805" t="s">
        <v>868</v>
      </c>
      <c r="K2805">
        <v>23</v>
      </c>
      <c r="L2805" t="s">
        <v>2101</v>
      </c>
      <c r="M2805">
        <v>2865</v>
      </c>
      <c r="N2805" t="s">
        <v>654</v>
      </c>
      <c r="O2805">
        <v>3</v>
      </c>
      <c r="P2805" t="s">
        <v>655</v>
      </c>
      <c r="Q2805">
        <v>1</v>
      </c>
      <c r="R2805" t="s">
        <v>656</v>
      </c>
      <c r="S2805">
        <v>2</v>
      </c>
      <c r="T2805" t="s">
        <v>661</v>
      </c>
      <c r="U2805">
        <v>8</v>
      </c>
      <c r="V2805">
        <v>2</v>
      </c>
      <c r="W2805">
        <v>120</v>
      </c>
      <c r="X2805">
        <v>2020</v>
      </c>
    </row>
    <row r="2806" spans="1:24" x14ac:dyDescent="0.25">
      <c r="A2806">
        <v>8615</v>
      </c>
      <c r="B2806" t="s">
        <v>63</v>
      </c>
      <c r="C2806">
        <v>58</v>
      </c>
      <c r="D2806" t="s">
        <v>382</v>
      </c>
      <c r="E2806">
        <v>400</v>
      </c>
      <c r="F2806" t="s">
        <v>651</v>
      </c>
      <c r="G2806">
        <v>160</v>
      </c>
      <c r="H2806" t="s">
        <v>658</v>
      </c>
      <c r="I2806">
        <v>13755</v>
      </c>
      <c r="J2806" t="s">
        <v>868</v>
      </c>
      <c r="K2806">
        <v>23</v>
      </c>
      <c r="L2806" t="s">
        <v>2102</v>
      </c>
      <c r="M2806">
        <v>2864</v>
      </c>
      <c r="N2806" t="s">
        <v>654</v>
      </c>
      <c r="O2806">
        <v>3</v>
      </c>
      <c r="P2806" t="s">
        <v>655</v>
      </c>
      <c r="Q2806">
        <v>1</v>
      </c>
      <c r="R2806" t="s">
        <v>656</v>
      </c>
      <c r="S2806">
        <v>2</v>
      </c>
      <c r="T2806" t="s">
        <v>661</v>
      </c>
      <c r="U2806">
        <v>8</v>
      </c>
      <c r="V2806">
        <v>2</v>
      </c>
      <c r="W2806">
        <v>120</v>
      </c>
      <c r="X2806">
        <v>2020</v>
      </c>
    </row>
    <row r="2807" spans="1:24" x14ac:dyDescent="0.25">
      <c r="A2807">
        <v>8614</v>
      </c>
      <c r="B2807" t="s">
        <v>63</v>
      </c>
      <c r="C2807">
        <v>58</v>
      </c>
      <c r="D2807" t="s">
        <v>382</v>
      </c>
      <c r="E2807">
        <v>400</v>
      </c>
      <c r="F2807" t="s">
        <v>651</v>
      </c>
      <c r="G2807">
        <v>160</v>
      </c>
      <c r="H2807" t="s">
        <v>658</v>
      </c>
      <c r="I2807">
        <v>13755</v>
      </c>
      <c r="J2807" t="s">
        <v>868</v>
      </c>
      <c r="K2807">
        <v>23</v>
      </c>
      <c r="L2807" t="s">
        <v>2103</v>
      </c>
      <c r="M2807">
        <v>2863</v>
      </c>
      <c r="N2807" t="s">
        <v>654</v>
      </c>
      <c r="O2807">
        <v>3</v>
      </c>
      <c r="P2807" t="s">
        <v>655</v>
      </c>
      <c r="Q2807">
        <v>1</v>
      </c>
      <c r="R2807" t="s">
        <v>656</v>
      </c>
      <c r="S2807">
        <v>2</v>
      </c>
      <c r="T2807" t="s">
        <v>661</v>
      </c>
      <c r="U2807">
        <v>8</v>
      </c>
      <c r="V2807">
        <v>2</v>
      </c>
      <c r="W2807">
        <v>120</v>
      </c>
      <c r="X2807">
        <v>2020</v>
      </c>
    </row>
    <row r="2808" spans="1:24" x14ac:dyDescent="0.25">
      <c r="A2808">
        <v>8613</v>
      </c>
      <c r="B2808" t="s">
        <v>63</v>
      </c>
      <c r="C2808">
        <v>58</v>
      </c>
      <c r="D2808" t="s">
        <v>382</v>
      </c>
      <c r="E2808">
        <v>400</v>
      </c>
      <c r="F2808" t="s">
        <v>651</v>
      </c>
      <c r="G2808">
        <v>160</v>
      </c>
      <c r="H2808" t="s">
        <v>658</v>
      </c>
      <c r="I2808">
        <v>13755</v>
      </c>
      <c r="J2808" t="s">
        <v>868</v>
      </c>
      <c r="K2808">
        <v>23</v>
      </c>
      <c r="L2808" t="s">
        <v>2104</v>
      </c>
      <c r="M2808">
        <v>2862</v>
      </c>
      <c r="N2808" t="s">
        <v>654</v>
      </c>
      <c r="O2808">
        <v>3</v>
      </c>
      <c r="P2808" t="s">
        <v>655</v>
      </c>
      <c r="Q2808">
        <v>1</v>
      </c>
      <c r="R2808" t="s">
        <v>656</v>
      </c>
      <c r="S2808">
        <v>2</v>
      </c>
      <c r="T2808" t="s">
        <v>661</v>
      </c>
      <c r="U2808">
        <v>8</v>
      </c>
      <c r="V2808">
        <v>2</v>
      </c>
      <c r="W2808">
        <v>120</v>
      </c>
      <c r="X2808">
        <v>2020</v>
      </c>
    </row>
    <row r="2809" spans="1:24" x14ac:dyDescent="0.25">
      <c r="A2809">
        <v>8612</v>
      </c>
      <c r="B2809" t="s">
        <v>63</v>
      </c>
      <c r="C2809">
        <v>58</v>
      </c>
      <c r="D2809" t="s">
        <v>432</v>
      </c>
      <c r="E2809">
        <v>398</v>
      </c>
      <c r="F2809" t="s">
        <v>651</v>
      </c>
      <c r="G2809">
        <v>160</v>
      </c>
      <c r="H2809" t="s">
        <v>658</v>
      </c>
      <c r="I2809">
        <v>13755</v>
      </c>
      <c r="J2809" t="s">
        <v>807</v>
      </c>
      <c r="K2809">
        <v>25</v>
      </c>
      <c r="L2809" t="s">
        <v>2105</v>
      </c>
      <c r="M2809">
        <v>2861</v>
      </c>
      <c r="N2809" t="s">
        <v>654</v>
      </c>
      <c r="O2809">
        <v>3</v>
      </c>
      <c r="P2809" t="s">
        <v>655</v>
      </c>
      <c r="Q2809">
        <v>1</v>
      </c>
      <c r="R2809" t="s">
        <v>656</v>
      </c>
      <c r="S2809">
        <v>2</v>
      </c>
      <c r="T2809" t="s">
        <v>661</v>
      </c>
      <c r="U2809">
        <v>8</v>
      </c>
      <c r="V2809">
        <v>2</v>
      </c>
      <c r="W2809">
        <v>120</v>
      </c>
      <c r="X2809">
        <v>2020</v>
      </c>
    </row>
    <row r="2810" spans="1:24" x14ac:dyDescent="0.25">
      <c r="A2810">
        <v>8608</v>
      </c>
      <c r="B2810" t="s">
        <v>63</v>
      </c>
      <c r="C2810">
        <v>58</v>
      </c>
      <c r="D2810" t="s">
        <v>11</v>
      </c>
      <c r="E2810">
        <v>396</v>
      </c>
      <c r="F2810" t="s">
        <v>651</v>
      </c>
      <c r="G2810">
        <v>160</v>
      </c>
      <c r="H2810" t="s">
        <v>658</v>
      </c>
      <c r="I2810">
        <v>13755</v>
      </c>
      <c r="J2810" t="s">
        <v>65</v>
      </c>
      <c r="K2810">
        <v>15</v>
      </c>
      <c r="L2810" t="s">
        <v>2106</v>
      </c>
      <c r="M2810">
        <v>2858</v>
      </c>
      <c r="N2810" t="s">
        <v>654</v>
      </c>
      <c r="O2810">
        <v>3</v>
      </c>
      <c r="P2810" t="s">
        <v>655</v>
      </c>
      <c r="Q2810">
        <v>1</v>
      </c>
      <c r="R2810" t="s">
        <v>656</v>
      </c>
      <c r="S2810">
        <v>2</v>
      </c>
      <c r="T2810" t="s">
        <v>661</v>
      </c>
      <c r="U2810">
        <v>8</v>
      </c>
      <c r="V2810">
        <v>1</v>
      </c>
      <c r="W2810">
        <v>60</v>
      </c>
      <c r="X2810">
        <v>2020</v>
      </c>
    </row>
    <row r="2811" spans="1:24" x14ac:dyDescent="0.25">
      <c r="A2811">
        <v>8607</v>
      </c>
      <c r="B2811" t="s">
        <v>63</v>
      </c>
      <c r="C2811">
        <v>58</v>
      </c>
      <c r="D2811" t="s">
        <v>11</v>
      </c>
      <c r="E2811">
        <v>396</v>
      </c>
      <c r="F2811" t="s">
        <v>651</v>
      </c>
      <c r="G2811">
        <v>160</v>
      </c>
      <c r="H2811" t="s">
        <v>658</v>
      </c>
      <c r="I2811">
        <v>13755</v>
      </c>
      <c r="J2811" t="s">
        <v>65</v>
      </c>
      <c r="K2811">
        <v>15</v>
      </c>
      <c r="L2811" t="s">
        <v>2107</v>
      </c>
      <c r="M2811">
        <v>2857</v>
      </c>
      <c r="N2811" t="s">
        <v>654</v>
      </c>
      <c r="O2811">
        <v>3</v>
      </c>
      <c r="P2811" t="s">
        <v>655</v>
      </c>
      <c r="Q2811">
        <v>1</v>
      </c>
      <c r="R2811" t="s">
        <v>656</v>
      </c>
      <c r="S2811">
        <v>2</v>
      </c>
      <c r="T2811" t="s">
        <v>661</v>
      </c>
      <c r="U2811">
        <v>8</v>
      </c>
      <c r="V2811">
        <v>1</v>
      </c>
      <c r="W2811">
        <v>60</v>
      </c>
      <c r="X2811">
        <v>2020</v>
      </c>
    </row>
    <row r="2812" spans="1:24" x14ac:dyDescent="0.25">
      <c r="A2812">
        <v>8605</v>
      </c>
      <c r="B2812" t="s">
        <v>63</v>
      </c>
      <c r="C2812">
        <v>58</v>
      </c>
      <c r="D2812" t="s">
        <v>11</v>
      </c>
      <c r="E2812">
        <v>396</v>
      </c>
      <c r="F2812" t="s">
        <v>651</v>
      </c>
      <c r="G2812">
        <v>160</v>
      </c>
      <c r="H2812" t="s">
        <v>658</v>
      </c>
      <c r="I2812">
        <v>13755</v>
      </c>
      <c r="J2812" t="s">
        <v>65</v>
      </c>
      <c r="K2812">
        <v>15</v>
      </c>
      <c r="L2812" t="s">
        <v>898</v>
      </c>
      <c r="M2812">
        <v>806</v>
      </c>
      <c r="N2812" t="s">
        <v>654</v>
      </c>
      <c r="O2812">
        <v>3</v>
      </c>
      <c r="P2812" t="s">
        <v>655</v>
      </c>
      <c r="Q2812">
        <v>1</v>
      </c>
      <c r="R2812" t="s">
        <v>656</v>
      </c>
      <c r="S2812">
        <v>2</v>
      </c>
      <c r="T2812" t="s">
        <v>661</v>
      </c>
      <c r="U2812">
        <v>8</v>
      </c>
      <c r="V2812">
        <v>1</v>
      </c>
      <c r="W2812">
        <v>60</v>
      </c>
      <c r="X2812">
        <v>2020</v>
      </c>
    </row>
    <row r="2813" spans="1:24" x14ac:dyDescent="0.25">
      <c r="A2813">
        <v>8603</v>
      </c>
      <c r="B2813" t="s">
        <v>63</v>
      </c>
      <c r="C2813">
        <v>58</v>
      </c>
      <c r="D2813" t="s">
        <v>11</v>
      </c>
      <c r="E2813">
        <v>396</v>
      </c>
      <c r="F2813" t="s">
        <v>651</v>
      </c>
      <c r="G2813">
        <v>160</v>
      </c>
      <c r="H2813" t="s">
        <v>658</v>
      </c>
      <c r="I2813">
        <v>13755</v>
      </c>
      <c r="J2813" t="s">
        <v>65</v>
      </c>
      <c r="K2813">
        <v>15</v>
      </c>
      <c r="L2813" t="s">
        <v>899</v>
      </c>
      <c r="M2813">
        <v>803</v>
      </c>
      <c r="N2813" t="s">
        <v>654</v>
      </c>
      <c r="O2813">
        <v>3</v>
      </c>
      <c r="P2813" t="s">
        <v>655</v>
      </c>
      <c r="Q2813">
        <v>1</v>
      </c>
      <c r="R2813" t="s">
        <v>656</v>
      </c>
      <c r="S2813">
        <v>2</v>
      </c>
      <c r="T2813" t="s">
        <v>661</v>
      </c>
      <c r="U2813">
        <v>8</v>
      </c>
      <c r="V2813">
        <v>1</v>
      </c>
      <c r="W2813">
        <v>60</v>
      </c>
      <c r="X2813">
        <v>2020</v>
      </c>
    </row>
    <row r="2814" spans="1:24" x14ac:dyDescent="0.25">
      <c r="A2814">
        <v>8601</v>
      </c>
      <c r="B2814" t="s">
        <v>63</v>
      </c>
      <c r="C2814">
        <v>58</v>
      </c>
      <c r="D2814" t="s">
        <v>11</v>
      </c>
      <c r="E2814">
        <v>396</v>
      </c>
      <c r="F2814" t="s">
        <v>651</v>
      </c>
      <c r="G2814">
        <v>160</v>
      </c>
      <c r="H2814" t="s">
        <v>658</v>
      </c>
      <c r="I2814">
        <v>13755</v>
      </c>
      <c r="J2814" t="s">
        <v>65</v>
      </c>
      <c r="K2814">
        <v>15</v>
      </c>
      <c r="L2814" t="s">
        <v>2108</v>
      </c>
      <c r="M2814">
        <v>2854</v>
      </c>
      <c r="N2814" t="s">
        <v>654</v>
      </c>
      <c r="O2814">
        <v>3</v>
      </c>
      <c r="P2814" t="s">
        <v>655</v>
      </c>
      <c r="Q2814">
        <v>1</v>
      </c>
      <c r="R2814" t="s">
        <v>656</v>
      </c>
      <c r="S2814">
        <v>2</v>
      </c>
      <c r="T2814" t="s">
        <v>661</v>
      </c>
      <c r="U2814">
        <v>8</v>
      </c>
      <c r="V2814">
        <v>1</v>
      </c>
      <c r="W2814">
        <v>60</v>
      </c>
      <c r="X2814">
        <v>2020</v>
      </c>
    </row>
    <row r="2815" spans="1:24" x14ac:dyDescent="0.25">
      <c r="A2815">
        <v>8600</v>
      </c>
      <c r="B2815" t="s">
        <v>10</v>
      </c>
      <c r="C2815">
        <v>57</v>
      </c>
      <c r="D2815" t="s">
        <v>353</v>
      </c>
      <c r="E2815">
        <v>607</v>
      </c>
      <c r="F2815" t="s">
        <v>651</v>
      </c>
      <c r="G2815">
        <v>160</v>
      </c>
      <c r="H2815" t="s">
        <v>658</v>
      </c>
      <c r="I2815">
        <v>13755</v>
      </c>
      <c r="J2815" t="s">
        <v>684</v>
      </c>
      <c r="K2815">
        <v>22</v>
      </c>
      <c r="L2815" t="s">
        <v>906</v>
      </c>
      <c r="M2815">
        <v>725</v>
      </c>
      <c r="N2815" t="s">
        <v>654</v>
      </c>
      <c r="O2815">
        <v>3</v>
      </c>
      <c r="P2815" t="s">
        <v>655</v>
      </c>
      <c r="Q2815">
        <v>1</v>
      </c>
      <c r="R2815" t="s">
        <v>656</v>
      </c>
      <c r="S2815">
        <v>2</v>
      </c>
      <c r="T2815" t="s">
        <v>661</v>
      </c>
      <c r="U2815">
        <v>8</v>
      </c>
      <c r="V2815">
        <v>2</v>
      </c>
      <c r="W2815">
        <v>120</v>
      </c>
      <c r="X2815">
        <v>2020</v>
      </c>
    </row>
    <row r="2816" spans="1:24" x14ac:dyDescent="0.25">
      <c r="A2816">
        <v>8599</v>
      </c>
      <c r="B2816" t="s">
        <v>10</v>
      </c>
      <c r="C2816">
        <v>57</v>
      </c>
      <c r="D2816" t="s">
        <v>9</v>
      </c>
      <c r="E2816">
        <v>1385</v>
      </c>
      <c r="F2816" t="s">
        <v>651</v>
      </c>
      <c r="G2816">
        <v>160</v>
      </c>
      <c r="H2816" t="s">
        <v>658</v>
      </c>
      <c r="I2816">
        <v>13755</v>
      </c>
      <c r="J2816" t="s">
        <v>294</v>
      </c>
      <c r="K2816">
        <v>31</v>
      </c>
      <c r="L2816" t="s">
        <v>1960</v>
      </c>
      <c r="M2816">
        <v>1039</v>
      </c>
      <c r="N2816" t="s">
        <v>654</v>
      </c>
      <c r="O2816">
        <v>3</v>
      </c>
      <c r="P2816" t="s">
        <v>655</v>
      </c>
      <c r="Q2816">
        <v>1</v>
      </c>
      <c r="R2816" t="s">
        <v>656</v>
      </c>
      <c r="S2816">
        <v>2</v>
      </c>
      <c r="T2816" t="s">
        <v>661</v>
      </c>
      <c r="U2816">
        <v>8</v>
      </c>
      <c r="V2816">
        <v>2</v>
      </c>
      <c r="W2816">
        <v>120</v>
      </c>
      <c r="X2816">
        <v>2020</v>
      </c>
    </row>
    <row r="2817" spans="1:24" x14ac:dyDescent="0.25">
      <c r="A2817">
        <v>8598</v>
      </c>
      <c r="B2817" t="s">
        <v>10</v>
      </c>
      <c r="C2817">
        <v>57</v>
      </c>
      <c r="D2817" t="s">
        <v>323</v>
      </c>
      <c r="E2817">
        <v>381</v>
      </c>
      <c r="F2817" t="s">
        <v>651</v>
      </c>
      <c r="G2817">
        <v>160</v>
      </c>
      <c r="H2817" t="s">
        <v>658</v>
      </c>
      <c r="I2817">
        <v>13755</v>
      </c>
      <c r="J2817" t="s">
        <v>682</v>
      </c>
      <c r="K2817">
        <v>20</v>
      </c>
      <c r="L2817" t="s">
        <v>2109</v>
      </c>
      <c r="M2817">
        <v>982</v>
      </c>
      <c r="N2817" t="s">
        <v>654</v>
      </c>
      <c r="O2817">
        <v>3</v>
      </c>
      <c r="P2817" t="s">
        <v>655</v>
      </c>
      <c r="Q2817">
        <v>1</v>
      </c>
      <c r="R2817" t="s">
        <v>656</v>
      </c>
      <c r="S2817">
        <v>2</v>
      </c>
      <c r="T2817" t="s">
        <v>661</v>
      </c>
      <c r="U2817">
        <v>8</v>
      </c>
      <c r="V2817">
        <v>2</v>
      </c>
      <c r="W2817">
        <v>120</v>
      </c>
      <c r="X2817">
        <v>2020</v>
      </c>
    </row>
    <row r="2818" spans="1:24" x14ac:dyDescent="0.25">
      <c r="A2818">
        <v>8591</v>
      </c>
      <c r="B2818" t="s">
        <v>10</v>
      </c>
      <c r="C2818">
        <v>57</v>
      </c>
      <c r="D2818" t="s">
        <v>9</v>
      </c>
      <c r="E2818">
        <v>1385</v>
      </c>
      <c r="F2818" t="s">
        <v>651</v>
      </c>
      <c r="G2818">
        <v>160</v>
      </c>
      <c r="H2818" t="s">
        <v>658</v>
      </c>
      <c r="I2818">
        <v>13755</v>
      </c>
      <c r="J2818" t="s">
        <v>955</v>
      </c>
      <c r="K2818">
        <v>29</v>
      </c>
      <c r="L2818" t="s">
        <v>2110</v>
      </c>
      <c r="M2818">
        <v>1064</v>
      </c>
      <c r="N2818" t="s">
        <v>654</v>
      </c>
      <c r="O2818">
        <v>3</v>
      </c>
      <c r="P2818" t="s">
        <v>655</v>
      </c>
      <c r="Q2818">
        <v>1</v>
      </c>
      <c r="R2818" t="s">
        <v>656</v>
      </c>
      <c r="S2818">
        <v>2</v>
      </c>
      <c r="T2818" t="s">
        <v>661</v>
      </c>
      <c r="U2818">
        <v>8</v>
      </c>
      <c r="V2818">
        <v>2</v>
      </c>
      <c r="W2818">
        <v>120</v>
      </c>
      <c r="X2818">
        <v>2020</v>
      </c>
    </row>
    <row r="2819" spans="1:24" x14ac:dyDescent="0.25">
      <c r="A2819">
        <v>8590</v>
      </c>
      <c r="B2819" t="s">
        <v>10</v>
      </c>
      <c r="C2819">
        <v>57</v>
      </c>
      <c r="D2819" t="s">
        <v>9</v>
      </c>
      <c r="E2819">
        <v>1385</v>
      </c>
      <c r="F2819" t="s">
        <v>651</v>
      </c>
      <c r="G2819">
        <v>160</v>
      </c>
      <c r="H2819" t="s">
        <v>658</v>
      </c>
      <c r="I2819">
        <v>13755</v>
      </c>
      <c r="J2819" t="s">
        <v>955</v>
      </c>
      <c r="K2819">
        <v>29</v>
      </c>
      <c r="L2819" t="s">
        <v>2111</v>
      </c>
      <c r="M2819">
        <v>2850</v>
      </c>
      <c r="N2819" t="s">
        <v>654</v>
      </c>
      <c r="O2819">
        <v>3</v>
      </c>
      <c r="P2819" t="s">
        <v>655</v>
      </c>
      <c r="Q2819">
        <v>1</v>
      </c>
      <c r="R2819" t="s">
        <v>656</v>
      </c>
      <c r="S2819">
        <v>2</v>
      </c>
      <c r="T2819" t="s">
        <v>661</v>
      </c>
      <c r="U2819">
        <v>8</v>
      </c>
      <c r="V2819">
        <v>2</v>
      </c>
      <c r="W2819">
        <v>120</v>
      </c>
      <c r="X2819">
        <v>2020</v>
      </c>
    </row>
    <row r="2820" spans="1:24" x14ac:dyDescent="0.25">
      <c r="A2820">
        <v>8583</v>
      </c>
      <c r="B2820" t="s">
        <v>10</v>
      </c>
      <c r="C2820">
        <v>57</v>
      </c>
      <c r="D2820" t="s">
        <v>9</v>
      </c>
      <c r="E2820">
        <v>1385</v>
      </c>
      <c r="F2820" t="s">
        <v>651</v>
      </c>
      <c r="G2820">
        <v>160</v>
      </c>
      <c r="H2820" t="s">
        <v>658</v>
      </c>
      <c r="I2820">
        <v>13755</v>
      </c>
      <c r="J2820" t="s">
        <v>807</v>
      </c>
      <c r="K2820">
        <v>25</v>
      </c>
      <c r="L2820" t="s">
        <v>2112</v>
      </c>
      <c r="M2820">
        <v>1287</v>
      </c>
      <c r="N2820" t="s">
        <v>654</v>
      </c>
      <c r="O2820">
        <v>3</v>
      </c>
      <c r="P2820" t="s">
        <v>655</v>
      </c>
      <c r="Q2820">
        <v>1</v>
      </c>
      <c r="R2820" t="s">
        <v>656</v>
      </c>
      <c r="S2820">
        <v>2</v>
      </c>
      <c r="T2820" t="s">
        <v>661</v>
      </c>
      <c r="U2820">
        <v>8</v>
      </c>
      <c r="V2820">
        <v>2</v>
      </c>
      <c r="W2820">
        <v>120</v>
      </c>
      <c r="X2820">
        <v>2020</v>
      </c>
    </row>
    <row r="2821" spans="1:24" x14ac:dyDescent="0.25">
      <c r="A2821">
        <v>8582</v>
      </c>
      <c r="B2821" t="s">
        <v>10</v>
      </c>
      <c r="C2821">
        <v>57</v>
      </c>
      <c r="D2821" t="s">
        <v>9</v>
      </c>
      <c r="E2821">
        <v>1385</v>
      </c>
      <c r="F2821" t="s">
        <v>651</v>
      </c>
      <c r="G2821">
        <v>160</v>
      </c>
      <c r="H2821" t="s">
        <v>658</v>
      </c>
      <c r="I2821">
        <v>13755</v>
      </c>
      <c r="J2821" t="s">
        <v>807</v>
      </c>
      <c r="K2821">
        <v>25</v>
      </c>
      <c r="L2821" t="s">
        <v>2113</v>
      </c>
      <c r="M2821">
        <v>2846</v>
      </c>
      <c r="N2821" t="s">
        <v>654</v>
      </c>
      <c r="O2821">
        <v>3</v>
      </c>
      <c r="P2821" t="s">
        <v>655</v>
      </c>
      <c r="Q2821">
        <v>1</v>
      </c>
      <c r="R2821" t="s">
        <v>656</v>
      </c>
      <c r="S2821">
        <v>2</v>
      </c>
      <c r="T2821" t="s">
        <v>661</v>
      </c>
      <c r="U2821">
        <v>8</v>
      </c>
      <c r="V2821">
        <v>2</v>
      </c>
      <c r="W2821">
        <v>120</v>
      </c>
      <c r="X2821">
        <v>2020</v>
      </c>
    </row>
    <row r="2822" spans="1:24" x14ac:dyDescent="0.25">
      <c r="A2822">
        <v>8580</v>
      </c>
      <c r="B2822" t="s">
        <v>10</v>
      </c>
      <c r="C2822">
        <v>57</v>
      </c>
      <c r="D2822" t="s">
        <v>437</v>
      </c>
      <c r="E2822">
        <v>389</v>
      </c>
      <c r="F2822" t="s">
        <v>651</v>
      </c>
      <c r="G2822">
        <v>160</v>
      </c>
      <c r="H2822" t="s">
        <v>739</v>
      </c>
      <c r="I2822">
        <v>4413</v>
      </c>
      <c r="J2822" t="s">
        <v>299</v>
      </c>
      <c r="K2822">
        <v>27</v>
      </c>
      <c r="L2822" t="s">
        <v>2114</v>
      </c>
      <c r="M2822">
        <v>1714</v>
      </c>
      <c r="N2822" t="s">
        <v>654</v>
      </c>
      <c r="O2822">
        <v>3</v>
      </c>
      <c r="P2822" t="s">
        <v>655</v>
      </c>
      <c r="Q2822">
        <v>1</v>
      </c>
      <c r="R2822" t="s">
        <v>656</v>
      </c>
      <c r="S2822">
        <v>2</v>
      </c>
      <c r="T2822" t="s">
        <v>661</v>
      </c>
      <c r="U2822">
        <v>8</v>
      </c>
      <c r="V2822">
        <v>2</v>
      </c>
      <c r="W2822">
        <v>120</v>
      </c>
      <c r="X2822">
        <v>2020</v>
      </c>
    </row>
    <row r="2823" spans="1:24" x14ac:dyDescent="0.25">
      <c r="A2823">
        <v>8578</v>
      </c>
      <c r="B2823" t="s">
        <v>10</v>
      </c>
      <c r="C2823">
        <v>57</v>
      </c>
      <c r="D2823" t="s">
        <v>435</v>
      </c>
      <c r="E2823">
        <v>391</v>
      </c>
      <c r="F2823" t="s">
        <v>651</v>
      </c>
      <c r="G2823">
        <v>160</v>
      </c>
      <c r="H2823" t="s">
        <v>773</v>
      </c>
      <c r="I2823">
        <v>11846</v>
      </c>
      <c r="J2823" t="s">
        <v>301</v>
      </c>
      <c r="K2823">
        <v>26</v>
      </c>
      <c r="L2823" t="s">
        <v>2115</v>
      </c>
      <c r="M2823">
        <v>2844</v>
      </c>
      <c r="N2823" t="s">
        <v>654</v>
      </c>
      <c r="O2823">
        <v>3</v>
      </c>
      <c r="P2823" t="s">
        <v>655</v>
      </c>
      <c r="Q2823">
        <v>1</v>
      </c>
      <c r="R2823" t="s">
        <v>656</v>
      </c>
      <c r="S2823">
        <v>2</v>
      </c>
      <c r="T2823" t="s">
        <v>661</v>
      </c>
      <c r="U2823">
        <v>8</v>
      </c>
      <c r="V2823">
        <v>2</v>
      </c>
      <c r="W2823">
        <v>120</v>
      </c>
      <c r="X2823">
        <v>2020</v>
      </c>
    </row>
    <row r="2824" spans="1:24" x14ac:dyDescent="0.25">
      <c r="A2824">
        <v>8575</v>
      </c>
      <c r="B2824" t="s">
        <v>10</v>
      </c>
      <c r="C2824">
        <v>57</v>
      </c>
      <c r="D2824" t="s">
        <v>442</v>
      </c>
      <c r="E2824">
        <v>382</v>
      </c>
      <c r="F2824" t="s">
        <v>651</v>
      </c>
      <c r="G2824">
        <v>160</v>
      </c>
      <c r="H2824" t="s">
        <v>658</v>
      </c>
      <c r="I2824">
        <v>13755</v>
      </c>
      <c r="J2824" t="s">
        <v>301</v>
      </c>
      <c r="K2824">
        <v>26</v>
      </c>
      <c r="L2824" t="s">
        <v>2116</v>
      </c>
      <c r="M2824">
        <v>2842</v>
      </c>
      <c r="N2824" t="s">
        <v>654</v>
      </c>
      <c r="O2824">
        <v>3</v>
      </c>
      <c r="P2824" t="s">
        <v>655</v>
      </c>
      <c r="Q2824">
        <v>1</v>
      </c>
      <c r="R2824" t="s">
        <v>656</v>
      </c>
      <c r="S2824">
        <v>2</v>
      </c>
      <c r="T2824" t="s">
        <v>661</v>
      </c>
      <c r="U2824">
        <v>8</v>
      </c>
      <c r="V2824">
        <v>2</v>
      </c>
      <c r="W2824">
        <v>120</v>
      </c>
      <c r="X2824">
        <v>2020</v>
      </c>
    </row>
    <row r="2825" spans="1:24" x14ac:dyDescent="0.25">
      <c r="A2825">
        <v>8574</v>
      </c>
      <c r="B2825" t="s">
        <v>10</v>
      </c>
      <c r="C2825">
        <v>57</v>
      </c>
      <c r="D2825" t="s">
        <v>442</v>
      </c>
      <c r="E2825">
        <v>382</v>
      </c>
      <c r="F2825" t="s">
        <v>651</v>
      </c>
      <c r="G2825">
        <v>160</v>
      </c>
      <c r="H2825" t="s">
        <v>658</v>
      </c>
      <c r="I2825">
        <v>13755</v>
      </c>
      <c r="J2825" t="s">
        <v>301</v>
      </c>
      <c r="K2825">
        <v>26</v>
      </c>
      <c r="L2825" t="s">
        <v>2117</v>
      </c>
      <c r="M2825">
        <v>2841</v>
      </c>
      <c r="N2825" t="s">
        <v>654</v>
      </c>
      <c r="O2825">
        <v>3</v>
      </c>
      <c r="P2825" t="s">
        <v>655</v>
      </c>
      <c r="Q2825">
        <v>1</v>
      </c>
      <c r="R2825" t="s">
        <v>656</v>
      </c>
      <c r="S2825">
        <v>2</v>
      </c>
      <c r="T2825" t="s">
        <v>661</v>
      </c>
      <c r="U2825">
        <v>8</v>
      </c>
      <c r="V2825">
        <v>2</v>
      </c>
      <c r="W2825">
        <v>120</v>
      </c>
      <c r="X2825">
        <v>2020</v>
      </c>
    </row>
    <row r="2826" spans="1:24" x14ac:dyDescent="0.25">
      <c r="A2826">
        <v>8573</v>
      </c>
      <c r="B2826" t="s">
        <v>10</v>
      </c>
      <c r="C2826">
        <v>57</v>
      </c>
      <c r="D2826" t="s">
        <v>442</v>
      </c>
      <c r="E2826">
        <v>382</v>
      </c>
      <c r="F2826" t="s">
        <v>651</v>
      </c>
      <c r="G2826">
        <v>160</v>
      </c>
      <c r="H2826" t="s">
        <v>658</v>
      </c>
      <c r="I2826">
        <v>13755</v>
      </c>
      <c r="J2826" t="s">
        <v>301</v>
      </c>
      <c r="K2826">
        <v>26</v>
      </c>
      <c r="L2826" t="s">
        <v>2118</v>
      </c>
      <c r="M2826">
        <v>2840</v>
      </c>
      <c r="N2826" t="s">
        <v>654</v>
      </c>
      <c r="O2826">
        <v>3</v>
      </c>
      <c r="P2826" t="s">
        <v>746</v>
      </c>
      <c r="Q2826">
        <v>2</v>
      </c>
      <c r="R2826" t="s">
        <v>656</v>
      </c>
      <c r="S2826">
        <v>2</v>
      </c>
      <c r="T2826" t="s">
        <v>661</v>
      </c>
      <c r="U2826">
        <v>8</v>
      </c>
      <c r="V2826">
        <v>2</v>
      </c>
      <c r="W2826">
        <v>120</v>
      </c>
      <c r="X2826">
        <v>2020</v>
      </c>
    </row>
    <row r="2827" spans="1:24" x14ac:dyDescent="0.25">
      <c r="A2827">
        <v>8572</v>
      </c>
      <c r="B2827" t="s">
        <v>10</v>
      </c>
      <c r="C2827">
        <v>57</v>
      </c>
      <c r="D2827" t="s">
        <v>442</v>
      </c>
      <c r="E2827">
        <v>382</v>
      </c>
      <c r="F2827" t="s">
        <v>651</v>
      </c>
      <c r="G2827">
        <v>160</v>
      </c>
      <c r="H2827" t="s">
        <v>658</v>
      </c>
      <c r="I2827">
        <v>13755</v>
      </c>
      <c r="J2827" t="s">
        <v>301</v>
      </c>
      <c r="K2827">
        <v>26</v>
      </c>
      <c r="L2827" t="s">
        <v>2118</v>
      </c>
      <c r="M2827">
        <v>2840</v>
      </c>
      <c r="N2827" t="s">
        <v>654</v>
      </c>
      <c r="O2827">
        <v>3</v>
      </c>
      <c r="P2827" t="s">
        <v>655</v>
      </c>
      <c r="Q2827">
        <v>1</v>
      </c>
      <c r="R2827" t="s">
        <v>656</v>
      </c>
      <c r="S2827">
        <v>2</v>
      </c>
      <c r="T2827" t="s">
        <v>661</v>
      </c>
      <c r="U2827">
        <v>8</v>
      </c>
      <c r="V2827">
        <v>2</v>
      </c>
      <c r="W2827">
        <v>120</v>
      </c>
      <c r="X2827">
        <v>2020</v>
      </c>
    </row>
    <row r="2828" spans="1:24" x14ac:dyDescent="0.25">
      <c r="A2828">
        <v>8569</v>
      </c>
      <c r="B2828" t="s">
        <v>10</v>
      </c>
      <c r="C2828">
        <v>57</v>
      </c>
      <c r="D2828" t="s">
        <v>440</v>
      </c>
      <c r="E2828">
        <v>386</v>
      </c>
      <c r="F2828" t="s">
        <v>651</v>
      </c>
      <c r="G2828">
        <v>160</v>
      </c>
      <c r="H2828" t="s">
        <v>658</v>
      </c>
      <c r="I2828">
        <v>13755</v>
      </c>
      <c r="J2828" t="s">
        <v>894</v>
      </c>
      <c r="K2828">
        <v>18</v>
      </c>
      <c r="L2828" t="s">
        <v>2119</v>
      </c>
      <c r="M2828">
        <v>2838</v>
      </c>
      <c r="N2828" t="s">
        <v>654</v>
      </c>
      <c r="O2828">
        <v>3</v>
      </c>
      <c r="P2828" t="s">
        <v>655</v>
      </c>
      <c r="Q2828">
        <v>1</v>
      </c>
      <c r="R2828" t="s">
        <v>656</v>
      </c>
      <c r="S2828">
        <v>2</v>
      </c>
      <c r="T2828" t="s">
        <v>661</v>
      </c>
      <c r="U2828">
        <v>8</v>
      </c>
      <c r="V2828">
        <v>2</v>
      </c>
      <c r="W2828">
        <v>120</v>
      </c>
      <c r="X2828">
        <v>2020</v>
      </c>
    </row>
    <row r="2829" spans="1:24" x14ac:dyDescent="0.25">
      <c r="A2829">
        <v>8566</v>
      </c>
      <c r="B2829" t="s">
        <v>10</v>
      </c>
      <c r="C2829">
        <v>57</v>
      </c>
      <c r="D2829" t="s">
        <v>323</v>
      </c>
      <c r="E2829">
        <v>381</v>
      </c>
      <c r="F2829" t="s">
        <v>651</v>
      </c>
      <c r="G2829">
        <v>160</v>
      </c>
      <c r="H2829" t="s">
        <v>658</v>
      </c>
      <c r="I2829">
        <v>13755</v>
      </c>
      <c r="J2829" t="s">
        <v>65</v>
      </c>
      <c r="K2829">
        <v>15</v>
      </c>
      <c r="L2829" t="s">
        <v>935</v>
      </c>
      <c r="M2829">
        <v>2837</v>
      </c>
      <c r="N2829" t="s">
        <v>654</v>
      </c>
      <c r="O2829">
        <v>3</v>
      </c>
      <c r="P2829" t="s">
        <v>655</v>
      </c>
      <c r="Q2829">
        <v>1</v>
      </c>
      <c r="R2829" t="s">
        <v>656</v>
      </c>
      <c r="S2829">
        <v>2</v>
      </c>
      <c r="T2829" t="s">
        <v>661</v>
      </c>
      <c r="U2829">
        <v>8</v>
      </c>
      <c r="V2829">
        <v>1</v>
      </c>
      <c r="W2829">
        <v>60</v>
      </c>
      <c r="X2829">
        <v>2020</v>
      </c>
    </row>
    <row r="2830" spans="1:24" x14ac:dyDescent="0.25">
      <c r="A2830">
        <v>8565</v>
      </c>
      <c r="B2830" t="s">
        <v>10</v>
      </c>
      <c r="C2830">
        <v>57</v>
      </c>
      <c r="D2830" t="s">
        <v>323</v>
      </c>
      <c r="E2830">
        <v>381</v>
      </c>
      <c r="F2830" t="s">
        <v>651</v>
      </c>
      <c r="G2830">
        <v>160</v>
      </c>
      <c r="H2830" t="s">
        <v>658</v>
      </c>
      <c r="I2830">
        <v>13755</v>
      </c>
      <c r="J2830" t="s">
        <v>65</v>
      </c>
      <c r="K2830">
        <v>15</v>
      </c>
      <c r="L2830" t="s">
        <v>898</v>
      </c>
      <c r="M2830">
        <v>806</v>
      </c>
      <c r="N2830" t="s">
        <v>654</v>
      </c>
      <c r="O2830">
        <v>3</v>
      </c>
      <c r="P2830" t="s">
        <v>655</v>
      </c>
      <c r="Q2830">
        <v>1</v>
      </c>
      <c r="R2830" t="s">
        <v>656</v>
      </c>
      <c r="S2830">
        <v>2</v>
      </c>
      <c r="T2830" t="s">
        <v>661</v>
      </c>
      <c r="U2830">
        <v>8</v>
      </c>
      <c r="V2830">
        <v>1</v>
      </c>
      <c r="W2830">
        <v>60</v>
      </c>
      <c r="X2830">
        <v>2020</v>
      </c>
    </row>
    <row r="2831" spans="1:24" x14ac:dyDescent="0.25">
      <c r="A2831">
        <v>8558</v>
      </c>
      <c r="B2831" t="s">
        <v>50</v>
      </c>
      <c r="C2831">
        <v>56</v>
      </c>
      <c r="D2831" t="s">
        <v>326</v>
      </c>
      <c r="E2831">
        <v>656</v>
      </c>
      <c r="F2831" t="s">
        <v>651</v>
      </c>
      <c r="G2831">
        <v>160</v>
      </c>
      <c r="H2831" t="s">
        <v>817</v>
      </c>
      <c r="I2831">
        <v>11010</v>
      </c>
      <c r="J2831" t="s">
        <v>785</v>
      </c>
      <c r="K2831">
        <v>93</v>
      </c>
      <c r="L2831" t="s">
        <v>2120</v>
      </c>
      <c r="M2831">
        <v>2833</v>
      </c>
      <c r="N2831" t="s">
        <v>654</v>
      </c>
      <c r="O2831">
        <v>3</v>
      </c>
      <c r="P2831" t="s">
        <v>655</v>
      </c>
      <c r="Q2831">
        <v>1</v>
      </c>
      <c r="R2831" t="s">
        <v>656</v>
      </c>
      <c r="S2831">
        <v>2</v>
      </c>
      <c r="T2831" t="s">
        <v>661</v>
      </c>
      <c r="U2831">
        <v>8</v>
      </c>
      <c r="V2831">
        <v>2</v>
      </c>
      <c r="W2831">
        <v>120</v>
      </c>
      <c r="X2831">
        <v>2020</v>
      </c>
    </row>
    <row r="2832" spans="1:24" x14ac:dyDescent="0.25">
      <c r="A2832">
        <v>8557</v>
      </c>
      <c r="B2832" t="s">
        <v>50</v>
      </c>
      <c r="C2832">
        <v>56</v>
      </c>
      <c r="D2832" t="s">
        <v>443</v>
      </c>
      <c r="E2832">
        <v>380</v>
      </c>
      <c r="F2832" t="s">
        <v>651</v>
      </c>
      <c r="G2832">
        <v>160</v>
      </c>
      <c r="H2832" t="s">
        <v>817</v>
      </c>
      <c r="I2832">
        <v>11010</v>
      </c>
      <c r="J2832" t="s">
        <v>785</v>
      </c>
      <c r="K2832">
        <v>93</v>
      </c>
      <c r="L2832" t="s">
        <v>2121</v>
      </c>
      <c r="M2832">
        <v>2832</v>
      </c>
      <c r="N2832" t="s">
        <v>654</v>
      </c>
      <c r="O2832">
        <v>3</v>
      </c>
      <c r="P2832" t="s">
        <v>655</v>
      </c>
      <c r="Q2832">
        <v>1</v>
      </c>
      <c r="R2832" t="s">
        <v>656</v>
      </c>
      <c r="S2832">
        <v>2</v>
      </c>
      <c r="T2832" t="s">
        <v>661</v>
      </c>
      <c r="U2832">
        <v>8</v>
      </c>
      <c r="V2832">
        <v>2</v>
      </c>
      <c r="W2832">
        <v>120</v>
      </c>
      <c r="X2832">
        <v>2020</v>
      </c>
    </row>
    <row r="2833" spans="1:24" x14ac:dyDescent="0.25">
      <c r="A2833">
        <v>8556</v>
      </c>
      <c r="B2833" t="s">
        <v>50</v>
      </c>
      <c r="C2833">
        <v>56</v>
      </c>
      <c r="D2833" t="s">
        <v>443</v>
      </c>
      <c r="E2833">
        <v>380</v>
      </c>
      <c r="F2833" t="s">
        <v>651</v>
      </c>
      <c r="G2833">
        <v>160</v>
      </c>
      <c r="H2833" t="s">
        <v>817</v>
      </c>
      <c r="I2833">
        <v>11010</v>
      </c>
      <c r="J2833" t="s">
        <v>785</v>
      </c>
      <c r="K2833">
        <v>93</v>
      </c>
      <c r="L2833" t="s">
        <v>2122</v>
      </c>
      <c r="M2833">
        <v>2831</v>
      </c>
      <c r="N2833" t="s">
        <v>654</v>
      </c>
      <c r="O2833">
        <v>3</v>
      </c>
      <c r="P2833" t="s">
        <v>655</v>
      </c>
      <c r="Q2833">
        <v>1</v>
      </c>
      <c r="R2833" t="s">
        <v>656</v>
      </c>
      <c r="S2833">
        <v>2</v>
      </c>
      <c r="T2833" t="s">
        <v>661</v>
      </c>
      <c r="U2833">
        <v>8</v>
      </c>
      <c r="V2833">
        <v>2</v>
      </c>
      <c r="W2833">
        <v>120</v>
      </c>
      <c r="X2833">
        <v>2020</v>
      </c>
    </row>
    <row r="2834" spans="1:24" x14ac:dyDescent="0.25">
      <c r="A2834">
        <v>8555</v>
      </c>
      <c r="B2834" t="s">
        <v>50</v>
      </c>
      <c r="C2834">
        <v>56</v>
      </c>
      <c r="D2834" t="s">
        <v>326</v>
      </c>
      <c r="E2834">
        <v>656</v>
      </c>
      <c r="F2834" t="s">
        <v>651</v>
      </c>
      <c r="G2834">
        <v>160</v>
      </c>
      <c r="H2834" t="s">
        <v>817</v>
      </c>
      <c r="I2834">
        <v>11010</v>
      </c>
      <c r="J2834" t="s">
        <v>785</v>
      </c>
      <c r="K2834">
        <v>93</v>
      </c>
      <c r="L2834" t="s">
        <v>2123</v>
      </c>
      <c r="M2834">
        <v>2830</v>
      </c>
      <c r="N2834" t="s">
        <v>654</v>
      </c>
      <c r="O2834">
        <v>3</v>
      </c>
      <c r="P2834" t="s">
        <v>655</v>
      </c>
      <c r="Q2834">
        <v>1</v>
      </c>
      <c r="R2834" t="s">
        <v>656</v>
      </c>
      <c r="S2834">
        <v>2</v>
      </c>
      <c r="T2834" t="s">
        <v>661</v>
      </c>
      <c r="U2834">
        <v>8</v>
      </c>
      <c r="V2834">
        <v>2</v>
      </c>
      <c r="W2834">
        <v>120</v>
      </c>
      <c r="X2834">
        <v>2020</v>
      </c>
    </row>
    <row r="2835" spans="1:24" x14ac:dyDescent="0.25">
      <c r="A2835">
        <v>8554</v>
      </c>
      <c r="B2835" t="s">
        <v>340</v>
      </c>
      <c r="C2835">
        <v>55</v>
      </c>
      <c r="D2835" t="s">
        <v>339</v>
      </c>
      <c r="E2835">
        <v>641</v>
      </c>
      <c r="F2835" t="s">
        <v>651</v>
      </c>
      <c r="G2835">
        <v>160</v>
      </c>
      <c r="H2835" t="s">
        <v>747</v>
      </c>
      <c r="I2835">
        <v>4847</v>
      </c>
      <c r="J2835" t="s">
        <v>730</v>
      </c>
      <c r="K2835">
        <v>66</v>
      </c>
      <c r="L2835" t="s">
        <v>2124</v>
      </c>
      <c r="M2835">
        <v>2829</v>
      </c>
      <c r="N2835" t="s">
        <v>654</v>
      </c>
      <c r="O2835">
        <v>3</v>
      </c>
      <c r="P2835" t="s">
        <v>655</v>
      </c>
      <c r="Q2835">
        <v>1</v>
      </c>
      <c r="R2835" t="s">
        <v>656</v>
      </c>
      <c r="S2835">
        <v>2</v>
      </c>
      <c r="T2835" t="s">
        <v>661</v>
      </c>
      <c r="U2835">
        <v>8</v>
      </c>
      <c r="V2835">
        <v>1.5</v>
      </c>
      <c r="W2835">
        <v>90</v>
      </c>
      <c r="X2835">
        <v>2020</v>
      </c>
    </row>
    <row r="2836" spans="1:24" x14ac:dyDescent="0.25">
      <c r="A2836">
        <v>8553</v>
      </c>
      <c r="B2836" t="s">
        <v>340</v>
      </c>
      <c r="C2836">
        <v>55</v>
      </c>
      <c r="D2836" t="s">
        <v>341</v>
      </c>
      <c r="E2836">
        <v>640</v>
      </c>
      <c r="F2836" t="s">
        <v>651</v>
      </c>
      <c r="G2836">
        <v>160</v>
      </c>
      <c r="H2836" t="s">
        <v>747</v>
      </c>
      <c r="I2836">
        <v>4847</v>
      </c>
      <c r="J2836" t="s">
        <v>103</v>
      </c>
      <c r="K2836">
        <v>86</v>
      </c>
      <c r="L2836" t="s">
        <v>2125</v>
      </c>
      <c r="M2836">
        <v>2828</v>
      </c>
      <c r="N2836" t="s">
        <v>654</v>
      </c>
      <c r="O2836">
        <v>3</v>
      </c>
      <c r="P2836" t="s">
        <v>655</v>
      </c>
      <c r="Q2836">
        <v>1</v>
      </c>
      <c r="R2836" t="s">
        <v>656</v>
      </c>
      <c r="S2836">
        <v>2</v>
      </c>
      <c r="T2836" t="s">
        <v>661</v>
      </c>
      <c r="U2836">
        <v>8</v>
      </c>
      <c r="V2836">
        <v>1.5</v>
      </c>
      <c r="W2836">
        <v>90</v>
      </c>
      <c r="X2836">
        <v>2020</v>
      </c>
    </row>
    <row r="2837" spans="1:24" x14ac:dyDescent="0.25">
      <c r="A2837">
        <v>8552</v>
      </c>
      <c r="B2837" t="s">
        <v>340</v>
      </c>
      <c r="C2837">
        <v>55</v>
      </c>
      <c r="D2837" t="s">
        <v>339</v>
      </c>
      <c r="E2837">
        <v>641</v>
      </c>
      <c r="F2837" t="s">
        <v>651</v>
      </c>
      <c r="G2837">
        <v>160</v>
      </c>
      <c r="H2837" t="s">
        <v>747</v>
      </c>
      <c r="I2837">
        <v>4847</v>
      </c>
      <c r="J2837" t="s">
        <v>103</v>
      </c>
      <c r="K2837">
        <v>86</v>
      </c>
      <c r="L2837" t="s">
        <v>2126</v>
      </c>
      <c r="M2837">
        <v>2827</v>
      </c>
      <c r="N2837" t="s">
        <v>654</v>
      </c>
      <c r="O2837">
        <v>3</v>
      </c>
      <c r="P2837" t="s">
        <v>655</v>
      </c>
      <c r="Q2837">
        <v>1</v>
      </c>
      <c r="R2837" t="s">
        <v>656</v>
      </c>
      <c r="S2837">
        <v>2</v>
      </c>
      <c r="T2837" t="s">
        <v>661</v>
      </c>
      <c r="U2837">
        <v>8</v>
      </c>
      <c r="V2837">
        <v>1.5</v>
      </c>
      <c r="W2837">
        <v>90</v>
      </c>
      <c r="X2837">
        <v>2020</v>
      </c>
    </row>
    <row r="2838" spans="1:24" x14ac:dyDescent="0.25">
      <c r="A2838">
        <v>8551</v>
      </c>
      <c r="B2838" t="s">
        <v>48</v>
      </c>
      <c r="C2838">
        <v>54</v>
      </c>
      <c r="D2838" t="s">
        <v>47</v>
      </c>
      <c r="E2838">
        <v>1307</v>
      </c>
      <c r="F2838" t="s">
        <v>651</v>
      </c>
      <c r="G2838">
        <v>160</v>
      </c>
      <c r="H2838" t="s">
        <v>744</v>
      </c>
      <c r="I2838">
        <v>3143</v>
      </c>
      <c r="J2838" t="s">
        <v>785</v>
      </c>
      <c r="K2838">
        <v>93</v>
      </c>
      <c r="L2838" t="s">
        <v>2127</v>
      </c>
      <c r="M2838">
        <v>2826</v>
      </c>
      <c r="N2838" t="s">
        <v>654</v>
      </c>
      <c r="O2838">
        <v>3</v>
      </c>
      <c r="P2838" t="s">
        <v>655</v>
      </c>
      <c r="Q2838">
        <v>1</v>
      </c>
      <c r="R2838" t="s">
        <v>656</v>
      </c>
      <c r="S2838">
        <v>2</v>
      </c>
      <c r="T2838" t="s">
        <v>661</v>
      </c>
      <c r="U2838">
        <v>8</v>
      </c>
      <c r="V2838">
        <v>2</v>
      </c>
      <c r="W2838">
        <v>120</v>
      </c>
      <c r="X2838">
        <v>2020</v>
      </c>
    </row>
    <row r="2839" spans="1:24" x14ac:dyDescent="0.25">
      <c r="A2839">
        <v>8550</v>
      </c>
      <c r="B2839" t="s">
        <v>48</v>
      </c>
      <c r="C2839">
        <v>54</v>
      </c>
      <c r="D2839" t="s">
        <v>444</v>
      </c>
      <c r="E2839">
        <v>377</v>
      </c>
      <c r="F2839" t="s">
        <v>651</v>
      </c>
      <c r="G2839">
        <v>160</v>
      </c>
      <c r="H2839" t="s">
        <v>744</v>
      </c>
      <c r="I2839">
        <v>3143</v>
      </c>
      <c r="J2839" t="s">
        <v>785</v>
      </c>
      <c r="K2839">
        <v>93</v>
      </c>
      <c r="L2839" t="s">
        <v>2128</v>
      </c>
      <c r="M2839">
        <v>2825</v>
      </c>
      <c r="N2839" t="s">
        <v>654</v>
      </c>
      <c r="O2839">
        <v>3</v>
      </c>
      <c r="P2839" t="s">
        <v>655</v>
      </c>
      <c r="Q2839">
        <v>1</v>
      </c>
      <c r="R2839" t="s">
        <v>656</v>
      </c>
      <c r="S2839">
        <v>2</v>
      </c>
      <c r="T2839" t="s">
        <v>661</v>
      </c>
      <c r="U2839">
        <v>8</v>
      </c>
      <c r="V2839">
        <v>2</v>
      </c>
      <c r="W2839">
        <v>120</v>
      </c>
      <c r="X2839">
        <v>2020</v>
      </c>
    </row>
    <row r="2840" spans="1:24" x14ac:dyDescent="0.25">
      <c r="A2840">
        <v>8548</v>
      </c>
      <c r="B2840" t="s">
        <v>303</v>
      </c>
      <c r="C2840">
        <v>53</v>
      </c>
      <c r="D2840" t="s">
        <v>445</v>
      </c>
      <c r="E2840">
        <v>376</v>
      </c>
      <c r="F2840" t="s">
        <v>651</v>
      </c>
      <c r="G2840">
        <v>160</v>
      </c>
      <c r="H2840" t="s">
        <v>658</v>
      </c>
      <c r="I2840">
        <v>13755</v>
      </c>
      <c r="J2840" t="s">
        <v>802</v>
      </c>
      <c r="K2840">
        <v>12</v>
      </c>
      <c r="L2840" t="s">
        <v>2129</v>
      </c>
      <c r="M2840">
        <v>2823</v>
      </c>
      <c r="N2840" t="s">
        <v>654</v>
      </c>
      <c r="O2840">
        <v>3</v>
      </c>
      <c r="P2840" t="s">
        <v>655</v>
      </c>
      <c r="Q2840">
        <v>1</v>
      </c>
      <c r="R2840" t="s">
        <v>656</v>
      </c>
      <c r="S2840">
        <v>2</v>
      </c>
      <c r="T2840" t="s">
        <v>661</v>
      </c>
      <c r="U2840">
        <v>8</v>
      </c>
      <c r="V2840">
        <v>2</v>
      </c>
      <c r="W2840">
        <v>120</v>
      </c>
      <c r="X2840">
        <v>2020</v>
      </c>
    </row>
    <row r="2841" spans="1:24" x14ac:dyDescent="0.25">
      <c r="A2841">
        <v>8546</v>
      </c>
      <c r="B2841" t="s">
        <v>303</v>
      </c>
      <c r="C2841">
        <v>53</v>
      </c>
      <c r="D2841" t="s">
        <v>446</v>
      </c>
      <c r="E2841">
        <v>375</v>
      </c>
      <c r="F2841" t="s">
        <v>651</v>
      </c>
      <c r="G2841">
        <v>160</v>
      </c>
      <c r="H2841" t="s">
        <v>658</v>
      </c>
      <c r="I2841">
        <v>13755</v>
      </c>
      <c r="J2841" t="s">
        <v>1022</v>
      </c>
      <c r="K2841">
        <v>85</v>
      </c>
      <c r="L2841" t="s">
        <v>2130</v>
      </c>
      <c r="M2841">
        <v>2821</v>
      </c>
      <c r="N2841" t="s">
        <v>654</v>
      </c>
      <c r="O2841">
        <v>3</v>
      </c>
      <c r="P2841" t="s">
        <v>655</v>
      </c>
      <c r="Q2841">
        <v>1</v>
      </c>
      <c r="R2841" t="s">
        <v>656</v>
      </c>
      <c r="S2841">
        <v>2</v>
      </c>
      <c r="T2841" t="s">
        <v>661</v>
      </c>
      <c r="U2841">
        <v>8</v>
      </c>
      <c r="V2841">
        <v>1.5</v>
      </c>
      <c r="W2841">
        <v>90</v>
      </c>
      <c r="X2841">
        <v>2020</v>
      </c>
    </row>
    <row r="2842" spans="1:24" x14ac:dyDescent="0.25">
      <c r="A2842">
        <v>8545</v>
      </c>
      <c r="B2842" t="s">
        <v>303</v>
      </c>
      <c r="C2842">
        <v>53</v>
      </c>
      <c r="D2842" t="s">
        <v>302</v>
      </c>
      <c r="E2842">
        <v>1003</v>
      </c>
      <c r="F2842" t="s">
        <v>651</v>
      </c>
      <c r="G2842">
        <v>160</v>
      </c>
      <c r="H2842" t="s">
        <v>658</v>
      </c>
      <c r="I2842">
        <v>13755</v>
      </c>
      <c r="J2842" t="s">
        <v>302</v>
      </c>
      <c r="K2842">
        <v>95</v>
      </c>
      <c r="L2842" t="s">
        <v>2131</v>
      </c>
      <c r="M2842">
        <v>2820</v>
      </c>
      <c r="N2842" t="s">
        <v>654</v>
      </c>
      <c r="O2842">
        <v>3</v>
      </c>
      <c r="P2842" t="s">
        <v>655</v>
      </c>
      <c r="Q2842">
        <v>1</v>
      </c>
      <c r="R2842" t="s">
        <v>656</v>
      </c>
      <c r="S2842">
        <v>2</v>
      </c>
      <c r="T2842" t="s">
        <v>661</v>
      </c>
      <c r="U2842">
        <v>8</v>
      </c>
      <c r="V2842">
        <v>2</v>
      </c>
      <c r="W2842">
        <v>120</v>
      </c>
      <c r="X2842">
        <v>2020</v>
      </c>
    </row>
    <row r="2843" spans="1:24" x14ac:dyDescent="0.25">
      <c r="A2843">
        <v>8544</v>
      </c>
      <c r="B2843" t="s">
        <v>303</v>
      </c>
      <c r="C2843">
        <v>53</v>
      </c>
      <c r="D2843" t="s">
        <v>447</v>
      </c>
      <c r="E2843">
        <v>374</v>
      </c>
      <c r="F2843" t="s">
        <v>651</v>
      </c>
      <c r="G2843">
        <v>160</v>
      </c>
      <c r="H2843" t="s">
        <v>658</v>
      </c>
      <c r="I2843">
        <v>13755</v>
      </c>
      <c r="J2843" t="s">
        <v>65</v>
      </c>
      <c r="K2843">
        <v>15</v>
      </c>
      <c r="L2843" t="s">
        <v>2132</v>
      </c>
      <c r="M2843">
        <v>2819</v>
      </c>
      <c r="N2843" t="s">
        <v>654</v>
      </c>
      <c r="O2843">
        <v>3</v>
      </c>
      <c r="P2843" t="s">
        <v>655</v>
      </c>
      <c r="Q2843">
        <v>1</v>
      </c>
      <c r="R2843" t="s">
        <v>656</v>
      </c>
      <c r="S2843">
        <v>2</v>
      </c>
      <c r="T2843" t="s">
        <v>661</v>
      </c>
      <c r="U2843">
        <v>8</v>
      </c>
      <c r="V2843">
        <v>1.5</v>
      </c>
      <c r="W2843">
        <v>90</v>
      </c>
      <c r="X2843">
        <v>2020</v>
      </c>
    </row>
    <row r="2844" spans="1:24" x14ac:dyDescent="0.25">
      <c r="A2844">
        <v>8543</v>
      </c>
      <c r="B2844" t="s">
        <v>303</v>
      </c>
      <c r="C2844">
        <v>53</v>
      </c>
      <c r="D2844" t="s">
        <v>323</v>
      </c>
      <c r="E2844">
        <v>655</v>
      </c>
      <c r="F2844" t="s">
        <v>651</v>
      </c>
      <c r="G2844">
        <v>160</v>
      </c>
      <c r="H2844" t="s">
        <v>658</v>
      </c>
      <c r="I2844">
        <v>13755</v>
      </c>
      <c r="J2844" t="s">
        <v>65</v>
      </c>
      <c r="K2844">
        <v>15</v>
      </c>
      <c r="L2844" t="s">
        <v>2133</v>
      </c>
      <c r="M2844">
        <v>2818</v>
      </c>
      <c r="N2844" t="s">
        <v>654</v>
      </c>
      <c r="O2844">
        <v>3</v>
      </c>
      <c r="P2844" t="s">
        <v>655</v>
      </c>
      <c r="Q2844">
        <v>1</v>
      </c>
      <c r="R2844" t="s">
        <v>656</v>
      </c>
      <c r="S2844">
        <v>2</v>
      </c>
      <c r="T2844" t="s">
        <v>661</v>
      </c>
      <c r="U2844">
        <v>8</v>
      </c>
      <c r="V2844">
        <v>1.5</v>
      </c>
      <c r="W2844">
        <v>90</v>
      </c>
      <c r="X2844">
        <v>2020</v>
      </c>
    </row>
    <row r="2845" spans="1:24" x14ac:dyDescent="0.25">
      <c r="A2845">
        <v>8542</v>
      </c>
      <c r="B2845" t="s">
        <v>303</v>
      </c>
      <c r="C2845">
        <v>53</v>
      </c>
      <c r="D2845" t="s">
        <v>323</v>
      </c>
      <c r="E2845">
        <v>655</v>
      </c>
      <c r="F2845" t="s">
        <v>651</v>
      </c>
      <c r="G2845">
        <v>160</v>
      </c>
      <c r="H2845" t="s">
        <v>658</v>
      </c>
      <c r="I2845">
        <v>13755</v>
      </c>
      <c r="J2845" t="s">
        <v>65</v>
      </c>
      <c r="K2845">
        <v>15</v>
      </c>
      <c r="L2845" t="s">
        <v>2134</v>
      </c>
      <c r="M2845">
        <v>2817</v>
      </c>
      <c r="N2845" t="s">
        <v>654</v>
      </c>
      <c r="O2845">
        <v>3</v>
      </c>
      <c r="P2845" t="s">
        <v>655</v>
      </c>
      <c r="Q2845">
        <v>1</v>
      </c>
      <c r="R2845" t="s">
        <v>656</v>
      </c>
      <c r="S2845">
        <v>2</v>
      </c>
      <c r="T2845" t="s">
        <v>661</v>
      </c>
      <c r="U2845">
        <v>8</v>
      </c>
      <c r="V2845">
        <v>1.5</v>
      </c>
      <c r="W2845">
        <v>90</v>
      </c>
      <c r="X2845">
        <v>2020</v>
      </c>
    </row>
    <row r="2846" spans="1:24" x14ac:dyDescent="0.25">
      <c r="A2846">
        <v>8540</v>
      </c>
      <c r="B2846" t="s">
        <v>303</v>
      </c>
      <c r="C2846">
        <v>53</v>
      </c>
      <c r="D2846" t="s">
        <v>447</v>
      </c>
      <c r="E2846">
        <v>374</v>
      </c>
      <c r="F2846" t="s">
        <v>651</v>
      </c>
      <c r="G2846">
        <v>160</v>
      </c>
      <c r="H2846" t="s">
        <v>658</v>
      </c>
      <c r="I2846">
        <v>13755</v>
      </c>
      <c r="J2846" t="s">
        <v>65</v>
      </c>
      <c r="K2846">
        <v>15</v>
      </c>
      <c r="L2846" t="s">
        <v>2135</v>
      </c>
      <c r="M2846">
        <v>2815</v>
      </c>
      <c r="N2846" t="s">
        <v>654</v>
      </c>
      <c r="O2846">
        <v>3</v>
      </c>
      <c r="P2846" t="s">
        <v>655</v>
      </c>
      <c r="Q2846">
        <v>1</v>
      </c>
      <c r="R2846" t="s">
        <v>656</v>
      </c>
      <c r="S2846">
        <v>2</v>
      </c>
      <c r="T2846" t="s">
        <v>661</v>
      </c>
      <c r="U2846">
        <v>8</v>
      </c>
      <c r="V2846">
        <v>1.5</v>
      </c>
      <c r="W2846">
        <v>90</v>
      </c>
      <c r="X2846">
        <v>2020</v>
      </c>
    </row>
    <row r="2847" spans="1:24" x14ac:dyDescent="0.25">
      <c r="A2847">
        <v>8538</v>
      </c>
      <c r="B2847" t="s">
        <v>303</v>
      </c>
      <c r="C2847">
        <v>53</v>
      </c>
      <c r="D2847" t="s">
        <v>447</v>
      </c>
      <c r="E2847">
        <v>374</v>
      </c>
      <c r="F2847" t="s">
        <v>651</v>
      </c>
      <c r="G2847">
        <v>160</v>
      </c>
      <c r="H2847" t="s">
        <v>658</v>
      </c>
      <c r="I2847">
        <v>13755</v>
      </c>
      <c r="J2847" t="s">
        <v>65</v>
      </c>
      <c r="K2847">
        <v>15</v>
      </c>
      <c r="L2847" t="s">
        <v>2136</v>
      </c>
      <c r="M2847">
        <v>2813</v>
      </c>
      <c r="N2847" t="s">
        <v>654</v>
      </c>
      <c r="O2847">
        <v>3</v>
      </c>
      <c r="P2847" t="s">
        <v>655</v>
      </c>
      <c r="Q2847">
        <v>1</v>
      </c>
      <c r="R2847" t="s">
        <v>656</v>
      </c>
      <c r="S2847">
        <v>2</v>
      </c>
      <c r="T2847" t="s">
        <v>661</v>
      </c>
      <c r="U2847">
        <v>8</v>
      </c>
      <c r="V2847">
        <v>1.5</v>
      </c>
      <c r="W2847">
        <v>90</v>
      </c>
      <c r="X2847">
        <v>2020</v>
      </c>
    </row>
    <row r="2848" spans="1:24" x14ac:dyDescent="0.25">
      <c r="A2848">
        <v>8537</v>
      </c>
      <c r="B2848" t="s">
        <v>303</v>
      </c>
      <c r="C2848">
        <v>53</v>
      </c>
      <c r="D2848" t="s">
        <v>323</v>
      </c>
      <c r="E2848">
        <v>655</v>
      </c>
      <c r="F2848" t="s">
        <v>651</v>
      </c>
      <c r="G2848">
        <v>160</v>
      </c>
      <c r="H2848" t="s">
        <v>658</v>
      </c>
      <c r="I2848">
        <v>13755</v>
      </c>
      <c r="J2848" t="s">
        <v>65</v>
      </c>
      <c r="K2848">
        <v>15</v>
      </c>
      <c r="L2848" t="s">
        <v>898</v>
      </c>
      <c r="M2848">
        <v>806</v>
      </c>
      <c r="N2848" t="s">
        <v>654</v>
      </c>
      <c r="O2848">
        <v>3</v>
      </c>
      <c r="P2848" t="s">
        <v>655</v>
      </c>
      <c r="Q2848">
        <v>1</v>
      </c>
      <c r="R2848" t="s">
        <v>656</v>
      </c>
      <c r="S2848">
        <v>2</v>
      </c>
      <c r="T2848" t="s">
        <v>661</v>
      </c>
      <c r="U2848">
        <v>8</v>
      </c>
      <c r="V2848">
        <v>1.5</v>
      </c>
      <c r="W2848">
        <v>90</v>
      </c>
      <c r="X2848">
        <v>2020</v>
      </c>
    </row>
    <row r="2849" spans="1:24" x14ac:dyDescent="0.25">
      <c r="A2849">
        <v>8536</v>
      </c>
      <c r="B2849" t="s">
        <v>303</v>
      </c>
      <c r="C2849">
        <v>53</v>
      </c>
      <c r="D2849" t="s">
        <v>323</v>
      </c>
      <c r="E2849">
        <v>655</v>
      </c>
      <c r="F2849" t="s">
        <v>651</v>
      </c>
      <c r="G2849">
        <v>160</v>
      </c>
      <c r="H2849" t="s">
        <v>658</v>
      </c>
      <c r="I2849">
        <v>13755</v>
      </c>
      <c r="J2849" t="s">
        <v>65</v>
      </c>
      <c r="K2849">
        <v>15</v>
      </c>
      <c r="L2849" t="s">
        <v>899</v>
      </c>
      <c r="M2849">
        <v>803</v>
      </c>
      <c r="N2849" t="s">
        <v>654</v>
      </c>
      <c r="O2849">
        <v>3</v>
      </c>
      <c r="P2849" t="s">
        <v>655</v>
      </c>
      <c r="Q2849">
        <v>1</v>
      </c>
      <c r="R2849" t="s">
        <v>656</v>
      </c>
      <c r="S2849">
        <v>2</v>
      </c>
      <c r="T2849" t="s">
        <v>661</v>
      </c>
      <c r="U2849">
        <v>8</v>
      </c>
      <c r="V2849">
        <v>2</v>
      </c>
      <c r="W2849">
        <v>120</v>
      </c>
      <c r="X2849">
        <v>2020</v>
      </c>
    </row>
    <row r="2850" spans="1:24" x14ac:dyDescent="0.25">
      <c r="A2850">
        <v>8535</v>
      </c>
      <c r="B2850" t="s">
        <v>303</v>
      </c>
      <c r="C2850">
        <v>53</v>
      </c>
      <c r="D2850" t="s">
        <v>323</v>
      </c>
      <c r="E2850">
        <v>655</v>
      </c>
      <c r="F2850" t="s">
        <v>651</v>
      </c>
      <c r="G2850">
        <v>160</v>
      </c>
      <c r="H2850" t="s">
        <v>658</v>
      </c>
      <c r="I2850">
        <v>13755</v>
      </c>
      <c r="J2850" t="s">
        <v>65</v>
      </c>
      <c r="K2850">
        <v>15</v>
      </c>
      <c r="L2850" t="s">
        <v>2137</v>
      </c>
      <c r="M2850">
        <v>2673</v>
      </c>
      <c r="N2850" t="s">
        <v>654</v>
      </c>
      <c r="O2850">
        <v>3</v>
      </c>
      <c r="P2850" t="s">
        <v>655</v>
      </c>
      <c r="Q2850">
        <v>1</v>
      </c>
      <c r="R2850" t="s">
        <v>656</v>
      </c>
      <c r="S2850">
        <v>2</v>
      </c>
      <c r="T2850" t="s">
        <v>661</v>
      </c>
      <c r="U2850">
        <v>8</v>
      </c>
      <c r="V2850">
        <v>2</v>
      </c>
      <c r="W2850">
        <v>120</v>
      </c>
      <c r="X2850">
        <v>2020</v>
      </c>
    </row>
    <row r="2851" spans="1:24" x14ac:dyDescent="0.25">
      <c r="A2851">
        <v>8534</v>
      </c>
      <c r="B2851" t="s">
        <v>303</v>
      </c>
      <c r="C2851">
        <v>53</v>
      </c>
      <c r="D2851" t="s">
        <v>447</v>
      </c>
      <c r="E2851">
        <v>374</v>
      </c>
      <c r="F2851" t="s">
        <v>651</v>
      </c>
      <c r="G2851">
        <v>160</v>
      </c>
      <c r="H2851" t="s">
        <v>658</v>
      </c>
      <c r="I2851">
        <v>13755</v>
      </c>
      <c r="J2851" t="s">
        <v>302</v>
      </c>
      <c r="K2851">
        <v>95</v>
      </c>
      <c r="L2851" t="s">
        <v>2138</v>
      </c>
      <c r="M2851">
        <v>2812</v>
      </c>
      <c r="N2851" t="s">
        <v>654</v>
      </c>
      <c r="O2851">
        <v>3</v>
      </c>
      <c r="P2851" t="s">
        <v>655</v>
      </c>
      <c r="Q2851">
        <v>1</v>
      </c>
      <c r="R2851" t="s">
        <v>656</v>
      </c>
      <c r="S2851">
        <v>2</v>
      </c>
      <c r="T2851" t="s">
        <v>661</v>
      </c>
      <c r="U2851">
        <v>8</v>
      </c>
      <c r="V2851">
        <v>2</v>
      </c>
      <c r="W2851">
        <v>120</v>
      </c>
      <c r="X2851">
        <v>2020</v>
      </c>
    </row>
    <row r="2852" spans="1:24" x14ac:dyDescent="0.25">
      <c r="A2852">
        <v>8533</v>
      </c>
      <c r="B2852" t="s">
        <v>303</v>
      </c>
      <c r="C2852">
        <v>53</v>
      </c>
      <c r="D2852" t="s">
        <v>328</v>
      </c>
      <c r="E2852">
        <v>653</v>
      </c>
      <c r="F2852" t="s">
        <v>651</v>
      </c>
      <c r="G2852">
        <v>160</v>
      </c>
      <c r="H2852" t="s">
        <v>658</v>
      </c>
      <c r="I2852">
        <v>13755</v>
      </c>
      <c r="J2852" t="s">
        <v>302</v>
      </c>
      <c r="K2852">
        <v>95</v>
      </c>
      <c r="L2852" t="s">
        <v>2139</v>
      </c>
      <c r="M2852">
        <v>2811</v>
      </c>
      <c r="N2852" t="s">
        <v>654</v>
      </c>
      <c r="O2852">
        <v>3</v>
      </c>
      <c r="P2852" t="s">
        <v>655</v>
      </c>
      <c r="Q2852">
        <v>1</v>
      </c>
      <c r="R2852" t="s">
        <v>656</v>
      </c>
      <c r="S2852">
        <v>2</v>
      </c>
      <c r="T2852" t="s">
        <v>661</v>
      </c>
      <c r="U2852">
        <v>8</v>
      </c>
      <c r="V2852">
        <v>2</v>
      </c>
      <c r="W2852">
        <v>120</v>
      </c>
      <c r="X2852">
        <v>2020</v>
      </c>
    </row>
    <row r="2853" spans="1:24" x14ac:dyDescent="0.25">
      <c r="A2853">
        <v>8532</v>
      </c>
      <c r="B2853" t="s">
        <v>303</v>
      </c>
      <c r="C2853">
        <v>53</v>
      </c>
      <c r="D2853" t="s">
        <v>447</v>
      </c>
      <c r="E2853">
        <v>374</v>
      </c>
      <c r="F2853" t="s">
        <v>651</v>
      </c>
      <c r="G2853">
        <v>160</v>
      </c>
      <c r="H2853" t="s">
        <v>658</v>
      </c>
      <c r="I2853">
        <v>13755</v>
      </c>
      <c r="J2853" t="s">
        <v>302</v>
      </c>
      <c r="K2853">
        <v>95</v>
      </c>
      <c r="L2853" t="s">
        <v>2140</v>
      </c>
      <c r="M2853">
        <v>2810</v>
      </c>
      <c r="N2853" t="s">
        <v>654</v>
      </c>
      <c r="O2853">
        <v>3</v>
      </c>
      <c r="P2853" t="s">
        <v>655</v>
      </c>
      <c r="Q2853">
        <v>1</v>
      </c>
      <c r="R2853" t="s">
        <v>656</v>
      </c>
      <c r="S2853">
        <v>2</v>
      </c>
      <c r="T2853" t="s">
        <v>661</v>
      </c>
      <c r="U2853">
        <v>8</v>
      </c>
      <c r="V2853">
        <v>2</v>
      </c>
      <c r="W2853">
        <v>120</v>
      </c>
      <c r="X2853">
        <v>2020</v>
      </c>
    </row>
    <row r="2854" spans="1:24" x14ac:dyDescent="0.25">
      <c r="A2854">
        <v>8531</v>
      </c>
      <c r="B2854" t="s">
        <v>303</v>
      </c>
      <c r="C2854">
        <v>53</v>
      </c>
      <c r="D2854" t="s">
        <v>447</v>
      </c>
      <c r="E2854">
        <v>374</v>
      </c>
      <c r="F2854" t="s">
        <v>651</v>
      </c>
      <c r="G2854">
        <v>160</v>
      </c>
      <c r="H2854" t="s">
        <v>658</v>
      </c>
      <c r="I2854">
        <v>13755</v>
      </c>
      <c r="J2854" t="s">
        <v>302</v>
      </c>
      <c r="K2854">
        <v>95</v>
      </c>
      <c r="L2854" t="s">
        <v>2141</v>
      </c>
      <c r="M2854">
        <v>2809</v>
      </c>
      <c r="N2854" t="s">
        <v>654</v>
      </c>
      <c r="O2854">
        <v>3</v>
      </c>
      <c r="P2854" t="s">
        <v>655</v>
      </c>
      <c r="Q2854">
        <v>1</v>
      </c>
      <c r="R2854" t="s">
        <v>656</v>
      </c>
      <c r="S2854">
        <v>2</v>
      </c>
      <c r="T2854" t="s">
        <v>661</v>
      </c>
      <c r="U2854">
        <v>8</v>
      </c>
      <c r="V2854">
        <v>2</v>
      </c>
      <c r="W2854">
        <v>120</v>
      </c>
      <c r="X2854">
        <v>2020</v>
      </c>
    </row>
    <row r="2855" spans="1:24" x14ac:dyDescent="0.25">
      <c r="A2855">
        <v>8530</v>
      </c>
      <c r="B2855" t="s">
        <v>303</v>
      </c>
      <c r="C2855">
        <v>53</v>
      </c>
      <c r="D2855" t="s">
        <v>447</v>
      </c>
      <c r="E2855">
        <v>374</v>
      </c>
      <c r="F2855" t="s">
        <v>651</v>
      </c>
      <c r="G2855">
        <v>160</v>
      </c>
      <c r="H2855" t="s">
        <v>658</v>
      </c>
      <c r="I2855">
        <v>13755</v>
      </c>
      <c r="J2855" t="s">
        <v>302</v>
      </c>
      <c r="K2855">
        <v>95</v>
      </c>
      <c r="L2855" t="s">
        <v>2142</v>
      </c>
      <c r="M2855">
        <v>2808</v>
      </c>
      <c r="N2855" t="s">
        <v>654</v>
      </c>
      <c r="O2855">
        <v>3</v>
      </c>
      <c r="P2855" t="s">
        <v>655</v>
      </c>
      <c r="Q2855">
        <v>1</v>
      </c>
      <c r="R2855" t="s">
        <v>656</v>
      </c>
      <c r="S2855">
        <v>2</v>
      </c>
      <c r="T2855" t="s">
        <v>661</v>
      </c>
      <c r="U2855">
        <v>8</v>
      </c>
      <c r="V2855">
        <v>2</v>
      </c>
      <c r="W2855">
        <v>120</v>
      </c>
      <c r="X2855">
        <v>2020</v>
      </c>
    </row>
    <row r="2856" spans="1:24" x14ac:dyDescent="0.25">
      <c r="A2856">
        <v>8529</v>
      </c>
      <c r="B2856" t="s">
        <v>303</v>
      </c>
      <c r="C2856">
        <v>53</v>
      </c>
      <c r="D2856" t="s">
        <v>447</v>
      </c>
      <c r="E2856">
        <v>374</v>
      </c>
      <c r="F2856" t="s">
        <v>651</v>
      </c>
      <c r="G2856">
        <v>160</v>
      </c>
      <c r="H2856" t="s">
        <v>658</v>
      </c>
      <c r="I2856">
        <v>13755</v>
      </c>
      <c r="J2856" t="s">
        <v>302</v>
      </c>
      <c r="K2856">
        <v>95</v>
      </c>
      <c r="L2856" t="s">
        <v>2143</v>
      </c>
      <c r="M2856">
        <v>2807</v>
      </c>
      <c r="N2856" t="s">
        <v>654</v>
      </c>
      <c r="O2856">
        <v>3</v>
      </c>
      <c r="P2856" t="s">
        <v>655</v>
      </c>
      <c r="Q2856">
        <v>1</v>
      </c>
      <c r="R2856" t="s">
        <v>656</v>
      </c>
      <c r="S2856">
        <v>2</v>
      </c>
      <c r="T2856" t="s">
        <v>661</v>
      </c>
      <c r="U2856">
        <v>8</v>
      </c>
      <c r="V2856">
        <v>2</v>
      </c>
      <c r="W2856">
        <v>120</v>
      </c>
      <c r="X2856">
        <v>2020</v>
      </c>
    </row>
    <row r="2857" spans="1:24" x14ac:dyDescent="0.25">
      <c r="A2857">
        <v>8528</v>
      </c>
      <c r="B2857" t="s">
        <v>303</v>
      </c>
      <c r="C2857">
        <v>53</v>
      </c>
      <c r="D2857" t="s">
        <v>323</v>
      </c>
      <c r="E2857">
        <v>655</v>
      </c>
      <c r="F2857" t="s">
        <v>651</v>
      </c>
      <c r="G2857">
        <v>160</v>
      </c>
      <c r="H2857" t="s">
        <v>658</v>
      </c>
      <c r="I2857">
        <v>13755</v>
      </c>
      <c r="J2857" t="s">
        <v>65</v>
      </c>
      <c r="K2857">
        <v>15</v>
      </c>
      <c r="L2857" t="s">
        <v>2144</v>
      </c>
      <c r="M2857">
        <v>2806</v>
      </c>
      <c r="N2857" t="s">
        <v>654</v>
      </c>
      <c r="O2857">
        <v>3</v>
      </c>
      <c r="P2857" t="s">
        <v>655</v>
      </c>
      <c r="Q2857">
        <v>1</v>
      </c>
      <c r="R2857" t="s">
        <v>656</v>
      </c>
      <c r="S2857">
        <v>2</v>
      </c>
      <c r="T2857" t="s">
        <v>661</v>
      </c>
      <c r="U2857">
        <v>8</v>
      </c>
      <c r="V2857">
        <v>2</v>
      </c>
      <c r="W2857">
        <v>120</v>
      </c>
      <c r="X2857">
        <v>2020</v>
      </c>
    </row>
    <row r="2858" spans="1:24" x14ac:dyDescent="0.25">
      <c r="A2858">
        <v>8527</v>
      </c>
      <c r="B2858" t="s">
        <v>293</v>
      </c>
      <c r="C2858">
        <v>52</v>
      </c>
      <c r="D2858" t="s">
        <v>448</v>
      </c>
      <c r="E2858">
        <v>373</v>
      </c>
      <c r="F2858" t="s">
        <v>651</v>
      </c>
      <c r="G2858">
        <v>160</v>
      </c>
      <c r="H2858" t="s">
        <v>658</v>
      </c>
      <c r="I2858">
        <v>13755</v>
      </c>
      <c r="J2858" t="s">
        <v>1071</v>
      </c>
      <c r="K2858">
        <v>94</v>
      </c>
      <c r="L2858" t="s">
        <v>2145</v>
      </c>
      <c r="M2858">
        <v>2805</v>
      </c>
      <c r="N2858" t="s">
        <v>654</v>
      </c>
      <c r="O2858">
        <v>3</v>
      </c>
      <c r="P2858" t="s">
        <v>655</v>
      </c>
      <c r="Q2858">
        <v>1</v>
      </c>
      <c r="R2858" t="s">
        <v>656</v>
      </c>
      <c r="S2858">
        <v>2</v>
      </c>
      <c r="T2858" t="s">
        <v>661</v>
      </c>
      <c r="U2858">
        <v>8</v>
      </c>
      <c r="V2858">
        <v>2</v>
      </c>
      <c r="W2858">
        <v>120</v>
      </c>
      <c r="X2858">
        <v>2020</v>
      </c>
    </row>
    <row r="2859" spans="1:24" x14ac:dyDescent="0.25">
      <c r="A2859">
        <v>8526</v>
      </c>
      <c r="B2859" t="s">
        <v>293</v>
      </c>
      <c r="C2859">
        <v>52</v>
      </c>
      <c r="D2859" t="s">
        <v>448</v>
      </c>
      <c r="E2859">
        <v>373</v>
      </c>
      <c r="F2859" t="s">
        <v>651</v>
      </c>
      <c r="G2859">
        <v>160</v>
      </c>
      <c r="H2859" t="s">
        <v>658</v>
      </c>
      <c r="I2859">
        <v>13755</v>
      </c>
      <c r="J2859" t="s">
        <v>1071</v>
      </c>
      <c r="K2859">
        <v>94</v>
      </c>
      <c r="L2859" t="s">
        <v>2146</v>
      </c>
      <c r="M2859">
        <v>2804</v>
      </c>
      <c r="N2859" t="s">
        <v>654</v>
      </c>
      <c r="O2859">
        <v>3</v>
      </c>
      <c r="P2859" t="s">
        <v>655</v>
      </c>
      <c r="Q2859">
        <v>1</v>
      </c>
      <c r="R2859" t="s">
        <v>656</v>
      </c>
      <c r="S2859">
        <v>2</v>
      </c>
      <c r="T2859" t="s">
        <v>661</v>
      </c>
      <c r="U2859">
        <v>8</v>
      </c>
      <c r="V2859">
        <v>2</v>
      </c>
      <c r="W2859">
        <v>120</v>
      </c>
      <c r="X2859">
        <v>2020</v>
      </c>
    </row>
    <row r="2860" spans="1:24" x14ac:dyDescent="0.25">
      <c r="A2860">
        <v>8525</v>
      </c>
      <c r="B2860" t="s">
        <v>293</v>
      </c>
      <c r="C2860">
        <v>52</v>
      </c>
      <c r="D2860" t="s">
        <v>448</v>
      </c>
      <c r="E2860">
        <v>373</v>
      </c>
      <c r="F2860" t="s">
        <v>651</v>
      </c>
      <c r="G2860">
        <v>160</v>
      </c>
      <c r="H2860" t="s">
        <v>658</v>
      </c>
      <c r="I2860">
        <v>13755</v>
      </c>
      <c r="J2860" t="s">
        <v>1071</v>
      </c>
      <c r="K2860">
        <v>94</v>
      </c>
      <c r="L2860" t="s">
        <v>2147</v>
      </c>
      <c r="M2860">
        <v>2803</v>
      </c>
      <c r="N2860" t="s">
        <v>654</v>
      </c>
      <c r="O2860">
        <v>3</v>
      </c>
      <c r="P2860" t="s">
        <v>655</v>
      </c>
      <c r="Q2860">
        <v>1</v>
      </c>
      <c r="R2860" t="s">
        <v>656</v>
      </c>
      <c r="S2860">
        <v>2</v>
      </c>
      <c r="T2860" t="s">
        <v>661</v>
      </c>
      <c r="U2860">
        <v>8</v>
      </c>
      <c r="V2860">
        <v>2</v>
      </c>
      <c r="W2860">
        <v>120</v>
      </c>
      <c r="X2860">
        <v>2020</v>
      </c>
    </row>
    <row r="2861" spans="1:24" x14ac:dyDescent="0.25">
      <c r="A2861">
        <v>8524</v>
      </c>
      <c r="B2861" t="s">
        <v>293</v>
      </c>
      <c r="C2861">
        <v>52</v>
      </c>
      <c r="D2861" t="s">
        <v>448</v>
      </c>
      <c r="E2861">
        <v>373</v>
      </c>
      <c r="F2861" t="s">
        <v>651</v>
      </c>
      <c r="G2861">
        <v>160</v>
      </c>
      <c r="H2861" t="s">
        <v>658</v>
      </c>
      <c r="I2861">
        <v>13755</v>
      </c>
      <c r="J2861" t="s">
        <v>1071</v>
      </c>
      <c r="K2861">
        <v>94</v>
      </c>
      <c r="L2861" t="s">
        <v>2148</v>
      </c>
      <c r="M2861">
        <v>2802</v>
      </c>
      <c r="N2861" t="s">
        <v>654</v>
      </c>
      <c r="O2861">
        <v>3</v>
      </c>
      <c r="P2861" t="s">
        <v>655</v>
      </c>
      <c r="Q2861">
        <v>1</v>
      </c>
      <c r="R2861" t="s">
        <v>656</v>
      </c>
      <c r="S2861">
        <v>2</v>
      </c>
      <c r="T2861" t="s">
        <v>661</v>
      </c>
      <c r="U2861">
        <v>8</v>
      </c>
      <c r="V2861">
        <v>2</v>
      </c>
      <c r="W2861">
        <v>120</v>
      </c>
      <c r="X2861">
        <v>2020</v>
      </c>
    </row>
    <row r="2862" spans="1:24" x14ac:dyDescent="0.25">
      <c r="A2862">
        <v>8523</v>
      </c>
      <c r="B2862" t="s">
        <v>293</v>
      </c>
      <c r="C2862">
        <v>52</v>
      </c>
      <c r="D2862" t="s">
        <v>325</v>
      </c>
      <c r="E2862">
        <v>657</v>
      </c>
      <c r="F2862" t="s">
        <v>651</v>
      </c>
      <c r="G2862">
        <v>160</v>
      </c>
      <c r="H2862" t="s">
        <v>658</v>
      </c>
      <c r="I2862">
        <v>13755</v>
      </c>
      <c r="J2862" t="s">
        <v>1071</v>
      </c>
      <c r="K2862">
        <v>94</v>
      </c>
      <c r="L2862" t="s">
        <v>2149</v>
      </c>
      <c r="M2862">
        <v>2801</v>
      </c>
      <c r="N2862" t="s">
        <v>654</v>
      </c>
      <c r="O2862">
        <v>3</v>
      </c>
      <c r="P2862" t="s">
        <v>655</v>
      </c>
      <c r="Q2862">
        <v>1</v>
      </c>
      <c r="R2862" t="s">
        <v>656</v>
      </c>
      <c r="S2862">
        <v>2</v>
      </c>
      <c r="T2862" t="s">
        <v>661</v>
      </c>
      <c r="U2862">
        <v>8</v>
      </c>
      <c r="V2862">
        <v>2</v>
      </c>
      <c r="W2862">
        <v>120</v>
      </c>
      <c r="X2862">
        <v>2020</v>
      </c>
    </row>
    <row r="2863" spans="1:24" x14ac:dyDescent="0.25">
      <c r="A2863">
        <v>8522</v>
      </c>
      <c r="B2863" t="s">
        <v>293</v>
      </c>
      <c r="C2863">
        <v>52</v>
      </c>
      <c r="D2863" t="s">
        <v>325</v>
      </c>
      <c r="E2863">
        <v>657</v>
      </c>
      <c r="F2863" t="s">
        <v>651</v>
      </c>
      <c r="G2863">
        <v>160</v>
      </c>
      <c r="H2863" t="s">
        <v>658</v>
      </c>
      <c r="I2863">
        <v>13755</v>
      </c>
      <c r="J2863" t="s">
        <v>1071</v>
      </c>
      <c r="K2863">
        <v>94</v>
      </c>
      <c r="L2863" t="s">
        <v>2150</v>
      </c>
      <c r="M2863">
        <v>2800</v>
      </c>
      <c r="N2863" t="s">
        <v>654</v>
      </c>
      <c r="O2863">
        <v>3</v>
      </c>
      <c r="P2863" t="s">
        <v>655</v>
      </c>
      <c r="Q2863">
        <v>1</v>
      </c>
      <c r="R2863" t="s">
        <v>656</v>
      </c>
      <c r="S2863">
        <v>2</v>
      </c>
      <c r="T2863" t="s">
        <v>661</v>
      </c>
      <c r="U2863">
        <v>8</v>
      </c>
      <c r="V2863">
        <v>2</v>
      </c>
      <c r="W2863">
        <v>120</v>
      </c>
      <c r="X2863">
        <v>2020</v>
      </c>
    </row>
    <row r="2864" spans="1:24" x14ac:dyDescent="0.25">
      <c r="A2864">
        <v>8521</v>
      </c>
      <c r="B2864" t="s">
        <v>293</v>
      </c>
      <c r="C2864">
        <v>52</v>
      </c>
      <c r="D2864" t="s">
        <v>448</v>
      </c>
      <c r="E2864">
        <v>373</v>
      </c>
      <c r="F2864" t="s">
        <v>651</v>
      </c>
      <c r="G2864">
        <v>160</v>
      </c>
      <c r="H2864" t="s">
        <v>658</v>
      </c>
      <c r="I2864">
        <v>13755</v>
      </c>
      <c r="J2864" t="s">
        <v>1071</v>
      </c>
      <c r="K2864">
        <v>94</v>
      </c>
      <c r="L2864" t="s">
        <v>2151</v>
      </c>
      <c r="M2864">
        <v>2799</v>
      </c>
      <c r="N2864" t="s">
        <v>654</v>
      </c>
      <c r="O2864">
        <v>3</v>
      </c>
      <c r="P2864" t="s">
        <v>655</v>
      </c>
      <c r="Q2864">
        <v>1</v>
      </c>
      <c r="R2864" t="s">
        <v>656</v>
      </c>
      <c r="S2864">
        <v>2</v>
      </c>
      <c r="T2864" t="s">
        <v>661</v>
      </c>
      <c r="U2864">
        <v>8</v>
      </c>
      <c r="V2864">
        <v>2</v>
      </c>
      <c r="W2864">
        <v>120</v>
      </c>
      <c r="X2864">
        <v>2020</v>
      </c>
    </row>
    <row r="2865" spans="1:24" x14ac:dyDescent="0.25">
      <c r="A2865">
        <v>8520</v>
      </c>
      <c r="B2865" t="s">
        <v>293</v>
      </c>
      <c r="C2865">
        <v>52</v>
      </c>
      <c r="D2865" t="s">
        <v>448</v>
      </c>
      <c r="E2865">
        <v>373</v>
      </c>
      <c r="F2865" t="s">
        <v>651</v>
      </c>
      <c r="G2865">
        <v>160</v>
      </c>
      <c r="H2865" t="s">
        <v>658</v>
      </c>
      <c r="I2865">
        <v>13755</v>
      </c>
      <c r="J2865" t="s">
        <v>1071</v>
      </c>
      <c r="K2865">
        <v>94</v>
      </c>
      <c r="L2865" t="s">
        <v>2152</v>
      </c>
      <c r="M2865">
        <v>2798</v>
      </c>
      <c r="N2865" t="s">
        <v>654</v>
      </c>
      <c r="O2865">
        <v>3</v>
      </c>
      <c r="P2865" t="s">
        <v>655</v>
      </c>
      <c r="Q2865">
        <v>1</v>
      </c>
      <c r="R2865" t="s">
        <v>656</v>
      </c>
      <c r="S2865">
        <v>2</v>
      </c>
      <c r="T2865" t="s">
        <v>661</v>
      </c>
      <c r="U2865">
        <v>8</v>
      </c>
      <c r="V2865">
        <v>2</v>
      </c>
      <c r="W2865">
        <v>120</v>
      </c>
      <c r="X2865">
        <v>2020</v>
      </c>
    </row>
    <row r="2866" spans="1:24" x14ac:dyDescent="0.25">
      <c r="A2866">
        <v>8519</v>
      </c>
      <c r="B2866" t="s">
        <v>293</v>
      </c>
      <c r="C2866">
        <v>52</v>
      </c>
      <c r="D2866" t="s">
        <v>448</v>
      </c>
      <c r="E2866">
        <v>373</v>
      </c>
      <c r="F2866" t="s">
        <v>651</v>
      </c>
      <c r="G2866">
        <v>160</v>
      </c>
      <c r="H2866" t="s">
        <v>658</v>
      </c>
      <c r="I2866">
        <v>13755</v>
      </c>
      <c r="J2866" t="s">
        <v>1071</v>
      </c>
      <c r="K2866">
        <v>94</v>
      </c>
      <c r="L2866" t="s">
        <v>2153</v>
      </c>
      <c r="M2866">
        <v>2797</v>
      </c>
      <c r="N2866" t="s">
        <v>654</v>
      </c>
      <c r="O2866">
        <v>3</v>
      </c>
      <c r="P2866" t="s">
        <v>655</v>
      </c>
      <c r="Q2866">
        <v>1</v>
      </c>
      <c r="R2866" t="s">
        <v>656</v>
      </c>
      <c r="S2866">
        <v>2</v>
      </c>
      <c r="T2866" t="s">
        <v>661</v>
      </c>
      <c r="U2866">
        <v>8</v>
      </c>
      <c r="V2866">
        <v>2</v>
      </c>
      <c r="W2866">
        <v>120</v>
      </c>
      <c r="X2866">
        <v>2020</v>
      </c>
    </row>
    <row r="2867" spans="1:24" x14ac:dyDescent="0.25">
      <c r="A2867">
        <v>8518</v>
      </c>
      <c r="B2867" t="s">
        <v>293</v>
      </c>
      <c r="C2867">
        <v>52</v>
      </c>
      <c r="D2867" t="s">
        <v>325</v>
      </c>
      <c r="E2867">
        <v>657</v>
      </c>
      <c r="F2867" t="s">
        <v>651</v>
      </c>
      <c r="G2867">
        <v>160</v>
      </c>
      <c r="H2867" t="s">
        <v>658</v>
      </c>
      <c r="I2867">
        <v>13755</v>
      </c>
      <c r="J2867" t="s">
        <v>1071</v>
      </c>
      <c r="K2867">
        <v>94</v>
      </c>
      <c r="L2867" t="s">
        <v>2154</v>
      </c>
      <c r="M2867">
        <v>2796</v>
      </c>
      <c r="N2867" t="s">
        <v>654</v>
      </c>
      <c r="O2867">
        <v>3</v>
      </c>
      <c r="P2867" t="s">
        <v>655</v>
      </c>
      <c r="Q2867">
        <v>1</v>
      </c>
      <c r="R2867" t="s">
        <v>656</v>
      </c>
      <c r="S2867">
        <v>2</v>
      </c>
      <c r="T2867" t="s">
        <v>661</v>
      </c>
      <c r="U2867">
        <v>8</v>
      </c>
      <c r="V2867">
        <v>2</v>
      </c>
      <c r="W2867">
        <v>120</v>
      </c>
      <c r="X2867">
        <v>2020</v>
      </c>
    </row>
    <row r="2868" spans="1:24" x14ac:dyDescent="0.25">
      <c r="A2868">
        <v>8517</v>
      </c>
      <c r="B2868" t="s">
        <v>293</v>
      </c>
      <c r="C2868">
        <v>52</v>
      </c>
      <c r="D2868" t="s">
        <v>448</v>
      </c>
      <c r="E2868">
        <v>373</v>
      </c>
      <c r="F2868" t="s">
        <v>651</v>
      </c>
      <c r="G2868">
        <v>160</v>
      </c>
      <c r="H2868" t="s">
        <v>658</v>
      </c>
      <c r="I2868">
        <v>13755</v>
      </c>
      <c r="J2868" t="s">
        <v>1071</v>
      </c>
      <c r="K2868">
        <v>94</v>
      </c>
      <c r="L2868" t="s">
        <v>2155</v>
      </c>
      <c r="M2868">
        <v>2795</v>
      </c>
      <c r="N2868" t="s">
        <v>654</v>
      </c>
      <c r="O2868">
        <v>3</v>
      </c>
      <c r="P2868" t="s">
        <v>655</v>
      </c>
      <c r="Q2868">
        <v>1</v>
      </c>
      <c r="R2868" t="s">
        <v>656</v>
      </c>
      <c r="S2868">
        <v>2</v>
      </c>
      <c r="T2868" t="s">
        <v>661</v>
      </c>
      <c r="U2868">
        <v>8</v>
      </c>
      <c r="V2868">
        <v>2</v>
      </c>
      <c r="W2868">
        <v>120</v>
      </c>
      <c r="X2868">
        <v>2020</v>
      </c>
    </row>
    <row r="2869" spans="1:24" x14ac:dyDescent="0.25">
      <c r="A2869">
        <v>8515</v>
      </c>
      <c r="B2869" t="s">
        <v>131</v>
      </c>
      <c r="C2869">
        <v>51</v>
      </c>
      <c r="D2869" t="s">
        <v>347</v>
      </c>
      <c r="E2869">
        <v>622</v>
      </c>
      <c r="F2869" t="s">
        <v>651</v>
      </c>
      <c r="G2869">
        <v>160</v>
      </c>
      <c r="H2869" t="s">
        <v>658</v>
      </c>
      <c r="I2869">
        <v>13755</v>
      </c>
      <c r="J2869" t="s">
        <v>1071</v>
      </c>
      <c r="K2869">
        <v>94</v>
      </c>
      <c r="L2869" t="s">
        <v>2156</v>
      </c>
      <c r="M2869">
        <v>2793</v>
      </c>
      <c r="N2869" t="s">
        <v>654</v>
      </c>
      <c r="O2869">
        <v>3</v>
      </c>
      <c r="P2869" t="s">
        <v>655</v>
      </c>
      <c r="Q2869">
        <v>1</v>
      </c>
      <c r="R2869" t="s">
        <v>656</v>
      </c>
      <c r="S2869">
        <v>2</v>
      </c>
      <c r="T2869" t="s">
        <v>661</v>
      </c>
      <c r="U2869">
        <v>8</v>
      </c>
      <c r="V2869">
        <v>2</v>
      </c>
      <c r="W2869">
        <v>120</v>
      </c>
      <c r="X2869">
        <v>2020</v>
      </c>
    </row>
    <row r="2870" spans="1:24" x14ac:dyDescent="0.25">
      <c r="A2870">
        <v>8514</v>
      </c>
      <c r="B2870" t="s">
        <v>131</v>
      </c>
      <c r="C2870">
        <v>51</v>
      </c>
      <c r="D2870" t="s">
        <v>310</v>
      </c>
      <c r="E2870">
        <v>680</v>
      </c>
      <c r="F2870" t="s">
        <v>651</v>
      </c>
      <c r="G2870">
        <v>160</v>
      </c>
      <c r="H2870" t="s">
        <v>744</v>
      </c>
      <c r="I2870">
        <v>3143</v>
      </c>
      <c r="J2870" t="s">
        <v>1071</v>
      </c>
      <c r="K2870">
        <v>94</v>
      </c>
      <c r="L2870" t="s">
        <v>2157</v>
      </c>
      <c r="M2870">
        <v>2792</v>
      </c>
      <c r="N2870" t="s">
        <v>654</v>
      </c>
      <c r="O2870">
        <v>3</v>
      </c>
      <c r="P2870" t="s">
        <v>655</v>
      </c>
      <c r="Q2870">
        <v>1</v>
      </c>
      <c r="R2870" t="s">
        <v>656</v>
      </c>
      <c r="S2870">
        <v>2</v>
      </c>
      <c r="T2870" t="s">
        <v>661</v>
      </c>
      <c r="U2870">
        <v>8</v>
      </c>
      <c r="V2870">
        <v>2</v>
      </c>
      <c r="W2870">
        <v>120</v>
      </c>
      <c r="X2870">
        <v>2020</v>
      </c>
    </row>
    <row r="2871" spans="1:24" x14ac:dyDescent="0.25">
      <c r="A2871">
        <v>8513</v>
      </c>
      <c r="B2871" t="s">
        <v>131</v>
      </c>
      <c r="C2871">
        <v>51</v>
      </c>
      <c r="D2871" t="s">
        <v>347</v>
      </c>
      <c r="E2871">
        <v>622</v>
      </c>
      <c r="F2871" t="s">
        <v>651</v>
      </c>
      <c r="G2871">
        <v>160</v>
      </c>
      <c r="H2871" t="s">
        <v>658</v>
      </c>
      <c r="I2871">
        <v>13755</v>
      </c>
      <c r="J2871" t="s">
        <v>1071</v>
      </c>
      <c r="K2871">
        <v>94</v>
      </c>
      <c r="L2871" t="s">
        <v>2158</v>
      </c>
      <c r="M2871">
        <v>2791</v>
      </c>
      <c r="N2871" t="s">
        <v>654</v>
      </c>
      <c r="O2871">
        <v>3</v>
      </c>
      <c r="P2871" t="s">
        <v>655</v>
      </c>
      <c r="Q2871">
        <v>1</v>
      </c>
      <c r="R2871" t="s">
        <v>656</v>
      </c>
      <c r="S2871">
        <v>2</v>
      </c>
      <c r="T2871" t="s">
        <v>661</v>
      </c>
      <c r="U2871">
        <v>8</v>
      </c>
      <c r="V2871">
        <v>2</v>
      </c>
      <c r="W2871">
        <v>120</v>
      </c>
      <c r="X2871">
        <v>2020</v>
      </c>
    </row>
    <row r="2872" spans="1:24" x14ac:dyDescent="0.25">
      <c r="A2872">
        <v>8511</v>
      </c>
      <c r="B2872" t="s">
        <v>131</v>
      </c>
      <c r="C2872">
        <v>51</v>
      </c>
      <c r="D2872" t="s">
        <v>347</v>
      </c>
      <c r="E2872">
        <v>622</v>
      </c>
      <c r="F2872" t="s">
        <v>651</v>
      </c>
      <c r="G2872">
        <v>160</v>
      </c>
      <c r="H2872" t="s">
        <v>658</v>
      </c>
      <c r="I2872">
        <v>13755</v>
      </c>
      <c r="J2872" t="s">
        <v>1071</v>
      </c>
      <c r="K2872">
        <v>94</v>
      </c>
      <c r="L2872" t="s">
        <v>2159</v>
      </c>
      <c r="M2872">
        <v>2789</v>
      </c>
      <c r="N2872" t="s">
        <v>654</v>
      </c>
      <c r="O2872">
        <v>3</v>
      </c>
      <c r="P2872" t="s">
        <v>655</v>
      </c>
      <c r="Q2872">
        <v>1</v>
      </c>
      <c r="R2872" t="s">
        <v>656</v>
      </c>
      <c r="S2872">
        <v>2</v>
      </c>
      <c r="T2872" t="s">
        <v>661</v>
      </c>
      <c r="U2872">
        <v>8</v>
      </c>
      <c r="V2872">
        <v>2</v>
      </c>
      <c r="W2872">
        <v>120</v>
      </c>
      <c r="X2872">
        <v>2020</v>
      </c>
    </row>
    <row r="2873" spans="1:24" x14ac:dyDescent="0.25">
      <c r="A2873">
        <v>8510</v>
      </c>
      <c r="B2873" t="s">
        <v>131</v>
      </c>
      <c r="C2873">
        <v>51</v>
      </c>
      <c r="D2873" t="s">
        <v>347</v>
      </c>
      <c r="E2873">
        <v>622</v>
      </c>
      <c r="F2873" t="s">
        <v>651</v>
      </c>
      <c r="G2873">
        <v>160</v>
      </c>
      <c r="H2873" t="s">
        <v>658</v>
      </c>
      <c r="I2873">
        <v>13755</v>
      </c>
      <c r="J2873" t="s">
        <v>1071</v>
      </c>
      <c r="K2873">
        <v>94</v>
      </c>
      <c r="L2873" t="s">
        <v>2160</v>
      </c>
      <c r="M2873">
        <v>2788</v>
      </c>
      <c r="N2873" t="s">
        <v>654</v>
      </c>
      <c r="O2873">
        <v>3</v>
      </c>
      <c r="P2873" t="s">
        <v>655</v>
      </c>
      <c r="Q2873">
        <v>1</v>
      </c>
      <c r="R2873" t="s">
        <v>656</v>
      </c>
      <c r="S2873">
        <v>2</v>
      </c>
      <c r="T2873" t="s">
        <v>661</v>
      </c>
      <c r="U2873">
        <v>8</v>
      </c>
      <c r="V2873">
        <v>2</v>
      </c>
      <c r="W2873">
        <v>120</v>
      </c>
      <c r="X2873">
        <v>2020</v>
      </c>
    </row>
    <row r="2874" spans="1:24" x14ac:dyDescent="0.25">
      <c r="A2874">
        <v>8507</v>
      </c>
      <c r="B2874" t="s">
        <v>131</v>
      </c>
      <c r="C2874">
        <v>51</v>
      </c>
      <c r="D2874" t="s">
        <v>449</v>
      </c>
      <c r="E2874">
        <v>372</v>
      </c>
      <c r="F2874" t="s">
        <v>651</v>
      </c>
      <c r="G2874">
        <v>160</v>
      </c>
      <c r="H2874" t="s">
        <v>658</v>
      </c>
      <c r="I2874">
        <v>13755</v>
      </c>
      <c r="J2874" t="s">
        <v>785</v>
      </c>
      <c r="K2874">
        <v>93</v>
      </c>
      <c r="L2874" t="s">
        <v>2161</v>
      </c>
      <c r="M2874">
        <v>2786</v>
      </c>
      <c r="N2874" t="s">
        <v>654</v>
      </c>
      <c r="O2874">
        <v>3</v>
      </c>
      <c r="P2874" t="s">
        <v>655</v>
      </c>
      <c r="Q2874">
        <v>1</v>
      </c>
      <c r="R2874" t="s">
        <v>656</v>
      </c>
      <c r="S2874">
        <v>2</v>
      </c>
      <c r="T2874" t="s">
        <v>661</v>
      </c>
      <c r="U2874">
        <v>8</v>
      </c>
      <c r="V2874">
        <v>2</v>
      </c>
      <c r="W2874">
        <v>120</v>
      </c>
      <c r="X2874">
        <v>2020</v>
      </c>
    </row>
    <row r="2875" spans="1:24" x14ac:dyDescent="0.25">
      <c r="A2875">
        <v>8506</v>
      </c>
      <c r="B2875" t="s">
        <v>131</v>
      </c>
      <c r="C2875">
        <v>51</v>
      </c>
      <c r="D2875" t="s">
        <v>449</v>
      </c>
      <c r="E2875">
        <v>372</v>
      </c>
      <c r="F2875" t="s">
        <v>651</v>
      </c>
      <c r="G2875">
        <v>160</v>
      </c>
      <c r="H2875" t="s">
        <v>658</v>
      </c>
      <c r="I2875">
        <v>13755</v>
      </c>
      <c r="J2875" t="s">
        <v>785</v>
      </c>
      <c r="K2875">
        <v>93</v>
      </c>
      <c r="L2875" t="s">
        <v>1131</v>
      </c>
      <c r="M2875">
        <v>2785</v>
      </c>
      <c r="N2875" t="s">
        <v>654</v>
      </c>
      <c r="O2875">
        <v>3</v>
      </c>
      <c r="P2875" t="s">
        <v>655</v>
      </c>
      <c r="Q2875">
        <v>1</v>
      </c>
      <c r="R2875" t="s">
        <v>656</v>
      </c>
      <c r="S2875">
        <v>2</v>
      </c>
      <c r="T2875" t="s">
        <v>661</v>
      </c>
      <c r="U2875">
        <v>8</v>
      </c>
      <c r="V2875">
        <v>2</v>
      </c>
      <c r="W2875">
        <v>120</v>
      </c>
      <c r="X2875">
        <v>2020</v>
      </c>
    </row>
    <row r="2876" spans="1:24" x14ac:dyDescent="0.25">
      <c r="A2876">
        <v>8504</v>
      </c>
      <c r="B2876" t="s">
        <v>131</v>
      </c>
      <c r="C2876">
        <v>51</v>
      </c>
      <c r="D2876" t="s">
        <v>449</v>
      </c>
      <c r="E2876">
        <v>372</v>
      </c>
      <c r="F2876" t="s">
        <v>651</v>
      </c>
      <c r="G2876">
        <v>160</v>
      </c>
      <c r="H2876" t="s">
        <v>658</v>
      </c>
      <c r="I2876">
        <v>13755</v>
      </c>
      <c r="J2876" t="s">
        <v>785</v>
      </c>
      <c r="K2876">
        <v>93</v>
      </c>
      <c r="L2876" t="s">
        <v>1135</v>
      </c>
      <c r="M2876">
        <v>2784</v>
      </c>
      <c r="N2876" t="s">
        <v>654</v>
      </c>
      <c r="O2876">
        <v>3</v>
      </c>
      <c r="P2876" t="s">
        <v>655</v>
      </c>
      <c r="Q2876">
        <v>1</v>
      </c>
      <c r="R2876" t="s">
        <v>656</v>
      </c>
      <c r="S2876">
        <v>2</v>
      </c>
      <c r="T2876" t="s">
        <v>661</v>
      </c>
      <c r="U2876">
        <v>8</v>
      </c>
      <c r="V2876">
        <v>2</v>
      </c>
      <c r="W2876">
        <v>120</v>
      </c>
      <c r="X2876">
        <v>2020</v>
      </c>
    </row>
    <row r="2877" spans="1:24" x14ac:dyDescent="0.25">
      <c r="A2877">
        <v>8502</v>
      </c>
      <c r="B2877" t="s">
        <v>131</v>
      </c>
      <c r="C2877">
        <v>51</v>
      </c>
      <c r="D2877" t="s">
        <v>449</v>
      </c>
      <c r="E2877">
        <v>372</v>
      </c>
      <c r="F2877" t="s">
        <v>651</v>
      </c>
      <c r="G2877">
        <v>160</v>
      </c>
      <c r="H2877" t="s">
        <v>658</v>
      </c>
      <c r="I2877">
        <v>13755</v>
      </c>
      <c r="J2877" t="s">
        <v>785</v>
      </c>
      <c r="K2877">
        <v>93</v>
      </c>
      <c r="L2877" t="s">
        <v>1132</v>
      </c>
      <c r="M2877">
        <v>2783</v>
      </c>
      <c r="N2877" t="s">
        <v>654</v>
      </c>
      <c r="O2877">
        <v>3</v>
      </c>
      <c r="P2877" t="s">
        <v>655</v>
      </c>
      <c r="Q2877">
        <v>1</v>
      </c>
      <c r="R2877" t="s">
        <v>656</v>
      </c>
      <c r="S2877">
        <v>2</v>
      </c>
      <c r="T2877" t="s">
        <v>661</v>
      </c>
      <c r="U2877">
        <v>8</v>
      </c>
      <c r="V2877">
        <v>2</v>
      </c>
      <c r="W2877">
        <v>120</v>
      </c>
      <c r="X2877">
        <v>2020</v>
      </c>
    </row>
    <row r="2878" spans="1:24" x14ac:dyDescent="0.25">
      <c r="A2878">
        <v>8500</v>
      </c>
      <c r="B2878" t="s">
        <v>131</v>
      </c>
      <c r="C2878">
        <v>51</v>
      </c>
      <c r="D2878" t="s">
        <v>449</v>
      </c>
      <c r="E2878">
        <v>372</v>
      </c>
      <c r="F2878" t="s">
        <v>651</v>
      </c>
      <c r="G2878">
        <v>160</v>
      </c>
      <c r="H2878" t="s">
        <v>658</v>
      </c>
      <c r="I2878">
        <v>13755</v>
      </c>
      <c r="J2878" t="s">
        <v>785</v>
      </c>
      <c r="K2878">
        <v>93</v>
      </c>
      <c r="L2878" t="s">
        <v>1133</v>
      </c>
      <c r="M2878">
        <v>2782</v>
      </c>
      <c r="N2878" t="s">
        <v>654</v>
      </c>
      <c r="O2878">
        <v>3</v>
      </c>
      <c r="P2878" t="s">
        <v>655</v>
      </c>
      <c r="Q2878">
        <v>1</v>
      </c>
      <c r="R2878" t="s">
        <v>656</v>
      </c>
      <c r="S2878">
        <v>2</v>
      </c>
      <c r="T2878" t="s">
        <v>661</v>
      </c>
      <c r="U2878">
        <v>8</v>
      </c>
      <c r="V2878">
        <v>2</v>
      </c>
      <c r="W2878">
        <v>120</v>
      </c>
      <c r="X2878">
        <v>2020</v>
      </c>
    </row>
    <row r="2879" spans="1:24" x14ac:dyDescent="0.25">
      <c r="A2879">
        <v>8498</v>
      </c>
      <c r="B2879" t="s">
        <v>131</v>
      </c>
      <c r="C2879">
        <v>51</v>
      </c>
      <c r="D2879" t="s">
        <v>449</v>
      </c>
      <c r="E2879">
        <v>372</v>
      </c>
      <c r="F2879" t="s">
        <v>651</v>
      </c>
      <c r="G2879">
        <v>160</v>
      </c>
      <c r="H2879" t="s">
        <v>658</v>
      </c>
      <c r="I2879">
        <v>13755</v>
      </c>
      <c r="J2879" t="s">
        <v>785</v>
      </c>
      <c r="K2879">
        <v>93</v>
      </c>
      <c r="L2879" t="s">
        <v>1134</v>
      </c>
      <c r="M2879">
        <v>2781</v>
      </c>
      <c r="N2879" t="s">
        <v>654</v>
      </c>
      <c r="O2879">
        <v>3</v>
      </c>
      <c r="P2879" t="s">
        <v>655</v>
      </c>
      <c r="Q2879">
        <v>1</v>
      </c>
      <c r="R2879" t="s">
        <v>656</v>
      </c>
      <c r="S2879">
        <v>2</v>
      </c>
      <c r="T2879" t="s">
        <v>661</v>
      </c>
      <c r="U2879">
        <v>8</v>
      </c>
      <c r="V2879">
        <v>2</v>
      </c>
      <c r="W2879">
        <v>120</v>
      </c>
      <c r="X2879">
        <v>2020</v>
      </c>
    </row>
    <row r="2880" spans="1:24" x14ac:dyDescent="0.25">
      <c r="A2880">
        <v>8496</v>
      </c>
      <c r="B2880" t="s">
        <v>37</v>
      </c>
      <c r="C2880">
        <v>50</v>
      </c>
      <c r="D2880" t="s">
        <v>38</v>
      </c>
      <c r="E2880">
        <v>1331</v>
      </c>
      <c r="F2880" t="s">
        <v>651</v>
      </c>
      <c r="G2880">
        <v>160</v>
      </c>
      <c r="H2880" t="s">
        <v>658</v>
      </c>
      <c r="I2880">
        <v>13755</v>
      </c>
      <c r="J2880" t="s">
        <v>710</v>
      </c>
      <c r="K2880">
        <v>53</v>
      </c>
      <c r="L2880" t="s">
        <v>2162</v>
      </c>
      <c r="M2880">
        <v>2780</v>
      </c>
      <c r="N2880" t="s">
        <v>654</v>
      </c>
      <c r="O2880">
        <v>3</v>
      </c>
      <c r="P2880" t="s">
        <v>655</v>
      </c>
      <c r="Q2880">
        <v>1</v>
      </c>
      <c r="R2880" t="s">
        <v>656</v>
      </c>
      <c r="S2880">
        <v>2</v>
      </c>
      <c r="T2880" t="s">
        <v>661</v>
      </c>
      <c r="U2880">
        <v>8</v>
      </c>
      <c r="V2880">
        <v>1.5</v>
      </c>
      <c r="W2880">
        <v>90</v>
      </c>
      <c r="X2880">
        <v>2020</v>
      </c>
    </row>
    <row r="2881" spans="1:24" x14ac:dyDescent="0.25">
      <c r="A2881">
        <v>8495</v>
      </c>
      <c r="B2881" t="s">
        <v>37</v>
      </c>
      <c r="C2881">
        <v>50</v>
      </c>
      <c r="D2881" t="s">
        <v>38</v>
      </c>
      <c r="E2881">
        <v>1331</v>
      </c>
      <c r="F2881" t="s">
        <v>651</v>
      </c>
      <c r="G2881">
        <v>160</v>
      </c>
      <c r="H2881" t="s">
        <v>658</v>
      </c>
      <c r="I2881">
        <v>13755</v>
      </c>
      <c r="J2881" t="s">
        <v>710</v>
      </c>
      <c r="K2881">
        <v>53</v>
      </c>
      <c r="L2881" t="s">
        <v>2163</v>
      </c>
      <c r="M2881">
        <v>2779</v>
      </c>
      <c r="N2881" t="s">
        <v>654</v>
      </c>
      <c r="O2881">
        <v>3</v>
      </c>
      <c r="P2881" t="s">
        <v>655</v>
      </c>
      <c r="Q2881">
        <v>1</v>
      </c>
      <c r="R2881" t="s">
        <v>656</v>
      </c>
      <c r="S2881">
        <v>2</v>
      </c>
      <c r="T2881" t="s">
        <v>661</v>
      </c>
      <c r="U2881">
        <v>8</v>
      </c>
      <c r="V2881">
        <v>2</v>
      </c>
      <c r="W2881">
        <v>120</v>
      </c>
      <c r="X2881">
        <v>2020</v>
      </c>
    </row>
    <row r="2882" spans="1:24" x14ac:dyDescent="0.25">
      <c r="A2882">
        <v>8494</v>
      </c>
      <c r="B2882" t="s">
        <v>37</v>
      </c>
      <c r="C2882">
        <v>50</v>
      </c>
      <c r="D2882" t="s">
        <v>39</v>
      </c>
      <c r="E2882">
        <v>1328</v>
      </c>
      <c r="F2882" t="s">
        <v>651</v>
      </c>
      <c r="G2882">
        <v>160</v>
      </c>
      <c r="H2882" t="s">
        <v>658</v>
      </c>
      <c r="I2882">
        <v>13755</v>
      </c>
      <c r="J2882" t="s">
        <v>767</v>
      </c>
      <c r="K2882">
        <v>44</v>
      </c>
      <c r="L2882" t="s">
        <v>2164</v>
      </c>
      <c r="M2882">
        <v>2778</v>
      </c>
      <c r="N2882" t="s">
        <v>654</v>
      </c>
      <c r="O2882">
        <v>3</v>
      </c>
      <c r="P2882" t="s">
        <v>655</v>
      </c>
      <c r="Q2882">
        <v>1</v>
      </c>
      <c r="R2882" t="s">
        <v>656</v>
      </c>
      <c r="S2882">
        <v>2</v>
      </c>
      <c r="T2882" t="s">
        <v>661</v>
      </c>
      <c r="U2882">
        <v>8</v>
      </c>
      <c r="V2882">
        <v>1.5</v>
      </c>
      <c r="W2882">
        <v>90</v>
      </c>
      <c r="X2882">
        <v>2020</v>
      </c>
    </row>
    <row r="2883" spans="1:24" x14ac:dyDescent="0.25">
      <c r="A2883">
        <v>8493</v>
      </c>
      <c r="B2883" t="s">
        <v>37</v>
      </c>
      <c r="C2883">
        <v>50</v>
      </c>
      <c r="D2883" t="s">
        <v>40</v>
      </c>
      <c r="E2883">
        <v>1325</v>
      </c>
      <c r="F2883" t="s">
        <v>651</v>
      </c>
      <c r="G2883">
        <v>160</v>
      </c>
      <c r="H2883" t="s">
        <v>658</v>
      </c>
      <c r="I2883">
        <v>13755</v>
      </c>
      <c r="J2883" t="s">
        <v>1069</v>
      </c>
      <c r="K2883">
        <v>87</v>
      </c>
      <c r="L2883" t="s">
        <v>2165</v>
      </c>
      <c r="M2883">
        <v>2777</v>
      </c>
      <c r="N2883" t="s">
        <v>654</v>
      </c>
      <c r="O2883">
        <v>3</v>
      </c>
      <c r="P2883" t="s">
        <v>655</v>
      </c>
      <c r="Q2883">
        <v>1</v>
      </c>
      <c r="R2883" t="s">
        <v>656</v>
      </c>
      <c r="S2883">
        <v>2</v>
      </c>
      <c r="T2883" t="s">
        <v>661</v>
      </c>
      <c r="U2883">
        <v>8</v>
      </c>
      <c r="V2883">
        <v>1.5</v>
      </c>
      <c r="W2883">
        <v>90</v>
      </c>
      <c r="X2883">
        <v>2020</v>
      </c>
    </row>
    <row r="2884" spans="1:24" x14ac:dyDescent="0.25">
      <c r="A2884">
        <v>8492</v>
      </c>
      <c r="B2884" t="s">
        <v>37</v>
      </c>
      <c r="C2884">
        <v>50</v>
      </c>
      <c r="D2884" t="s">
        <v>41</v>
      </c>
      <c r="E2884">
        <v>1322</v>
      </c>
      <c r="F2884" t="s">
        <v>651</v>
      </c>
      <c r="G2884">
        <v>160</v>
      </c>
      <c r="H2884" t="s">
        <v>658</v>
      </c>
      <c r="I2884">
        <v>13755</v>
      </c>
      <c r="J2884" t="s">
        <v>1514</v>
      </c>
      <c r="K2884">
        <v>47</v>
      </c>
      <c r="L2884" t="s">
        <v>2166</v>
      </c>
      <c r="M2884">
        <v>2776</v>
      </c>
      <c r="N2884" t="s">
        <v>654</v>
      </c>
      <c r="O2884">
        <v>3</v>
      </c>
      <c r="P2884" t="s">
        <v>655</v>
      </c>
      <c r="Q2884">
        <v>1</v>
      </c>
      <c r="R2884" t="s">
        <v>656</v>
      </c>
      <c r="S2884">
        <v>2</v>
      </c>
      <c r="T2884" t="s">
        <v>661</v>
      </c>
      <c r="U2884">
        <v>8</v>
      </c>
      <c r="V2884">
        <v>1.5</v>
      </c>
      <c r="W2884">
        <v>90</v>
      </c>
      <c r="X2884">
        <v>2020</v>
      </c>
    </row>
    <row r="2885" spans="1:24" x14ac:dyDescent="0.25">
      <c r="A2885">
        <v>8491</v>
      </c>
      <c r="B2885" t="s">
        <v>37</v>
      </c>
      <c r="C2885">
        <v>50</v>
      </c>
      <c r="D2885" t="s">
        <v>41</v>
      </c>
      <c r="E2885">
        <v>1322</v>
      </c>
      <c r="F2885" t="s">
        <v>651</v>
      </c>
      <c r="G2885">
        <v>160</v>
      </c>
      <c r="H2885" t="s">
        <v>658</v>
      </c>
      <c r="I2885">
        <v>13755</v>
      </c>
      <c r="J2885" t="s">
        <v>707</v>
      </c>
      <c r="K2885">
        <v>59</v>
      </c>
      <c r="L2885" t="s">
        <v>2167</v>
      </c>
      <c r="M2885">
        <v>2775</v>
      </c>
      <c r="N2885" t="s">
        <v>654</v>
      </c>
      <c r="O2885">
        <v>3</v>
      </c>
      <c r="P2885" t="s">
        <v>655</v>
      </c>
      <c r="Q2885">
        <v>1</v>
      </c>
      <c r="R2885" t="s">
        <v>656</v>
      </c>
      <c r="S2885">
        <v>2</v>
      </c>
      <c r="T2885" t="s">
        <v>661</v>
      </c>
      <c r="U2885">
        <v>8</v>
      </c>
      <c r="V2885">
        <v>1.5</v>
      </c>
      <c r="W2885">
        <v>90</v>
      </c>
      <c r="X2885">
        <v>2020</v>
      </c>
    </row>
    <row r="2886" spans="1:24" x14ac:dyDescent="0.25">
      <c r="A2886">
        <v>8490</v>
      </c>
      <c r="B2886" t="s">
        <v>28</v>
      </c>
      <c r="C2886">
        <v>49</v>
      </c>
      <c r="D2886" t="s">
        <v>54</v>
      </c>
      <c r="E2886">
        <v>368</v>
      </c>
      <c r="F2886" t="s">
        <v>651</v>
      </c>
      <c r="G2886">
        <v>160</v>
      </c>
      <c r="H2886" t="s">
        <v>773</v>
      </c>
      <c r="I2886">
        <v>11846</v>
      </c>
      <c r="J2886" t="s">
        <v>752</v>
      </c>
      <c r="K2886">
        <v>90</v>
      </c>
      <c r="L2886" t="s">
        <v>2168</v>
      </c>
      <c r="M2886">
        <v>2774</v>
      </c>
      <c r="N2886" t="s">
        <v>654</v>
      </c>
      <c r="O2886">
        <v>3</v>
      </c>
      <c r="P2886" t="s">
        <v>655</v>
      </c>
      <c r="Q2886">
        <v>1</v>
      </c>
      <c r="R2886" t="s">
        <v>656</v>
      </c>
      <c r="S2886">
        <v>2</v>
      </c>
      <c r="T2886" t="s">
        <v>718</v>
      </c>
      <c r="U2886">
        <v>2</v>
      </c>
      <c r="V2886">
        <v>2</v>
      </c>
      <c r="W2886">
        <v>120</v>
      </c>
      <c r="X2886">
        <v>2020</v>
      </c>
    </row>
    <row r="2887" spans="1:24" x14ac:dyDescent="0.25">
      <c r="A2887">
        <v>8489</v>
      </c>
      <c r="B2887" t="s">
        <v>28</v>
      </c>
      <c r="C2887">
        <v>49</v>
      </c>
      <c r="D2887" t="s">
        <v>321</v>
      </c>
      <c r="E2887">
        <v>369</v>
      </c>
      <c r="F2887" t="s">
        <v>651</v>
      </c>
      <c r="G2887">
        <v>160</v>
      </c>
      <c r="H2887" t="s">
        <v>773</v>
      </c>
      <c r="I2887">
        <v>11846</v>
      </c>
      <c r="J2887" t="s">
        <v>878</v>
      </c>
      <c r="K2887">
        <v>91</v>
      </c>
      <c r="L2887" t="s">
        <v>2169</v>
      </c>
      <c r="M2887">
        <v>2773</v>
      </c>
      <c r="N2887" t="s">
        <v>654</v>
      </c>
      <c r="O2887">
        <v>3</v>
      </c>
      <c r="P2887" t="s">
        <v>655</v>
      </c>
      <c r="Q2887">
        <v>1</v>
      </c>
      <c r="R2887" t="s">
        <v>656</v>
      </c>
      <c r="S2887">
        <v>2</v>
      </c>
      <c r="T2887" t="s">
        <v>661</v>
      </c>
      <c r="U2887">
        <v>8</v>
      </c>
      <c r="V2887">
        <v>1</v>
      </c>
      <c r="W2887">
        <v>60</v>
      </c>
      <c r="X2887">
        <v>2020</v>
      </c>
    </row>
    <row r="2888" spans="1:24" x14ac:dyDescent="0.25">
      <c r="A2888">
        <v>8488</v>
      </c>
      <c r="B2888" t="s">
        <v>28</v>
      </c>
      <c r="C2888">
        <v>49</v>
      </c>
      <c r="D2888" t="s">
        <v>321</v>
      </c>
      <c r="E2888">
        <v>369</v>
      </c>
      <c r="F2888" t="s">
        <v>651</v>
      </c>
      <c r="G2888">
        <v>160</v>
      </c>
      <c r="H2888" t="s">
        <v>773</v>
      </c>
      <c r="I2888">
        <v>11846</v>
      </c>
      <c r="J2888" t="s">
        <v>878</v>
      </c>
      <c r="K2888">
        <v>91</v>
      </c>
      <c r="L2888" t="s">
        <v>2170</v>
      </c>
      <c r="M2888">
        <v>2772</v>
      </c>
      <c r="N2888" t="s">
        <v>654</v>
      </c>
      <c r="O2888">
        <v>3</v>
      </c>
      <c r="P2888" t="s">
        <v>655</v>
      </c>
      <c r="Q2888">
        <v>1</v>
      </c>
      <c r="R2888" t="s">
        <v>656</v>
      </c>
      <c r="S2888">
        <v>2</v>
      </c>
      <c r="T2888" t="s">
        <v>661</v>
      </c>
      <c r="U2888">
        <v>8</v>
      </c>
      <c r="V2888">
        <v>1</v>
      </c>
      <c r="W2888">
        <v>60</v>
      </c>
      <c r="X2888">
        <v>2020</v>
      </c>
    </row>
    <row r="2889" spans="1:24" x14ac:dyDescent="0.25">
      <c r="A2889">
        <v>8487</v>
      </c>
      <c r="B2889" t="s">
        <v>28</v>
      </c>
      <c r="C2889">
        <v>49</v>
      </c>
      <c r="D2889" t="s">
        <v>322</v>
      </c>
      <c r="E2889">
        <v>367</v>
      </c>
      <c r="F2889" t="s">
        <v>651</v>
      </c>
      <c r="G2889">
        <v>160</v>
      </c>
      <c r="H2889" t="s">
        <v>773</v>
      </c>
      <c r="I2889">
        <v>11846</v>
      </c>
      <c r="J2889" t="s">
        <v>839</v>
      </c>
      <c r="K2889">
        <v>89</v>
      </c>
      <c r="L2889" t="s">
        <v>2171</v>
      </c>
      <c r="M2889">
        <v>2520</v>
      </c>
      <c r="N2889" t="s">
        <v>654</v>
      </c>
      <c r="O2889">
        <v>3</v>
      </c>
      <c r="P2889" t="s">
        <v>655</v>
      </c>
      <c r="Q2889">
        <v>1</v>
      </c>
      <c r="R2889" t="s">
        <v>656</v>
      </c>
      <c r="S2889">
        <v>2</v>
      </c>
      <c r="T2889" t="s">
        <v>661</v>
      </c>
      <c r="U2889">
        <v>8</v>
      </c>
      <c r="V2889">
        <v>2</v>
      </c>
      <c r="W2889">
        <v>120</v>
      </c>
      <c r="X2889">
        <v>2020</v>
      </c>
    </row>
    <row r="2890" spans="1:24" x14ac:dyDescent="0.25">
      <c r="A2890">
        <v>8486</v>
      </c>
      <c r="B2890" t="s">
        <v>28</v>
      </c>
      <c r="C2890">
        <v>49</v>
      </c>
      <c r="D2890" t="s">
        <v>322</v>
      </c>
      <c r="E2890">
        <v>367</v>
      </c>
      <c r="F2890" t="s">
        <v>651</v>
      </c>
      <c r="G2890">
        <v>160</v>
      </c>
      <c r="H2890" t="s">
        <v>773</v>
      </c>
      <c r="I2890">
        <v>11846</v>
      </c>
      <c r="J2890" t="s">
        <v>839</v>
      </c>
      <c r="K2890">
        <v>89</v>
      </c>
      <c r="L2890" t="s">
        <v>2010</v>
      </c>
      <c r="M2890">
        <v>2771</v>
      </c>
      <c r="N2890" t="s">
        <v>654</v>
      </c>
      <c r="O2890">
        <v>3</v>
      </c>
      <c r="P2890" t="s">
        <v>655</v>
      </c>
      <c r="Q2890">
        <v>1</v>
      </c>
      <c r="R2890" t="s">
        <v>656</v>
      </c>
      <c r="S2890">
        <v>2</v>
      </c>
      <c r="T2890" t="s">
        <v>661</v>
      </c>
      <c r="U2890">
        <v>8</v>
      </c>
      <c r="V2890">
        <v>2</v>
      </c>
      <c r="W2890">
        <v>120</v>
      </c>
      <c r="X2890">
        <v>2020</v>
      </c>
    </row>
    <row r="2891" spans="1:24" x14ac:dyDescent="0.25">
      <c r="A2891">
        <v>8485</v>
      </c>
      <c r="B2891" t="s">
        <v>28</v>
      </c>
      <c r="C2891">
        <v>49</v>
      </c>
      <c r="D2891" t="s">
        <v>322</v>
      </c>
      <c r="E2891">
        <v>367</v>
      </c>
      <c r="F2891" t="s">
        <v>651</v>
      </c>
      <c r="G2891">
        <v>160</v>
      </c>
      <c r="H2891" t="s">
        <v>773</v>
      </c>
      <c r="I2891">
        <v>11846</v>
      </c>
      <c r="J2891" t="s">
        <v>839</v>
      </c>
      <c r="K2891">
        <v>89</v>
      </c>
      <c r="L2891" t="s">
        <v>2172</v>
      </c>
      <c r="M2891">
        <v>2770</v>
      </c>
      <c r="N2891" t="s">
        <v>654</v>
      </c>
      <c r="O2891">
        <v>3</v>
      </c>
      <c r="P2891" t="s">
        <v>655</v>
      </c>
      <c r="Q2891">
        <v>1</v>
      </c>
      <c r="R2891" t="s">
        <v>656</v>
      </c>
      <c r="S2891">
        <v>2</v>
      </c>
      <c r="T2891" t="s">
        <v>661</v>
      </c>
      <c r="U2891">
        <v>8</v>
      </c>
      <c r="V2891">
        <v>2</v>
      </c>
      <c r="W2891">
        <v>120</v>
      </c>
      <c r="X2891">
        <v>2020</v>
      </c>
    </row>
    <row r="2892" spans="1:24" x14ac:dyDescent="0.25">
      <c r="A2892">
        <v>8484</v>
      </c>
      <c r="B2892" t="s">
        <v>28</v>
      </c>
      <c r="C2892">
        <v>49</v>
      </c>
      <c r="D2892" t="s">
        <v>322</v>
      </c>
      <c r="E2892">
        <v>367</v>
      </c>
      <c r="F2892" t="s">
        <v>651</v>
      </c>
      <c r="G2892">
        <v>160</v>
      </c>
      <c r="H2892" t="s">
        <v>773</v>
      </c>
      <c r="I2892">
        <v>11846</v>
      </c>
      <c r="J2892" t="s">
        <v>839</v>
      </c>
      <c r="K2892">
        <v>89</v>
      </c>
      <c r="L2892" t="s">
        <v>2173</v>
      </c>
      <c r="M2892">
        <v>2769</v>
      </c>
      <c r="N2892" t="s">
        <v>654</v>
      </c>
      <c r="O2892">
        <v>3</v>
      </c>
      <c r="P2892" t="s">
        <v>655</v>
      </c>
      <c r="Q2892">
        <v>1</v>
      </c>
      <c r="R2892" t="s">
        <v>656</v>
      </c>
      <c r="S2892">
        <v>2</v>
      </c>
      <c r="T2892" t="s">
        <v>661</v>
      </c>
      <c r="U2892">
        <v>8</v>
      </c>
      <c r="V2892">
        <v>1</v>
      </c>
      <c r="W2892">
        <v>60</v>
      </c>
      <c r="X2892">
        <v>2020</v>
      </c>
    </row>
    <row r="2893" spans="1:24" x14ac:dyDescent="0.25">
      <c r="A2893">
        <v>8483</v>
      </c>
      <c r="B2893" t="s">
        <v>28</v>
      </c>
      <c r="C2893">
        <v>49</v>
      </c>
      <c r="D2893" t="s">
        <v>322</v>
      </c>
      <c r="E2893">
        <v>367</v>
      </c>
      <c r="F2893" t="s">
        <v>651</v>
      </c>
      <c r="G2893">
        <v>160</v>
      </c>
      <c r="H2893" t="s">
        <v>773</v>
      </c>
      <c r="I2893">
        <v>11846</v>
      </c>
      <c r="J2893" t="s">
        <v>839</v>
      </c>
      <c r="K2893">
        <v>89</v>
      </c>
      <c r="L2893" t="s">
        <v>1273</v>
      </c>
      <c r="M2893">
        <v>910</v>
      </c>
      <c r="N2893" t="s">
        <v>654</v>
      </c>
      <c r="O2893">
        <v>3</v>
      </c>
      <c r="P2893" t="s">
        <v>655</v>
      </c>
      <c r="Q2893">
        <v>1</v>
      </c>
      <c r="R2893" t="s">
        <v>656</v>
      </c>
      <c r="S2893">
        <v>2</v>
      </c>
      <c r="T2893" t="s">
        <v>661</v>
      </c>
      <c r="U2893">
        <v>8</v>
      </c>
      <c r="V2893">
        <v>1</v>
      </c>
      <c r="W2893">
        <v>60</v>
      </c>
      <c r="X2893">
        <v>2020</v>
      </c>
    </row>
    <row r="2894" spans="1:24" x14ac:dyDescent="0.25">
      <c r="A2894">
        <v>8482</v>
      </c>
      <c r="B2894" t="s">
        <v>93</v>
      </c>
      <c r="C2894">
        <v>48</v>
      </c>
      <c r="D2894" t="s">
        <v>454</v>
      </c>
      <c r="E2894">
        <v>360</v>
      </c>
      <c r="F2894" t="s">
        <v>651</v>
      </c>
      <c r="G2894">
        <v>160</v>
      </c>
      <c r="H2894" t="s">
        <v>773</v>
      </c>
      <c r="I2894">
        <v>11846</v>
      </c>
      <c r="J2894" t="s">
        <v>894</v>
      </c>
      <c r="K2894">
        <v>18</v>
      </c>
      <c r="L2894" t="s">
        <v>2174</v>
      </c>
      <c r="M2894">
        <v>2768</v>
      </c>
      <c r="N2894" t="s">
        <v>654</v>
      </c>
      <c r="O2894">
        <v>3</v>
      </c>
      <c r="P2894" t="s">
        <v>655</v>
      </c>
      <c r="Q2894">
        <v>1</v>
      </c>
      <c r="R2894" t="s">
        <v>656</v>
      </c>
      <c r="S2894">
        <v>2</v>
      </c>
      <c r="T2894" t="s">
        <v>661</v>
      </c>
      <c r="U2894">
        <v>8</v>
      </c>
      <c r="V2894">
        <v>2</v>
      </c>
      <c r="W2894">
        <v>120</v>
      </c>
      <c r="X2894">
        <v>2020</v>
      </c>
    </row>
    <row r="2895" spans="1:24" x14ac:dyDescent="0.25">
      <c r="A2895">
        <v>8481</v>
      </c>
      <c r="B2895" t="s">
        <v>93</v>
      </c>
      <c r="C2895">
        <v>48</v>
      </c>
      <c r="D2895" t="s">
        <v>454</v>
      </c>
      <c r="E2895">
        <v>360</v>
      </c>
      <c r="F2895" t="s">
        <v>651</v>
      </c>
      <c r="G2895">
        <v>160</v>
      </c>
      <c r="H2895" t="s">
        <v>773</v>
      </c>
      <c r="I2895">
        <v>11846</v>
      </c>
      <c r="J2895" t="s">
        <v>691</v>
      </c>
      <c r="K2895">
        <v>21</v>
      </c>
      <c r="L2895" t="s">
        <v>2175</v>
      </c>
      <c r="M2895">
        <v>2767</v>
      </c>
      <c r="N2895" t="s">
        <v>654</v>
      </c>
      <c r="O2895">
        <v>3</v>
      </c>
      <c r="P2895" t="s">
        <v>655</v>
      </c>
      <c r="Q2895">
        <v>1</v>
      </c>
      <c r="R2895" t="s">
        <v>656</v>
      </c>
      <c r="S2895">
        <v>2</v>
      </c>
      <c r="T2895" t="s">
        <v>661</v>
      </c>
      <c r="U2895">
        <v>8</v>
      </c>
      <c r="V2895">
        <v>2</v>
      </c>
      <c r="W2895">
        <v>120</v>
      </c>
      <c r="X2895">
        <v>2020</v>
      </c>
    </row>
    <row r="2896" spans="1:24" x14ac:dyDescent="0.25">
      <c r="A2896">
        <v>8480</v>
      </c>
      <c r="B2896" t="s">
        <v>93</v>
      </c>
      <c r="C2896">
        <v>48</v>
      </c>
      <c r="D2896" t="s">
        <v>454</v>
      </c>
      <c r="E2896">
        <v>360</v>
      </c>
      <c r="F2896" t="s">
        <v>651</v>
      </c>
      <c r="G2896">
        <v>160</v>
      </c>
      <c r="H2896" t="s">
        <v>773</v>
      </c>
      <c r="I2896">
        <v>11846</v>
      </c>
      <c r="J2896" t="s">
        <v>691</v>
      </c>
      <c r="K2896">
        <v>21</v>
      </c>
      <c r="L2896" t="s">
        <v>2176</v>
      </c>
      <c r="M2896">
        <v>859</v>
      </c>
      <c r="N2896" t="s">
        <v>654</v>
      </c>
      <c r="O2896">
        <v>3</v>
      </c>
      <c r="P2896" t="s">
        <v>655</v>
      </c>
      <c r="Q2896">
        <v>1</v>
      </c>
      <c r="R2896" t="s">
        <v>656</v>
      </c>
      <c r="S2896">
        <v>2</v>
      </c>
      <c r="T2896" t="s">
        <v>661</v>
      </c>
      <c r="U2896">
        <v>8</v>
      </c>
      <c r="V2896">
        <v>2</v>
      </c>
      <c r="W2896">
        <v>120</v>
      </c>
      <c r="X2896">
        <v>2020</v>
      </c>
    </row>
    <row r="2897" spans="1:24" x14ac:dyDescent="0.25">
      <c r="A2897">
        <v>8479</v>
      </c>
      <c r="B2897" t="s">
        <v>93</v>
      </c>
      <c r="C2897">
        <v>48</v>
      </c>
      <c r="D2897" t="s">
        <v>454</v>
      </c>
      <c r="E2897">
        <v>360</v>
      </c>
      <c r="F2897" t="s">
        <v>651</v>
      </c>
      <c r="G2897">
        <v>160</v>
      </c>
      <c r="H2897" t="s">
        <v>773</v>
      </c>
      <c r="I2897">
        <v>11846</v>
      </c>
      <c r="J2897" t="s">
        <v>691</v>
      </c>
      <c r="K2897">
        <v>21</v>
      </c>
      <c r="L2897" t="s">
        <v>2177</v>
      </c>
      <c r="M2897">
        <v>2766</v>
      </c>
      <c r="N2897" t="s">
        <v>654</v>
      </c>
      <c r="O2897">
        <v>3</v>
      </c>
      <c r="P2897" t="s">
        <v>655</v>
      </c>
      <c r="Q2897">
        <v>1</v>
      </c>
      <c r="R2897" t="s">
        <v>656</v>
      </c>
      <c r="S2897">
        <v>2</v>
      </c>
      <c r="T2897" t="s">
        <v>661</v>
      </c>
      <c r="U2897">
        <v>8</v>
      </c>
      <c r="V2897">
        <v>2</v>
      </c>
      <c r="W2897">
        <v>120</v>
      </c>
      <c r="X2897">
        <v>2020</v>
      </c>
    </row>
    <row r="2898" spans="1:24" x14ac:dyDescent="0.25">
      <c r="A2898">
        <v>8478</v>
      </c>
      <c r="B2898" t="s">
        <v>93</v>
      </c>
      <c r="C2898">
        <v>48</v>
      </c>
      <c r="D2898" t="s">
        <v>454</v>
      </c>
      <c r="E2898">
        <v>360</v>
      </c>
      <c r="F2898" t="s">
        <v>651</v>
      </c>
      <c r="G2898">
        <v>160</v>
      </c>
      <c r="H2898" t="s">
        <v>773</v>
      </c>
      <c r="I2898">
        <v>11846</v>
      </c>
      <c r="J2898" t="s">
        <v>691</v>
      </c>
      <c r="K2898">
        <v>21</v>
      </c>
      <c r="L2898" t="s">
        <v>2178</v>
      </c>
      <c r="M2898">
        <v>2765</v>
      </c>
      <c r="N2898" t="s">
        <v>654</v>
      </c>
      <c r="O2898">
        <v>3</v>
      </c>
      <c r="P2898" t="s">
        <v>655</v>
      </c>
      <c r="Q2898">
        <v>1</v>
      </c>
      <c r="R2898" t="s">
        <v>656</v>
      </c>
      <c r="S2898">
        <v>2</v>
      </c>
      <c r="T2898" t="s">
        <v>661</v>
      </c>
      <c r="U2898">
        <v>8</v>
      </c>
      <c r="V2898">
        <v>2</v>
      </c>
      <c r="W2898">
        <v>120</v>
      </c>
      <c r="X2898">
        <v>2020</v>
      </c>
    </row>
    <row r="2899" spans="1:24" x14ac:dyDescent="0.25">
      <c r="A2899">
        <v>8477</v>
      </c>
      <c r="B2899" t="s">
        <v>93</v>
      </c>
      <c r="C2899">
        <v>48</v>
      </c>
      <c r="D2899" t="s">
        <v>454</v>
      </c>
      <c r="E2899">
        <v>360</v>
      </c>
      <c r="F2899" t="s">
        <v>651</v>
      </c>
      <c r="G2899">
        <v>160</v>
      </c>
      <c r="H2899" t="s">
        <v>773</v>
      </c>
      <c r="I2899">
        <v>11846</v>
      </c>
      <c r="J2899" t="s">
        <v>691</v>
      </c>
      <c r="K2899">
        <v>21</v>
      </c>
      <c r="L2899" t="s">
        <v>2179</v>
      </c>
      <c r="M2899">
        <v>2764</v>
      </c>
      <c r="N2899" t="s">
        <v>654</v>
      </c>
      <c r="O2899">
        <v>3</v>
      </c>
      <c r="P2899" t="s">
        <v>655</v>
      </c>
      <c r="Q2899">
        <v>1</v>
      </c>
      <c r="R2899" t="s">
        <v>656</v>
      </c>
      <c r="S2899">
        <v>2</v>
      </c>
      <c r="T2899" t="s">
        <v>661</v>
      </c>
      <c r="U2899">
        <v>8</v>
      </c>
      <c r="V2899">
        <v>2</v>
      </c>
      <c r="W2899">
        <v>120</v>
      </c>
      <c r="X2899">
        <v>2020</v>
      </c>
    </row>
    <row r="2900" spans="1:24" x14ac:dyDescent="0.25">
      <c r="A2900">
        <v>8476</v>
      </c>
      <c r="B2900" t="s">
        <v>93</v>
      </c>
      <c r="C2900">
        <v>48</v>
      </c>
      <c r="D2900" t="s">
        <v>454</v>
      </c>
      <c r="E2900">
        <v>360</v>
      </c>
      <c r="F2900" t="s">
        <v>651</v>
      </c>
      <c r="G2900">
        <v>160</v>
      </c>
      <c r="H2900" t="s">
        <v>773</v>
      </c>
      <c r="I2900">
        <v>11846</v>
      </c>
      <c r="J2900" t="s">
        <v>691</v>
      </c>
      <c r="K2900">
        <v>21</v>
      </c>
      <c r="L2900" t="s">
        <v>2180</v>
      </c>
      <c r="M2900">
        <v>2763</v>
      </c>
      <c r="N2900" t="s">
        <v>654</v>
      </c>
      <c r="O2900">
        <v>3</v>
      </c>
      <c r="P2900" t="s">
        <v>655</v>
      </c>
      <c r="Q2900">
        <v>1</v>
      </c>
      <c r="R2900" t="s">
        <v>656</v>
      </c>
      <c r="S2900">
        <v>2</v>
      </c>
      <c r="T2900" t="s">
        <v>661</v>
      </c>
      <c r="U2900">
        <v>8</v>
      </c>
      <c r="V2900">
        <v>2</v>
      </c>
      <c r="W2900">
        <v>120</v>
      </c>
      <c r="X2900">
        <v>2020</v>
      </c>
    </row>
    <row r="2901" spans="1:24" x14ac:dyDescent="0.25">
      <c r="A2901">
        <v>8475</v>
      </c>
      <c r="B2901" t="s">
        <v>93</v>
      </c>
      <c r="C2901">
        <v>48</v>
      </c>
      <c r="D2901" t="s">
        <v>454</v>
      </c>
      <c r="E2901">
        <v>360</v>
      </c>
      <c r="F2901" t="s">
        <v>651</v>
      </c>
      <c r="G2901">
        <v>160</v>
      </c>
      <c r="H2901" t="s">
        <v>773</v>
      </c>
      <c r="I2901">
        <v>11846</v>
      </c>
      <c r="J2901" t="s">
        <v>756</v>
      </c>
      <c r="K2901">
        <v>19</v>
      </c>
      <c r="L2901" t="s">
        <v>2181</v>
      </c>
      <c r="M2901">
        <v>2762</v>
      </c>
      <c r="N2901" t="s">
        <v>654</v>
      </c>
      <c r="O2901">
        <v>3</v>
      </c>
      <c r="P2901" t="s">
        <v>655</v>
      </c>
      <c r="Q2901">
        <v>1</v>
      </c>
      <c r="R2901" t="s">
        <v>656</v>
      </c>
      <c r="S2901">
        <v>2</v>
      </c>
      <c r="T2901" t="s">
        <v>661</v>
      </c>
      <c r="U2901">
        <v>8</v>
      </c>
      <c r="V2901">
        <v>2</v>
      </c>
      <c r="W2901">
        <v>120</v>
      </c>
      <c r="X2901">
        <v>2020</v>
      </c>
    </row>
    <row r="2902" spans="1:24" x14ac:dyDescent="0.25">
      <c r="A2902">
        <v>8474</v>
      </c>
      <c r="B2902" t="s">
        <v>93</v>
      </c>
      <c r="C2902">
        <v>48</v>
      </c>
      <c r="D2902" t="s">
        <v>454</v>
      </c>
      <c r="E2902">
        <v>360</v>
      </c>
      <c r="F2902" t="s">
        <v>651</v>
      </c>
      <c r="G2902">
        <v>160</v>
      </c>
      <c r="H2902" t="s">
        <v>773</v>
      </c>
      <c r="I2902">
        <v>11846</v>
      </c>
      <c r="J2902" t="s">
        <v>756</v>
      </c>
      <c r="K2902">
        <v>19</v>
      </c>
      <c r="L2902" t="s">
        <v>2182</v>
      </c>
      <c r="M2902">
        <v>2049</v>
      </c>
      <c r="N2902" t="s">
        <v>654</v>
      </c>
      <c r="O2902">
        <v>3</v>
      </c>
      <c r="P2902" t="s">
        <v>655</v>
      </c>
      <c r="Q2902">
        <v>1</v>
      </c>
      <c r="R2902" t="s">
        <v>656</v>
      </c>
      <c r="S2902">
        <v>2</v>
      </c>
      <c r="T2902" t="s">
        <v>661</v>
      </c>
      <c r="U2902">
        <v>8</v>
      </c>
      <c r="V2902">
        <v>2</v>
      </c>
      <c r="W2902">
        <v>120</v>
      </c>
      <c r="X2902">
        <v>2020</v>
      </c>
    </row>
    <row r="2903" spans="1:24" x14ac:dyDescent="0.25">
      <c r="A2903">
        <v>8473</v>
      </c>
      <c r="B2903" t="s">
        <v>93</v>
      </c>
      <c r="C2903">
        <v>48</v>
      </c>
      <c r="D2903" t="s">
        <v>454</v>
      </c>
      <c r="E2903">
        <v>360</v>
      </c>
      <c r="F2903" t="s">
        <v>651</v>
      </c>
      <c r="G2903">
        <v>160</v>
      </c>
      <c r="H2903" t="s">
        <v>773</v>
      </c>
      <c r="I2903">
        <v>11846</v>
      </c>
      <c r="J2903" t="s">
        <v>866</v>
      </c>
      <c r="K2903">
        <v>9</v>
      </c>
      <c r="L2903" t="s">
        <v>2183</v>
      </c>
      <c r="M2903">
        <v>2761</v>
      </c>
      <c r="N2903" t="s">
        <v>654</v>
      </c>
      <c r="O2903">
        <v>3</v>
      </c>
      <c r="P2903" t="s">
        <v>655</v>
      </c>
      <c r="Q2903">
        <v>1</v>
      </c>
      <c r="R2903" t="s">
        <v>656</v>
      </c>
      <c r="S2903">
        <v>2</v>
      </c>
      <c r="T2903" t="s">
        <v>661</v>
      </c>
      <c r="U2903">
        <v>8</v>
      </c>
      <c r="V2903">
        <v>2</v>
      </c>
      <c r="W2903">
        <v>120</v>
      </c>
      <c r="X2903">
        <v>2020</v>
      </c>
    </row>
    <row r="2904" spans="1:24" x14ac:dyDescent="0.25">
      <c r="A2904">
        <v>8472</v>
      </c>
      <c r="B2904" t="s">
        <v>93</v>
      </c>
      <c r="C2904">
        <v>48</v>
      </c>
      <c r="D2904" t="s">
        <v>454</v>
      </c>
      <c r="E2904">
        <v>360</v>
      </c>
      <c r="F2904" t="s">
        <v>651</v>
      </c>
      <c r="G2904">
        <v>160</v>
      </c>
      <c r="H2904" t="s">
        <v>773</v>
      </c>
      <c r="I2904">
        <v>11846</v>
      </c>
      <c r="J2904" t="s">
        <v>866</v>
      </c>
      <c r="K2904">
        <v>9</v>
      </c>
      <c r="L2904" t="s">
        <v>2184</v>
      </c>
      <c r="M2904">
        <v>2760</v>
      </c>
      <c r="N2904" t="s">
        <v>654</v>
      </c>
      <c r="O2904">
        <v>3</v>
      </c>
      <c r="P2904" t="s">
        <v>655</v>
      </c>
      <c r="Q2904">
        <v>1</v>
      </c>
      <c r="R2904" t="s">
        <v>656</v>
      </c>
      <c r="S2904">
        <v>2</v>
      </c>
      <c r="T2904" t="s">
        <v>661</v>
      </c>
      <c r="U2904">
        <v>8</v>
      </c>
      <c r="V2904">
        <v>2</v>
      </c>
      <c r="W2904">
        <v>120</v>
      </c>
      <c r="X2904">
        <v>2020</v>
      </c>
    </row>
    <row r="2905" spans="1:24" x14ac:dyDescent="0.25">
      <c r="A2905">
        <v>8471</v>
      </c>
      <c r="B2905" t="s">
        <v>93</v>
      </c>
      <c r="C2905">
        <v>48</v>
      </c>
      <c r="D2905" t="s">
        <v>453</v>
      </c>
      <c r="E2905">
        <v>362</v>
      </c>
      <c r="F2905" t="s">
        <v>651</v>
      </c>
      <c r="G2905">
        <v>160</v>
      </c>
      <c r="H2905" t="s">
        <v>773</v>
      </c>
      <c r="I2905">
        <v>11846</v>
      </c>
      <c r="J2905" t="s">
        <v>866</v>
      </c>
      <c r="K2905">
        <v>9</v>
      </c>
      <c r="L2905" t="s">
        <v>2185</v>
      </c>
      <c r="M2905">
        <v>2759</v>
      </c>
      <c r="N2905" t="s">
        <v>654</v>
      </c>
      <c r="O2905">
        <v>3</v>
      </c>
      <c r="P2905" t="s">
        <v>655</v>
      </c>
      <c r="Q2905">
        <v>1</v>
      </c>
      <c r="R2905" t="s">
        <v>656</v>
      </c>
      <c r="S2905">
        <v>2</v>
      </c>
      <c r="T2905" t="s">
        <v>718</v>
      </c>
      <c r="U2905">
        <v>2</v>
      </c>
      <c r="V2905">
        <v>2</v>
      </c>
      <c r="W2905">
        <v>120</v>
      </c>
      <c r="X2905">
        <v>2020</v>
      </c>
    </row>
    <row r="2906" spans="1:24" x14ac:dyDescent="0.25">
      <c r="A2906">
        <v>8466</v>
      </c>
      <c r="B2906" t="s">
        <v>93</v>
      </c>
      <c r="C2906">
        <v>48</v>
      </c>
      <c r="D2906" t="s">
        <v>453</v>
      </c>
      <c r="E2906">
        <v>362</v>
      </c>
      <c r="F2906" t="s">
        <v>651</v>
      </c>
      <c r="G2906">
        <v>160</v>
      </c>
      <c r="H2906" t="s">
        <v>773</v>
      </c>
      <c r="I2906">
        <v>11846</v>
      </c>
      <c r="J2906" t="s">
        <v>684</v>
      </c>
      <c r="K2906">
        <v>22</v>
      </c>
      <c r="L2906" t="s">
        <v>1211</v>
      </c>
      <c r="M2906">
        <v>2754</v>
      </c>
      <c r="N2906" t="s">
        <v>654</v>
      </c>
      <c r="O2906">
        <v>3</v>
      </c>
      <c r="P2906" t="s">
        <v>655</v>
      </c>
      <c r="Q2906">
        <v>1</v>
      </c>
      <c r="R2906" t="s">
        <v>656</v>
      </c>
      <c r="S2906">
        <v>2</v>
      </c>
      <c r="T2906" t="s">
        <v>661</v>
      </c>
      <c r="U2906">
        <v>8</v>
      </c>
      <c r="V2906">
        <v>2</v>
      </c>
      <c r="W2906">
        <v>120</v>
      </c>
      <c r="X2906">
        <v>2020</v>
      </c>
    </row>
    <row r="2907" spans="1:24" x14ac:dyDescent="0.25">
      <c r="A2907">
        <v>8465</v>
      </c>
      <c r="B2907" t="s">
        <v>93</v>
      </c>
      <c r="C2907">
        <v>48</v>
      </c>
      <c r="D2907" t="s">
        <v>453</v>
      </c>
      <c r="E2907">
        <v>362</v>
      </c>
      <c r="F2907" t="s">
        <v>651</v>
      </c>
      <c r="G2907">
        <v>160</v>
      </c>
      <c r="H2907" t="s">
        <v>773</v>
      </c>
      <c r="I2907">
        <v>11846</v>
      </c>
      <c r="J2907" t="s">
        <v>703</v>
      </c>
      <c r="K2907">
        <v>16</v>
      </c>
      <c r="L2907" t="s">
        <v>2186</v>
      </c>
      <c r="M2907">
        <v>2753</v>
      </c>
      <c r="N2907" t="s">
        <v>654</v>
      </c>
      <c r="O2907">
        <v>3</v>
      </c>
      <c r="P2907" t="s">
        <v>655</v>
      </c>
      <c r="Q2907">
        <v>1</v>
      </c>
      <c r="R2907" t="s">
        <v>656</v>
      </c>
      <c r="S2907">
        <v>2</v>
      </c>
      <c r="T2907" t="s">
        <v>661</v>
      </c>
      <c r="U2907">
        <v>8</v>
      </c>
      <c r="V2907">
        <v>2</v>
      </c>
      <c r="W2907">
        <v>120</v>
      </c>
      <c r="X2907">
        <v>2020</v>
      </c>
    </row>
    <row r="2908" spans="1:24" x14ac:dyDescent="0.25">
      <c r="A2908">
        <v>8464</v>
      </c>
      <c r="B2908" t="s">
        <v>93</v>
      </c>
      <c r="C2908">
        <v>48</v>
      </c>
      <c r="D2908" t="s">
        <v>453</v>
      </c>
      <c r="E2908">
        <v>362</v>
      </c>
      <c r="F2908" t="s">
        <v>651</v>
      </c>
      <c r="G2908">
        <v>160</v>
      </c>
      <c r="H2908" t="s">
        <v>773</v>
      </c>
      <c r="I2908">
        <v>11846</v>
      </c>
      <c r="J2908" t="s">
        <v>703</v>
      </c>
      <c r="K2908">
        <v>16</v>
      </c>
      <c r="L2908" t="s">
        <v>2187</v>
      </c>
      <c r="M2908">
        <v>2752</v>
      </c>
      <c r="N2908" t="s">
        <v>654</v>
      </c>
      <c r="O2908">
        <v>3</v>
      </c>
      <c r="P2908" t="s">
        <v>655</v>
      </c>
      <c r="Q2908">
        <v>1</v>
      </c>
      <c r="R2908" t="s">
        <v>656</v>
      </c>
      <c r="S2908">
        <v>2</v>
      </c>
      <c r="T2908" t="s">
        <v>661</v>
      </c>
      <c r="U2908">
        <v>8</v>
      </c>
      <c r="V2908">
        <v>2</v>
      </c>
      <c r="W2908">
        <v>120</v>
      </c>
      <c r="X2908">
        <v>2020</v>
      </c>
    </row>
    <row r="2909" spans="1:24" x14ac:dyDescent="0.25">
      <c r="A2909">
        <v>8458</v>
      </c>
      <c r="B2909" t="s">
        <v>93</v>
      </c>
      <c r="C2909">
        <v>48</v>
      </c>
      <c r="D2909" t="s">
        <v>453</v>
      </c>
      <c r="E2909">
        <v>362</v>
      </c>
      <c r="F2909" t="s">
        <v>651</v>
      </c>
      <c r="G2909">
        <v>160</v>
      </c>
      <c r="H2909" t="s">
        <v>773</v>
      </c>
      <c r="I2909">
        <v>11846</v>
      </c>
      <c r="J2909" t="s">
        <v>703</v>
      </c>
      <c r="K2909">
        <v>16</v>
      </c>
      <c r="L2909" t="s">
        <v>2188</v>
      </c>
      <c r="M2909">
        <v>2746</v>
      </c>
      <c r="N2909" t="s">
        <v>654</v>
      </c>
      <c r="O2909">
        <v>3</v>
      </c>
      <c r="P2909" t="s">
        <v>655</v>
      </c>
      <c r="Q2909">
        <v>1</v>
      </c>
      <c r="R2909" t="s">
        <v>656</v>
      </c>
      <c r="S2909">
        <v>2</v>
      </c>
      <c r="T2909" t="s">
        <v>661</v>
      </c>
      <c r="U2909">
        <v>8</v>
      </c>
      <c r="V2909">
        <v>2</v>
      </c>
      <c r="W2909">
        <v>120</v>
      </c>
      <c r="X2909">
        <v>2020</v>
      </c>
    </row>
    <row r="2910" spans="1:24" x14ac:dyDescent="0.25">
      <c r="A2910">
        <v>8457</v>
      </c>
      <c r="B2910" t="s">
        <v>93</v>
      </c>
      <c r="C2910">
        <v>48</v>
      </c>
      <c r="D2910" t="s">
        <v>453</v>
      </c>
      <c r="E2910">
        <v>362</v>
      </c>
      <c r="F2910" t="s">
        <v>651</v>
      </c>
      <c r="G2910">
        <v>160</v>
      </c>
      <c r="H2910" t="s">
        <v>773</v>
      </c>
      <c r="I2910">
        <v>11846</v>
      </c>
      <c r="J2910" t="s">
        <v>703</v>
      </c>
      <c r="K2910">
        <v>16</v>
      </c>
      <c r="L2910" t="s">
        <v>2189</v>
      </c>
      <c r="M2910">
        <v>2745</v>
      </c>
      <c r="N2910" t="s">
        <v>654</v>
      </c>
      <c r="O2910">
        <v>3</v>
      </c>
      <c r="P2910" t="s">
        <v>655</v>
      </c>
      <c r="Q2910">
        <v>1</v>
      </c>
      <c r="R2910" t="s">
        <v>656</v>
      </c>
      <c r="S2910">
        <v>2</v>
      </c>
      <c r="T2910" t="s">
        <v>661</v>
      </c>
      <c r="U2910">
        <v>8</v>
      </c>
      <c r="V2910">
        <v>2</v>
      </c>
      <c r="W2910">
        <v>120</v>
      </c>
      <c r="X2910">
        <v>2020</v>
      </c>
    </row>
    <row r="2911" spans="1:24" x14ac:dyDescent="0.25">
      <c r="A2911">
        <v>8456</v>
      </c>
      <c r="B2911" t="s">
        <v>93</v>
      </c>
      <c r="C2911">
        <v>48</v>
      </c>
      <c r="D2911" t="s">
        <v>453</v>
      </c>
      <c r="E2911">
        <v>362</v>
      </c>
      <c r="F2911" t="s">
        <v>651</v>
      </c>
      <c r="G2911">
        <v>160</v>
      </c>
      <c r="H2911" t="s">
        <v>773</v>
      </c>
      <c r="I2911">
        <v>11846</v>
      </c>
      <c r="J2911" t="s">
        <v>703</v>
      </c>
      <c r="K2911">
        <v>16</v>
      </c>
      <c r="L2911" t="s">
        <v>2190</v>
      </c>
      <c r="M2911">
        <v>2744</v>
      </c>
      <c r="N2911" t="s">
        <v>654</v>
      </c>
      <c r="O2911">
        <v>3</v>
      </c>
      <c r="P2911" t="s">
        <v>655</v>
      </c>
      <c r="Q2911">
        <v>1</v>
      </c>
      <c r="R2911" t="s">
        <v>656</v>
      </c>
      <c r="S2911">
        <v>2</v>
      </c>
      <c r="T2911" t="s">
        <v>661</v>
      </c>
      <c r="U2911">
        <v>8</v>
      </c>
      <c r="V2911">
        <v>2</v>
      </c>
      <c r="W2911">
        <v>120</v>
      </c>
      <c r="X2911">
        <v>2020</v>
      </c>
    </row>
    <row r="2912" spans="1:24" x14ac:dyDescent="0.25">
      <c r="A2912">
        <v>8455</v>
      </c>
      <c r="B2912" t="s">
        <v>93</v>
      </c>
      <c r="C2912">
        <v>48</v>
      </c>
      <c r="D2912" t="s">
        <v>453</v>
      </c>
      <c r="E2912">
        <v>362</v>
      </c>
      <c r="F2912" t="s">
        <v>651</v>
      </c>
      <c r="G2912">
        <v>160</v>
      </c>
      <c r="H2912" t="s">
        <v>773</v>
      </c>
      <c r="I2912">
        <v>11846</v>
      </c>
      <c r="J2912" t="s">
        <v>703</v>
      </c>
      <c r="K2912">
        <v>16</v>
      </c>
      <c r="L2912" t="s">
        <v>2191</v>
      </c>
      <c r="M2912">
        <v>2203</v>
      </c>
      <c r="N2912" t="s">
        <v>654</v>
      </c>
      <c r="O2912">
        <v>3</v>
      </c>
      <c r="P2912" t="s">
        <v>655</v>
      </c>
      <c r="Q2912">
        <v>1</v>
      </c>
      <c r="R2912" t="s">
        <v>656</v>
      </c>
      <c r="S2912">
        <v>2</v>
      </c>
      <c r="T2912" t="s">
        <v>661</v>
      </c>
      <c r="U2912">
        <v>8</v>
      </c>
      <c r="V2912">
        <v>2</v>
      </c>
      <c r="W2912">
        <v>120</v>
      </c>
      <c r="X2912">
        <v>2020</v>
      </c>
    </row>
    <row r="2913" spans="1:24" x14ac:dyDescent="0.25">
      <c r="A2913">
        <v>8451</v>
      </c>
      <c r="B2913" t="s">
        <v>93</v>
      </c>
      <c r="C2913">
        <v>48</v>
      </c>
      <c r="D2913" t="s">
        <v>453</v>
      </c>
      <c r="E2913">
        <v>362</v>
      </c>
      <c r="F2913" t="s">
        <v>651</v>
      </c>
      <c r="G2913">
        <v>160</v>
      </c>
      <c r="H2913" t="s">
        <v>773</v>
      </c>
      <c r="I2913">
        <v>11846</v>
      </c>
      <c r="J2913" t="s">
        <v>868</v>
      </c>
      <c r="K2913">
        <v>23</v>
      </c>
      <c r="L2913" t="s">
        <v>2192</v>
      </c>
      <c r="M2913">
        <v>2740</v>
      </c>
      <c r="N2913" t="s">
        <v>654</v>
      </c>
      <c r="O2913">
        <v>3</v>
      </c>
      <c r="P2913" t="s">
        <v>655</v>
      </c>
      <c r="Q2913">
        <v>1</v>
      </c>
      <c r="R2913" t="s">
        <v>656</v>
      </c>
      <c r="S2913">
        <v>2</v>
      </c>
      <c r="T2913" t="s">
        <v>661</v>
      </c>
      <c r="U2913">
        <v>8</v>
      </c>
      <c r="V2913">
        <v>2</v>
      </c>
      <c r="W2913">
        <v>120</v>
      </c>
      <c r="X2913">
        <v>2020</v>
      </c>
    </row>
    <row r="2914" spans="1:24" x14ac:dyDescent="0.25">
      <c r="A2914">
        <v>8450</v>
      </c>
      <c r="B2914" t="s">
        <v>93</v>
      </c>
      <c r="C2914">
        <v>48</v>
      </c>
      <c r="D2914" t="s">
        <v>453</v>
      </c>
      <c r="E2914">
        <v>362</v>
      </c>
      <c r="F2914" t="s">
        <v>651</v>
      </c>
      <c r="G2914">
        <v>160</v>
      </c>
      <c r="H2914" t="s">
        <v>773</v>
      </c>
      <c r="I2914">
        <v>11846</v>
      </c>
      <c r="J2914" t="s">
        <v>868</v>
      </c>
      <c r="K2914">
        <v>23</v>
      </c>
      <c r="L2914" t="s">
        <v>2193</v>
      </c>
      <c r="M2914">
        <v>2739</v>
      </c>
      <c r="N2914" t="s">
        <v>654</v>
      </c>
      <c r="O2914">
        <v>3</v>
      </c>
      <c r="P2914" t="s">
        <v>655</v>
      </c>
      <c r="Q2914">
        <v>1</v>
      </c>
      <c r="R2914" t="s">
        <v>656</v>
      </c>
      <c r="S2914">
        <v>2</v>
      </c>
      <c r="T2914" t="s">
        <v>718</v>
      </c>
      <c r="U2914">
        <v>2</v>
      </c>
      <c r="V2914">
        <v>2</v>
      </c>
      <c r="W2914">
        <v>120</v>
      </c>
      <c r="X2914">
        <v>2020</v>
      </c>
    </row>
    <row r="2915" spans="1:24" x14ac:dyDescent="0.25">
      <c r="A2915">
        <v>8448</v>
      </c>
      <c r="B2915" t="s">
        <v>93</v>
      </c>
      <c r="C2915">
        <v>48</v>
      </c>
      <c r="D2915" t="s">
        <v>450</v>
      </c>
      <c r="E2915">
        <v>365</v>
      </c>
      <c r="F2915" t="s">
        <v>651</v>
      </c>
      <c r="G2915">
        <v>160</v>
      </c>
      <c r="H2915" t="s">
        <v>773</v>
      </c>
      <c r="I2915">
        <v>11846</v>
      </c>
      <c r="J2915" t="s">
        <v>673</v>
      </c>
      <c r="K2915">
        <v>34</v>
      </c>
      <c r="L2915" t="s">
        <v>2194</v>
      </c>
      <c r="M2915">
        <v>2737</v>
      </c>
      <c r="N2915" t="s">
        <v>654</v>
      </c>
      <c r="O2915">
        <v>3</v>
      </c>
      <c r="P2915" t="s">
        <v>655</v>
      </c>
      <c r="Q2915">
        <v>1</v>
      </c>
      <c r="R2915" t="s">
        <v>656</v>
      </c>
      <c r="S2915">
        <v>2</v>
      </c>
      <c r="T2915" t="s">
        <v>661</v>
      </c>
      <c r="U2915">
        <v>8</v>
      </c>
      <c r="V2915">
        <v>2</v>
      </c>
      <c r="W2915">
        <v>120</v>
      </c>
      <c r="X2915">
        <v>2020</v>
      </c>
    </row>
    <row r="2916" spans="1:24" x14ac:dyDescent="0.25">
      <c r="A2916">
        <v>8446</v>
      </c>
      <c r="B2916" t="s">
        <v>93</v>
      </c>
      <c r="C2916">
        <v>48</v>
      </c>
      <c r="D2916" t="s">
        <v>458</v>
      </c>
      <c r="E2916">
        <v>356</v>
      </c>
      <c r="F2916" t="s">
        <v>651</v>
      </c>
      <c r="G2916">
        <v>160</v>
      </c>
      <c r="H2916" t="s">
        <v>773</v>
      </c>
      <c r="I2916">
        <v>11846</v>
      </c>
      <c r="J2916" t="s">
        <v>885</v>
      </c>
      <c r="K2916">
        <v>1</v>
      </c>
      <c r="L2916" t="s">
        <v>2195</v>
      </c>
      <c r="M2916">
        <v>2735</v>
      </c>
      <c r="N2916" t="s">
        <v>654</v>
      </c>
      <c r="O2916">
        <v>3</v>
      </c>
      <c r="P2916" t="s">
        <v>655</v>
      </c>
      <c r="Q2916">
        <v>1</v>
      </c>
      <c r="R2916" t="s">
        <v>656</v>
      </c>
      <c r="S2916">
        <v>2</v>
      </c>
      <c r="T2916" t="s">
        <v>661</v>
      </c>
      <c r="U2916">
        <v>8</v>
      </c>
      <c r="V2916">
        <v>2</v>
      </c>
      <c r="W2916">
        <v>120</v>
      </c>
      <c r="X2916">
        <v>2020</v>
      </c>
    </row>
    <row r="2917" spans="1:24" x14ac:dyDescent="0.25">
      <c r="A2917">
        <v>8444</v>
      </c>
      <c r="B2917" t="s">
        <v>93</v>
      </c>
      <c r="C2917">
        <v>48</v>
      </c>
      <c r="D2917" t="s">
        <v>458</v>
      </c>
      <c r="E2917">
        <v>356</v>
      </c>
      <c r="F2917" t="s">
        <v>651</v>
      </c>
      <c r="G2917">
        <v>160</v>
      </c>
      <c r="H2917" t="s">
        <v>773</v>
      </c>
      <c r="I2917">
        <v>11846</v>
      </c>
      <c r="J2917" t="s">
        <v>885</v>
      </c>
      <c r="K2917">
        <v>1</v>
      </c>
      <c r="L2917" t="s">
        <v>2196</v>
      </c>
      <c r="M2917">
        <v>2089</v>
      </c>
      <c r="N2917" t="s">
        <v>654</v>
      </c>
      <c r="O2917">
        <v>3</v>
      </c>
      <c r="P2917" t="s">
        <v>655</v>
      </c>
      <c r="Q2917">
        <v>1</v>
      </c>
      <c r="R2917" t="s">
        <v>656</v>
      </c>
      <c r="S2917">
        <v>2</v>
      </c>
      <c r="T2917" t="s">
        <v>661</v>
      </c>
      <c r="U2917">
        <v>8</v>
      </c>
      <c r="V2917">
        <v>2</v>
      </c>
      <c r="W2917">
        <v>120</v>
      </c>
      <c r="X2917">
        <v>2020</v>
      </c>
    </row>
    <row r="2918" spans="1:24" x14ac:dyDescent="0.25">
      <c r="A2918">
        <v>8443</v>
      </c>
      <c r="B2918" t="s">
        <v>93</v>
      </c>
      <c r="C2918">
        <v>48</v>
      </c>
      <c r="D2918" t="s">
        <v>458</v>
      </c>
      <c r="E2918">
        <v>356</v>
      </c>
      <c r="F2918" t="s">
        <v>651</v>
      </c>
      <c r="G2918">
        <v>160</v>
      </c>
      <c r="H2918" t="s">
        <v>773</v>
      </c>
      <c r="I2918">
        <v>11846</v>
      </c>
      <c r="J2918" t="s">
        <v>676</v>
      </c>
      <c r="K2918">
        <v>4</v>
      </c>
      <c r="L2918" t="s">
        <v>2197</v>
      </c>
      <c r="M2918">
        <v>2734</v>
      </c>
      <c r="N2918" t="s">
        <v>654</v>
      </c>
      <c r="O2918">
        <v>3</v>
      </c>
      <c r="P2918" t="s">
        <v>655</v>
      </c>
      <c r="Q2918">
        <v>1</v>
      </c>
      <c r="R2918" t="s">
        <v>656</v>
      </c>
      <c r="S2918">
        <v>2</v>
      </c>
      <c r="T2918" t="s">
        <v>661</v>
      </c>
      <c r="U2918">
        <v>8</v>
      </c>
      <c r="V2918">
        <v>2</v>
      </c>
      <c r="W2918">
        <v>120</v>
      </c>
      <c r="X2918">
        <v>2020</v>
      </c>
    </row>
    <row r="2919" spans="1:24" x14ac:dyDescent="0.25">
      <c r="A2919">
        <v>8442</v>
      </c>
      <c r="B2919" t="s">
        <v>93</v>
      </c>
      <c r="C2919">
        <v>48</v>
      </c>
      <c r="D2919" t="s">
        <v>458</v>
      </c>
      <c r="E2919">
        <v>356</v>
      </c>
      <c r="F2919" t="s">
        <v>651</v>
      </c>
      <c r="G2919">
        <v>160</v>
      </c>
      <c r="H2919" t="s">
        <v>773</v>
      </c>
      <c r="I2919">
        <v>11846</v>
      </c>
      <c r="J2919" t="s">
        <v>676</v>
      </c>
      <c r="K2919">
        <v>4</v>
      </c>
      <c r="L2919" t="s">
        <v>2198</v>
      </c>
      <c r="M2919">
        <v>896</v>
      </c>
      <c r="N2919" t="s">
        <v>654</v>
      </c>
      <c r="O2919">
        <v>3</v>
      </c>
      <c r="P2919" t="s">
        <v>655</v>
      </c>
      <c r="Q2919">
        <v>1</v>
      </c>
      <c r="R2919" t="s">
        <v>656</v>
      </c>
      <c r="S2919">
        <v>2</v>
      </c>
      <c r="T2919" t="s">
        <v>661</v>
      </c>
      <c r="U2919">
        <v>8</v>
      </c>
      <c r="V2919">
        <v>2</v>
      </c>
      <c r="W2919">
        <v>120</v>
      </c>
      <c r="X2919">
        <v>2020</v>
      </c>
    </row>
    <row r="2920" spans="1:24" x14ac:dyDescent="0.25">
      <c r="A2920">
        <v>8441</v>
      </c>
      <c r="B2920" t="s">
        <v>93</v>
      </c>
      <c r="C2920">
        <v>48</v>
      </c>
      <c r="D2920" t="s">
        <v>458</v>
      </c>
      <c r="E2920">
        <v>356</v>
      </c>
      <c r="F2920" t="s">
        <v>651</v>
      </c>
      <c r="G2920">
        <v>160</v>
      </c>
      <c r="H2920" t="s">
        <v>773</v>
      </c>
      <c r="I2920">
        <v>11846</v>
      </c>
      <c r="J2920" t="s">
        <v>676</v>
      </c>
      <c r="K2920">
        <v>4</v>
      </c>
      <c r="L2920" t="s">
        <v>2199</v>
      </c>
      <c r="M2920">
        <v>2733</v>
      </c>
      <c r="N2920" t="s">
        <v>654</v>
      </c>
      <c r="O2920">
        <v>3</v>
      </c>
      <c r="P2920" t="s">
        <v>655</v>
      </c>
      <c r="Q2920">
        <v>1</v>
      </c>
      <c r="R2920" t="s">
        <v>656</v>
      </c>
      <c r="S2920">
        <v>2</v>
      </c>
      <c r="T2920" t="s">
        <v>661</v>
      </c>
      <c r="U2920">
        <v>8</v>
      </c>
      <c r="V2920">
        <v>2</v>
      </c>
      <c r="W2920">
        <v>120</v>
      </c>
      <c r="X2920">
        <v>2020</v>
      </c>
    </row>
    <row r="2921" spans="1:24" x14ac:dyDescent="0.25">
      <c r="A2921">
        <v>8440</v>
      </c>
      <c r="B2921" t="s">
        <v>93</v>
      </c>
      <c r="C2921">
        <v>48</v>
      </c>
      <c r="D2921" t="s">
        <v>458</v>
      </c>
      <c r="E2921">
        <v>356</v>
      </c>
      <c r="F2921" t="s">
        <v>651</v>
      </c>
      <c r="G2921">
        <v>160</v>
      </c>
      <c r="H2921" t="s">
        <v>773</v>
      </c>
      <c r="I2921">
        <v>11846</v>
      </c>
      <c r="J2921" t="s">
        <v>676</v>
      </c>
      <c r="K2921">
        <v>4</v>
      </c>
      <c r="L2921" t="s">
        <v>2200</v>
      </c>
      <c r="M2921">
        <v>2732</v>
      </c>
      <c r="N2921" t="s">
        <v>654</v>
      </c>
      <c r="O2921">
        <v>3</v>
      </c>
      <c r="P2921" t="s">
        <v>655</v>
      </c>
      <c r="Q2921">
        <v>1</v>
      </c>
      <c r="R2921" t="s">
        <v>656</v>
      </c>
      <c r="S2921">
        <v>2</v>
      </c>
      <c r="T2921" t="s">
        <v>718</v>
      </c>
      <c r="U2921">
        <v>2</v>
      </c>
      <c r="V2921">
        <v>2</v>
      </c>
      <c r="W2921">
        <v>120</v>
      </c>
      <c r="X2921">
        <v>2020</v>
      </c>
    </row>
    <row r="2922" spans="1:24" x14ac:dyDescent="0.25">
      <c r="A2922">
        <v>8438</v>
      </c>
      <c r="B2922" t="s">
        <v>93</v>
      </c>
      <c r="C2922">
        <v>48</v>
      </c>
      <c r="D2922" t="s">
        <v>455</v>
      </c>
      <c r="E2922">
        <v>359</v>
      </c>
      <c r="F2922" t="s">
        <v>651</v>
      </c>
      <c r="G2922">
        <v>160</v>
      </c>
      <c r="H2922" t="s">
        <v>773</v>
      </c>
      <c r="I2922">
        <v>11846</v>
      </c>
      <c r="J2922" t="s">
        <v>864</v>
      </c>
      <c r="K2922">
        <v>14</v>
      </c>
      <c r="L2922" t="s">
        <v>2201</v>
      </c>
      <c r="M2922">
        <v>2730</v>
      </c>
      <c r="N2922" t="s">
        <v>654</v>
      </c>
      <c r="O2922">
        <v>3</v>
      </c>
      <c r="P2922" t="s">
        <v>655</v>
      </c>
      <c r="Q2922">
        <v>1</v>
      </c>
      <c r="R2922" t="s">
        <v>656</v>
      </c>
      <c r="S2922">
        <v>2</v>
      </c>
      <c r="T2922" t="s">
        <v>661</v>
      </c>
      <c r="U2922">
        <v>8</v>
      </c>
      <c r="V2922">
        <v>2</v>
      </c>
      <c r="W2922">
        <v>120</v>
      </c>
      <c r="X2922">
        <v>2020</v>
      </c>
    </row>
    <row r="2923" spans="1:24" x14ac:dyDescent="0.25">
      <c r="A2923">
        <v>8436</v>
      </c>
      <c r="B2923" t="s">
        <v>93</v>
      </c>
      <c r="C2923">
        <v>48</v>
      </c>
      <c r="D2923" t="s">
        <v>455</v>
      </c>
      <c r="E2923">
        <v>359</v>
      </c>
      <c r="F2923" t="s">
        <v>651</v>
      </c>
      <c r="G2923">
        <v>160</v>
      </c>
      <c r="H2923" t="s">
        <v>773</v>
      </c>
      <c r="I2923">
        <v>11846</v>
      </c>
      <c r="J2923" t="s">
        <v>663</v>
      </c>
      <c r="K2923">
        <v>99</v>
      </c>
      <c r="L2923" t="s">
        <v>2202</v>
      </c>
      <c r="M2923">
        <v>2728</v>
      </c>
      <c r="N2923" t="s">
        <v>654</v>
      </c>
      <c r="O2923">
        <v>3</v>
      </c>
      <c r="P2923" t="s">
        <v>655</v>
      </c>
      <c r="Q2923">
        <v>1</v>
      </c>
      <c r="R2923" t="s">
        <v>656</v>
      </c>
      <c r="S2923">
        <v>2</v>
      </c>
      <c r="T2923" t="s">
        <v>661</v>
      </c>
      <c r="U2923">
        <v>8</v>
      </c>
      <c r="V2923">
        <v>2</v>
      </c>
      <c r="W2923">
        <v>120</v>
      </c>
      <c r="X2923">
        <v>2020</v>
      </c>
    </row>
    <row r="2924" spans="1:24" x14ac:dyDescent="0.25">
      <c r="A2924">
        <v>8435</v>
      </c>
      <c r="B2924" t="s">
        <v>93</v>
      </c>
      <c r="C2924">
        <v>48</v>
      </c>
      <c r="D2924" t="s">
        <v>455</v>
      </c>
      <c r="E2924">
        <v>359</v>
      </c>
      <c r="F2924" t="s">
        <v>651</v>
      </c>
      <c r="G2924">
        <v>160</v>
      </c>
      <c r="H2924" t="s">
        <v>773</v>
      </c>
      <c r="I2924">
        <v>11846</v>
      </c>
      <c r="J2924" t="s">
        <v>663</v>
      </c>
      <c r="K2924">
        <v>99</v>
      </c>
      <c r="L2924" t="s">
        <v>2203</v>
      </c>
      <c r="M2924">
        <v>2727</v>
      </c>
      <c r="N2924" t="s">
        <v>654</v>
      </c>
      <c r="O2924">
        <v>3</v>
      </c>
      <c r="P2924" t="s">
        <v>655</v>
      </c>
      <c r="Q2924">
        <v>1</v>
      </c>
      <c r="R2924" t="s">
        <v>656</v>
      </c>
      <c r="S2924">
        <v>2</v>
      </c>
      <c r="T2924" t="s">
        <v>661</v>
      </c>
      <c r="U2924">
        <v>8</v>
      </c>
      <c r="V2924">
        <v>2</v>
      </c>
      <c r="W2924">
        <v>120</v>
      </c>
      <c r="X2924">
        <v>2020</v>
      </c>
    </row>
    <row r="2925" spans="1:24" x14ac:dyDescent="0.25">
      <c r="A2925">
        <v>8434</v>
      </c>
      <c r="B2925" t="s">
        <v>93</v>
      </c>
      <c r="C2925">
        <v>48</v>
      </c>
      <c r="D2925" t="s">
        <v>455</v>
      </c>
      <c r="E2925">
        <v>359</v>
      </c>
      <c r="F2925" t="s">
        <v>651</v>
      </c>
      <c r="G2925">
        <v>160</v>
      </c>
      <c r="H2925" t="s">
        <v>773</v>
      </c>
      <c r="I2925">
        <v>11846</v>
      </c>
      <c r="J2925" t="s">
        <v>663</v>
      </c>
      <c r="K2925">
        <v>99</v>
      </c>
      <c r="L2925" t="s">
        <v>2204</v>
      </c>
      <c r="M2925">
        <v>2726</v>
      </c>
      <c r="N2925" t="s">
        <v>654</v>
      </c>
      <c r="O2925">
        <v>3</v>
      </c>
      <c r="P2925" t="s">
        <v>655</v>
      </c>
      <c r="Q2925">
        <v>1</v>
      </c>
      <c r="R2925" t="s">
        <v>656</v>
      </c>
      <c r="S2925">
        <v>2</v>
      </c>
      <c r="T2925" t="s">
        <v>661</v>
      </c>
      <c r="U2925">
        <v>8</v>
      </c>
      <c r="V2925">
        <v>2</v>
      </c>
      <c r="W2925">
        <v>120</v>
      </c>
      <c r="X2925">
        <v>2020</v>
      </c>
    </row>
    <row r="2926" spans="1:24" x14ac:dyDescent="0.25">
      <c r="A2926">
        <v>8433</v>
      </c>
      <c r="B2926" t="s">
        <v>93</v>
      </c>
      <c r="C2926">
        <v>48</v>
      </c>
      <c r="D2926" t="s">
        <v>455</v>
      </c>
      <c r="E2926">
        <v>359</v>
      </c>
      <c r="F2926" t="s">
        <v>651</v>
      </c>
      <c r="G2926">
        <v>160</v>
      </c>
      <c r="H2926" t="s">
        <v>773</v>
      </c>
      <c r="I2926">
        <v>11846</v>
      </c>
      <c r="J2926" t="s">
        <v>663</v>
      </c>
      <c r="K2926">
        <v>99</v>
      </c>
      <c r="L2926" t="s">
        <v>2205</v>
      </c>
      <c r="M2926">
        <v>2725</v>
      </c>
      <c r="N2926" t="s">
        <v>654</v>
      </c>
      <c r="O2926">
        <v>3</v>
      </c>
      <c r="P2926" t="s">
        <v>655</v>
      </c>
      <c r="Q2926">
        <v>1</v>
      </c>
      <c r="R2926" t="s">
        <v>656</v>
      </c>
      <c r="S2926">
        <v>2</v>
      </c>
      <c r="T2926" t="s">
        <v>661</v>
      </c>
      <c r="U2926">
        <v>8</v>
      </c>
      <c r="V2926">
        <v>2</v>
      </c>
      <c r="W2926">
        <v>120</v>
      </c>
      <c r="X2926">
        <v>2020</v>
      </c>
    </row>
    <row r="2927" spans="1:24" x14ac:dyDescent="0.25">
      <c r="A2927">
        <v>8432</v>
      </c>
      <c r="B2927" t="s">
        <v>93</v>
      </c>
      <c r="C2927">
        <v>48</v>
      </c>
      <c r="D2927" t="s">
        <v>455</v>
      </c>
      <c r="E2927">
        <v>359</v>
      </c>
      <c r="F2927" t="s">
        <v>651</v>
      </c>
      <c r="G2927">
        <v>160</v>
      </c>
      <c r="H2927" t="s">
        <v>773</v>
      </c>
      <c r="I2927">
        <v>11846</v>
      </c>
      <c r="J2927" t="s">
        <v>663</v>
      </c>
      <c r="K2927">
        <v>99</v>
      </c>
      <c r="L2927" t="s">
        <v>1418</v>
      </c>
      <c r="M2927">
        <v>878</v>
      </c>
      <c r="N2927" t="s">
        <v>654</v>
      </c>
      <c r="O2927">
        <v>3</v>
      </c>
      <c r="P2927" t="s">
        <v>655</v>
      </c>
      <c r="Q2927">
        <v>1</v>
      </c>
      <c r="R2927" t="s">
        <v>656</v>
      </c>
      <c r="S2927">
        <v>2</v>
      </c>
      <c r="T2927" t="s">
        <v>661</v>
      </c>
      <c r="U2927">
        <v>8</v>
      </c>
      <c r="V2927">
        <v>2</v>
      </c>
      <c r="W2927">
        <v>120</v>
      </c>
      <c r="X2927">
        <v>2020</v>
      </c>
    </row>
    <row r="2928" spans="1:24" x14ac:dyDescent="0.25">
      <c r="A2928">
        <v>8431</v>
      </c>
      <c r="B2928" t="s">
        <v>93</v>
      </c>
      <c r="C2928">
        <v>48</v>
      </c>
      <c r="D2928" t="s">
        <v>455</v>
      </c>
      <c r="E2928">
        <v>359</v>
      </c>
      <c r="F2928" t="s">
        <v>651</v>
      </c>
      <c r="G2928">
        <v>160</v>
      </c>
      <c r="H2928" t="s">
        <v>773</v>
      </c>
      <c r="I2928">
        <v>11846</v>
      </c>
      <c r="J2928" t="s">
        <v>663</v>
      </c>
      <c r="K2928">
        <v>99</v>
      </c>
      <c r="L2928" t="s">
        <v>2206</v>
      </c>
      <c r="M2928">
        <v>2724</v>
      </c>
      <c r="N2928" t="s">
        <v>654</v>
      </c>
      <c r="O2928">
        <v>3</v>
      </c>
      <c r="P2928" t="s">
        <v>655</v>
      </c>
      <c r="Q2928">
        <v>1</v>
      </c>
      <c r="R2928" t="s">
        <v>656</v>
      </c>
      <c r="S2928">
        <v>2</v>
      </c>
      <c r="T2928" t="s">
        <v>661</v>
      </c>
      <c r="U2928">
        <v>8</v>
      </c>
      <c r="V2928">
        <v>2</v>
      </c>
      <c r="W2928">
        <v>120</v>
      </c>
      <c r="X2928">
        <v>2020</v>
      </c>
    </row>
    <row r="2929" spans="1:24" x14ac:dyDescent="0.25">
      <c r="A2929">
        <v>8429</v>
      </c>
      <c r="B2929" t="s">
        <v>93</v>
      </c>
      <c r="C2929">
        <v>48</v>
      </c>
      <c r="D2929" t="s">
        <v>455</v>
      </c>
      <c r="E2929">
        <v>359</v>
      </c>
      <c r="F2929" t="s">
        <v>651</v>
      </c>
      <c r="G2929">
        <v>160</v>
      </c>
      <c r="H2929" t="s">
        <v>773</v>
      </c>
      <c r="I2929">
        <v>11846</v>
      </c>
      <c r="J2929" t="s">
        <v>802</v>
      </c>
      <c r="K2929">
        <v>12</v>
      </c>
      <c r="L2929" t="s">
        <v>2207</v>
      </c>
      <c r="M2929">
        <v>2722</v>
      </c>
      <c r="N2929" t="s">
        <v>654</v>
      </c>
      <c r="O2929">
        <v>3</v>
      </c>
      <c r="P2929" t="s">
        <v>655</v>
      </c>
      <c r="Q2929">
        <v>1</v>
      </c>
      <c r="R2929" t="s">
        <v>656</v>
      </c>
      <c r="S2929">
        <v>2</v>
      </c>
      <c r="T2929" t="s">
        <v>661</v>
      </c>
      <c r="U2929">
        <v>8</v>
      </c>
      <c r="V2929">
        <v>2</v>
      </c>
      <c r="W2929">
        <v>120</v>
      </c>
      <c r="X2929">
        <v>2020</v>
      </c>
    </row>
    <row r="2930" spans="1:24" x14ac:dyDescent="0.25">
      <c r="A2930">
        <v>8428</v>
      </c>
      <c r="B2930" t="s">
        <v>93</v>
      </c>
      <c r="C2930">
        <v>48</v>
      </c>
      <c r="D2930" t="s">
        <v>455</v>
      </c>
      <c r="E2930">
        <v>359</v>
      </c>
      <c r="F2930" t="s">
        <v>651</v>
      </c>
      <c r="G2930">
        <v>160</v>
      </c>
      <c r="H2930" t="s">
        <v>773</v>
      </c>
      <c r="I2930">
        <v>11846</v>
      </c>
      <c r="J2930" t="s">
        <v>802</v>
      </c>
      <c r="K2930">
        <v>12</v>
      </c>
      <c r="L2930" t="s">
        <v>2208</v>
      </c>
      <c r="M2930">
        <v>2721</v>
      </c>
      <c r="N2930" t="s">
        <v>654</v>
      </c>
      <c r="O2930">
        <v>3</v>
      </c>
      <c r="P2930" t="s">
        <v>655</v>
      </c>
      <c r="Q2930">
        <v>1</v>
      </c>
      <c r="R2930" t="s">
        <v>656</v>
      </c>
      <c r="S2930">
        <v>2</v>
      </c>
      <c r="T2930" t="s">
        <v>661</v>
      </c>
      <c r="U2930">
        <v>8</v>
      </c>
      <c r="V2930">
        <v>2</v>
      </c>
      <c r="W2930">
        <v>120</v>
      </c>
      <c r="X2930">
        <v>2020</v>
      </c>
    </row>
    <row r="2931" spans="1:24" x14ac:dyDescent="0.25">
      <c r="A2931">
        <v>8427</v>
      </c>
      <c r="B2931" t="s">
        <v>93</v>
      </c>
      <c r="C2931">
        <v>48</v>
      </c>
      <c r="D2931" t="s">
        <v>457</v>
      </c>
      <c r="E2931">
        <v>357</v>
      </c>
      <c r="F2931" t="s">
        <v>651</v>
      </c>
      <c r="G2931">
        <v>160</v>
      </c>
      <c r="H2931" t="s">
        <v>773</v>
      </c>
      <c r="I2931">
        <v>11846</v>
      </c>
      <c r="J2931" t="s">
        <v>726</v>
      </c>
      <c r="K2931">
        <v>2</v>
      </c>
      <c r="L2931" t="s">
        <v>2209</v>
      </c>
      <c r="M2931">
        <v>2720</v>
      </c>
      <c r="N2931" t="s">
        <v>654</v>
      </c>
      <c r="O2931">
        <v>3</v>
      </c>
      <c r="P2931" t="s">
        <v>655</v>
      </c>
      <c r="Q2931">
        <v>1</v>
      </c>
      <c r="R2931" t="s">
        <v>656</v>
      </c>
      <c r="S2931">
        <v>2</v>
      </c>
      <c r="T2931" t="s">
        <v>661</v>
      </c>
      <c r="U2931">
        <v>8</v>
      </c>
      <c r="V2931">
        <v>2</v>
      </c>
      <c r="W2931">
        <v>120</v>
      </c>
      <c r="X2931">
        <v>2020</v>
      </c>
    </row>
    <row r="2932" spans="1:24" x14ac:dyDescent="0.25">
      <c r="A2932">
        <v>8426</v>
      </c>
      <c r="B2932" t="s">
        <v>93</v>
      </c>
      <c r="C2932">
        <v>48</v>
      </c>
      <c r="D2932" t="s">
        <v>457</v>
      </c>
      <c r="E2932">
        <v>357</v>
      </c>
      <c r="F2932" t="s">
        <v>651</v>
      </c>
      <c r="G2932">
        <v>160</v>
      </c>
      <c r="H2932" t="s">
        <v>773</v>
      </c>
      <c r="I2932">
        <v>11846</v>
      </c>
      <c r="J2932" t="s">
        <v>726</v>
      </c>
      <c r="K2932">
        <v>2</v>
      </c>
      <c r="L2932" t="s">
        <v>2210</v>
      </c>
      <c r="M2932">
        <v>2719</v>
      </c>
      <c r="N2932" t="s">
        <v>654</v>
      </c>
      <c r="O2932">
        <v>3</v>
      </c>
      <c r="P2932" t="s">
        <v>655</v>
      </c>
      <c r="Q2932">
        <v>1</v>
      </c>
      <c r="R2932" t="s">
        <v>656</v>
      </c>
      <c r="S2932">
        <v>2</v>
      </c>
      <c r="T2932" t="s">
        <v>661</v>
      </c>
      <c r="U2932">
        <v>8</v>
      </c>
      <c r="V2932">
        <v>2</v>
      </c>
      <c r="W2932">
        <v>120</v>
      </c>
      <c r="X2932">
        <v>2020</v>
      </c>
    </row>
    <row r="2933" spans="1:24" x14ac:dyDescent="0.25">
      <c r="A2933">
        <v>8425</v>
      </c>
      <c r="B2933" t="s">
        <v>93</v>
      </c>
      <c r="C2933">
        <v>48</v>
      </c>
      <c r="D2933" t="s">
        <v>457</v>
      </c>
      <c r="E2933">
        <v>357</v>
      </c>
      <c r="F2933" t="s">
        <v>651</v>
      </c>
      <c r="G2933">
        <v>160</v>
      </c>
      <c r="H2933" t="s">
        <v>773</v>
      </c>
      <c r="I2933">
        <v>11846</v>
      </c>
      <c r="J2933" t="s">
        <v>726</v>
      </c>
      <c r="K2933">
        <v>2</v>
      </c>
      <c r="L2933" t="s">
        <v>2211</v>
      </c>
      <c r="M2933">
        <v>2718</v>
      </c>
      <c r="N2933" t="s">
        <v>654</v>
      </c>
      <c r="O2933">
        <v>3</v>
      </c>
      <c r="P2933" t="s">
        <v>655</v>
      </c>
      <c r="Q2933">
        <v>1</v>
      </c>
      <c r="R2933" t="s">
        <v>656</v>
      </c>
      <c r="S2933">
        <v>2</v>
      </c>
      <c r="T2933" t="s">
        <v>661</v>
      </c>
      <c r="U2933">
        <v>8</v>
      </c>
      <c r="V2933">
        <v>2</v>
      </c>
      <c r="W2933">
        <v>120</v>
      </c>
      <c r="X2933">
        <v>2020</v>
      </c>
    </row>
    <row r="2934" spans="1:24" x14ac:dyDescent="0.25">
      <c r="A2934">
        <v>8424</v>
      </c>
      <c r="B2934" t="s">
        <v>93</v>
      </c>
      <c r="C2934">
        <v>48</v>
      </c>
      <c r="D2934" t="s">
        <v>457</v>
      </c>
      <c r="E2934">
        <v>357</v>
      </c>
      <c r="F2934" t="s">
        <v>651</v>
      </c>
      <c r="G2934">
        <v>160</v>
      </c>
      <c r="H2934" t="s">
        <v>773</v>
      </c>
      <c r="I2934">
        <v>11846</v>
      </c>
      <c r="J2934" t="s">
        <v>726</v>
      </c>
      <c r="K2934">
        <v>2</v>
      </c>
      <c r="L2934" t="s">
        <v>2212</v>
      </c>
      <c r="M2934">
        <v>2717</v>
      </c>
      <c r="N2934" t="s">
        <v>654</v>
      </c>
      <c r="O2934">
        <v>3</v>
      </c>
      <c r="P2934" t="s">
        <v>655</v>
      </c>
      <c r="Q2934">
        <v>1</v>
      </c>
      <c r="R2934" t="s">
        <v>656</v>
      </c>
      <c r="S2934">
        <v>2</v>
      </c>
      <c r="T2934" t="s">
        <v>661</v>
      </c>
      <c r="U2934">
        <v>8</v>
      </c>
      <c r="V2934">
        <v>2</v>
      </c>
      <c r="W2934">
        <v>120</v>
      </c>
      <c r="X2934">
        <v>2020</v>
      </c>
    </row>
    <row r="2935" spans="1:24" x14ac:dyDescent="0.25">
      <c r="A2935">
        <v>8423</v>
      </c>
      <c r="B2935" t="s">
        <v>93</v>
      </c>
      <c r="C2935">
        <v>48</v>
      </c>
      <c r="D2935" t="s">
        <v>457</v>
      </c>
      <c r="E2935">
        <v>357</v>
      </c>
      <c r="F2935" t="s">
        <v>651</v>
      </c>
      <c r="G2935">
        <v>160</v>
      </c>
      <c r="H2935" t="s">
        <v>773</v>
      </c>
      <c r="I2935">
        <v>11846</v>
      </c>
      <c r="J2935" t="s">
        <v>726</v>
      </c>
      <c r="K2935">
        <v>2</v>
      </c>
      <c r="L2935" t="s">
        <v>2213</v>
      </c>
      <c r="M2935">
        <v>2716</v>
      </c>
      <c r="N2935" t="s">
        <v>654</v>
      </c>
      <c r="O2935">
        <v>3</v>
      </c>
      <c r="P2935" t="s">
        <v>655</v>
      </c>
      <c r="Q2935">
        <v>1</v>
      </c>
      <c r="R2935" t="s">
        <v>656</v>
      </c>
      <c r="S2935">
        <v>2</v>
      </c>
      <c r="T2935" t="s">
        <v>718</v>
      </c>
      <c r="U2935">
        <v>2</v>
      </c>
      <c r="V2935">
        <v>2</v>
      </c>
      <c r="W2935">
        <v>120</v>
      </c>
      <c r="X2935">
        <v>2020</v>
      </c>
    </row>
    <row r="2936" spans="1:24" x14ac:dyDescent="0.25">
      <c r="A2936">
        <v>8422</v>
      </c>
      <c r="B2936" t="s">
        <v>93</v>
      </c>
      <c r="C2936">
        <v>48</v>
      </c>
      <c r="D2936" t="s">
        <v>457</v>
      </c>
      <c r="E2936">
        <v>357</v>
      </c>
      <c r="F2936" t="s">
        <v>651</v>
      </c>
      <c r="G2936">
        <v>160</v>
      </c>
      <c r="H2936" t="s">
        <v>773</v>
      </c>
      <c r="I2936">
        <v>11846</v>
      </c>
      <c r="J2936" t="s">
        <v>726</v>
      </c>
      <c r="K2936">
        <v>2</v>
      </c>
      <c r="L2936" t="s">
        <v>2214</v>
      </c>
      <c r="M2936">
        <v>2715</v>
      </c>
      <c r="N2936" t="s">
        <v>654</v>
      </c>
      <c r="O2936">
        <v>3</v>
      </c>
      <c r="P2936" t="s">
        <v>655</v>
      </c>
      <c r="Q2936">
        <v>1</v>
      </c>
      <c r="R2936" t="s">
        <v>656</v>
      </c>
      <c r="S2936">
        <v>2</v>
      </c>
      <c r="T2936" t="s">
        <v>718</v>
      </c>
      <c r="U2936">
        <v>2</v>
      </c>
      <c r="V2936">
        <v>2</v>
      </c>
      <c r="W2936">
        <v>120</v>
      </c>
      <c r="X2936">
        <v>2020</v>
      </c>
    </row>
    <row r="2937" spans="1:24" x14ac:dyDescent="0.25">
      <c r="A2937">
        <v>8421</v>
      </c>
      <c r="B2937" t="s">
        <v>93</v>
      </c>
      <c r="C2937">
        <v>48</v>
      </c>
      <c r="D2937" t="s">
        <v>402</v>
      </c>
      <c r="E2937">
        <v>366</v>
      </c>
      <c r="F2937" t="s">
        <v>651</v>
      </c>
      <c r="G2937">
        <v>160</v>
      </c>
      <c r="H2937" t="s">
        <v>773</v>
      </c>
      <c r="I2937">
        <v>11846</v>
      </c>
      <c r="J2937" t="s">
        <v>819</v>
      </c>
      <c r="K2937">
        <v>101</v>
      </c>
      <c r="L2937" t="s">
        <v>2215</v>
      </c>
      <c r="M2937">
        <v>2714</v>
      </c>
      <c r="N2937" t="s">
        <v>654</v>
      </c>
      <c r="O2937">
        <v>3</v>
      </c>
      <c r="P2937" t="s">
        <v>655</v>
      </c>
      <c r="Q2937">
        <v>1</v>
      </c>
      <c r="R2937" t="s">
        <v>656</v>
      </c>
      <c r="S2937">
        <v>2</v>
      </c>
      <c r="T2937" t="s">
        <v>661</v>
      </c>
      <c r="U2937">
        <v>8</v>
      </c>
      <c r="V2937">
        <v>2</v>
      </c>
      <c r="W2937">
        <v>120</v>
      </c>
      <c r="X2937">
        <v>2020</v>
      </c>
    </row>
    <row r="2938" spans="1:24" x14ac:dyDescent="0.25">
      <c r="A2938">
        <v>8420</v>
      </c>
      <c r="B2938" t="s">
        <v>93</v>
      </c>
      <c r="C2938">
        <v>48</v>
      </c>
      <c r="D2938" t="s">
        <v>402</v>
      </c>
      <c r="E2938">
        <v>366</v>
      </c>
      <c r="F2938" t="s">
        <v>651</v>
      </c>
      <c r="G2938">
        <v>160</v>
      </c>
      <c r="H2938" t="s">
        <v>773</v>
      </c>
      <c r="I2938">
        <v>11846</v>
      </c>
      <c r="J2938" t="s">
        <v>819</v>
      </c>
      <c r="K2938">
        <v>101</v>
      </c>
      <c r="L2938" t="s">
        <v>2018</v>
      </c>
      <c r="M2938">
        <v>2713</v>
      </c>
      <c r="N2938" t="s">
        <v>654</v>
      </c>
      <c r="O2938">
        <v>3</v>
      </c>
      <c r="P2938" t="s">
        <v>655</v>
      </c>
      <c r="Q2938">
        <v>1</v>
      </c>
      <c r="R2938" t="s">
        <v>656</v>
      </c>
      <c r="S2938">
        <v>2</v>
      </c>
      <c r="T2938" t="s">
        <v>661</v>
      </c>
      <c r="U2938">
        <v>8</v>
      </c>
      <c r="V2938">
        <v>2</v>
      </c>
      <c r="W2938">
        <v>120</v>
      </c>
      <c r="X2938">
        <v>2020</v>
      </c>
    </row>
    <row r="2939" spans="1:24" x14ac:dyDescent="0.25">
      <c r="A2939">
        <v>8419</v>
      </c>
      <c r="B2939" t="s">
        <v>93</v>
      </c>
      <c r="C2939">
        <v>48</v>
      </c>
      <c r="D2939" t="s">
        <v>402</v>
      </c>
      <c r="E2939">
        <v>366</v>
      </c>
      <c r="F2939" t="s">
        <v>651</v>
      </c>
      <c r="G2939">
        <v>160</v>
      </c>
      <c r="H2939" t="s">
        <v>773</v>
      </c>
      <c r="I2939">
        <v>11846</v>
      </c>
      <c r="J2939" t="s">
        <v>819</v>
      </c>
      <c r="K2939">
        <v>101</v>
      </c>
      <c r="L2939" t="s">
        <v>2216</v>
      </c>
      <c r="M2939">
        <v>2712</v>
      </c>
      <c r="N2939" t="s">
        <v>654</v>
      </c>
      <c r="O2939">
        <v>3</v>
      </c>
      <c r="P2939" t="s">
        <v>655</v>
      </c>
      <c r="Q2939">
        <v>1</v>
      </c>
      <c r="R2939" t="s">
        <v>656</v>
      </c>
      <c r="S2939">
        <v>2</v>
      </c>
      <c r="T2939" t="s">
        <v>661</v>
      </c>
      <c r="U2939">
        <v>8</v>
      </c>
      <c r="V2939">
        <v>2</v>
      </c>
      <c r="W2939">
        <v>120</v>
      </c>
      <c r="X2939">
        <v>2020</v>
      </c>
    </row>
    <row r="2940" spans="1:24" x14ac:dyDescent="0.25">
      <c r="A2940">
        <v>8418</v>
      </c>
      <c r="B2940" t="s">
        <v>93</v>
      </c>
      <c r="C2940">
        <v>48</v>
      </c>
      <c r="D2940" t="s">
        <v>402</v>
      </c>
      <c r="E2940">
        <v>366</v>
      </c>
      <c r="F2940" t="s">
        <v>651</v>
      </c>
      <c r="G2940">
        <v>160</v>
      </c>
      <c r="H2940" t="s">
        <v>773</v>
      </c>
      <c r="I2940">
        <v>11846</v>
      </c>
      <c r="J2940" t="s">
        <v>819</v>
      </c>
      <c r="K2940">
        <v>101</v>
      </c>
      <c r="L2940" t="s">
        <v>2217</v>
      </c>
      <c r="M2940">
        <v>2711</v>
      </c>
      <c r="N2940" t="s">
        <v>654</v>
      </c>
      <c r="O2940">
        <v>3</v>
      </c>
      <c r="P2940" t="s">
        <v>655</v>
      </c>
      <c r="Q2940">
        <v>1</v>
      </c>
      <c r="R2940" t="s">
        <v>656</v>
      </c>
      <c r="S2940">
        <v>2</v>
      </c>
      <c r="T2940" t="s">
        <v>661</v>
      </c>
      <c r="U2940">
        <v>8</v>
      </c>
      <c r="V2940">
        <v>2</v>
      </c>
      <c r="W2940">
        <v>120</v>
      </c>
      <c r="X2940">
        <v>2020</v>
      </c>
    </row>
    <row r="2941" spans="1:24" x14ac:dyDescent="0.25">
      <c r="A2941">
        <v>8417</v>
      </c>
      <c r="B2941" t="s">
        <v>93</v>
      </c>
      <c r="C2941">
        <v>48</v>
      </c>
      <c r="D2941" t="s">
        <v>402</v>
      </c>
      <c r="E2941">
        <v>366</v>
      </c>
      <c r="F2941" t="s">
        <v>651</v>
      </c>
      <c r="G2941">
        <v>160</v>
      </c>
      <c r="H2941" t="s">
        <v>773</v>
      </c>
      <c r="I2941">
        <v>11846</v>
      </c>
      <c r="J2941" t="s">
        <v>819</v>
      </c>
      <c r="K2941">
        <v>101</v>
      </c>
      <c r="L2941" t="s">
        <v>1089</v>
      </c>
      <c r="M2941">
        <v>2710</v>
      </c>
      <c r="N2941" t="s">
        <v>654</v>
      </c>
      <c r="O2941">
        <v>3</v>
      </c>
      <c r="P2941" t="s">
        <v>655</v>
      </c>
      <c r="Q2941">
        <v>1</v>
      </c>
      <c r="R2941" t="s">
        <v>656</v>
      </c>
      <c r="S2941">
        <v>2</v>
      </c>
      <c r="T2941" t="s">
        <v>661</v>
      </c>
      <c r="U2941">
        <v>8</v>
      </c>
      <c r="V2941">
        <v>2</v>
      </c>
      <c r="W2941">
        <v>120</v>
      </c>
      <c r="X2941">
        <v>2020</v>
      </c>
    </row>
    <row r="2942" spans="1:24" x14ac:dyDescent="0.25">
      <c r="A2942">
        <v>8416</v>
      </c>
      <c r="B2942" t="s">
        <v>93</v>
      </c>
      <c r="C2942">
        <v>48</v>
      </c>
      <c r="D2942" t="s">
        <v>452</v>
      </c>
      <c r="E2942">
        <v>363</v>
      </c>
      <c r="F2942" t="s">
        <v>651</v>
      </c>
      <c r="G2942">
        <v>160</v>
      </c>
      <c r="H2942" t="s">
        <v>773</v>
      </c>
      <c r="I2942">
        <v>11846</v>
      </c>
      <c r="J2942" t="s">
        <v>294</v>
      </c>
      <c r="K2942">
        <v>31</v>
      </c>
      <c r="L2942" t="s">
        <v>2218</v>
      </c>
      <c r="M2942">
        <v>2709</v>
      </c>
      <c r="N2942" t="s">
        <v>654</v>
      </c>
      <c r="O2942">
        <v>3</v>
      </c>
      <c r="P2942" t="s">
        <v>655</v>
      </c>
      <c r="Q2942">
        <v>1</v>
      </c>
      <c r="R2942" t="s">
        <v>656</v>
      </c>
      <c r="S2942">
        <v>2</v>
      </c>
      <c r="T2942" t="s">
        <v>661</v>
      </c>
      <c r="U2942">
        <v>8</v>
      </c>
      <c r="V2942">
        <v>2</v>
      </c>
      <c r="W2942">
        <v>120</v>
      </c>
      <c r="X2942">
        <v>2020</v>
      </c>
    </row>
    <row r="2943" spans="1:24" x14ac:dyDescent="0.25">
      <c r="A2943">
        <v>8415</v>
      </c>
      <c r="B2943" t="s">
        <v>93</v>
      </c>
      <c r="C2943">
        <v>48</v>
      </c>
      <c r="D2943" t="s">
        <v>452</v>
      </c>
      <c r="E2943">
        <v>363</v>
      </c>
      <c r="F2943" t="s">
        <v>651</v>
      </c>
      <c r="G2943">
        <v>160</v>
      </c>
      <c r="H2943" t="s">
        <v>773</v>
      </c>
      <c r="I2943">
        <v>11846</v>
      </c>
      <c r="J2943" t="s">
        <v>294</v>
      </c>
      <c r="K2943">
        <v>31</v>
      </c>
      <c r="L2943" t="s">
        <v>2219</v>
      </c>
      <c r="M2943">
        <v>2708</v>
      </c>
      <c r="N2943" t="s">
        <v>654</v>
      </c>
      <c r="O2943">
        <v>3</v>
      </c>
      <c r="P2943" t="s">
        <v>655</v>
      </c>
      <c r="Q2943">
        <v>1</v>
      </c>
      <c r="R2943" t="s">
        <v>656</v>
      </c>
      <c r="S2943">
        <v>2</v>
      </c>
      <c r="T2943" t="s">
        <v>661</v>
      </c>
      <c r="U2943">
        <v>8</v>
      </c>
      <c r="V2943">
        <v>2</v>
      </c>
      <c r="W2943">
        <v>120</v>
      </c>
      <c r="X2943">
        <v>2020</v>
      </c>
    </row>
    <row r="2944" spans="1:24" x14ac:dyDescent="0.25">
      <c r="A2944">
        <v>8409</v>
      </c>
      <c r="B2944" t="s">
        <v>93</v>
      </c>
      <c r="C2944">
        <v>48</v>
      </c>
      <c r="D2944" t="s">
        <v>452</v>
      </c>
      <c r="E2944">
        <v>363</v>
      </c>
      <c r="F2944" t="s">
        <v>651</v>
      </c>
      <c r="G2944">
        <v>160</v>
      </c>
      <c r="H2944" t="s">
        <v>773</v>
      </c>
      <c r="I2944">
        <v>11846</v>
      </c>
      <c r="J2944" t="s">
        <v>295</v>
      </c>
      <c r="K2944">
        <v>30</v>
      </c>
      <c r="L2944" t="s">
        <v>2220</v>
      </c>
      <c r="M2944">
        <v>2702</v>
      </c>
      <c r="N2944" t="s">
        <v>654</v>
      </c>
      <c r="O2944">
        <v>3</v>
      </c>
      <c r="P2944" t="s">
        <v>655</v>
      </c>
      <c r="Q2944">
        <v>1</v>
      </c>
      <c r="R2944" t="s">
        <v>656</v>
      </c>
      <c r="S2944">
        <v>2</v>
      </c>
      <c r="T2944" t="s">
        <v>661</v>
      </c>
      <c r="U2944">
        <v>8</v>
      </c>
      <c r="V2944">
        <v>2</v>
      </c>
      <c r="W2944">
        <v>120</v>
      </c>
      <c r="X2944">
        <v>2020</v>
      </c>
    </row>
    <row r="2945" spans="1:24" x14ac:dyDescent="0.25">
      <c r="A2945">
        <v>8408</v>
      </c>
      <c r="B2945" t="s">
        <v>93</v>
      </c>
      <c r="C2945">
        <v>48</v>
      </c>
      <c r="D2945" t="s">
        <v>452</v>
      </c>
      <c r="E2945">
        <v>363</v>
      </c>
      <c r="F2945" t="s">
        <v>651</v>
      </c>
      <c r="G2945">
        <v>160</v>
      </c>
      <c r="H2945" t="s">
        <v>773</v>
      </c>
      <c r="I2945">
        <v>11846</v>
      </c>
      <c r="J2945" t="s">
        <v>295</v>
      </c>
      <c r="K2945">
        <v>30</v>
      </c>
      <c r="L2945" t="s">
        <v>2221</v>
      </c>
      <c r="M2945">
        <v>2701</v>
      </c>
      <c r="N2945" t="s">
        <v>654</v>
      </c>
      <c r="O2945">
        <v>3</v>
      </c>
      <c r="P2945" t="s">
        <v>655</v>
      </c>
      <c r="Q2945">
        <v>1</v>
      </c>
      <c r="R2945" t="s">
        <v>656</v>
      </c>
      <c r="S2945">
        <v>2</v>
      </c>
      <c r="T2945" t="s">
        <v>661</v>
      </c>
      <c r="U2945">
        <v>8</v>
      </c>
      <c r="V2945">
        <v>2</v>
      </c>
      <c r="W2945">
        <v>120</v>
      </c>
      <c r="X2945">
        <v>2020</v>
      </c>
    </row>
    <row r="2946" spans="1:24" x14ac:dyDescent="0.25">
      <c r="A2946">
        <v>8407</v>
      </c>
      <c r="B2946" t="s">
        <v>93</v>
      </c>
      <c r="C2946">
        <v>48</v>
      </c>
      <c r="D2946" t="s">
        <v>452</v>
      </c>
      <c r="E2946">
        <v>363</v>
      </c>
      <c r="F2946" t="s">
        <v>651</v>
      </c>
      <c r="G2946">
        <v>160</v>
      </c>
      <c r="H2946" t="s">
        <v>773</v>
      </c>
      <c r="I2946">
        <v>11846</v>
      </c>
      <c r="J2946" t="s">
        <v>295</v>
      </c>
      <c r="K2946">
        <v>30</v>
      </c>
      <c r="L2946" t="s">
        <v>1955</v>
      </c>
      <c r="M2946">
        <v>917</v>
      </c>
      <c r="N2946" t="s">
        <v>654</v>
      </c>
      <c r="O2946">
        <v>3</v>
      </c>
      <c r="P2946" t="s">
        <v>655</v>
      </c>
      <c r="Q2946">
        <v>1</v>
      </c>
      <c r="R2946" t="s">
        <v>656</v>
      </c>
      <c r="S2946">
        <v>2</v>
      </c>
      <c r="T2946" t="s">
        <v>661</v>
      </c>
      <c r="U2946">
        <v>8</v>
      </c>
      <c r="V2946">
        <v>2</v>
      </c>
      <c r="W2946">
        <v>120</v>
      </c>
      <c r="X2946">
        <v>2020</v>
      </c>
    </row>
    <row r="2947" spans="1:24" x14ac:dyDescent="0.25">
      <c r="A2947">
        <v>8406</v>
      </c>
      <c r="B2947" t="s">
        <v>93</v>
      </c>
      <c r="C2947">
        <v>48</v>
      </c>
      <c r="D2947" t="s">
        <v>452</v>
      </c>
      <c r="E2947">
        <v>363</v>
      </c>
      <c r="F2947" t="s">
        <v>651</v>
      </c>
      <c r="G2947">
        <v>160</v>
      </c>
      <c r="H2947" t="s">
        <v>773</v>
      </c>
      <c r="I2947">
        <v>11846</v>
      </c>
      <c r="J2947" t="s">
        <v>295</v>
      </c>
      <c r="K2947">
        <v>30</v>
      </c>
      <c r="L2947" t="s">
        <v>1970</v>
      </c>
      <c r="M2947">
        <v>2700</v>
      </c>
      <c r="N2947" t="s">
        <v>654</v>
      </c>
      <c r="O2947">
        <v>3</v>
      </c>
      <c r="P2947" t="s">
        <v>655</v>
      </c>
      <c r="Q2947">
        <v>1</v>
      </c>
      <c r="R2947" t="s">
        <v>656</v>
      </c>
      <c r="S2947">
        <v>2</v>
      </c>
      <c r="T2947" t="s">
        <v>661</v>
      </c>
      <c r="U2947">
        <v>8</v>
      </c>
      <c r="V2947">
        <v>2</v>
      </c>
      <c r="W2947">
        <v>120</v>
      </c>
      <c r="X2947">
        <v>2020</v>
      </c>
    </row>
    <row r="2948" spans="1:24" x14ac:dyDescent="0.25">
      <c r="A2948">
        <v>8405</v>
      </c>
      <c r="B2948" t="s">
        <v>93</v>
      </c>
      <c r="C2948">
        <v>48</v>
      </c>
      <c r="D2948" t="s">
        <v>452</v>
      </c>
      <c r="E2948">
        <v>363</v>
      </c>
      <c r="F2948" t="s">
        <v>651</v>
      </c>
      <c r="G2948">
        <v>160</v>
      </c>
      <c r="H2948" t="s">
        <v>773</v>
      </c>
      <c r="I2948">
        <v>11846</v>
      </c>
      <c r="J2948" t="s">
        <v>295</v>
      </c>
      <c r="K2948">
        <v>30</v>
      </c>
      <c r="L2948" t="s">
        <v>2222</v>
      </c>
      <c r="M2948">
        <v>2699</v>
      </c>
      <c r="N2948" t="s">
        <v>654</v>
      </c>
      <c r="O2948">
        <v>3</v>
      </c>
      <c r="P2948" t="s">
        <v>655</v>
      </c>
      <c r="Q2948">
        <v>1</v>
      </c>
      <c r="R2948" t="s">
        <v>656</v>
      </c>
      <c r="S2948">
        <v>2</v>
      </c>
      <c r="T2948" t="s">
        <v>661</v>
      </c>
      <c r="U2948">
        <v>8</v>
      </c>
      <c r="V2948">
        <v>2</v>
      </c>
      <c r="W2948">
        <v>120</v>
      </c>
      <c r="X2948">
        <v>2020</v>
      </c>
    </row>
    <row r="2949" spans="1:24" x14ac:dyDescent="0.25">
      <c r="A2949">
        <v>8404</v>
      </c>
      <c r="B2949" t="s">
        <v>93</v>
      </c>
      <c r="C2949">
        <v>48</v>
      </c>
      <c r="D2949" t="s">
        <v>452</v>
      </c>
      <c r="E2949">
        <v>363</v>
      </c>
      <c r="F2949" t="s">
        <v>651</v>
      </c>
      <c r="G2949">
        <v>160</v>
      </c>
      <c r="H2949" t="s">
        <v>773</v>
      </c>
      <c r="I2949">
        <v>11846</v>
      </c>
      <c r="J2949" t="s">
        <v>295</v>
      </c>
      <c r="K2949">
        <v>30</v>
      </c>
      <c r="L2949" t="s">
        <v>2223</v>
      </c>
      <c r="M2949">
        <v>2698</v>
      </c>
      <c r="N2949" t="s">
        <v>654</v>
      </c>
      <c r="O2949">
        <v>3</v>
      </c>
      <c r="P2949" t="s">
        <v>655</v>
      </c>
      <c r="Q2949">
        <v>1</v>
      </c>
      <c r="R2949" t="s">
        <v>656</v>
      </c>
      <c r="S2949">
        <v>2</v>
      </c>
      <c r="T2949" t="s">
        <v>769</v>
      </c>
      <c r="U2949">
        <v>3</v>
      </c>
      <c r="V2949">
        <v>2</v>
      </c>
      <c r="W2949">
        <v>120</v>
      </c>
      <c r="X2949">
        <v>2020</v>
      </c>
    </row>
    <row r="2950" spans="1:24" x14ac:dyDescent="0.25">
      <c r="A2950">
        <v>8401</v>
      </c>
      <c r="B2950" t="s">
        <v>93</v>
      </c>
      <c r="C2950">
        <v>48</v>
      </c>
      <c r="D2950" t="s">
        <v>452</v>
      </c>
      <c r="E2950">
        <v>363</v>
      </c>
      <c r="F2950" t="s">
        <v>651</v>
      </c>
      <c r="G2950">
        <v>160</v>
      </c>
      <c r="H2950" t="s">
        <v>773</v>
      </c>
      <c r="I2950">
        <v>11846</v>
      </c>
      <c r="J2950" t="s">
        <v>807</v>
      </c>
      <c r="K2950">
        <v>25</v>
      </c>
      <c r="L2950" t="s">
        <v>2224</v>
      </c>
      <c r="M2950">
        <v>2695</v>
      </c>
      <c r="N2950" t="s">
        <v>654</v>
      </c>
      <c r="O2950">
        <v>3</v>
      </c>
      <c r="P2950" t="s">
        <v>655</v>
      </c>
      <c r="Q2950">
        <v>1</v>
      </c>
      <c r="R2950" t="s">
        <v>656</v>
      </c>
      <c r="S2950">
        <v>2</v>
      </c>
      <c r="T2950" t="s">
        <v>661</v>
      </c>
      <c r="U2950">
        <v>8</v>
      </c>
      <c r="V2950">
        <v>2</v>
      </c>
      <c r="W2950">
        <v>120</v>
      </c>
      <c r="X2950">
        <v>2020</v>
      </c>
    </row>
    <row r="2951" spans="1:24" x14ac:dyDescent="0.25">
      <c r="A2951">
        <v>8397</v>
      </c>
      <c r="B2951" t="s">
        <v>93</v>
      </c>
      <c r="C2951">
        <v>48</v>
      </c>
      <c r="D2951" t="s">
        <v>452</v>
      </c>
      <c r="E2951">
        <v>363</v>
      </c>
      <c r="F2951" t="s">
        <v>651</v>
      </c>
      <c r="G2951">
        <v>160</v>
      </c>
      <c r="H2951" t="s">
        <v>773</v>
      </c>
      <c r="I2951">
        <v>11846</v>
      </c>
      <c r="J2951" t="s">
        <v>807</v>
      </c>
      <c r="K2951">
        <v>25</v>
      </c>
      <c r="L2951" t="s">
        <v>2225</v>
      </c>
      <c r="M2951">
        <v>2691</v>
      </c>
      <c r="N2951" t="s">
        <v>654</v>
      </c>
      <c r="O2951">
        <v>3</v>
      </c>
      <c r="P2951" t="s">
        <v>655</v>
      </c>
      <c r="Q2951">
        <v>1</v>
      </c>
      <c r="R2951" t="s">
        <v>656</v>
      </c>
      <c r="S2951">
        <v>2</v>
      </c>
      <c r="T2951" t="s">
        <v>661</v>
      </c>
      <c r="U2951">
        <v>8</v>
      </c>
      <c r="V2951">
        <v>2</v>
      </c>
      <c r="W2951">
        <v>120</v>
      </c>
      <c r="X2951">
        <v>2020</v>
      </c>
    </row>
    <row r="2952" spans="1:24" x14ac:dyDescent="0.25">
      <c r="A2952">
        <v>8396</v>
      </c>
      <c r="B2952" t="s">
        <v>93</v>
      </c>
      <c r="C2952">
        <v>48</v>
      </c>
      <c r="D2952" t="s">
        <v>452</v>
      </c>
      <c r="E2952">
        <v>363</v>
      </c>
      <c r="F2952" t="s">
        <v>651</v>
      </c>
      <c r="G2952">
        <v>160</v>
      </c>
      <c r="H2952" t="s">
        <v>773</v>
      </c>
      <c r="I2952">
        <v>11846</v>
      </c>
      <c r="J2952" t="s">
        <v>807</v>
      </c>
      <c r="K2952">
        <v>25</v>
      </c>
      <c r="L2952" t="s">
        <v>2226</v>
      </c>
      <c r="M2952">
        <v>2690</v>
      </c>
      <c r="N2952" t="s">
        <v>654</v>
      </c>
      <c r="O2952">
        <v>3</v>
      </c>
      <c r="P2952" t="s">
        <v>655</v>
      </c>
      <c r="Q2952">
        <v>1</v>
      </c>
      <c r="R2952" t="s">
        <v>656</v>
      </c>
      <c r="S2952">
        <v>2</v>
      </c>
      <c r="T2952" t="s">
        <v>661</v>
      </c>
      <c r="U2952">
        <v>8</v>
      </c>
      <c r="V2952">
        <v>2</v>
      </c>
      <c r="W2952">
        <v>120</v>
      </c>
      <c r="X2952">
        <v>2020</v>
      </c>
    </row>
    <row r="2953" spans="1:24" x14ac:dyDescent="0.25">
      <c r="A2953">
        <v>8395</v>
      </c>
      <c r="B2953" t="s">
        <v>93</v>
      </c>
      <c r="C2953">
        <v>48</v>
      </c>
      <c r="D2953" t="s">
        <v>452</v>
      </c>
      <c r="E2953">
        <v>363</v>
      </c>
      <c r="F2953" t="s">
        <v>651</v>
      </c>
      <c r="G2953">
        <v>160</v>
      </c>
      <c r="H2953" t="s">
        <v>773</v>
      </c>
      <c r="I2953">
        <v>11846</v>
      </c>
      <c r="J2953" t="s">
        <v>807</v>
      </c>
      <c r="K2953">
        <v>25</v>
      </c>
      <c r="L2953" t="s">
        <v>2227</v>
      </c>
      <c r="M2953">
        <v>2689</v>
      </c>
      <c r="N2953" t="s">
        <v>654</v>
      </c>
      <c r="O2953">
        <v>3</v>
      </c>
      <c r="P2953" t="s">
        <v>655</v>
      </c>
      <c r="Q2953">
        <v>1</v>
      </c>
      <c r="R2953" t="s">
        <v>656</v>
      </c>
      <c r="S2953">
        <v>2</v>
      </c>
      <c r="T2953" t="s">
        <v>718</v>
      </c>
      <c r="U2953">
        <v>2</v>
      </c>
      <c r="V2953">
        <v>2</v>
      </c>
      <c r="W2953">
        <v>120</v>
      </c>
      <c r="X2953">
        <v>2020</v>
      </c>
    </row>
    <row r="2954" spans="1:24" x14ac:dyDescent="0.25">
      <c r="A2954">
        <v>8394</v>
      </c>
      <c r="B2954" t="s">
        <v>93</v>
      </c>
      <c r="C2954">
        <v>48</v>
      </c>
      <c r="D2954" t="s">
        <v>452</v>
      </c>
      <c r="E2954">
        <v>363</v>
      </c>
      <c r="F2954" t="s">
        <v>651</v>
      </c>
      <c r="G2954">
        <v>160</v>
      </c>
      <c r="H2954" t="s">
        <v>773</v>
      </c>
      <c r="I2954">
        <v>11846</v>
      </c>
      <c r="J2954" t="s">
        <v>955</v>
      </c>
      <c r="K2954">
        <v>29</v>
      </c>
      <c r="L2954" t="s">
        <v>2228</v>
      </c>
      <c r="M2954">
        <v>2688</v>
      </c>
      <c r="N2954" t="s">
        <v>654</v>
      </c>
      <c r="O2954">
        <v>3</v>
      </c>
      <c r="P2954" t="s">
        <v>655</v>
      </c>
      <c r="Q2954">
        <v>1</v>
      </c>
      <c r="R2954" t="s">
        <v>656</v>
      </c>
      <c r="S2954">
        <v>2</v>
      </c>
      <c r="T2954" t="s">
        <v>661</v>
      </c>
      <c r="U2954">
        <v>8</v>
      </c>
      <c r="V2954">
        <v>2</v>
      </c>
      <c r="W2954">
        <v>120</v>
      </c>
      <c r="X2954">
        <v>2020</v>
      </c>
    </row>
    <row r="2955" spans="1:24" x14ac:dyDescent="0.25">
      <c r="A2955">
        <v>8390</v>
      </c>
      <c r="B2955" t="s">
        <v>93</v>
      </c>
      <c r="C2955">
        <v>48</v>
      </c>
      <c r="D2955" t="s">
        <v>452</v>
      </c>
      <c r="E2955">
        <v>363</v>
      </c>
      <c r="F2955" t="s">
        <v>651</v>
      </c>
      <c r="G2955">
        <v>160</v>
      </c>
      <c r="H2955" t="s">
        <v>773</v>
      </c>
      <c r="I2955">
        <v>11846</v>
      </c>
      <c r="J2955" t="s">
        <v>813</v>
      </c>
      <c r="K2955">
        <v>24</v>
      </c>
      <c r="L2955" t="s">
        <v>2229</v>
      </c>
      <c r="M2955">
        <v>2684</v>
      </c>
      <c r="N2955" t="s">
        <v>654</v>
      </c>
      <c r="O2955">
        <v>3</v>
      </c>
      <c r="P2955" t="s">
        <v>655</v>
      </c>
      <c r="Q2955">
        <v>1</v>
      </c>
      <c r="R2955" t="s">
        <v>656</v>
      </c>
      <c r="S2955">
        <v>2</v>
      </c>
      <c r="T2955" t="s">
        <v>661</v>
      </c>
      <c r="U2955">
        <v>8</v>
      </c>
      <c r="V2955">
        <v>2</v>
      </c>
      <c r="W2955">
        <v>120</v>
      </c>
      <c r="X2955">
        <v>2020</v>
      </c>
    </row>
    <row r="2956" spans="1:24" x14ac:dyDescent="0.25">
      <c r="A2956">
        <v>8388</v>
      </c>
      <c r="B2956" t="s">
        <v>93</v>
      </c>
      <c r="C2956">
        <v>48</v>
      </c>
      <c r="D2956" t="s">
        <v>452</v>
      </c>
      <c r="E2956">
        <v>363</v>
      </c>
      <c r="F2956" t="s">
        <v>651</v>
      </c>
      <c r="G2956">
        <v>160</v>
      </c>
      <c r="H2956" t="s">
        <v>773</v>
      </c>
      <c r="I2956">
        <v>11846</v>
      </c>
      <c r="J2956" t="s">
        <v>299</v>
      </c>
      <c r="K2956">
        <v>27</v>
      </c>
      <c r="L2956" t="s">
        <v>2230</v>
      </c>
      <c r="M2956">
        <v>2682</v>
      </c>
      <c r="N2956" t="s">
        <v>654</v>
      </c>
      <c r="O2956">
        <v>3</v>
      </c>
      <c r="P2956" t="s">
        <v>655</v>
      </c>
      <c r="Q2956">
        <v>1</v>
      </c>
      <c r="R2956" t="s">
        <v>656</v>
      </c>
      <c r="S2956">
        <v>2</v>
      </c>
      <c r="T2956" t="s">
        <v>661</v>
      </c>
      <c r="U2956">
        <v>8</v>
      </c>
      <c r="V2956">
        <v>2</v>
      </c>
      <c r="W2956">
        <v>120</v>
      </c>
      <c r="X2956">
        <v>2020</v>
      </c>
    </row>
    <row r="2957" spans="1:24" x14ac:dyDescent="0.25">
      <c r="A2957">
        <v>8387</v>
      </c>
      <c r="B2957" t="s">
        <v>93</v>
      </c>
      <c r="C2957">
        <v>48</v>
      </c>
      <c r="D2957" t="s">
        <v>452</v>
      </c>
      <c r="E2957">
        <v>363</v>
      </c>
      <c r="F2957" t="s">
        <v>651</v>
      </c>
      <c r="G2957">
        <v>160</v>
      </c>
      <c r="H2957" t="s">
        <v>773</v>
      </c>
      <c r="I2957">
        <v>11846</v>
      </c>
      <c r="J2957" t="s">
        <v>299</v>
      </c>
      <c r="K2957">
        <v>27</v>
      </c>
      <c r="L2957" t="s">
        <v>2231</v>
      </c>
      <c r="M2957">
        <v>2681</v>
      </c>
      <c r="N2957" t="s">
        <v>654</v>
      </c>
      <c r="O2957">
        <v>3</v>
      </c>
      <c r="P2957" t="s">
        <v>655</v>
      </c>
      <c r="Q2957">
        <v>1</v>
      </c>
      <c r="R2957" t="s">
        <v>656</v>
      </c>
      <c r="S2957">
        <v>2</v>
      </c>
      <c r="T2957" t="s">
        <v>661</v>
      </c>
      <c r="U2957">
        <v>8</v>
      </c>
      <c r="V2957">
        <v>2</v>
      </c>
      <c r="W2957">
        <v>120</v>
      </c>
      <c r="X2957">
        <v>2020</v>
      </c>
    </row>
    <row r="2958" spans="1:24" x14ac:dyDescent="0.25">
      <c r="A2958">
        <v>8386</v>
      </c>
      <c r="B2958" t="s">
        <v>93</v>
      </c>
      <c r="C2958">
        <v>48</v>
      </c>
      <c r="D2958" t="s">
        <v>452</v>
      </c>
      <c r="E2958">
        <v>363</v>
      </c>
      <c r="F2958" t="s">
        <v>651</v>
      </c>
      <c r="G2958">
        <v>160</v>
      </c>
      <c r="H2958" t="s">
        <v>773</v>
      </c>
      <c r="I2958">
        <v>11846</v>
      </c>
      <c r="J2958" t="s">
        <v>299</v>
      </c>
      <c r="K2958">
        <v>27</v>
      </c>
      <c r="L2958" t="s">
        <v>2232</v>
      </c>
      <c r="M2958">
        <v>2680</v>
      </c>
      <c r="N2958" t="s">
        <v>654</v>
      </c>
      <c r="O2958">
        <v>3</v>
      </c>
      <c r="P2958" t="s">
        <v>655</v>
      </c>
      <c r="Q2958">
        <v>1</v>
      </c>
      <c r="R2958" t="s">
        <v>656</v>
      </c>
      <c r="S2958">
        <v>2</v>
      </c>
      <c r="T2958" t="s">
        <v>661</v>
      </c>
      <c r="U2958">
        <v>8</v>
      </c>
      <c r="V2958">
        <v>2</v>
      </c>
      <c r="W2958">
        <v>120</v>
      </c>
      <c r="X2958">
        <v>2020</v>
      </c>
    </row>
    <row r="2959" spans="1:24" x14ac:dyDescent="0.25">
      <c r="A2959">
        <v>8385</v>
      </c>
      <c r="B2959" t="s">
        <v>93</v>
      </c>
      <c r="C2959">
        <v>48</v>
      </c>
      <c r="D2959" t="s">
        <v>452</v>
      </c>
      <c r="E2959">
        <v>363</v>
      </c>
      <c r="F2959" t="s">
        <v>651</v>
      </c>
      <c r="G2959">
        <v>160</v>
      </c>
      <c r="H2959" t="s">
        <v>773</v>
      </c>
      <c r="I2959">
        <v>11846</v>
      </c>
      <c r="J2959" t="s">
        <v>299</v>
      </c>
      <c r="K2959">
        <v>27</v>
      </c>
      <c r="L2959" t="s">
        <v>2233</v>
      </c>
      <c r="M2959">
        <v>2679</v>
      </c>
      <c r="N2959" t="s">
        <v>654</v>
      </c>
      <c r="O2959">
        <v>3</v>
      </c>
      <c r="P2959" t="s">
        <v>655</v>
      </c>
      <c r="Q2959">
        <v>1</v>
      </c>
      <c r="R2959" t="s">
        <v>656</v>
      </c>
      <c r="S2959">
        <v>2</v>
      </c>
      <c r="T2959" t="s">
        <v>661</v>
      </c>
      <c r="U2959">
        <v>8</v>
      </c>
      <c r="V2959">
        <v>2</v>
      </c>
      <c r="W2959">
        <v>120</v>
      </c>
      <c r="X2959">
        <v>2020</v>
      </c>
    </row>
    <row r="2960" spans="1:24" x14ac:dyDescent="0.25">
      <c r="A2960">
        <v>8384</v>
      </c>
      <c r="B2960" t="s">
        <v>93</v>
      </c>
      <c r="C2960">
        <v>48</v>
      </c>
      <c r="D2960" t="s">
        <v>452</v>
      </c>
      <c r="E2960">
        <v>363</v>
      </c>
      <c r="F2960" t="s">
        <v>651</v>
      </c>
      <c r="G2960">
        <v>160</v>
      </c>
      <c r="H2960" t="s">
        <v>773</v>
      </c>
      <c r="I2960">
        <v>11846</v>
      </c>
      <c r="J2960" t="s">
        <v>299</v>
      </c>
      <c r="K2960">
        <v>27</v>
      </c>
      <c r="L2960" t="s">
        <v>2234</v>
      </c>
      <c r="M2960">
        <v>1582</v>
      </c>
      <c r="N2960" t="s">
        <v>654</v>
      </c>
      <c r="O2960">
        <v>3</v>
      </c>
      <c r="P2960" t="s">
        <v>655</v>
      </c>
      <c r="Q2960">
        <v>1</v>
      </c>
      <c r="R2960" t="s">
        <v>656</v>
      </c>
      <c r="S2960">
        <v>2</v>
      </c>
      <c r="T2960" t="s">
        <v>661</v>
      </c>
      <c r="U2960">
        <v>8</v>
      </c>
      <c r="V2960">
        <v>2</v>
      </c>
      <c r="W2960">
        <v>120</v>
      </c>
      <c r="X2960">
        <v>2020</v>
      </c>
    </row>
    <row r="2961" spans="1:24" x14ac:dyDescent="0.25">
      <c r="A2961">
        <v>8382</v>
      </c>
      <c r="B2961" t="s">
        <v>93</v>
      </c>
      <c r="C2961">
        <v>48</v>
      </c>
      <c r="D2961" t="s">
        <v>452</v>
      </c>
      <c r="E2961">
        <v>363</v>
      </c>
      <c r="F2961" t="s">
        <v>651</v>
      </c>
      <c r="G2961">
        <v>160</v>
      </c>
      <c r="H2961" t="s">
        <v>773</v>
      </c>
      <c r="I2961">
        <v>11846</v>
      </c>
      <c r="J2961" t="s">
        <v>296</v>
      </c>
      <c r="K2961">
        <v>97</v>
      </c>
      <c r="L2961" t="s">
        <v>2235</v>
      </c>
      <c r="M2961">
        <v>2009</v>
      </c>
      <c r="N2961" t="s">
        <v>654</v>
      </c>
      <c r="O2961">
        <v>3</v>
      </c>
      <c r="P2961" t="s">
        <v>655</v>
      </c>
      <c r="Q2961">
        <v>1</v>
      </c>
      <c r="R2961" t="s">
        <v>656</v>
      </c>
      <c r="S2961">
        <v>2</v>
      </c>
      <c r="T2961" t="s">
        <v>661</v>
      </c>
      <c r="U2961">
        <v>8</v>
      </c>
      <c r="V2961">
        <v>2</v>
      </c>
      <c r="W2961">
        <v>120</v>
      </c>
      <c r="X2961">
        <v>2020</v>
      </c>
    </row>
    <row r="2962" spans="1:24" x14ac:dyDescent="0.25">
      <c r="A2962">
        <v>8377</v>
      </c>
      <c r="B2962" t="s">
        <v>93</v>
      </c>
      <c r="C2962">
        <v>48</v>
      </c>
      <c r="D2962" t="s">
        <v>452</v>
      </c>
      <c r="E2962">
        <v>363</v>
      </c>
      <c r="F2962" t="s">
        <v>651</v>
      </c>
      <c r="G2962">
        <v>160</v>
      </c>
      <c r="H2962" t="s">
        <v>773</v>
      </c>
      <c r="I2962">
        <v>11846</v>
      </c>
      <c r="J2962" t="s">
        <v>301</v>
      </c>
      <c r="K2962">
        <v>26</v>
      </c>
      <c r="L2962" t="s">
        <v>1901</v>
      </c>
      <c r="M2962">
        <v>2676</v>
      </c>
      <c r="N2962" t="s">
        <v>654</v>
      </c>
      <c r="O2962">
        <v>3</v>
      </c>
      <c r="P2962" t="s">
        <v>655</v>
      </c>
      <c r="Q2962">
        <v>1</v>
      </c>
      <c r="R2962" t="s">
        <v>656</v>
      </c>
      <c r="S2962">
        <v>2</v>
      </c>
      <c r="T2962" t="s">
        <v>661</v>
      </c>
      <c r="U2962">
        <v>8</v>
      </c>
      <c r="V2962">
        <v>2</v>
      </c>
      <c r="W2962">
        <v>120</v>
      </c>
      <c r="X2962">
        <v>2020</v>
      </c>
    </row>
    <row r="2963" spans="1:24" x14ac:dyDescent="0.25">
      <c r="A2963">
        <v>8372</v>
      </c>
      <c r="B2963" t="s">
        <v>93</v>
      </c>
      <c r="C2963">
        <v>48</v>
      </c>
      <c r="D2963" t="s">
        <v>11</v>
      </c>
      <c r="E2963">
        <v>361</v>
      </c>
      <c r="F2963" t="s">
        <v>651</v>
      </c>
      <c r="G2963">
        <v>160</v>
      </c>
      <c r="H2963" t="s">
        <v>773</v>
      </c>
      <c r="I2963">
        <v>11846</v>
      </c>
      <c r="J2963" t="s">
        <v>65</v>
      </c>
      <c r="K2963">
        <v>15</v>
      </c>
      <c r="L2963" t="s">
        <v>898</v>
      </c>
      <c r="M2963">
        <v>806</v>
      </c>
      <c r="N2963" t="s">
        <v>654</v>
      </c>
      <c r="O2963">
        <v>3</v>
      </c>
      <c r="P2963" t="s">
        <v>655</v>
      </c>
      <c r="Q2963">
        <v>1</v>
      </c>
      <c r="R2963" t="s">
        <v>656</v>
      </c>
      <c r="S2963">
        <v>2</v>
      </c>
      <c r="T2963" t="s">
        <v>661</v>
      </c>
      <c r="U2963">
        <v>8</v>
      </c>
      <c r="V2963">
        <v>1</v>
      </c>
      <c r="W2963">
        <v>60</v>
      </c>
      <c r="X2963">
        <v>2020</v>
      </c>
    </row>
    <row r="2964" spans="1:24" x14ac:dyDescent="0.25">
      <c r="A2964">
        <v>8371</v>
      </c>
      <c r="B2964" t="s">
        <v>93</v>
      </c>
      <c r="C2964">
        <v>48</v>
      </c>
      <c r="D2964" t="s">
        <v>11</v>
      </c>
      <c r="E2964">
        <v>361</v>
      </c>
      <c r="F2964" t="s">
        <v>651</v>
      </c>
      <c r="G2964">
        <v>160</v>
      </c>
      <c r="H2964" t="s">
        <v>773</v>
      </c>
      <c r="I2964">
        <v>11846</v>
      </c>
      <c r="J2964" t="s">
        <v>65</v>
      </c>
      <c r="K2964">
        <v>15</v>
      </c>
      <c r="L2964" t="s">
        <v>1979</v>
      </c>
      <c r="M2964">
        <v>800</v>
      </c>
      <c r="N2964" t="s">
        <v>654</v>
      </c>
      <c r="O2964">
        <v>3</v>
      </c>
      <c r="P2964" t="s">
        <v>655</v>
      </c>
      <c r="Q2964">
        <v>1</v>
      </c>
      <c r="R2964" t="s">
        <v>656</v>
      </c>
      <c r="S2964">
        <v>2</v>
      </c>
      <c r="T2964" t="s">
        <v>661</v>
      </c>
      <c r="U2964">
        <v>8</v>
      </c>
      <c r="V2964">
        <v>1</v>
      </c>
      <c r="W2964">
        <v>60</v>
      </c>
      <c r="X2964">
        <v>2020</v>
      </c>
    </row>
    <row r="2965" spans="1:24" x14ac:dyDescent="0.25">
      <c r="A2965">
        <v>8369</v>
      </c>
      <c r="B2965" t="s">
        <v>93</v>
      </c>
      <c r="C2965">
        <v>48</v>
      </c>
      <c r="D2965" t="s">
        <v>11</v>
      </c>
      <c r="E2965">
        <v>361</v>
      </c>
      <c r="F2965" t="s">
        <v>651</v>
      </c>
      <c r="G2965">
        <v>160</v>
      </c>
      <c r="H2965" t="s">
        <v>773</v>
      </c>
      <c r="I2965">
        <v>11846</v>
      </c>
      <c r="J2965" t="s">
        <v>65</v>
      </c>
      <c r="K2965">
        <v>15</v>
      </c>
      <c r="L2965" t="s">
        <v>899</v>
      </c>
      <c r="M2965">
        <v>803</v>
      </c>
      <c r="N2965" t="s">
        <v>654</v>
      </c>
      <c r="O2965">
        <v>3</v>
      </c>
      <c r="P2965" t="s">
        <v>655</v>
      </c>
      <c r="Q2965">
        <v>1</v>
      </c>
      <c r="R2965" t="s">
        <v>656</v>
      </c>
      <c r="S2965">
        <v>2</v>
      </c>
      <c r="T2965" t="s">
        <v>661</v>
      </c>
      <c r="U2965">
        <v>8</v>
      </c>
      <c r="V2965">
        <v>1</v>
      </c>
      <c r="W2965">
        <v>60</v>
      </c>
      <c r="X2965">
        <v>2020</v>
      </c>
    </row>
    <row r="2966" spans="1:24" x14ac:dyDescent="0.25">
      <c r="A2966">
        <v>8368</v>
      </c>
      <c r="B2966" t="s">
        <v>93</v>
      </c>
      <c r="C2966">
        <v>48</v>
      </c>
      <c r="D2966" t="s">
        <v>11</v>
      </c>
      <c r="E2966">
        <v>361</v>
      </c>
      <c r="F2966" t="s">
        <v>651</v>
      </c>
      <c r="G2966">
        <v>160</v>
      </c>
      <c r="H2966" t="s">
        <v>773</v>
      </c>
      <c r="I2966">
        <v>11846</v>
      </c>
      <c r="J2966" t="s">
        <v>65</v>
      </c>
      <c r="K2966">
        <v>15</v>
      </c>
      <c r="L2966" t="s">
        <v>908</v>
      </c>
      <c r="M2966">
        <v>799</v>
      </c>
      <c r="N2966" t="s">
        <v>654</v>
      </c>
      <c r="O2966">
        <v>3</v>
      </c>
      <c r="P2966" t="s">
        <v>655</v>
      </c>
      <c r="Q2966">
        <v>1</v>
      </c>
      <c r="R2966" t="s">
        <v>656</v>
      </c>
      <c r="S2966">
        <v>2</v>
      </c>
      <c r="T2966" t="s">
        <v>661</v>
      </c>
      <c r="U2966">
        <v>8</v>
      </c>
      <c r="V2966">
        <v>1</v>
      </c>
      <c r="W2966">
        <v>60</v>
      </c>
      <c r="X2966">
        <v>2020</v>
      </c>
    </row>
    <row r="2967" spans="1:24" x14ac:dyDescent="0.25">
      <c r="A2967">
        <v>8367</v>
      </c>
      <c r="B2967" t="s">
        <v>93</v>
      </c>
      <c r="C2967">
        <v>48</v>
      </c>
      <c r="D2967" t="s">
        <v>456</v>
      </c>
      <c r="E2967">
        <v>358</v>
      </c>
      <c r="F2967" t="s">
        <v>651</v>
      </c>
      <c r="G2967">
        <v>160</v>
      </c>
      <c r="H2967" t="s">
        <v>773</v>
      </c>
      <c r="I2967">
        <v>11846</v>
      </c>
      <c r="J2967" t="s">
        <v>792</v>
      </c>
      <c r="K2967">
        <v>6</v>
      </c>
      <c r="L2967" t="s">
        <v>2236</v>
      </c>
      <c r="M2967">
        <v>2672</v>
      </c>
      <c r="N2967" t="s">
        <v>654</v>
      </c>
      <c r="O2967">
        <v>3</v>
      </c>
      <c r="P2967" t="s">
        <v>655</v>
      </c>
      <c r="Q2967">
        <v>1</v>
      </c>
      <c r="R2967" t="s">
        <v>656</v>
      </c>
      <c r="S2967">
        <v>2</v>
      </c>
      <c r="T2967" t="s">
        <v>661</v>
      </c>
      <c r="U2967">
        <v>8</v>
      </c>
      <c r="V2967">
        <v>2</v>
      </c>
      <c r="W2967">
        <v>120</v>
      </c>
      <c r="X2967">
        <v>2020</v>
      </c>
    </row>
    <row r="2968" spans="1:24" x14ac:dyDescent="0.25">
      <c r="A2968">
        <v>8366</v>
      </c>
      <c r="B2968" t="s">
        <v>93</v>
      </c>
      <c r="C2968">
        <v>48</v>
      </c>
      <c r="D2968" t="s">
        <v>456</v>
      </c>
      <c r="E2968">
        <v>358</v>
      </c>
      <c r="F2968" t="s">
        <v>651</v>
      </c>
      <c r="G2968">
        <v>160</v>
      </c>
      <c r="H2968" t="s">
        <v>773</v>
      </c>
      <c r="I2968">
        <v>11846</v>
      </c>
      <c r="J2968" t="s">
        <v>792</v>
      </c>
      <c r="K2968">
        <v>6</v>
      </c>
      <c r="L2968" t="s">
        <v>2237</v>
      </c>
      <c r="M2968">
        <v>2671</v>
      </c>
      <c r="N2968" t="s">
        <v>654</v>
      </c>
      <c r="O2968">
        <v>3</v>
      </c>
      <c r="P2968" t="s">
        <v>655</v>
      </c>
      <c r="Q2968">
        <v>1</v>
      </c>
      <c r="R2968" t="s">
        <v>656</v>
      </c>
      <c r="S2968">
        <v>2</v>
      </c>
      <c r="T2968" t="s">
        <v>661</v>
      </c>
      <c r="U2968">
        <v>8</v>
      </c>
      <c r="V2968">
        <v>2</v>
      </c>
      <c r="W2968">
        <v>120</v>
      </c>
      <c r="X2968">
        <v>2020</v>
      </c>
    </row>
    <row r="2969" spans="1:24" x14ac:dyDescent="0.25">
      <c r="A2969">
        <v>8361</v>
      </c>
      <c r="B2969" t="s">
        <v>93</v>
      </c>
      <c r="C2969">
        <v>48</v>
      </c>
      <c r="D2969" t="s">
        <v>456</v>
      </c>
      <c r="E2969">
        <v>358</v>
      </c>
      <c r="F2969" t="s">
        <v>651</v>
      </c>
      <c r="G2969">
        <v>160</v>
      </c>
      <c r="H2969" t="s">
        <v>773</v>
      </c>
      <c r="I2969">
        <v>11846</v>
      </c>
      <c r="J2969" t="s">
        <v>897</v>
      </c>
      <c r="K2969">
        <v>3</v>
      </c>
      <c r="L2969" t="s">
        <v>907</v>
      </c>
      <c r="M2969">
        <v>1449</v>
      </c>
      <c r="N2969" t="s">
        <v>654</v>
      </c>
      <c r="O2969">
        <v>3</v>
      </c>
      <c r="P2969" t="s">
        <v>655</v>
      </c>
      <c r="Q2969">
        <v>1</v>
      </c>
      <c r="R2969" t="s">
        <v>656</v>
      </c>
      <c r="S2969">
        <v>2</v>
      </c>
      <c r="T2969" t="s">
        <v>661</v>
      </c>
      <c r="U2969">
        <v>8</v>
      </c>
      <c r="V2969">
        <v>2</v>
      </c>
      <c r="W2969">
        <v>120</v>
      </c>
      <c r="X2969">
        <v>2020</v>
      </c>
    </row>
    <row r="2970" spans="1:24" x14ac:dyDescent="0.25">
      <c r="A2970">
        <v>8357</v>
      </c>
      <c r="B2970" t="s">
        <v>93</v>
      </c>
      <c r="C2970">
        <v>48</v>
      </c>
      <c r="D2970" t="s">
        <v>456</v>
      </c>
      <c r="E2970">
        <v>358</v>
      </c>
      <c r="F2970" t="s">
        <v>651</v>
      </c>
      <c r="G2970">
        <v>160</v>
      </c>
      <c r="H2970" t="s">
        <v>773</v>
      </c>
      <c r="I2970">
        <v>11846</v>
      </c>
      <c r="J2970" t="s">
        <v>831</v>
      </c>
      <c r="K2970">
        <v>5</v>
      </c>
      <c r="L2970" t="s">
        <v>2238</v>
      </c>
      <c r="M2970">
        <v>2665</v>
      </c>
      <c r="N2970" t="s">
        <v>654</v>
      </c>
      <c r="O2970">
        <v>3</v>
      </c>
      <c r="P2970" t="s">
        <v>655</v>
      </c>
      <c r="Q2970">
        <v>1</v>
      </c>
      <c r="R2970" t="s">
        <v>656</v>
      </c>
      <c r="S2970">
        <v>2</v>
      </c>
      <c r="T2970" t="s">
        <v>661</v>
      </c>
      <c r="U2970">
        <v>8</v>
      </c>
      <c r="V2970">
        <v>2</v>
      </c>
      <c r="W2970">
        <v>120</v>
      </c>
      <c r="X2970">
        <v>2020</v>
      </c>
    </row>
    <row r="2971" spans="1:24" x14ac:dyDescent="0.25">
      <c r="A2971">
        <v>8354</v>
      </c>
      <c r="B2971" t="s">
        <v>93</v>
      </c>
      <c r="C2971">
        <v>48</v>
      </c>
      <c r="D2971" t="s">
        <v>451</v>
      </c>
      <c r="E2971">
        <v>364</v>
      </c>
      <c r="F2971" t="s">
        <v>651</v>
      </c>
      <c r="G2971">
        <v>160</v>
      </c>
      <c r="H2971" t="s">
        <v>773</v>
      </c>
      <c r="I2971">
        <v>11846</v>
      </c>
      <c r="J2971" t="s">
        <v>659</v>
      </c>
      <c r="K2971">
        <v>35</v>
      </c>
      <c r="L2971" t="s">
        <v>2239</v>
      </c>
      <c r="M2971">
        <v>2662</v>
      </c>
      <c r="N2971" t="s">
        <v>654</v>
      </c>
      <c r="O2971">
        <v>3</v>
      </c>
      <c r="P2971" t="s">
        <v>655</v>
      </c>
      <c r="Q2971">
        <v>1</v>
      </c>
      <c r="R2971" t="s">
        <v>656</v>
      </c>
      <c r="S2971">
        <v>2</v>
      </c>
      <c r="T2971" t="s">
        <v>661</v>
      </c>
      <c r="U2971">
        <v>8</v>
      </c>
      <c r="V2971">
        <v>2</v>
      </c>
      <c r="W2971">
        <v>120</v>
      </c>
      <c r="X2971">
        <v>2020</v>
      </c>
    </row>
    <row r="2972" spans="1:24" x14ac:dyDescent="0.25">
      <c r="A2972">
        <v>8353</v>
      </c>
      <c r="B2972" t="s">
        <v>93</v>
      </c>
      <c r="C2972">
        <v>48</v>
      </c>
      <c r="D2972" t="s">
        <v>451</v>
      </c>
      <c r="E2972">
        <v>364</v>
      </c>
      <c r="F2972" t="s">
        <v>651</v>
      </c>
      <c r="G2972">
        <v>160</v>
      </c>
      <c r="H2972" t="s">
        <v>773</v>
      </c>
      <c r="I2972">
        <v>11846</v>
      </c>
      <c r="J2972" t="s">
        <v>659</v>
      </c>
      <c r="K2972">
        <v>35</v>
      </c>
      <c r="L2972" t="s">
        <v>2240</v>
      </c>
      <c r="M2972">
        <v>2661</v>
      </c>
      <c r="N2972" t="s">
        <v>654</v>
      </c>
      <c r="O2972">
        <v>3</v>
      </c>
      <c r="P2972" t="s">
        <v>655</v>
      </c>
      <c r="Q2972">
        <v>1</v>
      </c>
      <c r="R2972" t="s">
        <v>656</v>
      </c>
      <c r="S2972">
        <v>2</v>
      </c>
      <c r="T2972" t="s">
        <v>661</v>
      </c>
      <c r="U2972">
        <v>8</v>
      </c>
      <c r="V2972">
        <v>2</v>
      </c>
      <c r="W2972">
        <v>120</v>
      </c>
      <c r="X2972">
        <v>2020</v>
      </c>
    </row>
    <row r="2973" spans="1:24" x14ac:dyDescent="0.25">
      <c r="A2973">
        <v>8352</v>
      </c>
      <c r="B2973" t="s">
        <v>93</v>
      </c>
      <c r="C2973">
        <v>48</v>
      </c>
      <c r="D2973" t="s">
        <v>451</v>
      </c>
      <c r="E2973">
        <v>364</v>
      </c>
      <c r="F2973" t="s">
        <v>651</v>
      </c>
      <c r="G2973">
        <v>160</v>
      </c>
      <c r="H2973" t="s">
        <v>773</v>
      </c>
      <c r="I2973">
        <v>11846</v>
      </c>
      <c r="J2973" t="s">
        <v>659</v>
      </c>
      <c r="K2973">
        <v>35</v>
      </c>
      <c r="L2973" t="s">
        <v>2241</v>
      </c>
      <c r="M2973">
        <v>2660</v>
      </c>
      <c r="N2973" t="s">
        <v>654</v>
      </c>
      <c r="O2973">
        <v>3</v>
      </c>
      <c r="P2973" t="s">
        <v>655</v>
      </c>
      <c r="Q2973">
        <v>1</v>
      </c>
      <c r="R2973" t="s">
        <v>656</v>
      </c>
      <c r="S2973">
        <v>2</v>
      </c>
      <c r="T2973" t="s">
        <v>661</v>
      </c>
      <c r="U2973">
        <v>8</v>
      </c>
      <c r="V2973">
        <v>2</v>
      </c>
      <c r="W2973">
        <v>120</v>
      </c>
      <c r="X2973">
        <v>2020</v>
      </c>
    </row>
    <row r="2974" spans="1:24" x14ac:dyDescent="0.25">
      <c r="A2974">
        <v>8351</v>
      </c>
      <c r="B2974" t="s">
        <v>93</v>
      </c>
      <c r="C2974">
        <v>48</v>
      </c>
      <c r="D2974" t="s">
        <v>451</v>
      </c>
      <c r="E2974">
        <v>364</v>
      </c>
      <c r="F2974" t="s">
        <v>651</v>
      </c>
      <c r="G2974">
        <v>160</v>
      </c>
      <c r="H2974" t="s">
        <v>773</v>
      </c>
      <c r="I2974">
        <v>11846</v>
      </c>
      <c r="J2974" t="s">
        <v>659</v>
      </c>
      <c r="K2974">
        <v>35</v>
      </c>
      <c r="L2974" t="s">
        <v>2242</v>
      </c>
      <c r="M2974">
        <v>2659</v>
      </c>
      <c r="N2974" t="s">
        <v>654</v>
      </c>
      <c r="O2974">
        <v>3</v>
      </c>
      <c r="P2974" t="s">
        <v>655</v>
      </c>
      <c r="Q2974">
        <v>1</v>
      </c>
      <c r="R2974" t="s">
        <v>656</v>
      </c>
      <c r="S2974">
        <v>2</v>
      </c>
      <c r="T2974" t="s">
        <v>661</v>
      </c>
      <c r="U2974">
        <v>8</v>
      </c>
      <c r="V2974">
        <v>2</v>
      </c>
      <c r="W2974">
        <v>120</v>
      </c>
      <c r="X2974">
        <v>2020</v>
      </c>
    </row>
    <row r="2975" spans="1:24" x14ac:dyDescent="0.25">
      <c r="A2975">
        <v>8350</v>
      </c>
      <c r="B2975" t="s">
        <v>93</v>
      </c>
      <c r="C2975">
        <v>48</v>
      </c>
      <c r="D2975" t="s">
        <v>451</v>
      </c>
      <c r="E2975">
        <v>364</v>
      </c>
      <c r="F2975" t="s">
        <v>651</v>
      </c>
      <c r="G2975">
        <v>160</v>
      </c>
      <c r="H2975" t="s">
        <v>773</v>
      </c>
      <c r="I2975">
        <v>11846</v>
      </c>
      <c r="J2975" t="s">
        <v>659</v>
      </c>
      <c r="K2975">
        <v>35</v>
      </c>
      <c r="L2975" t="s">
        <v>2243</v>
      </c>
      <c r="M2975">
        <v>2658</v>
      </c>
      <c r="N2975" t="s">
        <v>654</v>
      </c>
      <c r="O2975">
        <v>3</v>
      </c>
      <c r="P2975" t="s">
        <v>655</v>
      </c>
      <c r="Q2975">
        <v>1</v>
      </c>
      <c r="R2975" t="s">
        <v>656</v>
      </c>
      <c r="S2975">
        <v>2</v>
      </c>
      <c r="T2975" t="s">
        <v>661</v>
      </c>
      <c r="U2975">
        <v>8</v>
      </c>
      <c r="V2975">
        <v>2</v>
      </c>
      <c r="W2975">
        <v>120</v>
      </c>
      <c r="X2975">
        <v>2020</v>
      </c>
    </row>
    <row r="2976" spans="1:24" x14ac:dyDescent="0.25">
      <c r="A2976">
        <v>8349</v>
      </c>
      <c r="B2976" t="s">
        <v>93</v>
      </c>
      <c r="C2976">
        <v>48</v>
      </c>
      <c r="D2976" t="s">
        <v>451</v>
      </c>
      <c r="E2976">
        <v>364</v>
      </c>
      <c r="F2976" t="s">
        <v>651</v>
      </c>
      <c r="G2976">
        <v>160</v>
      </c>
      <c r="H2976" t="s">
        <v>773</v>
      </c>
      <c r="I2976">
        <v>11846</v>
      </c>
      <c r="J2976" t="s">
        <v>659</v>
      </c>
      <c r="K2976">
        <v>35</v>
      </c>
      <c r="L2976" t="s">
        <v>2244</v>
      </c>
      <c r="M2976">
        <v>2657</v>
      </c>
      <c r="N2976" t="s">
        <v>654</v>
      </c>
      <c r="O2976">
        <v>3</v>
      </c>
      <c r="P2976" t="s">
        <v>655</v>
      </c>
      <c r="Q2976">
        <v>1</v>
      </c>
      <c r="R2976" t="s">
        <v>656</v>
      </c>
      <c r="S2976">
        <v>2</v>
      </c>
      <c r="T2976" t="s">
        <v>661</v>
      </c>
      <c r="U2976">
        <v>8</v>
      </c>
      <c r="V2976">
        <v>2</v>
      </c>
      <c r="W2976">
        <v>120</v>
      </c>
      <c r="X2976">
        <v>2020</v>
      </c>
    </row>
    <row r="2977" spans="1:24" x14ac:dyDescent="0.25">
      <c r="A2977">
        <v>8348</v>
      </c>
      <c r="B2977" t="s">
        <v>93</v>
      </c>
      <c r="C2977">
        <v>48</v>
      </c>
      <c r="D2977" t="s">
        <v>451</v>
      </c>
      <c r="E2977">
        <v>364</v>
      </c>
      <c r="F2977" t="s">
        <v>651</v>
      </c>
      <c r="G2977">
        <v>160</v>
      </c>
      <c r="H2977" t="s">
        <v>773</v>
      </c>
      <c r="I2977">
        <v>11846</v>
      </c>
      <c r="J2977" t="s">
        <v>659</v>
      </c>
      <c r="K2977">
        <v>35</v>
      </c>
      <c r="L2977" t="s">
        <v>2245</v>
      </c>
      <c r="M2977">
        <v>2656</v>
      </c>
      <c r="N2977" t="s">
        <v>654</v>
      </c>
      <c r="O2977">
        <v>3</v>
      </c>
      <c r="P2977" t="s">
        <v>655</v>
      </c>
      <c r="Q2977">
        <v>1</v>
      </c>
      <c r="R2977" t="s">
        <v>656</v>
      </c>
      <c r="S2977">
        <v>2</v>
      </c>
      <c r="T2977" t="s">
        <v>661</v>
      </c>
      <c r="U2977">
        <v>8</v>
      </c>
      <c r="V2977">
        <v>2</v>
      </c>
      <c r="W2977">
        <v>120</v>
      </c>
      <c r="X2977">
        <v>2020</v>
      </c>
    </row>
    <row r="2978" spans="1:24" x14ac:dyDescent="0.25">
      <c r="A2978">
        <v>8346</v>
      </c>
      <c r="B2978" t="s">
        <v>93</v>
      </c>
      <c r="C2978">
        <v>48</v>
      </c>
      <c r="D2978" t="s">
        <v>451</v>
      </c>
      <c r="E2978">
        <v>364</v>
      </c>
      <c r="F2978" t="s">
        <v>651</v>
      </c>
      <c r="G2978">
        <v>160</v>
      </c>
      <c r="H2978" t="s">
        <v>773</v>
      </c>
      <c r="I2978">
        <v>11846</v>
      </c>
      <c r="J2978" t="s">
        <v>659</v>
      </c>
      <c r="K2978">
        <v>35</v>
      </c>
      <c r="L2978" t="s">
        <v>2246</v>
      </c>
      <c r="M2978">
        <v>2654</v>
      </c>
      <c r="N2978" t="s">
        <v>654</v>
      </c>
      <c r="O2978">
        <v>3</v>
      </c>
      <c r="P2978" t="s">
        <v>655</v>
      </c>
      <c r="Q2978">
        <v>1</v>
      </c>
      <c r="R2978" t="s">
        <v>656</v>
      </c>
      <c r="S2978">
        <v>2</v>
      </c>
      <c r="T2978" t="s">
        <v>661</v>
      </c>
      <c r="U2978">
        <v>8</v>
      </c>
      <c r="V2978">
        <v>2</v>
      </c>
      <c r="W2978">
        <v>120</v>
      </c>
      <c r="X2978">
        <v>2020</v>
      </c>
    </row>
    <row r="2979" spans="1:24" x14ac:dyDescent="0.25">
      <c r="A2979">
        <v>8345</v>
      </c>
      <c r="B2979" t="s">
        <v>93</v>
      </c>
      <c r="C2979">
        <v>48</v>
      </c>
      <c r="D2979" t="s">
        <v>451</v>
      </c>
      <c r="E2979">
        <v>364</v>
      </c>
      <c r="F2979" t="s">
        <v>651</v>
      </c>
      <c r="G2979">
        <v>160</v>
      </c>
      <c r="H2979" t="s">
        <v>773</v>
      </c>
      <c r="I2979">
        <v>11846</v>
      </c>
      <c r="J2979" t="s">
        <v>659</v>
      </c>
      <c r="K2979">
        <v>35</v>
      </c>
      <c r="L2979" t="s">
        <v>2247</v>
      </c>
      <c r="M2979">
        <v>2653</v>
      </c>
      <c r="N2979" t="s">
        <v>654</v>
      </c>
      <c r="O2979">
        <v>3</v>
      </c>
      <c r="P2979" t="s">
        <v>655</v>
      </c>
      <c r="Q2979">
        <v>1</v>
      </c>
      <c r="R2979" t="s">
        <v>656</v>
      </c>
      <c r="S2979">
        <v>2</v>
      </c>
      <c r="T2979" t="s">
        <v>661</v>
      </c>
      <c r="U2979">
        <v>8</v>
      </c>
      <c r="V2979">
        <v>2</v>
      </c>
      <c r="W2979">
        <v>120</v>
      </c>
      <c r="X2979">
        <v>2020</v>
      </c>
    </row>
    <row r="2980" spans="1:24" x14ac:dyDescent="0.25">
      <c r="A2980">
        <v>8344</v>
      </c>
      <c r="B2980" t="s">
        <v>93</v>
      </c>
      <c r="C2980">
        <v>48</v>
      </c>
      <c r="D2980" t="s">
        <v>451</v>
      </c>
      <c r="E2980">
        <v>364</v>
      </c>
      <c r="F2980" t="s">
        <v>651</v>
      </c>
      <c r="G2980">
        <v>160</v>
      </c>
      <c r="H2980" t="s">
        <v>773</v>
      </c>
      <c r="I2980">
        <v>11846</v>
      </c>
      <c r="J2980" t="s">
        <v>659</v>
      </c>
      <c r="K2980">
        <v>35</v>
      </c>
      <c r="L2980" t="s">
        <v>2248</v>
      </c>
      <c r="M2980">
        <v>2652</v>
      </c>
      <c r="N2980" t="s">
        <v>654</v>
      </c>
      <c r="O2980">
        <v>3</v>
      </c>
      <c r="P2980" t="s">
        <v>655</v>
      </c>
      <c r="Q2980">
        <v>1</v>
      </c>
      <c r="R2980" t="s">
        <v>656</v>
      </c>
      <c r="S2980">
        <v>2</v>
      </c>
      <c r="T2980" t="s">
        <v>661</v>
      </c>
      <c r="U2980">
        <v>8</v>
      </c>
      <c r="V2980">
        <v>2</v>
      </c>
      <c r="W2980">
        <v>120</v>
      </c>
      <c r="X2980">
        <v>2020</v>
      </c>
    </row>
    <row r="2981" spans="1:24" x14ac:dyDescent="0.25">
      <c r="A2981">
        <v>8342</v>
      </c>
      <c r="B2981" t="s">
        <v>186</v>
      </c>
      <c r="C2981">
        <v>47</v>
      </c>
      <c r="D2981" t="s">
        <v>459</v>
      </c>
      <c r="E2981">
        <v>355</v>
      </c>
      <c r="F2981" t="s">
        <v>651</v>
      </c>
      <c r="G2981">
        <v>160</v>
      </c>
      <c r="H2981" t="s">
        <v>773</v>
      </c>
      <c r="I2981">
        <v>11846</v>
      </c>
      <c r="J2981" t="s">
        <v>1219</v>
      </c>
      <c r="K2981">
        <v>42</v>
      </c>
      <c r="L2981" t="s">
        <v>2249</v>
      </c>
      <c r="M2981">
        <v>2650</v>
      </c>
      <c r="N2981" t="s">
        <v>654</v>
      </c>
      <c r="O2981">
        <v>3</v>
      </c>
      <c r="P2981" t="s">
        <v>655</v>
      </c>
      <c r="Q2981">
        <v>1</v>
      </c>
      <c r="R2981" t="s">
        <v>656</v>
      </c>
      <c r="S2981">
        <v>2</v>
      </c>
      <c r="T2981" t="s">
        <v>661</v>
      </c>
      <c r="U2981">
        <v>8</v>
      </c>
      <c r="V2981">
        <v>2</v>
      </c>
      <c r="W2981">
        <v>120</v>
      </c>
      <c r="X2981">
        <v>2020</v>
      </c>
    </row>
    <row r="2982" spans="1:24" x14ac:dyDescent="0.25">
      <c r="A2982">
        <v>8341</v>
      </c>
      <c r="B2982" t="s">
        <v>186</v>
      </c>
      <c r="C2982">
        <v>47</v>
      </c>
      <c r="D2982" t="s">
        <v>459</v>
      </c>
      <c r="E2982">
        <v>355</v>
      </c>
      <c r="F2982" t="s">
        <v>651</v>
      </c>
      <c r="G2982">
        <v>160</v>
      </c>
      <c r="H2982" t="s">
        <v>773</v>
      </c>
      <c r="I2982">
        <v>11846</v>
      </c>
      <c r="J2982" t="s">
        <v>1219</v>
      </c>
      <c r="K2982">
        <v>42</v>
      </c>
      <c r="L2982" t="s">
        <v>2250</v>
      </c>
      <c r="M2982">
        <v>2649</v>
      </c>
      <c r="N2982" t="s">
        <v>654</v>
      </c>
      <c r="O2982">
        <v>3</v>
      </c>
      <c r="P2982" t="s">
        <v>655</v>
      </c>
      <c r="Q2982">
        <v>1</v>
      </c>
      <c r="R2982" t="s">
        <v>656</v>
      </c>
      <c r="S2982">
        <v>2</v>
      </c>
      <c r="T2982" t="s">
        <v>661</v>
      </c>
      <c r="U2982">
        <v>8</v>
      </c>
      <c r="V2982">
        <v>2</v>
      </c>
      <c r="W2982">
        <v>120</v>
      </c>
      <c r="X2982">
        <v>2020</v>
      </c>
    </row>
    <row r="2983" spans="1:24" x14ac:dyDescent="0.25">
      <c r="A2983">
        <v>8339</v>
      </c>
      <c r="B2983" t="s">
        <v>186</v>
      </c>
      <c r="C2983">
        <v>47</v>
      </c>
      <c r="D2983" t="s">
        <v>460</v>
      </c>
      <c r="E2983">
        <v>354</v>
      </c>
      <c r="F2983" t="s">
        <v>651</v>
      </c>
      <c r="G2983">
        <v>160</v>
      </c>
      <c r="H2983" t="s">
        <v>773</v>
      </c>
      <c r="I2983">
        <v>11846</v>
      </c>
      <c r="J2983" t="s">
        <v>880</v>
      </c>
      <c r="K2983">
        <v>58</v>
      </c>
      <c r="L2983" t="s">
        <v>2251</v>
      </c>
      <c r="M2983">
        <v>2647</v>
      </c>
      <c r="N2983" t="s">
        <v>654</v>
      </c>
      <c r="O2983">
        <v>3</v>
      </c>
      <c r="P2983" t="s">
        <v>655</v>
      </c>
      <c r="Q2983">
        <v>1</v>
      </c>
      <c r="R2983" t="s">
        <v>656</v>
      </c>
      <c r="S2983">
        <v>2</v>
      </c>
      <c r="T2983" t="s">
        <v>661</v>
      </c>
      <c r="U2983">
        <v>8</v>
      </c>
      <c r="V2983">
        <v>2</v>
      </c>
      <c r="W2983">
        <v>120</v>
      </c>
      <c r="X2983">
        <v>2020</v>
      </c>
    </row>
    <row r="2984" spans="1:24" x14ac:dyDescent="0.25">
      <c r="A2984">
        <v>8335</v>
      </c>
      <c r="B2984" t="s">
        <v>186</v>
      </c>
      <c r="C2984">
        <v>47</v>
      </c>
      <c r="D2984" t="s">
        <v>460</v>
      </c>
      <c r="E2984">
        <v>354</v>
      </c>
      <c r="F2984" t="s">
        <v>651</v>
      </c>
      <c r="G2984">
        <v>160</v>
      </c>
      <c r="H2984" t="s">
        <v>773</v>
      </c>
      <c r="I2984">
        <v>11846</v>
      </c>
      <c r="J2984" t="s">
        <v>880</v>
      </c>
      <c r="K2984">
        <v>58</v>
      </c>
      <c r="L2984" t="s">
        <v>2252</v>
      </c>
      <c r="M2984">
        <v>2643</v>
      </c>
      <c r="N2984" t="s">
        <v>654</v>
      </c>
      <c r="O2984">
        <v>3</v>
      </c>
      <c r="P2984" t="s">
        <v>655</v>
      </c>
      <c r="Q2984">
        <v>1</v>
      </c>
      <c r="R2984" t="s">
        <v>656</v>
      </c>
      <c r="S2984">
        <v>2</v>
      </c>
      <c r="T2984" t="s">
        <v>661</v>
      </c>
      <c r="U2984">
        <v>8</v>
      </c>
      <c r="V2984">
        <v>2</v>
      </c>
      <c r="W2984">
        <v>120</v>
      </c>
      <c r="X2984">
        <v>2020</v>
      </c>
    </row>
    <row r="2985" spans="1:24" x14ac:dyDescent="0.25">
      <c r="A2985">
        <v>8333</v>
      </c>
      <c r="B2985" t="s">
        <v>186</v>
      </c>
      <c r="C2985">
        <v>47</v>
      </c>
      <c r="D2985" t="s">
        <v>461</v>
      </c>
      <c r="E2985">
        <v>352</v>
      </c>
      <c r="F2985" t="s">
        <v>651</v>
      </c>
      <c r="G2985">
        <v>160</v>
      </c>
      <c r="H2985" t="s">
        <v>773</v>
      </c>
      <c r="I2985">
        <v>11846</v>
      </c>
      <c r="J2985" t="s">
        <v>917</v>
      </c>
      <c r="K2985">
        <v>83</v>
      </c>
      <c r="L2985" t="s">
        <v>1928</v>
      </c>
      <c r="M2985">
        <v>2641</v>
      </c>
      <c r="N2985" t="s">
        <v>654</v>
      </c>
      <c r="O2985">
        <v>3</v>
      </c>
      <c r="P2985" t="s">
        <v>655</v>
      </c>
      <c r="Q2985">
        <v>1</v>
      </c>
      <c r="R2985" t="s">
        <v>656</v>
      </c>
      <c r="S2985">
        <v>2</v>
      </c>
      <c r="T2985" t="s">
        <v>661</v>
      </c>
      <c r="U2985">
        <v>8</v>
      </c>
      <c r="V2985">
        <v>2</v>
      </c>
      <c r="W2985">
        <v>120</v>
      </c>
      <c r="X2985">
        <v>2020</v>
      </c>
    </row>
    <row r="2986" spans="1:24" x14ac:dyDescent="0.25">
      <c r="A2986">
        <v>8332</v>
      </c>
      <c r="B2986" t="s">
        <v>186</v>
      </c>
      <c r="C2986">
        <v>47</v>
      </c>
      <c r="D2986" t="s">
        <v>461</v>
      </c>
      <c r="E2986">
        <v>352</v>
      </c>
      <c r="F2986" t="s">
        <v>651</v>
      </c>
      <c r="G2986">
        <v>160</v>
      </c>
      <c r="H2986" t="s">
        <v>773</v>
      </c>
      <c r="I2986">
        <v>11846</v>
      </c>
      <c r="J2986" t="s">
        <v>917</v>
      </c>
      <c r="K2986">
        <v>83</v>
      </c>
      <c r="L2986" t="s">
        <v>2253</v>
      </c>
      <c r="M2986">
        <v>756</v>
      </c>
      <c r="N2986" t="s">
        <v>654</v>
      </c>
      <c r="O2986">
        <v>3</v>
      </c>
      <c r="P2986" t="s">
        <v>655</v>
      </c>
      <c r="Q2986">
        <v>1</v>
      </c>
      <c r="R2986" t="s">
        <v>656</v>
      </c>
      <c r="S2986">
        <v>2</v>
      </c>
      <c r="T2986" t="s">
        <v>661</v>
      </c>
      <c r="U2986">
        <v>8</v>
      </c>
      <c r="V2986">
        <v>2</v>
      </c>
      <c r="W2986">
        <v>120</v>
      </c>
      <c r="X2986">
        <v>2020</v>
      </c>
    </row>
    <row r="2987" spans="1:24" x14ac:dyDescent="0.25">
      <c r="A2987">
        <v>8331</v>
      </c>
      <c r="B2987" t="s">
        <v>186</v>
      </c>
      <c r="C2987">
        <v>47</v>
      </c>
      <c r="D2987" t="s">
        <v>461</v>
      </c>
      <c r="E2987">
        <v>352</v>
      </c>
      <c r="F2987" t="s">
        <v>651</v>
      </c>
      <c r="G2987">
        <v>160</v>
      </c>
      <c r="H2987" t="s">
        <v>773</v>
      </c>
      <c r="I2987">
        <v>11846</v>
      </c>
      <c r="J2987" t="s">
        <v>917</v>
      </c>
      <c r="K2987">
        <v>83</v>
      </c>
      <c r="L2987" t="s">
        <v>2254</v>
      </c>
      <c r="M2987">
        <v>1971</v>
      </c>
      <c r="N2987" t="s">
        <v>654</v>
      </c>
      <c r="O2987">
        <v>3</v>
      </c>
      <c r="P2987" t="s">
        <v>655</v>
      </c>
      <c r="Q2987">
        <v>1</v>
      </c>
      <c r="R2987" t="s">
        <v>656</v>
      </c>
      <c r="S2987">
        <v>2</v>
      </c>
      <c r="T2987" t="s">
        <v>661</v>
      </c>
      <c r="U2987">
        <v>8</v>
      </c>
      <c r="V2987">
        <v>2</v>
      </c>
      <c r="W2987">
        <v>120</v>
      </c>
      <c r="X2987">
        <v>2020</v>
      </c>
    </row>
    <row r="2988" spans="1:24" x14ac:dyDescent="0.25">
      <c r="A2988">
        <v>8330</v>
      </c>
      <c r="B2988" t="s">
        <v>186</v>
      </c>
      <c r="C2988">
        <v>47</v>
      </c>
      <c r="D2988" t="s">
        <v>461</v>
      </c>
      <c r="E2988">
        <v>352</v>
      </c>
      <c r="F2988" t="s">
        <v>651</v>
      </c>
      <c r="G2988">
        <v>160</v>
      </c>
      <c r="H2988" t="s">
        <v>773</v>
      </c>
      <c r="I2988">
        <v>11846</v>
      </c>
      <c r="J2988" t="s">
        <v>917</v>
      </c>
      <c r="K2988">
        <v>83</v>
      </c>
      <c r="L2988" t="s">
        <v>2255</v>
      </c>
      <c r="M2988">
        <v>1973</v>
      </c>
      <c r="N2988" t="s">
        <v>654</v>
      </c>
      <c r="O2988">
        <v>3</v>
      </c>
      <c r="P2988" t="s">
        <v>655</v>
      </c>
      <c r="Q2988">
        <v>1</v>
      </c>
      <c r="R2988" t="s">
        <v>656</v>
      </c>
      <c r="S2988">
        <v>2</v>
      </c>
      <c r="T2988" t="s">
        <v>661</v>
      </c>
      <c r="U2988">
        <v>8</v>
      </c>
      <c r="V2988">
        <v>2</v>
      </c>
      <c r="W2988">
        <v>120</v>
      </c>
      <c r="X2988">
        <v>2020</v>
      </c>
    </row>
    <row r="2989" spans="1:24" x14ac:dyDescent="0.25">
      <c r="A2989">
        <v>8329</v>
      </c>
      <c r="B2989" t="s">
        <v>186</v>
      </c>
      <c r="C2989">
        <v>47</v>
      </c>
      <c r="D2989" t="s">
        <v>462</v>
      </c>
      <c r="E2989">
        <v>351</v>
      </c>
      <c r="F2989" t="s">
        <v>651</v>
      </c>
      <c r="G2989">
        <v>160</v>
      </c>
      <c r="H2989" t="s">
        <v>773</v>
      </c>
      <c r="I2989">
        <v>11846</v>
      </c>
      <c r="J2989" t="s">
        <v>678</v>
      </c>
      <c r="K2989">
        <v>41</v>
      </c>
      <c r="L2989" t="s">
        <v>2256</v>
      </c>
      <c r="M2989">
        <v>2640</v>
      </c>
      <c r="N2989" t="s">
        <v>654</v>
      </c>
      <c r="O2989">
        <v>3</v>
      </c>
      <c r="P2989" t="s">
        <v>655</v>
      </c>
      <c r="Q2989">
        <v>1</v>
      </c>
      <c r="R2989" t="s">
        <v>656</v>
      </c>
      <c r="S2989">
        <v>2</v>
      </c>
      <c r="T2989" t="s">
        <v>661</v>
      </c>
      <c r="U2989">
        <v>8</v>
      </c>
      <c r="V2989">
        <v>2</v>
      </c>
      <c r="W2989">
        <v>120</v>
      </c>
      <c r="X2989">
        <v>2020</v>
      </c>
    </row>
    <row r="2990" spans="1:24" x14ac:dyDescent="0.25">
      <c r="A2990">
        <v>8327</v>
      </c>
      <c r="B2990" t="s">
        <v>186</v>
      </c>
      <c r="C2990">
        <v>47</v>
      </c>
      <c r="D2990" t="s">
        <v>462</v>
      </c>
      <c r="E2990">
        <v>351</v>
      </c>
      <c r="F2990" t="s">
        <v>651</v>
      </c>
      <c r="G2990">
        <v>160</v>
      </c>
      <c r="H2990" t="s">
        <v>773</v>
      </c>
      <c r="I2990">
        <v>11846</v>
      </c>
      <c r="J2990" t="s">
        <v>851</v>
      </c>
      <c r="K2990">
        <v>43</v>
      </c>
      <c r="L2990" t="s">
        <v>2257</v>
      </c>
      <c r="M2990">
        <v>2638</v>
      </c>
      <c r="N2990" t="s">
        <v>654</v>
      </c>
      <c r="O2990">
        <v>3</v>
      </c>
      <c r="P2990" t="s">
        <v>655</v>
      </c>
      <c r="Q2990">
        <v>1</v>
      </c>
      <c r="R2990" t="s">
        <v>656</v>
      </c>
      <c r="S2990">
        <v>2</v>
      </c>
      <c r="T2990" t="s">
        <v>661</v>
      </c>
      <c r="U2990">
        <v>8</v>
      </c>
      <c r="V2990">
        <v>2</v>
      </c>
      <c r="W2990">
        <v>120</v>
      </c>
      <c r="X2990">
        <v>2020</v>
      </c>
    </row>
    <row r="2991" spans="1:24" x14ac:dyDescent="0.25">
      <c r="A2991">
        <v>8325</v>
      </c>
      <c r="B2991" t="s">
        <v>186</v>
      </c>
      <c r="C2991">
        <v>47</v>
      </c>
      <c r="D2991" t="s">
        <v>462</v>
      </c>
      <c r="E2991">
        <v>351</v>
      </c>
      <c r="F2991" t="s">
        <v>651</v>
      </c>
      <c r="G2991">
        <v>160</v>
      </c>
      <c r="H2991" t="s">
        <v>773</v>
      </c>
      <c r="I2991">
        <v>11846</v>
      </c>
      <c r="J2991" t="s">
        <v>794</v>
      </c>
      <c r="K2991">
        <v>40</v>
      </c>
      <c r="L2991" t="s">
        <v>2258</v>
      </c>
      <c r="M2991">
        <v>2636</v>
      </c>
      <c r="N2991" t="s">
        <v>654</v>
      </c>
      <c r="O2991">
        <v>3</v>
      </c>
      <c r="P2991" t="s">
        <v>655</v>
      </c>
      <c r="Q2991">
        <v>1</v>
      </c>
      <c r="R2991" t="s">
        <v>656</v>
      </c>
      <c r="S2991">
        <v>2</v>
      </c>
      <c r="T2991" t="s">
        <v>661</v>
      </c>
      <c r="U2991">
        <v>8</v>
      </c>
      <c r="V2991">
        <v>2</v>
      </c>
      <c r="W2991">
        <v>120</v>
      </c>
      <c r="X2991">
        <v>2020</v>
      </c>
    </row>
    <row r="2992" spans="1:24" x14ac:dyDescent="0.25">
      <c r="A2992">
        <v>8323</v>
      </c>
      <c r="B2992" t="s">
        <v>186</v>
      </c>
      <c r="C2992">
        <v>47</v>
      </c>
      <c r="D2992" t="s">
        <v>462</v>
      </c>
      <c r="E2992">
        <v>351</v>
      </c>
      <c r="F2992" t="s">
        <v>651</v>
      </c>
      <c r="G2992">
        <v>160</v>
      </c>
      <c r="H2992" t="s">
        <v>773</v>
      </c>
      <c r="I2992">
        <v>11846</v>
      </c>
      <c r="J2992" t="s">
        <v>794</v>
      </c>
      <c r="K2992">
        <v>40</v>
      </c>
      <c r="L2992" t="s">
        <v>2259</v>
      </c>
      <c r="M2992">
        <v>2634</v>
      </c>
      <c r="N2992" t="s">
        <v>654</v>
      </c>
      <c r="O2992">
        <v>3</v>
      </c>
      <c r="P2992" t="s">
        <v>655</v>
      </c>
      <c r="Q2992">
        <v>1</v>
      </c>
      <c r="R2992" t="s">
        <v>656</v>
      </c>
      <c r="S2992">
        <v>2</v>
      </c>
      <c r="T2992" t="s">
        <v>661</v>
      </c>
      <c r="U2992">
        <v>8</v>
      </c>
      <c r="V2992">
        <v>2</v>
      </c>
      <c r="W2992">
        <v>120</v>
      </c>
      <c r="X2992">
        <v>2020</v>
      </c>
    </row>
    <row r="2993" spans="1:24" x14ac:dyDescent="0.25">
      <c r="A2993">
        <v>8321</v>
      </c>
      <c r="B2993" t="s">
        <v>186</v>
      </c>
      <c r="C2993">
        <v>47</v>
      </c>
      <c r="D2993" t="s">
        <v>462</v>
      </c>
      <c r="E2993">
        <v>351</v>
      </c>
      <c r="F2993" t="s">
        <v>651</v>
      </c>
      <c r="G2993">
        <v>160</v>
      </c>
      <c r="H2993" t="s">
        <v>773</v>
      </c>
      <c r="I2993">
        <v>11846</v>
      </c>
      <c r="J2993" t="s">
        <v>794</v>
      </c>
      <c r="K2993">
        <v>40</v>
      </c>
      <c r="L2993" t="s">
        <v>2260</v>
      </c>
      <c r="M2993">
        <v>2632</v>
      </c>
      <c r="N2993" t="s">
        <v>654</v>
      </c>
      <c r="O2993">
        <v>3</v>
      </c>
      <c r="P2993" t="s">
        <v>655</v>
      </c>
      <c r="Q2993">
        <v>1</v>
      </c>
      <c r="R2993" t="s">
        <v>656</v>
      </c>
      <c r="S2993">
        <v>2</v>
      </c>
      <c r="T2993" t="s">
        <v>661</v>
      </c>
      <c r="U2993">
        <v>8</v>
      </c>
      <c r="V2993">
        <v>2</v>
      </c>
      <c r="W2993">
        <v>120</v>
      </c>
      <c r="X2993">
        <v>2020</v>
      </c>
    </row>
    <row r="2994" spans="1:24" x14ac:dyDescent="0.25">
      <c r="A2994">
        <v>8320</v>
      </c>
      <c r="B2994" t="s">
        <v>186</v>
      </c>
      <c r="C2994">
        <v>47</v>
      </c>
      <c r="D2994" t="s">
        <v>463</v>
      </c>
      <c r="E2994">
        <v>350</v>
      </c>
      <c r="F2994" t="s">
        <v>651</v>
      </c>
      <c r="G2994">
        <v>160</v>
      </c>
      <c r="H2994" t="s">
        <v>773</v>
      </c>
      <c r="I2994">
        <v>11846</v>
      </c>
      <c r="J2994" t="s">
        <v>848</v>
      </c>
      <c r="K2994">
        <v>62</v>
      </c>
      <c r="L2994" t="s">
        <v>2261</v>
      </c>
      <c r="M2994">
        <v>2631</v>
      </c>
      <c r="N2994" t="s">
        <v>654</v>
      </c>
      <c r="O2994">
        <v>3</v>
      </c>
      <c r="P2994" t="s">
        <v>655</v>
      </c>
      <c r="Q2994">
        <v>1</v>
      </c>
      <c r="R2994" t="s">
        <v>656</v>
      </c>
      <c r="S2994">
        <v>2</v>
      </c>
      <c r="T2994" t="s">
        <v>661</v>
      </c>
      <c r="U2994">
        <v>8</v>
      </c>
      <c r="V2994">
        <v>2</v>
      </c>
      <c r="W2994">
        <v>120</v>
      </c>
      <c r="X2994">
        <v>2020</v>
      </c>
    </row>
    <row r="2995" spans="1:24" x14ac:dyDescent="0.25">
      <c r="A2995">
        <v>8319</v>
      </c>
      <c r="B2995" t="s">
        <v>186</v>
      </c>
      <c r="C2995">
        <v>47</v>
      </c>
      <c r="D2995" t="s">
        <v>463</v>
      </c>
      <c r="E2995">
        <v>350</v>
      </c>
      <c r="F2995" t="s">
        <v>651</v>
      </c>
      <c r="G2995">
        <v>160</v>
      </c>
      <c r="H2995" t="s">
        <v>773</v>
      </c>
      <c r="I2995">
        <v>11846</v>
      </c>
      <c r="J2995" t="s">
        <v>831</v>
      </c>
      <c r="K2995">
        <v>5</v>
      </c>
      <c r="L2995" t="s">
        <v>2262</v>
      </c>
      <c r="M2995">
        <v>2630</v>
      </c>
      <c r="N2995" t="s">
        <v>654</v>
      </c>
      <c r="O2995">
        <v>3</v>
      </c>
      <c r="P2995" t="s">
        <v>655</v>
      </c>
      <c r="Q2995">
        <v>1</v>
      </c>
      <c r="R2995" t="s">
        <v>656</v>
      </c>
      <c r="S2995">
        <v>2</v>
      </c>
      <c r="T2995" t="s">
        <v>661</v>
      </c>
      <c r="U2995">
        <v>8</v>
      </c>
      <c r="V2995">
        <v>2</v>
      </c>
      <c r="W2995">
        <v>120</v>
      </c>
      <c r="X2995">
        <v>2020</v>
      </c>
    </row>
    <row r="2996" spans="1:24" x14ac:dyDescent="0.25">
      <c r="A2996">
        <v>8317</v>
      </c>
      <c r="B2996" t="s">
        <v>186</v>
      </c>
      <c r="C2996">
        <v>47</v>
      </c>
      <c r="D2996" t="s">
        <v>463</v>
      </c>
      <c r="E2996">
        <v>350</v>
      </c>
      <c r="F2996" t="s">
        <v>651</v>
      </c>
      <c r="G2996">
        <v>160</v>
      </c>
      <c r="H2996" t="s">
        <v>773</v>
      </c>
      <c r="I2996">
        <v>11846</v>
      </c>
      <c r="J2996" t="s">
        <v>909</v>
      </c>
      <c r="K2996">
        <v>39</v>
      </c>
      <c r="L2996" t="s">
        <v>910</v>
      </c>
      <c r="M2996">
        <v>2628</v>
      </c>
      <c r="N2996" t="s">
        <v>654</v>
      </c>
      <c r="O2996">
        <v>3</v>
      </c>
      <c r="P2996" t="s">
        <v>655</v>
      </c>
      <c r="Q2996">
        <v>1</v>
      </c>
      <c r="R2996" t="s">
        <v>656</v>
      </c>
      <c r="S2996">
        <v>2</v>
      </c>
      <c r="T2996" t="s">
        <v>661</v>
      </c>
      <c r="U2996">
        <v>8</v>
      </c>
      <c r="V2996">
        <v>2</v>
      </c>
      <c r="W2996">
        <v>120</v>
      </c>
      <c r="X2996">
        <v>2020</v>
      </c>
    </row>
    <row r="2997" spans="1:24" x14ac:dyDescent="0.25">
      <c r="A2997">
        <v>8316</v>
      </c>
      <c r="B2997" t="s">
        <v>186</v>
      </c>
      <c r="C2997">
        <v>47</v>
      </c>
      <c r="D2997" t="s">
        <v>463</v>
      </c>
      <c r="E2997">
        <v>350</v>
      </c>
      <c r="F2997" t="s">
        <v>651</v>
      </c>
      <c r="G2997">
        <v>160</v>
      </c>
      <c r="H2997" t="s">
        <v>773</v>
      </c>
      <c r="I2997">
        <v>11846</v>
      </c>
      <c r="J2997" t="s">
        <v>909</v>
      </c>
      <c r="K2997">
        <v>39</v>
      </c>
      <c r="L2997" t="s">
        <v>2263</v>
      </c>
      <c r="M2997">
        <v>2627</v>
      </c>
      <c r="N2997" t="s">
        <v>654</v>
      </c>
      <c r="O2997">
        <v>3</v>
      </c>
      <c r="P2997" t="s">
        <v>655</v>
      </c>
      <c r="Q2997">
        <v>1</v>
      </c>
      <c r="R2997" t="s">
        <v>656</v>
      </c>
      <c r="S2997">
        <v>2</v>
      </c>
      <c r="T2997" t="s">
        <v>661</v>
      </c>
      <c r="U2997">
        <v>8</v>
      </c>
      <c r="V2997">
        <v>2</v>
      </c>
      <c r="W2997">
        <v>120</v>
      </c>
      <c r="X2997">
        <v>2020</v>
      </c>
    </row>
    <row r="2998" spans="1:24" x14ac:dyDescent="0.25">
      <c r="A2998">
        <v>8315</v>
      </c>
      <c r="B2998" t="s">
        <v>186</v>
      </c>
      <c r="C2998">
        <v>47</v>
      </c>
      <c r="D2998" t="s">
        <v>463</v>
      </c>
      <c r="E2998">
        <v>350</v>
      </c>
      <c r="F2998" t="s">
        <v>651</v>
      </c>
      <c r="G2998">
        <v>160</v>
      </c>
      <c r="H2998" t="s">
        <v>773</v>
      </c>
      <c r="I2998">
        <v>11846</v>
      </c>
      <c r="J2998" t="s">
        <v>909</v>
      </c>
      <c r="K2998">
        <v>39</v>
      </c>
      <c r="L2998" t="s">
        <v>2264</v>
      </c>
      <c r="M2998">
        <v>2626</v>
      </c>
      <c r="N2998" t="s">
        <v>654</v>
      </c>
      <c r="O2998">
        <v>3</v>
      </c>
      <c r="P2998" t="s">
        <v>655</v>
      </c>
      <c r="Q2998">
        <v>1</v>
      </c>
      <c r="R2998" t="s">
        <v>656</v>
      </c>
      <c r="S2998">
        <v>2</v>
      </c>
      <c r="T2998" t="s">
        <v>661</v>
      </c>
      <c r="U2998">
        <v>8</v>
      </c>
      <c r="V2998">
        <v>2</v>
      </c>
      <c r="W2998">
        <v>120</v>
      </c>
      <c r="X2998">
        <v>2020</v>
      </c>
    </row>
    <row r="2999" spans="1:24" x14ac:dyDescent="0.25">
      <c r="A2999">
        <v>8314</v>
      </c>
      <c r="B2999" t="s">
        <v>186</v>
      </c>
      <c r="C2999">
        <v>47</v>
      </c>
      <c r="D2999" t="s">
        <v>463</v>
      </c>
      <c r="E2999">
        <v>350</v>
      </c>
      <c r="F2999" t="s">
        <v>651</v>
      </c>
      <c r="G2999">
        <v>160</v>
      </c>
      <c r="H2999" t="s">
        <v>773</v>
      </c>
      <c r="I2999">
        <v>11846</v>
      </c>
      <c r="J2999" t="s">
        <v>909</v>
      </c>
      <c r="K2999">
        <v>39</v>
      </c>
      <c r="L2999" t="s">
        <v>2265</v>
      </c>
      <c r="M2999">
        <v>1699</v>
      </c>
      <c r="N2999" t="s">
        <v>654</v>
      </c>
      <c r="O2999">
        <v>3</v>
      </c>
      <c r="P2999" t="s">
        <v>655</v>
      </c>
      <c r="Q2999">
        <v>1</v>
      </c>
      <c r="R2999" t="s">
        <v>656</v>
      </c>
      <c r="S2999">
        <v>2</v>
      </c>
      <c r="T2999" t="s">
        <v>661</v>
      </c>
      <c r="U2999">
        <v>8</v>
      </c>
      <c r="V2999">
        <v>2</v>
      </c>
      <c r="W2999">
        <v>120</v>
      </c>
      <c r="X2999">
        <v>2020</v>
      </c>
    </row>
    <row r="3000" spans="1:24" x14ac:dyDescent="0.25">
      <c r="A3000">
        <v>8313</v>
      </c>
      <c r="B3000" t="s">
        <v>224</v>
      </c>
      <c r="C3000">
        <v>46</v>
      </c>
      <c r="D3000" t="s">
        <v>440</v>
      </c>
      <c r="E3000">
        <v>348</v>
      </c>
      <c r="F3000" t="s">
        <v>651</v>
      </c>
      <c r="G3000">
        <v>160</v>
      </c>
      <c r="H3000" t="s">
        <v>773</v>
      </c>
      <c r="I3000">
        <v>11846</v>
      </c>
      <c r="J3000" t="s">
        <v>691</v>
      </c>
      <c r="K3000">
        <v>21</v>
      </c>
      <c r="L3000" t="s">
        <v>2266</v>
      </c>
      <c r="M3000">
        <v>2625</v>
      </c>
      <c r="N3000" t="s">
        <v>654</v>
      </c>
      <c r="O3000">
        <v>3</v>
      </c>
      <c r="P3000" t="s">
        <v>655</v>
      </c>
      <c r="Q3000">
        <v>1</v>
      </c>
      <c r="R3000" t="s">
        <v>656</v>
      </c>
      <c r="S3000">
        <v>2</v>
      </c>
      <c r="T3000" t="s">
        <v>661</v>
      </c>
      <c r="U3000">
        <v>8</v>
      </c>
      <c r="V3000">
        <v>2</v>
      </c>
      <c r="W3000">
        <v>120</v>
      </c>
      <c r="X3000">
        <v>2020</v>
      </c>
    </row>
    <row r="3001" spans="1:24" x14ac:dyDescent="0.25">
      <c r="A3001">
        <v>8312</v>
      </c>
      <c r="B3001" t="s">
        <v>224</v>
      </c>
      <c r="C3001">
        <v>46</v>
      </c>
      <c r="D3001" t="s">
        <v>465</v>
      </c>
      <c r="E3001">
        <v>347</v>
      </c>
      <c r="F3001" t="s">
        <v>651</v>
      </c>
      <c r="G3001">
        <v>160</v>
      </c>
      <c r="H3001" t="s">
        <v>773</v>
      </c>
      <c r="I3001">
        <v>11846</v>
      </c>
      <c r="J3001" t="s">
        <v>705</v>
      </c>
      <c r="K3001">
        <v>70</v>
      </c>
      <c r="L3001" t="s">
        <v>2267</v>
      </c>
      <c r="M3001">
        <v>2624</v>
      </c>
      <c r="N3001" t="s">
        <v>654</v>
      </c>
      <c r="O3001">
        <v>3</v>
      </c>
      <c r="P3001" t="s">
        <v>655</v>
      </c>
      <c r="Q3001">
        <v>1</v>
      </c>
      <c r="R3001" t="s">
        <v>656</v>
      </c>
      <c r="S3001">
        <v>2</v>
      </c>
      <c r="T3001" t="s">
        <v>661</v>
      </c>
      <c r="U3001">
        <v>8</v>
      </c>
      <c r="V3001">
        <v>2</v>
      </c>
      <c r="W3001">
        <v>120</v>
      </c>
      <c r="X3001">
        <v>2020</v>
      </c>
    </row>
    <row r="3002" spans="1:24" x14ac:dyDescent="0.25">
      <c r="A3002">
        <v>8311</v>
      </c>
      <c r="B3002" t="s">
        <v>224</v>
      </c>
      <c r="C3002">
        <v>46</v>
      </c>
      <c r="D3002" t="s">
        <v>465</v>
      </c>
      <c r="E3002">
        <v>347</v>
      </c>
      <c r="F3002" t="s">
        <v>651</v>
      </c>
      <c r="G3002">
        <v>160</v>
      </c>
      <c r="H3002" t="s">
        <v>773</v>
      </c>
      <c r="I3002">
        <v>11846</v>
      </c>
      <c r="J3002" t="s">
        <v>705</v>
      </c>
      <c r="K3002">
        <v>70</v>
      </c>
      <c r="L3002" t="s">
        <v>2268</v>
      </c>
      <c r="M3002">
        <v>2623</v>
      </c>
      <c r="N3002" t="s">
        <v>654</v>
      </c>
      <c r="O3002">
        <v>3</v>
      </c>
      <c r="P3002" t="s">
        <v>655</v>
      </c>
      <c r="Q3002">
        <v>1</v>
      </c>
      <c r="R3002" t="s">
        <v>656</v>
      </c>
      <c r="S3002">
        <v>2</v>
      </c>
      <c r="T3002" t="s">
        <v>661</v>
      </c>
      <c r="U3002">
        <v>8</v>
      </c>
      <c r="V3002">
        <v>2</v>
      </c>
      <c r="W3002">
        <v>120</v>
      </c>
      <c r="X3002">
        <v>2020</v>
      </c>
    </row>
    <row r="3003" spans="1:24" x14ac:dyDescent="0.25">
      <c r="A3003">
        <v>8310</v>
      </c>
      <c r="B3003" t="s">
        <v>224</v>
      </c>
      <c r="C3003">
        <v>46</v>
      </c>
      <c r="D3003" t="s">
        <v>465</v>
      </c>
      <c r="E3003">
        <v>347</v>
      </c>
      <c r="F3003" t="s">
        <v>651</v>
      </c>
      <c r="G3003">
        <v>160</v>
      </c>
      <c r="H3003" t="s">
        <v>773</v>
      </c>
      <c r="I3003">
        <v>11846</v>
      </c>
      <c r="J3003" t="s">
        <v>716</v>
      </c>
      <c r="K3003">
        <v>68</v>
      </c>
      <c r="L3003" t="s">
        <v>2269</v>
      </c>
      <c r="M3003">
        <v>2622</v>
      </c>
      <c r="N3003" t="s">
        <v>654</v>
      </c>
      <c r="O3003">
        <v>3</v>
      </c>
      <c r="P3003" t="s">
        <v>655</v>
      </c>
      <c r="Q3003">
        <v>1</v>
      </c>
      <c r="R3003" t="s">
        <v>656</v>
      </c>
      <c r="S3003">
        <v>2</v>
      </c>
      <c r="T3003" t="s">
        <v>718</v>
      </c>
      <c r="U3003">
        <v>2</v>
      </c>
      <c r="V3003">
        <v>2</v>
      </c>
      <c r="W3003">
        <v>120</v>
      </c>
      <c r="X3003">
        <v>2020</v>
      </c>
    </row>
    <row r="3004" spans="1:24" x14ac:dyDescent="0.25">
      <c r="A3004">
        <v>8309</v>
      </c>
      <c r="B3004" t="s">
        <v>224</v>
      </c>
      <c r="C3004">
        <v>46</v>
      </c>
      <c r="D3004" t="s">
        <v>465</v>
      </c>
      <c r="E3004">
        <v>347</v>
      </c>
      <c r="F3004" t="s">
        <v>651</v>
      </c>
      <c r="G3004">
        <v>160</v>
      </c>
      <c r="H3004" t="s">
        <v>773</v>
      </c>
      <c r="I3004">
        <v>11846</v>
      </c>
      <c r="J3004" t="s">
        <v>716</v>
      </c>
      <c r="K3004">
        <v>68</v>
      </c>
      <c r="L3004" t="s">
        <v>2270</v>
      </c>
      <c r="M3004">
        <v>2621</v>
      </c>
      <c r="N3004" t="s">
        <v>654</v>
      </c>
      <c r="O3004">
        <v>3</v>
      </c>
      <c r="P3004" t="s">
        <v>655</v>
      </c>
      <c r="Q3004">
        <v>1</v>
      </c>
      <c r="R3004" t="s">
        <v>656</v>
      </c>
      <c r="S3004">
        <v>2</v>
      </c>
      <c r="T3004" t="s">
        <v>661</v>
      </c>
      <c r="U3004">
        <v>8</v>
      </c>
      <c r="V3004">
        <v>2</v>
      </c>
      <c r="W3004">
        <v>120</v>
      </c>
      <c r="X3004">
        <v>2020</v>
      </c>
    </row>
    <row r="3005" spans="1:24" x14ac:dyDescent="0.25">
      <c r="A3005">
        <v>8308</v>
      </c>
      <c r="B3005" t="s">
        <v>224</v>
      </c>
      <c r="C3005">
        <v>46</v>
      </c>
      <c r="D3005" t="s">
        <v>465</v>
      </c>
      <c r="E3005">
        <v>347</v>
      </c>
      <c r="F3005" t="s">
        <v>651</v>
      </c>
      <c r="G3005">
        <v>160</v>
      </c>
      <c r="H3005" t="s">
        <v>773</v>
      </c>
      <c r="I3005">
        <v>11846</v>
      </c>
      <c r="J3005" t="s">
        <v>716</v>
      </c>
      <c r="K3005">
        <v>68</v>
      </c>
      <c r="L3005" t="s">
        <v>2271</v>
      </c>
      <c r="M3005">
        <v>2620</v>
      </c>
      <c r="N3005" t="s">
        <v>654</v>
      </c>
      <c r="O3005">
        <v>3</v>
      </c>
      <c r="P3005" t="s">
        <v>655</v>
      </c>
      <c r="Q3005">
        <v>1</v>
      </c>
      <c r="R3005" t="s">
        <v>656</v>
      </c>
      <c r="S3005">
        <v>2</v>
      </c>
      <c r="T3005" t="s">
        <v>661</v>
      </c>
      <c r="U3005">
        <v>8</v>
      </c>
      <c r="V3005">
        <v>2</v>
      </c>
      <c r="W3005">
        <v>120</v>
      </c>
      <c r="X3005">
        <v>2020</v>
      </c>
    </row>
    <row r="3006" spans="1:24" x14ac:dyDescent="0.25">
      <c r="A3006">
        <v>8307</v>
      </c>
      <c r="B3006" t="s">
        <v>224</v>
      </c>
      <c r="C3006">
        <v>46</v>
      </c>
      <c r="D3006" t="s">
        <v>465</v>
      </c>
      <c r="E3006">
        <v>347</v>
      </c>
      <c r="F3006" t="s">
        <v>651</v>
      </c>
      <c r="G3006">
        <v>160</v>
      </c>
      <c r="H3006" t="s">
        <v>773</v>
      </c>
      <c r="I3006">
        <v>11846</v>
      </c>
      <c r="J3006" t="s">
        <v>716</v>
      </c>
      <c r="K3006">
        <v>68</v>
      </c>
      <c r="L3006" t="s">
        <v>2272</v>
      </c>
      <c r="M3006">
        <v>2619</v>
      </c>
      <c r="N3006" t="s">
        <v>654</v>
      </c>
      <c r="O3006">
        <v>3</v>
      </c>
      <c r="P3006" t="s">
        <v>655</v>
      </c>
      <c r="Q3006">
        <v>1</v>
      </c>
      <c r="R3006" t="s">
        <v>656</v>
      </c>
      <c r="S3006">
        <v>2</v>
      </c>
      <c r="T3006" t="s">
        <v>661</v>
      </c>
      <c r="U3006">
        <v>8</v>
      </c>
      <c r="V3006">
        <v>2</v>
      </c>
      <c r="W3006">
        <v>120</v>
      </c>
      <c r="X3006">
        <v>2020</v>
      </c>
    </row>
    <row r="3007" spans="1:24" x14ac:dyDescent="0.25">
      <c r="A3007">
        <v>8306</v>
      </c>
      <c r="B3007" t="s">
        <v>224</v>
      </c>
      <c r="C3007">
        <v>46</v>
      </c>
      <c r="D3007" t="s">
        <v>465</v>
      </c>
      <c r="E3007">
        <v>347</v>
      </c>
      <c r="F3007" t="s">
        <v>651</v>
      </c>
      <c r="G3007">
        <v>160</v>
      </c>
      <c r="H3007" t="s">
        <v>773</v>
      </c>
      <c r="I3007">
        <v>11846</v>
      </c>
      <c r="J3007" t="s">
        <v>716</v>
      </c>
      <c r="K3007">
        <v>68</v>
      </c>
      <c r="L3007" t="s">
        <v>2273</v>
      </c>
      <c r="M3007">
        <v>2618</v>
      </c>
      <c r="N3007" t="s">
        <v>654</v>
      </c>
      <c r="O3007">
        <v>3</v>
      </c>
      <c r="P3007" t="s">
        <v>655</v>
      </c>
      <c r="Q3007">
        <v>1</v>
      </c>
      <c r="R3007" t="s">
        <v>656</v>
      </c>
      <c r="S3007">
        <v>2</v>
      </c>
      <c r="T3007" t="s">
        <v>661</v>
      </c>
      <c r="U3007">
        <v>8</v>
      </c>
      <c r="V3007">
        <v>2</v>
      </c>
      <c r="W3007">
        <v>120</v>
      </c>
      <c r="X3007">
        <v>2020</v>
      </c>
    </row>
    <row r="3008" spans="1:24" x14ac:dyDescent="0.25">
      <c r="A3008">
        <v>8305</v>
      </c>
      <c r="B3008" t="s">
        <v>224</v>
      </c>
      <c r="C3008">
        <v>46</v>
      </c>
      <c r="D3008" t="s">
        <v>465</v>
      </c>
      <c r="E3008">
        <v>347</v>
      </c>
      <c r="F3008" t="s">
        <v>651</v>
      </c>
      <c r="G3008">
        <v>160</v>
      </c>
      <c r="H3008" t="s">
        <v>773</v>
      </c>
      <c r="I3008">
        <v>11846</v>
      </c>
      <c r="J3008" t="s">
        <v>716</v>
      </c>
      <c r="K3008">
        <v>68</v>
      </c>
      <c r="L3008" t="s">
        <v>2274</v>
      </c>
      <c r="M3008">
        <v>2617</v>
      </c>
      <c r="N3008" t="s">
        <v>654</v>
      </c>
      <c r="O3008">
        <v>3</v>
      </c>
      <c r="P3008" t="s">
        <v>655</v>
      </c>
      <c r="Q3008">
        <v>1</v>
      </c>
      <c r="R3008" t="s">
        <v>656</v>
      </c>
      <c r="S3008">
        <v>2</v>
      </c>
      <c r="T3008" t="s">
        <v>661</v>
      </c>
      <c r="U3008">
        <v>8</v>
      </c>
      <c r="V3008">
        <v>2</v>
      </c>
      <c r="W3008">
        <v>120</v>
      </c>
      <c r="X3008">
        <v>2020</v>
      </c>
    </row>
    <row r="3009" spans="1:24" x14ac:dyDescent="0.25">
      <c r="A3009">
        <v>8304</v>
      </c>
      <c r="B3009" t="s">
        <v>224</v>
      </c>
      <c r="C3009">
        <v>46</v>
      </c>
      <c r="D3009" t="s">
        <v>465</v>
      </c>
      <c r="E3009">
        <v>347</v>
      </c>
      <c r="F3009" t="s">
        <v>651</v>
      </c>
      <c r="G3009">
        <v>160</v>
      </c>
      <c r="H3009" t="s">
        <v>773</v>
      </c>
      <c r="I3009">
        <v>11846</v>
      </c>
      <c r="J3009" t="s">
        <v>716</v>
      </c>
      <c r="K3009">
        <v>68</v>
      </c>
      <c r="L3009" t="s">
        <v>2275</v>
      </c>
      <c r="M3009">
        <v>2616</v>
      </c>
      <c r="N3009" t="s">
        <v>654</v>
      </c>
      <c r="O3009">
        <v>3</v>
      </c>
      <c r="P3009" t="s">
        <v>655</v>
      </c>
      <c r="Q3009">
        <v>1</v>
      </c>
      <c r="R3009" t="s">
        <v>656</v>
      </c>
      <c r="S3009">
        <v>2</v>
      </c>
      <c r="T3009" t="s">
        <v>661</v>
      </c>
      <c r="U3009">
        <v>8</v>
      </c>
      <c r="V3009">
        <v>2</v>
      </c>
      <c r="W3009">
        <v>120</v>
      </c>
      <c r="X3009">
        <v>2020</v>
      </c>
    </row>
    <row r="3010" spans="1:24" x14ac:dyDescent="0.25">
      <c r="A3010">
        <v>8303</v>
      </c>
      <c r="B3010" t="s">
        <v>224</v>
      </c>
      <c r="C3010">
        <v>46</v>
      </c>
      <c r="D3010" t="s">
        <v>465</v>
      </c>
      <c r="E3010">
        <v>347</v>
      </c>
      <c r="F3010" t="s">
        <v>651</v>
      </c>
      <c r="G3010">
        <v>160</v>
      </c>
      <c r="H3010" t="s">
        <v>773</v>
      </c>
      <c r="I3010">
        <v>11846</v>
      </c>
      <c r="J3010" t="s">
        <v>980</v>
      </c>
      <c r="K3010">
        <v>67</v>
      </c>
      <c r="L3010" t="s">
        <v>2276</v>
      </c>
      <c r="M3010">
        <v>2615</v>
      </c>
      <c r="N3010" t="s">
        <v>654</v>
      </c>
      <c r="O3010">
        <v>3</v>
      </c>
      <c r="P3010" t="s">
        <v>655</v>
      </c>
      <c r="Q3010">
        <v>1</v>
      </c>
      <c r="R3010" t="s">
        <v>656</v>
      </c>
      <c r="S3010">
        <v>2</v>
      </c>
      <c r="T3010" t="s">
        <v>661</v>
      </c>
      <c r="U3010">
        <v>8</v>
      </c>
      <c r="V3010">
        <v>2</v>
      </c>
      <c r="W3010">
        <v>120</v>
      </c>
      <c r="X3010">
        <v>2020</v>
      </c>
    </row>
    <row r="3011" spans="1:24" x14ac:dyDescent="0.25">
      <c r="A3011">
        <v>8302</v>
      </c>
      <c r="B3011" t="s">
        <v>224</v>
      </c>
      <c r="C3011">
        <v>46</v>
      </c>
      <c r="D3011" t="s">
        <v>465</v>
      </c>
      <c r="E3011">
        <v>347</v>
      </c>
      <c r="F3011" t="s">
        <v>651</v>
      </c>
      <c r="G3011">
        <v>160</v>
      </c>
      <c r="H3011" t="s">
        <v>773</v>
      </c>
      <c r="I3011">
        <v>11846</v>
      </c>
      <c r="J3011" t="s">
        <v>738</v>
      </c>
      <c r="K3011">
        <v>61</v>
      </c>
      <c r="L3011" t="s">
        <v>2277</v>
      </c>
      <c r="M3011">
        <v>2614</v>
      </c>
      <c r="N3011" t="s">
        <v>654</v>
      </c>
      <c r="O3011">
        <v>3</v>
      </c>
      <c r="P3011" t="s">
        <v>655</v>
      </c>
      <c r="Q3011">
        <v>1</v>
      </c>
      <c r="R3011" t="s">
        <v>656</v>
      </c>
      <c r="S3011">
        <v>2</v>
      </c>
      <c r="T3011" t="s">
        <v>661</v>
      </c>
      <c r="U3011">
        <v>8</v>
      </c>
      <c r="V3011">
        <v>2</v>
      </c>
      <c r="W3011">
        <v>120</v>
      </c>
      <c r="X3011">
        <v>2020</v>
      </c>
    </row>
    <row r="3012" spans="1:24" x14ac:dyDescent="0.25">
      <c r="A3012">
        <v>8301</v>
      </c>
      <c r="B3012" t="s">
        <v>224</v>
      </c>
      <c r="C3012">
        <v>46</v>
      </c>
      <c r="D3012" t="s">
        <v>465</v>
      </c>
      <c r="E3012">
        <v>347</v>
      </c>
      <c r="F3012" t="s">
        <v>651</v>
      </c>
      <c r="G3012">
        <v>160</v>
      </c>
      <c r="H3012" t="s">
        <v>773</v>
      </c>
      <c r="I3012">
        <v>11846</v>
      </c>
      <c r="J3012" t="s">
        <v>738</v>
      </c>
      <c r="K3012">
        <v>61</v>
      </c>
      <c r="L3012" t="s">
        <v>2278</v>
      </c>
      <c r="M3012">
        <v>2613</v>
      </c>
      <c r="N3012" t="s">
        <v>654</v>
      </c>
      <c r="O3012">
        <v>3</v>
      </c>
      <c r="P3012" t="s">
        <v>655</v>
      </c>
      <c r="Q3012">
        <v>1</v>
      </c>
      <c r="R3012" t="s">
        <v>656</v>
      </c>
      <c r="S3012">
        <v>2</v>
      </c>
      <c r="T3012" t="s">
        <v>661</v>
      </c>
      <c r="U3012">
        <v>8</v>
      </c>
      <c r="V3012">
        <v>2</v>
      </c>
      <c r="W3012">
        <v>120</v>
      </c>
      <c r="X3012">
        <v>2020</v>
      </c>
    </row>
    <row r="3013" spans="1:24" x14ac:dyDescent="0.25">
      <c r="A3013">
        <v>8300</v>
      </c>
      <c r="B3013" t="s">
        <v>224</v>
      </c>
      <c r="C3013">
        <v>46</v>
      </c>
      <c r="D3013" t="s">
        <v>465</v>
      </c>
      <c r="E3013">
        <v>347</v>
      </c>
      <c r="F3013" t="s">
        <v>651</v>
      </c>
      <c r="G3013">
        <v>160</v>
      </c>
      <c r="H3013" t="s">
        <v>773</v>
      </c>
      <c r="I3013">
        <v>11846</v>
      </c>
      <c r="J3013" t="s">
        <v>738</v>
      </c>
      <c r="K3013">
        <v>61</v>
      </c>
      <c r="L3013" t="s">
        <v>2279</v>
      </c>
      <c r="M3013">
        <v>2612</v>
      </c>
      <c r="N3013" t="s">
        <v>654</v>
      </c>
      <c r="O3013">
        <v>3</v>
      </c>
      <c r="P3013" t="s">
        <v>655</v>
      </c>
      <c r="Q3013">
        <v>1</v>
      </c>
      <c r="R3013" t="s">
        <v>656</v>
      </c>
      <c r="S3013">
        <v>2</v>
      </c>
      <c r="T3013" t="s">
        <v>661</v>
      </c>
      <c r="U3013">
        <v>8</v>
      </c>
      <c r="V3013">
        <v>2</v>
      </c>
      <c r="W3013">
        <v>120</v>
      </c>
      <c r="X3013">
        <v>2020</v>
      </c>
    </row>
    <row r="3014" spans="1:24" x14ac:dyDescent="0.25">
      <c r="A3014">
        <v>8299</v>
      </c>
      <c r="B3014" t="s">
        <v>224</v>
      </c>
      <c r="C3014">
        <v>46</v>
      </c>
      <c r="D3014" t="s">
        <v>465</v>
      </c>
      <c r="E3014">
        <v>347</v>
      </c>
      <c r="F3014" t="s">
        <v>651</v>
      </c>
      <c r="G3014">
        <v>160</v>
      </c>
      <c r="H3014" t="s">
        <v>773</v>
      </c>
      <c r="I3014">
        <v>11846</v>
      </c>
      <c r="J3014" t="s">
        <v>738</v>
      </c>
      <c r="K3014">
        <v>61</v>
      </c>
      <c r="L3014" t="s">
        <v>2280</v>
      </c>
      <c r="M3014">
        <v>2611</v>
      </c>
      <c r="N3014" t="s">
        <v>654</v>
      </c>
      <c r="O3014">
        <v>3</v>
      </c>
      <c r="P3014" t="s">
        <v>655</v>
      </c>
      <c r="Q3014">
        <v>1</v>
      </c>
      <c r="R3014" t="s">
        <v>656</v>
      </c>
      <c r="S3014">
        <v>2</v>
      </c>
      <c r="T3014" t="s">
        <v>661</v>
      </c>
      <c r="U3014">
        <v>8</v>
      </c>
      <c r="V3014">
        <v>2</v>
      </c>
      <c r="W3014">
        <v>120</v>
      </c>
      <c r="X3014">
        <v>2020</v>
      </c>
    </row>
    <row r="3015" spans="1:24" x14ac:dyDescent="0.25">
      <c r="A3015">
        <v>8298</v>
      </c>
      <c r="B3015" t="s">
        <v>224</v>
      </c>
      <c r="C3015">
        <v>46</v>
      </c>
      <c r="D3015" t="s">
        <v>465</v>
      </c>
      <c r="E3015">
        <v>347</v>
      </c>
      <c r="F3015" t="s">
        <v>651</v>
      </c>
      <c r="G3015">
        <v>160</v>
      </c>
      <c r="H3015" t="s">
        <v>773</v>
      </c>
      <c r="I3015">
        <v>11846</v>
      </c>
      <c r="J3015" t="s">
        <v>738</v>
      </c>
      <c r="K3015">
        <v>61</v>
      </c>
      <c r="L3015" t="s">
        <v>2281</v>
      </c>
      <c r="M3015">
        <v>2610</v>
      </c>
      <c r="N3015" t="s">
        <v>654</v>
      </c>
      <c r="O3015">
        <v>3</v>
      </c>
      <c r="P3015" t="s">
        <v>655</v>
      </c>
      <c r="Q3015">
        <v>1</v>
      </c>
      <c r="R3015" t="s">
        <v>656</v>
      </c>
      <c r="S3015">
        <v>2</v>
      </c>
      <c r="T3015" t="s">
        <v>661</v>
      </c>
      <c r="U3015">
        <v>8</v>
      </c>
      <c r="V3015">
        <v>2</v>
      </c>
      <c r="W3015">
        <v>120</v>
      </c>
      <c r="X3015">
        <v>2020</v>
      </c>
    </row>
    <row r="3016" spans="1:24" x14ac:dyDescent="0.25">
      <c r="A3016">
        <v>8297</v>
      </c>
      <c r="B3016" t="s">
        <v>224</v>
      </c>
      <c r="C3016">
        <v>46</v>
      </c>
      <c r="D3016" t="s">
        <v>465</v>
      </c>
      <c r="E3016">
        <v>347</v>
      </c>
      <c r="F3016" t="s">
        <v>651</v>
      </c>
      <c r="G3016">
        <v>160</v>
      </c>
      <c r="H3016" t="s">
        <v>773</v>
      </c>
      <c r="I3016">
        <v>11846</v>
      </c>
      <c r="J3016" t="s">
        <v>738</v>
      </c>
      <c r="K3016">
        <v>61</v>
      </c>
      <c r="L3016" t="s">
        <v>2282</v>
      </c>
      <c r="M3016">
        <v>2609</v>
      </c>
      <c r="N3016" t="s">
        <v>654</v>
      </c>
      <c r="O3016">
        <v>3</v>
      </c>
      <c r="P3016" t="s">
        <v>655</v>
      </c>
      <c r="Q3016">
        <v>1</v>
      </c>
      <c r="R3016" t="s">
        <v>656</v>
      </c>
      <c r="S3016">
        <v>2</v>
      </c>
      <c r="T3016" t="s">
        <v>661</v>
      </c>
      <c r="U3016">
        <v>8</v>
      </c>
      <c r="V3016">
        <v>2</v>
      </c>
      <c r="W3016">
        <v>120</v>
      </c>
      <c r="X3016">
        <v>2020</v>
      </c>
    </row>
    <row r="3017" spans="1:24" x14ac:dyDescent="0.25">
      <c r="A3017">
        <v>8296</v>
      </c>
      <c r="B3017" t="s">
        <v>224</v>
      </c>
      <c r="C3017">
        <v>46</v>
      </c>
      <c r="D3017" t="s">
        <v>465</v>
      </c>
      <c r="E3017">
        <v>347</v>
      </c>
      <c r="F3017" t="s">
        <v>651</v>
      </c>
      <c r="G3017">
        <v>160</v>
      </c>
      <c r="H3017" t="s">
        <v>773</v>
      </c>
      <c r="I3017">
        <v>11846</v>
      </c>
      <c r="J3017" t="s">
        <v>738</v>
      </c>
      <c r="K3017">
        <v>61</v>
      </c>
      <c r="L3017" t="s">
        <v>2283</v>
      </c>
      <c r="M3017">
        <v>2608</v>
      </c>
      <c r="N3017" t="s">
        <v>654</v>
      </c>
      <c r="O3017">
        <v>3</v>
      </c>
      <c r="P3017" t="s">
        <v>655</v>
      </c>
      <c r="Q3017">
        <v>1</v>
      </c>
      <c r="R3017" t="s">
        <v>656</v>
      </c>
      <c r="S3017">
        <v>2</v>
      </c>
      <c r="T3017" t="s">
        <v>661</v>
      </c>
      <c r="U3017">
        <v>8</v>
      </c>
      <c r="V3017">
        <v>2</v>
      </c>
      <c r="W3017">
        <v>120</v>
      </c>
      <c r="X3017">
        <v>2020</v>
      </c>
    </row>
    <row r="3018" spans="1:24" x14ac:dyDescent="0.25">
      <c r="A3018">
        <v>8295</v>
      </c>
      <c r="B3018" t="s">
        <v>224</v>
      </c>
      <c r="C3018">
        <v>46</v>
      </c>
      <c r="D3018" t="s">
        <v>465</v>
      </c>
      <c r="E3018">
        <v>347</v>
      </c>
      <c r="F3018" t="s">
        <v>651</v>
      </c>
      <c r="G3018">
        <v>160</v>
      </c>
      <c r="H3018" t="s">
        <v>773</v>
      </c>
      <c r="I3018">
        <v>11846</v>
      </c>
      <c r="J3018" t="s">
        <v>738</v>
      </c>
      <c r="K3018">
        <v>61</v>
      </c>
      <c r="L3018" t="s">
        <v>2284</v>
      </c>
      <c r="M3018">
        <v>2607</v>
      </c>
      <c r="N3018" t="s">
        <v>654</v>
      </c>
      <c r="O3018">
        <v>3</v>
      </c>
      <c r="P3018" t="s">
        <v>655</v>
      </c>
      <c r="Q3018">
        <v>1</v>
      </c>
      <c r="R3018" t="s">
        <v>656</v>
      </c>
      <c r="S3018">
        <v>2</v>
      </c>
      <c r="T3018" t="s">
        <v>661</v>
      </c>
      <c r="U3018">
        <v>8</v>
      </c>
      <c r="V3018">
        <v>2</v>
      </c>
      <c r="W3018">
        <v>120</v>
      </c>
      <c r="X3018">
        <v>2020</v>
      </c>
    </row>
    <row r="3019" spans="1:24" x14ac:dyDescent="0.25">
      <c r="A3019">
        <v>8294</v>
      </c>
      <c r="B3019" t="s">
        <v>224</v>
      </c>
      <c r="C3019">
        <v>46</v>
      </c>
      <c r="D3019" t="s">
        <v>465</v>
      </c>
      <c r="E3019">
        <v>347</v>
      </c>
      <c r="F3019" t="s">
        <v>651</v>
      </c>
      <c r="G3019">
        <v>160</v>
      </c>
      <c r="H3019" t="s">
        <v>773</v>
      </c>
      <c r="I3019">
        <v>11846</v>
      </c>
      <c r="J3019" t="s">
        <v>738</v>
      </c>
      <c r="K3019">
        <v>61</v>
      </c>
      <c r="L3019" t="s">
        <v>2285</v>
      </c>
      <c r="M3019">
        <v>2606</v>
      </c>
      <c r="N3019" t="s">
        <v>654</v>
      </c>
      <c r="O3019">
        <v>3</v>
      </c>
      <c r="P3019" t="s">
        <v>655</v>
      </c>
      <c r="Q3019">
        <v>1</v>
      </c>
      <c r="R3019" t="s">
        <v>656</v>
      </c>
      <c r="S3019">
        <v>2</v>
      </c>
      <c r="T3019" t="s">
        <v>661</v>
      </c>
      <c r="U3019">
        <v>8</v>
      </c>
      <c r="V3019">
        <v>2</v>
      </c>
      <c r="W3019">
        <v>120</v>
      </c>
      <c r="X3019">
        <v>2020</v>
      </c>
    </row>
    <row r="3020" spans="1:24" x14ac:dyDescent="0.25">
      <c r="A3020">
        <v>8293</v>
      </c>
      <c r="B3020" t="s">
        <v>224</v>
      </c>
      <c r="C3020">
        <v>46</v>
      </c>
      <c r="D3020" t="s">
        <v>465</v>
      </c>
      <c r="E3020">
        <v>347</v>
      </c>
      <c r="F3020" t="s">
        <v>651</v>
      </c>
      <c r="G3020">
        <v>160</v>
      </c>
      <c r="H3020" t="s">
        <v>773</v>
      </c>
      <c r="I3020">
        <v>11846</v>
      </c>
      <c r="J3020" t="s">
        <v>738</v>
      </c>
      <c r="K3020">
        <v>61</v>
      </c>
      <c r="L3020" t="s">
        <v>2286</v>
      </c>
      <c r="M3020">
        <v>2605</v>
      </c>
      <c r="N3020" t="s">
        <v>654</v>
      </c>
      <c r="O3020">
        <v>3</v>
      </c>
      <c r="P3020" t="s">
        <v>655</v>
      </c>
      <c r="Q3020">
        <v>1</v>
      </c>
      <c r="R3020" t="s">
        <v>656</v>
      </c>
      <c r="S3020">
        <v>2</v>
      </c>
      <c r="T3020" t="s">
        <v>661</v>
      </c>
      <c r="U3020">
        <v>8</v>
      </c>
      <c r="V3020">
        <v>2</v>
      </c>
      <c r="W3020">
        <v>120</v>
      </c>
      <c r="X3020">
        <v>2020</v>
      </c>
    </row>
    <row r="3021" spans="1:24" x14ac:dyDescent="0.25">
      <c r="A3021">
        <v>8292</v>
      </c>
      <c r="B3021" t="s">
        <v>224</v>
      </c>
      <c r="C3021">
        <v>46</v>
      </c>
      <c r="D3021" t="s">
        <v>465</v>
      </c>
      <c r="E3021">
        <v>347</v>
      </c>
      <c r="F3021" t="s">
        <v>651</v>
      </c>
      <c r="G3021">
        <v>160</v>
      </c>
      <c r="H3021" t="s">
        <v>773</v>
      </c>
      <c r="I3021">
        <v>11846</v>
      </c>
      <c r="J3021" t="s">
        <v>738</v>
      </c>
      <c r="K3021">
        <v>61</v>
      </c>
      <c r="L3021" t="s">
        <v>2287</v>
      </c>
      <c r="M3021">
        <v>2604</v>
      </c>
      <c r="N3021" t="s">
        <v>654</v>
      </c>
      <c r="O3021">
        <v>3</v>
      </c>
      <c r="P3021" t="s">
        <v>655</v>
      </c>
      <c r="Q3021">
        <v>1</v>
      </c>
      <c r="R3021" t="s">
        <v>656</v>
      </c>
      <c r="S3021">
        <v>2</v>
      </c>
      <c r="T3021" t="s">
        <v>661</v>
      </c>
      <c r="U3021">
        <v>8</v>
      </c>
      <c r="V3021">
        <v>2</v>
      </c>
      <c r="W3021">
        <v>120</v>
      </c>
      <c r="X3021">
        <v>2020</v>
      </c>
    </row>
    <row r="3022" spans="1:24" x14ac:dyDescent="0.25">
      <c r="A3022">
        <v>8289</v>
      </c>
      <c r="B3022" t="s">
        <v>224</v>
      </c>
      <c r="C3022">
        <v>46</v>
      </c>
      <c r="D3022" t="s">
        <v>465</v>
      </c>
      <c r="E3022">
        <v>347</v>
      </c>
      <c r="F3022" t="s">
        <v>651</v>
      </c>
      <c r="G3022">
        <v>160</v>
      </c>
      <c r="H3022" t="s">
        <v>773</v>
      </c>
      <c r="I3022">
        <v>11846</v>
      </c>
      <c r="J3022" t="s">
        <v>693</v>
      </c>
      <c r="K3022">
        <v>56</v>
      </c>
      <c r="L3022" t="s">
        <v>2288</v>
      </c>
      <c r="M3022">
        <v>2601</v>
      </c>
      <c r="N3022" t="s">
        <v>654</v>
      </c>
      <c r="O3022">
        <v>3</v>
      </c>
      <c r="P3022" t="s">
        <v>655</v>
      </c>
      <c r="Q3022">
        <v>1</v>
      </c>
      <c r="R3022" t="s">
        <v>656</v>
      </c>
      <c r="S3022">
        <v>2</v>
      </c>
      <c r="T3022" t="s">
        <v>661</v>
      </c>
      <c r="U3022">
        <v>8</v>
      </c>
      <c r="V3022">
        <v>2</v>
      </c>
      <c r="W3022">
        <v>120</v>
      </c>
      <c r="X3022">
        <v>2020</v>
      </c>
    </row>
    <row r="3023" spans="1:24" x14ac:dyDescent="0.25">
      <c r="A3023">
        <v>8288</v>
      </c>
      <c r="B3023" t="s">
        <v>224</v>
      </c>
      <c r="C3023">
        <v>46</v>
      </c>
      <c r="D3023" t="s">
        <v>465</v>
      </c>
      <c r="E3023">
        <v>347</v>
      </c>
      <c r="F3023" t="s">
        <v>651</v>
      </c>
      <c r="G3023">
        <v>160</v>
      </c>
      <c r="H3023" t="s">
        <v>773</v>
      </c>
      <c r="I3023">
        <v>11846</v>
      </c>
      <c r="J3023" t="s">
        <v>693</v>
      </c>
      <c r="K3023">
        <v>56</v>
      </c>
      <c r="L3023" t="s">
        <v>2289</v>
      </c>
      <c r="M3023">
        <v>2600</v>
      </c>
      <c r="N3023" t="s">
        <v>654</v>
      </c>
      <c r="O3023">
        <v>3</v>
      </c>
      <c r="P3023" t="s">
        <v>655</v>
      </c>
      <c r="Q3023">
        <v>1</v>
      </c>
      <c r="R3023" t="s">
        <v>656</v>
      </c>
      <c r="S3023">
        <v>2</v>
      </c>
      <c r="T3023" t="s">
        <v>661</v>
      </c>
      <c r="U3023">
        <v>8</v>
      </c>
      <c r="V3023">
        <v>2</v>
      </c>
      <c r="W3023">
        <v>120</v>
      </c>
      <c r="X3023">
        <v>2020</v>
      </c>
    </row>
    <row r="3024" spans="1:24" x14ac:dyDescent="0.25">
      <c r="A3024">
        <v>8287</v>
      </c>
      <c r="B3024" t="s">
        <v>224</v>
      </c>
      <c r="C3024">
        <v>46</v>
      </c>
      <c r="D3024" t="s">
        <v>465</v>
      </c>
      <c r="E3024">
        <v>347</v>
      </c>
      <c r="F3024" t="s">
        <v>651</v>
      </c>
      <c r="G3024">
        <v>160</v>
      </c>
      <c r="H3024" t="s">
        <v>773</v>
      </c>
      <c r="I3024">
        <v>11846</v>
      </c>
      <c r="J3024" t="s">
        <v>693</v>
      </c>
      <c r="K3024">
        <v>56</v>
      </c>
      <c r="L3024" t="s">
        <v>2290</v>
      </c>
      <c r="M3024">
        <v>2599</v>
      </c>
      <c r="N3024" t="s">
        <v>654</v>
      </c>
      <c r="O3024">
        <v>3</v>
      </c>
      <c r="P3024" t="s">
        <v>655</v>
      </c>
      <c r="Q3024">
        <v>1</v>
      </c>
      <c r="R3024" t="s">
        <v>656</v>
      </c>
      <c r="S3024">
        <v>2</v>
      </c>
      <c r="T3024" t="s">
        <v>661</v>
      </c>
      <c r="U3024">
        <v>8</v>
      </c>
      <c r="V3024">
        <v>2</v>
      </c>
      <c r="W3024">
        <v>120</v>
      </c>
      <c r="X3024">
        <v>2020</v>
      </c>
    </row>
    <row r="3025" spans="1:24" x14ac:dyDescent="0.25">
      <c r="A3025">
        <v>8286</v>
      </c>
      <c r="B3025" t="s">
        <v>224</v>
      </c>
      <c r="C3025">
        <v>46</v>
      </c>
      <c r="D3025" t="s">
        <v>465</v>
      </c>
      <c r="E3025">
        <v>347</v>
      </c>
      <c r="F3025" t="s">
        <v>651</v>
      </c>
      <c r="G3025">
        <v>160</v>
      </c>
      <c r="H3025" t="s">
        <v>773</v>
      </c>
      <c r="I3025">
        <v>11846</v>
      </c>
      <c r="J3025" t="s">
        <v>707</v>
      </c>
      <c r="K3025">
        <v>59</v>
      </c>
      <c r="L3025" t="s">
        <v>2291</v>
      </c>
      <c r="M3025">
        <v>2598</v>
      </c>
      <c r="N3025" t="s">
        <v>654</v>
      </c>
      <c r="O3025">
        <v>3</v>
      </c>
      <c r="P3025" t="s">
        <v>655</v>
      </c>
      <c r="Q3025">
        <v>1</v>
      </c>
      <c r="R3025" t="s">
        <v>656</v>
      </c>
      <c r="S3025">
        <v>2</v>
      </c>
      <c r="T3025" t="s">
        <v>661</v>
      </c>
      <c r="U3025">
        <v>8</v>
      </c>
      <c r="V3025">
        <v>2</v>
      </c>
      <c r="W3025">
        <v>120</v>
      </c>
      <c r="X3025">
        <v>2020</v>
      </c>
    </row>
    <row r="3026" spans="1:24" x14ac:dyDescent="0.25">
      <c r="A3026">
        <v>8285</v>
      </c>
      <c r="B3026" t="s">
        <v>224</v>
      </c>
      <c r="C3026">
        <v>46</v>
      </c>
      <c r="D3026" t="s">
        <v>465</v>
      </c>
      <c r="E3026">
        <v>347</v>
      </c>
      <c r="F3026" t="s">
        <v>651</v>
      </c>
      <c r="G3026">
        <v>160</v>
      </c>
      <c r="H3026" t="s">
        <v>773</v>
      </c>
      <c r="I3026">
        <v>11846</v>
      </c>
      <c r="J3026" t="s">
        <v>707</v>
      </c>
      <c r="K3026">
        <v>59</v>
      </c>
      <c r="L3026" t="s">
        <v>2292</v>
      </c>
      <c r="M3026">
        <v>2597</v>
      </c>
      <c r="N3026" t="s">
        <v>654</v>
      </c>
      <c r="O3026">
        <v>3</v>
      </c>
      <c r="P3026" t="s">
        <v>655</v>
      </c>
      <c r="Q3026">
        <v>1</v>
      </c>
      <c r="R3026" t="s">
        <v>656</v>
      </c>
      <c r="S3026">
        <v>2</v>
      </c>
      <c r="T3026" t="s">
        <v>661</v>
      </c>
      <c r="U3026">
        <v>8</v>
      </c>
      <c r="V3026">
        <v>2</v>
      </c>
      <c r="W3026">
        <v>120</v>
      </c>
      <c r="X3026">
        <v>2020</v>
      </c>
    </row>
    <row r="3027" spans="1:24" x14ac:dyDescent="0.25">
      <c r="A3027">
        <v>8284</v>
      </c>
      <c r="B3027" t="s">
        <v>224</v>
      </c>
      <c r="C3027">
        <v>46</v>
      </c>
      <c r="D3027" t="s">
        <v>466</v>
      </c>
      <c r="E3027">
        <v>346</v>
      </c>
      <c r="F3027" t="s">
        <v>651</v>
      </c>
      <c r="G3027">
        <v>160</v>
      </c>
      <c r="H3027" t="s">
        <v>773</v>
      </c>
      <c r="I3027">
        <v>11846</v>
      </c>
      <c r="J3027" t="s">
        <v>730</v>
      </c>
      <c r="K3027">
        <v>66</v>
      </c>
      <c r="L3027" t="s">
        <v>2293</v>
      </c>
      <c r="M3027">
        <v>2596</v>
      </c>
      <c r="N3027" t="s">
        <v>654</v>
      </c>
      <c r="O3027">
        <v>3</v>
      </c>
      <c r="P3027" t="s">
        <v>655</v>
      </c>
      <c r="Q3027">
        <v>1</v>
      </c>
      <c r="R3027" t="s">
        <v>656</v>
      </c>
      <c r="S3027">
        <v>2</v>
      </c>
      <c r="T3027" t="s">
        <v>661</v>
      </c>
      <c r="U3027">
        <v>8</v>
      </c>
      <c r="V3027">
        <v>2</v>
      </c>
      <c r="W3027">
        <v>120</v>
      </c>
      <c r="X3027">
        <v>2020</v>
      </c>
    </row>
    <row r="3028" spans="1:24" x14ac:dyDescent="0.25">
      <c r="A3028">
        <v>8283</v>
      </c>
      <c r="B3028" t="s">
        <v>224</v>
      </c>
      <c r="C3028">
        <v>46</v>
      </c>
      <c r="D3028" t="s">
        <v>466</v>
      </c>
      <c r="E3028">
        <v>346</v>
      </c>
      <c r="F3028" t="s">
        <v>651</v>
      </c>
      <c r="G3028">
        <v>160</v>
      </c>
      <c r="H3028" t="s">
        <v>773</v>
      </c>
      <c r="I3028">
        <v>11846</v>
      </c>
      <c r="J3028" t="s">
        <v>730</v>
      </c>
      <c r="K3028">
        <v>66</v>
      </c>
      <c r="L3028" t="s">
        <v>2294</v>
      </c>
      <c r="M3028">
        <v>2595</v>
      </c>
      <c r="N3028" t="s">
        <v>654</v>
      </c>
      <c r="O3028">
        <v>3</v>
      </c>
      <c r="P3028" t="s">
        <v>655</v>
      </c>
      <c r="Q3028">
        <v>1</v>
      </c>
      <c r="R3028" t="s">
        <v>656</v>
      </c>
      <c r="S3028">
        <v>2</v>
      </c>
      <c r="T3028" t="s">
        <v>661</v>
      </c>
      <c r="U3028">
        <v>8</v>
      </c>
      <c r="V3028">
        <v>2</v>
      </c>
      <c r="W3028">
        <v>120</v>
      </c>
      <c r="X3028">
        <v>2020</v>
      </c>
    </row>
    <row r="3029" spans="1:24" x14ac:dyDescent="0.25">
      <c r="A3029">
        <v>8282</v>
      </c>
      <c r="B3029" t="s">
        <v>224</v>
      </c>
      <c r="C3029">
        <v>46</v>
      </c>
      <c r="D3029" t="s">
        <v>466</v>
      </c>
      <c r="E3029">
        <v>346</v>
      </c>
      <c r="F3029" t="s">
        <v>651</v>
      </c>
      <c r="G3029">
        <v>160</v>
      </c>
      <c r="H3029" t="s">
        <v>773</v>
      </c>
      <c r="I3029">
        <v>11846</v>
      </c>
      <c r="J3029" t="s">
        <v>730</v>
      </c>
      <c r="K3029">
        <v>66</v>
      </c>
      <c r="L3029" t="s">
        <v>2295</v>
      </c>
      <c r="M3029">
        <v>2594</v>
      </c>
      <c r="N3029" t="s">
        <v>654</v>
      </c>
      <c r="O3029">
        <v>3</v>
      </c>
      <c r="P3029" t="s">
        <v>655</v>
      </c>
      <c r="Q3029">
        <v>1</v>
      </c>
      <c r="R3029" t="s">
        <v>656</v>
      </c>
      <c r="S3029">
        <v>2</v>
      </c>
      <c r="T3029" t="s">
        <v>661</v>
      </c>
      <c r="U3029">
        <v>8</v>
      </c>
      <c r="V3029">
        <v>2</v>
      </c>
      <c r="W3029">
        <v>120</v>
      </c>
      <c r="X3029">
        <v>2020</v>
      </c>
    </row>
    <row r="3030" spans="1:24" x14ac:dyDescent="0.25">
      <c r="A3030">
        <v>8281</v>
      </c>
      <c r="B3030" t="s">
        <v>224</v>
      </c>
      <c r="C3030">
        <v>46</v>
      </c>
      <c r="D3030" t="s">
        <v>464</v>
      </c>
      <c r="E3030">
        <v>349</v>
      </c>
      <c r="F3030" t="s">
        <v>651</v>
      </c>
      <c r="G3030">
        <v>160</v>
      </c>
      <c r="H3030" t="s">
        <v>929</v>
      </c>
      <c r="I3030">
        <v>7015</v>
      </c>
      <c r="J3030" t="s">
        <v>730</v>
      </c>
      <c r="K3030">
        <v>66</v>
      </c>
      <c r="L3030" t="s">
        <v>2296</v>
      </c>
      <c r="M3030">
        <v>2593</v>
      </c>
      <c r="N3030" t="s">
        <v>654</v>
      </c>
      <c r="O3030">
        <v>3</v>
      </c>
      <c r="P3030" t="s">
        <v>655</v>
      </c>
      <c r="Q3030">
        <v>1</v>
      </c>
      <c r="R3030" t="s">
        <v>656</v>
      </c>
      <c r="S3030">
        <v>2</v>
      </c>
      <c r="T3030" t="s">
        <v>661</v>
      </c>
      <c r="U3030">
        <v>8</v>
      </c>
      <c r="V3030">
        <v>2</v>
      </c>
      <c r="W3030">
        <v>120</v>
      </c>
      <c r="X3030">
        <v>2020</v>
      </c>
    </row>
    <row r="3031" spans="1:24" x14ac:dyDescent="0.25">
      <c r="A3031">
        <v>8280</v>
      </c>
      <c r="B3031" t="s">
        <v>224</v>
      </c>
      <c r="C3031">
        <v>46</v>
      </c>
      <c r="D3031" t="s">
        <v>464</v>
      </c>
      <c r="E3031">
        <v>349</v>
      </c>
      <c r="F3031" t="s">
        <v>651</v>
      </c>
      <c r="G3031">
        <v>160</v>
      </c>
      <c r="H3031" t="s">
        <v>929</v>
      </c>
      <c r="I3031">
        <v>7015</v>
      </c>
      <c r="J3031" t="s">
        <v>730</v>
      </c>
      <c r="K3031">
        <v>66</v>
      </c>
      <c r="L3031" t="s">
        <v>2297</v>
      </c>
      <c r="M3031">
        <v>2592</v>
      </c>
      <c r="N3031" t="s">
        <v>654</v>
      </c>
      <c r="O3031">
        <v>3</v>
      </c>
      <c r="P3031" t="s">
        <v>655</v>
      </c>
      <c r="Q3031">
        <v>1</v>
      </c>
      <c r="R3031" t="s">
        <v>656</v>
      </c>
      <c r="S3031">
        <v>2</v>
      </c>
      <c r="T3031" t="s">
        <v>661</v>
      </c>
      <c r="U3031">
        <v>8</v>
      </c>
      <c r="V3031">
        <v>2</v>
      </c>
      <c r="W3031">
        <v>120</v>
      </c>
      <c r="X3031">
        <v>2020</v>
      </c>
    </row>
    <row r="3032" spans="1:24" x14ac:dyDescent="0.25">
      <c r="A3032">
        <v>8277</v>
      </c>
      <c r="B3032" t="s">
        <v>224</v>
      </c>
      <c r="C3032">
        <v>46</v>
      </c>
      <c r="D3032" t="s">
        <v>465</v>
      </c>
      <c r="E3032">
        <v>347</v>
      </c>
      <c r="F3032" t="s">
        <v>651</v>
      </c>
      <c r="G3032">
        <v>160</v>
      </c>
      <c r="H3032" t="s">
        <v>773</v>
      </c>
      <c r="I3032">
        <v>11846</v>
      </c>
      <c r="J3032" t="s">
        <v>1236</v>
      </c>
      <c r="K3032">
        <v>60</v>
      </c>
      <c r="L3032" t="s">
        <v>1580</v>
      </c>
      <c r="M3032">
        <v>2589</v>
      </c>
      <c r="N3032" t="s">
        <v>654</v>
      </c>
      <c r="O3032">
        <v>3</v>
      </c>
      <c r="P3032" t="s">
        <v>655</v>
      </c>
      <c r="Q3032">
        <v>1</v>
      </c>
      <c r="R3032" t="s">
        <v>656</v>
      </c>
      <c r="S3032">
        <v>2</v>
      </c>
      <c r="T3032" t="s">
        <v>661</v>
      </c>
      <c r="U3032">
        <v>8</v>
      </c>
      <c r="V3032">
        <v>2</v>
      </c>
      <c r="W3032">
        <v>120</v>
      </c>
      <c r="X3032">
        <v>2020</v>
      </c>
    </row>
    <row r="3033" spans="1:24" x14ac:dyDescent="0.25">
      <c r="A3033">
        <v>8274</v>
      </c>
      <c r="B3033" t="s">
        <v>224</v>
      </c>
      <c r="C3033">
        <v>46</v>
      </c>
      <c r="D3033" t="s">
        <v>464</v>
      </c>
      <c r="E3033">
        <v>349</v>
      </c>
      <c r="F3033" t="s">
        <v>651</v>
      </c>
      <c r="G3033">
        <v>160</v>
      </c>
      <c r="H3033" t="s">
        <v>929</v>
      </c>
      <c r="I3033">
        <v>7015</v>
      </c>
      <c r="J3033" t="s">
        <v>1236</v>
      </c>
      <c r="K3033">
        <v>60</v>
      </c>
      <c r="L3033" t="s">
        <v>2298</v>
      </c>
      <c r="M3033">
        <v>2586</v>
      </c>
      <c r="N3033" t="s">
        <v>654</v>
      </c>
      <c r="O3033">
        <v>3</v>
      </c>
      <c r="P3033" t="s">
        <v>655</v>
      </c>
      <c r="Q3033">
        <v>1</v>
      </c>
      <c r="R3033" t="s">
        <v>656</v>
      </c>
      <c r="S3033">
        <v>2</v>
      </c>
      <c r="T3033" t="s">
        <v>661</v>
      </c>
      <c r="U3033">
        <v>8</v>
      </c>
      <c r="V3033">
        <v>2</v>
      </c>
      <c r="W3033">
        <v>120</v>
      </c>
      <c r="X3033">
        <v>2020</v>
      </c>
    </row>
    <row r="3034" spans="1:24" x14ac:dyDescent="0.25">
      <c r="A3034">
        <v>8273</v>
      </c>
      <c r="B3034" t="s">
        <v>224</v>
      </c>
      <c r="C3034">
        <v>46</v>
      </c>
      <c r="D3034" t="s">
        <v>467</v>
      </c>
      <c r="E3034">
        <v>344</v>
      </c>
      <c r="F3034" t="s">
        <v>651</v>
      </c>
      <c r="G3034">
        <v>160</v>
      </c>
      <c r="H3034" t="s">
        <v>773</v>
      </c>
      <c r="I3034">
        <v>11846</v>
      </c>
      <c r="J3034" t="s">
        <v>695</v>
      </c>
      <c r="K3034">
        <v>54</v>
      </c>
      <c r="L3034" t="s">
        <v>2299</v>
      </c>
      <c r="M3034">
        <v>2585</v>
      </c>
      <c r="N3034" t="s">
        <v>654</v>
      </c>
      <c r="O3034">
        <v>3</v>
      </c>
      <c r="P3034" t="s">
        <v>655</v>
      </c>
      <c r="Q3034">
        <v>1</v>
      </c>
      <c r="R3034" t="s">
        <v>656</v>
      </c>
      <c r="S3034">
        <v>2</v>
      </c>
      <c r="T3034" t="s">
        <v>661</v>
      </c>
      <c r="U3034">
        <v>8</v>
      </c>
      <c r="V3034">
        <v>2</v>
      </c>
      <c r="W3034">
        <v>120</v>
      </c>
      <c r="X3034">
        <v>2020</v>
      </c>
    </row>
    <row r="3035" spans="1:24" x14ac:dyDescent="0.25">
      <c r="A3035">
        <v>8272</v>
      </c>
      <c r="B3035" t="s">
        <v>224</v>
      </c>
      <c r="C3035">
        <v>46</v>
      </c>
      <c r="D3035" t="s">
        <v>467</v>
      </c>
      <c r="E3035">
        <v>344</v>
      </c>
      <c r="F3035" t="s">
        <v>651</v>
      </c>
      <c r="G3035">
        <v>160</v>
      </c>
      <c r="H3035" t="s">
        <v>773</v>
      </c>
      <c r="I3035">
        <v>11846</v>
      </c>
      <c r="J3035" t="s">
        <v>695</v>
      </c>
      <c r="K3035">
        <v>54</v>
      </c>
      <c r="L3035" t="s">
        <v>2300</v>
      </c>
      <c r="M3035">
        <v>2584</v>
      </c>
      <c r="N3035" t="s">
        <v>654</v>
      </c>
      <c r="O3035">
        <v>3</v>
      </c>
      <c r="P3035" t="s">
        <v>655</v>
      </c>
      <c r="Q3035">
        <v>1</v>
      </c>
      <c r="R3035" t="s">
        <v>656</v>
      </c>
      <c r="S3035">
        <v>2</v>
      </c>
      <c r="T3035" t="s">
        <v>661</v>
      </c>
      <c r="U3035">
        <v>8</v>
      </c>
      <c r="V3035">
        <v>2</v>
      </c>
      <c r="W3035">
        <v>120</v>
      </c>
      <c r="X3035">
        <v>2020</v>
      </c>
    </row>
    <row r="3036" spans="1:24" x14ac:dyDescent="0.25">
      <c r="A3036">
        <v>8271</v>
      </c>
      <c r="B3036" t="s">
        <v>224</v>
      </c>
      <c r="C3036">
        <v>46</v>
      </c>
      <c r="D3036" t="s">
        <v>464</v>
      </c>
      <c r="E3036">
        <v>349</v>
      </c>
      <c r="F3036" t="s">
        <v>651</v>
      </c>
      <c r="G3036">
        <v>160</v>
      </c>
      <c r="H3036" t="s">
        <v>929</v>
      </c>
      <c r="I3036">
        <v>7015</v>
      </c>
      <c r="J3036" t="s">
        <v>714</v>
      </c>
      <c r="K3036">
        <v>52</v>
      </c>
      <c r="L3036" t="s">
        <v>2301</v>
      </c>
      <c r="M3036">
        <v>2155</v>
      </c>
      <c r="N3036" t="s">
        <v>654</v>
      </c>
      <c r="O3036">
        <v>3</v>
      </c>
      <c r="P3036" t="s">
        <v>655</v>
      </c>
      <c r="Q3036">
        <v>1</v>
      </c>
      <c r="R3036" t="s">
        <v>656</v>
      </c>
      <c r="S3036">
        <v>2</v>
      </c>
      <c r="T3036" t="s">
        <v>661</v>
      </c>
      <c r="U3036">
        <v>8</v>
      </c>
      <c r="V3036">
        <v>2</v>
      </c>
      <c r="W3036">
        <v>120</v>
      </c>
      <c r="X3036">
        <v>2020</v>
      </c>
    </row>
    <row r="3037" spans="1:24" x14ac:dyDescent="0.25">
      <c r="A3037">
        <v>8270</v>
      </c>
      <c r="B3037" t="s">
        <v>224</v>
      </c>
      <c r="C3037">
        <v>46</v>
      </c>
      <c r="D3037" t="s">
        <v>464</v>
      </c>
      <c r="E3037">
        <v>349</v>
      </c>
      <c r="F3037" t="s">
        <v>651</v>
      </c>
      <c r="G3037">
        <v>160</v>
      </c>
      <c r="H3037" t="s">
        <v>929</v>
      </c>
      <c r="I3037">
        <v>7015</v>
      </c>
      <c r="J3037" t="s">
        <v>714</v>
      </c>
      <c r="K3037">
        <v>52</v>
      </c>
      <c r="L3037" t="s">
        <v>2302</v>
      </c>
      <c r="M3037">
        <v>2583</v>
      </c>
      <c r="N3037" t="s">
        <v>654</v>
      </c>
      <c r="O3037">
        <v>3</v>
      </c>
      <c r="P3037" t="s">
        <v>655</v>
      </c>
      <c r="Q3037">
        <v>1</v>
      </c>
      <c r="R3037" t="s">
        <v>656</v>
      </c>
      <c r="S3037">
        <v>2</v>
      </c>
      <c r="T3037" t="s">
        <v>661</v>
      </c>
      <c r="U3037">
        <v>8</v>
      </c>
      <c r="V3037">
        <v>2</v>
      </c>
      <c r="W3037">
        <v>120</v>
      </c>
      <c r="X3037">
        <v>2020</v>
      </c>
    </row>
    <row r="3038" spans="1:24" x14ac:dyDescent="0.25">
      <c r="A3038">
        <v>8269</v>
      </c>
      <c r="B3038" t="s">
        <v>224</v>
      </c>
      <c r="C3038">
        <v>46</v>
      </c>
      <c r="D3038" t="s">
        <v>467</v>
      </c>
      <c r="E3038">
        <v>344</v>
      </c>
      <c r="F3038" t="s">
        <v>651</v>
      </c>
      <c r="G3038">
        <v>160</v>
      </c>
      <c r="H3038" t="s">
        <v>773</v>
      </c>
      <c r="I3038">
        <v>11846</v>
      </c>
      <c r="J3038" t="s">
        <v>714</v>
      </c>
      <c r="K3038">
        <v>52</v>
      </c>
      <c r="L3038" t="s">
        <v>2303</v>
      </c>
      <c r="M3038">
        <v>2582</v>
      </c>
      <c r="N3038" t="s">
        <v>654</v>
      </c>
      <c r="O3038">
        <v>3</v>
      </c>
      <c r="P3038" t="s">
        <v>655</v>
      </c>
      <c r="Q3038">
        <v>1</v>
      </c>
      <c r="R3038" t="s">
        <v>656</v>
      </c>
      <c r="S3038">
        <v>2</v>
      </c>
      <c r="T3038" t="s">
        <v>661</v>
      </c>
      <c r="U3038">
        <v>8</v>
      </c>
      <c r="V3038">
        <v>2</v>
      </c>
      <c r="W3038">
        <v>120</v>
      </c>
      <c r="X3038">
        <v>2020</v>
      </c>
    </row>
    <row r="3039" spans="1:24" x14ac:dyDescent="0.25">
      <c r="A3039">
        <v>8268</v>
      </c>
      <c r="B3039" t="s">
        <v>224</v>
      </c>
      <c r="C3039">
        <v>46</v>
      </c>
      <c r="D3039" t="s">
        <v>468</v>
      </c>
      <c r="E3039">
        <v>343</v>
      </c>
      <c r="F3039" t="s">
        <v>651</v>
      </c>
      <c r="G3039">
        <v>160</v>
      </c>
      <c r="H3039" t="s">
        <v>773</v>
      </c>
      <c r="I3039">
        <v>11846</v>
      </c>
      <c r="J3039" t="s">
        <v>710</v>
      </c>
      <c r="K3039">
        <v>53</v>
      </c>
      <c r="L3039" t="s">
        <v>2304</v>
      </c>
      <c r="M3039">
        <v>1357</v>
      </c>
      <c r="N3039" t="s">
        <v>654</v>
      </c>
      <c r="O3039">
        <v>3</v>
      </c>
      <c r="P3039" t="s">
        <v>655</v>
      </c>
      <c r="Q3039">
        <v>1</v>
      </c>
      <c r="R3039" t="s">
        <v>656</v>
      </c>
      <c r="S3039">
        <v>2</v>
      </c>
      <c r="T3039" t="s">
        <v>661</v>
      </c>
      <c r="U3039">
        <v>8</v>
      </c>
      <c r="V3039">
        <v>2</v>
      </c>
      <c r="W3039">
        <v>120</v>
      </c>
      <c r="X3039">
        <v>2020</v>
      </c>
    </row>
    <row r="3040" spans="1:24" x14ac:dyDescent="0.25">
      <c r="A3040">
        <v>8264</v>
      </c>
      <c r="B3040" t="s">
        <v>224</v>
      </c>
      <c r="C3040">
        <v>46</v>
      </c>
      <c r="D3040" t="s">
        <v>468</v>
      </c>
      <c r="E3040">
        <v>343</v>
      </c>
      <c r="F3040" t="s">
        <v>651</v>
      </c>
      <c r="G3040">
        <v>160</v>
      </c>
      <c r="H3040" t="s">
        <v>773</v>
      </c>
      <c r="I3040">
        <v>11846</v>
      </c>
      <c r="J3040" t="s">
        <v>710</v>
      </c>
      <c r="K3040">
        <v>53</v>
      </c>
      <c r="L3040" t="s">
        <v>2305</v>
      </c>
      <c r="M3040">
        <v>2578</v>
      </c>
      <c r="N3040" t="s">
        <v>654</v>
      </c>
      <c r="O3040">
        <v>3</v>
      </c>
      <c r="P3040" t="s">
        <v>655</v>
      </c>
      <c r="Q3040">
        <v>1</v>
      </c>
      <c r="R3040" t="s">
        <v>656</v>
      </c>
      <c r="S3040">
        <v>2</v>
      </c>
      <c r="T3040" t="s">
        <v>661</v>
      </c>
      <c r="U3040">
        <v>8</v>
      </c>
      <c r="V3040">
        <v>2</v>
      </c>
      <c r="W3040">
        <v>120</v>
      </c>
      <c r="X3040">
        <v>2020</v>
      </c>
    </row>
    <row r="3041" spans="1:24" x14ac:dyDescent="0.25">
      <c r="A3041">
        <v>8263</v>
      </c>
      <c r="B3041" t="s">
        <v>224</v>
      </c>
      <c r="C3041">
        <v>46</v>
      </c>
      <c r="D3041" t="s">
        <v>468</v>
      </c>
      <c r="E3041">
        <v>343</v>
      </c>
      <c r="F3041" t="s">
        <v>651</v>
      </c>
      <c r="G3041">
        <v>160</v>
      </c>
      <c r="H3041" t="s">
        <v>773</v>
      </c>
      <c r="I3041">
        <v>11846</v>
      </c>
      <c r="J3041" t="s">
        <v>710</v>
      </c>
      <c r="K3041">
        <v>53</v>
      </c>
      <c r="L3041" t="s">
        <v>2306</v>
      </c>
      <c r="M3041">
        <v>2577</v>
      </c>
      <c r="N3041" t="s">
        <v>654</v>
      </c>
      <c r="O3041">
        <v>3</v>
      </c>
      <c r="P3041" t="s">
        <v>655</v>
      </c>
      <c r="Q3041">
        <v>1</v>
      </c>
      <c r="R3041" t="s">
        <v>656</v>
      </c>
      <c r="S3041">
        <v>2</v>
      </c>
      <c r="T3041" t="s">
        <v>718</v>
      </c>
      <c r="U3041">
        <v>2</v>
      </c>
      <c r="V3041">
        <v>2</v>
      </c>
      <c r="W3041">
        <v>120</v>
      </c>
      <c r="X3041">
        <v>2020</v>
      </c>
    </row>
    <row r="3042" spans="1:24" x14ac:dyDescent="0.25">
      <c r="A3042">
        <v>8262</v>
      </c>
      <c r="B3042" t="s">
        <v>224</v>
      </c>
      <c r="C3042">
        <v>46</v>
      </c>
      <c r="D3042" t="s">
        <v>468</v>
      </c>
      <c r="E3042">
        <v>343</v>
      </c>
      <c r="F3042" t="s">
        <v>651</v>
      </c>
      <c r="G3042">
        <v>160</v>
      </c>
      <c r="H3042" t="s">
        <v>773</v>
      </c>
      <c r="I3042">
        <v>11846</v>
      </c>
      <c r="J3042" t="s">
        <v>710</v>
      </c>
      <c r="K3042">
        <v>53</v>
      </c>
      <c r="L3042" t="s">
        <v>2307</v>
      </c>
      <c r="M3042">
        <v>2576</v>
      </c>
      <c r="N3042" t="s">
        <v>654</v>
      </c>
      <c r="O3042">
        <v>3</v>
      </c>
      <c r="P3042" t="s">
        <v>655</v>
      </c>
      <c r="Q3042">
        <v>1</v>
      </c>
      <c r="R3042" t="s">
        <v>656</v>
      </c>
      <c r="S3042">
        <v>2</v>
      </c>
      <c r="T3042" t="s">
        <v>661</v>
      </c>
      <c r="U3042">
        <v>8</v>
      </c>
      <c r="V3042">
        <v>2</v>
      </c>
      <c r="W3042">
        <v>120</v>
      </c>
      <c r="X3042">
        <v>2020</v>
      </c>
    </row>
    <row r="3043" spans="1:24" x14ac:dyDescent="0.25">
      <c r="A3043">
        <v>8260</v>
      </c>
      <c r="B3043" t="s">
        <v>224</v>
      </c>
      <c r="C3043">
        <v>46</v>
      </c>
      <c r="D3043" t="s">
        <v>468</v>
      </c>
      <c r="E3043">
        <v>343</v>
      </c>
      <c r="F3043" t="s">
        <v>651</v>
      </c>
      <c r="G3043">
        <v>160</v>
      </c>
      <c r="H3043" t="s">
        <v>773</v>
      </c>
      <c r="I3043">
        <v>11846</v>
      </c>
      <c r="J3043" t="s">
        <v>710</v>
      </c>
      <c r="K3043">
        <v>53</v>
      </c>
      <c r="L3043" t="s">
        <v>2308</v>
      </c>
      <c r="M3043">
        <v>2575</v>
      </c>
      <c r="N3043" t="s">
        <v>654</v>
      </c>
      <c r="O3043">
        <v>3</v>
      </c>
      <c r="P3043" t="s">
        <v>655</v>
      </c>
      <c r="Q3043">
        <v>1</v>
      </c>
      <c r="R3043" t="s">
        <v>656</v>
      </c>
      <c r="S3043">
        <v>2</v>
      </c>
      <c r="T3043" t="s">
        <v>661</v>
      </c>
      <c r="U3043">
        <v>8</v>
      </c>
      <c r="V3043">
        <v>2</v>
      </c>
      <c r="W3043">
        <v>120</v>
      </c>
      <c r="X3043">
        <v>2020</v>
      </c>
    </row>
    <row r="3044" spans="1:24" x14ac:dyDescent="0.25">
      <c r="A3044">
        <v>8259</v>
      </c>
      <c r="B3044" t="s">
        <v>224</v>
      </c>
      <c r="C3044">
        <v>46</v>
      </c>
      <c r="D3044" t="s">
        <v>468</v>
      </c>
      <c r="E3044">
        <v>343</v>
      </c>
      <c r="F3044" t="s">
        <v>651</v>
      </c>
      <c r="G3044">
        <v>160</v>
      </c>
      <c r="H3044" t="s">
        <v>773</v>
      </c>
      <c r="I3044">
        <v>11846</v>
      </c>
      <c r="J3044" t="s">
        <v>710</v>
      </c>
      <c r="K3044">
        <v>53</v>
      </c>
      <c r="L3044" t="s">
        <v>2309</v>
      </c>
      <c r="M3044">
        <v>2574</v>
      </c>
      <c r="N3044" t="s">
        <v>654</v>
      </c>
      <c r="O3044">
        <v>3</v>
      </c>
      <c r="P3044" t="s">
        <v>655</v>
      </c>
      <c r="Q3044">
        <v>1</v>
      </c>
      <c r="R3044" t="s">
        <v>656</v>
      </c>
      <c r="S3044">
        <v>2</v>
      </c>
      <c r="T3044" t="s">
        <v>661</v>
      </c>
      <c r="U3044">
        <v>8</v>
      </c>
      <c r="V3044">
        <v>2</v>
      </c>
      <c r="W3044">
        <v>120</v>
      </c>
      <c r="X3044">
        <v>2020</v>
      </c>
    </row>
    <row r="3045" spans="1:24" x14ac:dyDescent="0.25">
      <c r="A3045">
        <v>8258</v>
      </c>
      <c r="B3045" t="s">
        <v>224</v>
      </c>
      <c r="C3045">
        <v>46</v>
      </c>
      <c r="D3045" t="s">
        <v>470</v>
      </c>
      <c r="E3045">
        <v>341</v>
      </c>
      <c r="F3045" t="s">
        <v>651</v>
      </c>
      <c r="G3045">
        <v>160</v>
      </c>
      <c r="H3045" t="s">
        <v>773</v>
      </c>
      <c r="I3045">
        <v>11846</v>
      </c>
      <c r="J3045" t="s">
        <v>1182</v>
      </c>
      <c r="K3045">
        <v>46</v>
      </c>
      <c r="L3045" t="s">
        <v>2310</v>
      </c>
      <c r="M3045">
        <v>2573</v>
      </c>
      <c r="N3045" t="s">
        <v>654</v>
      </c>
      <c r="O3045">
        <v>3</v>
      </c>
      <c r="P3045" t="s">
        <v>655</v>
      </c>
      <c r="Q3045">
        <v>1</v>
      </c>
      <c r="R3045" t="s">
        <v>656</v>
      </c>
      <c r="S3045">
        <v>2</v>
      </c>
      <c r="T3045" t="s">
        <v>661</v>
      </c>
      <c r="U3045">
        <v>8</v>
      </c>
      <c r="V3045">
        <v>2</v>
      </c>
      <c r="W3045">
        <v>120</v>
      </c>
      <c r="X3045">
        <v>2020</v>
      </c>
    </row>
    <row r="3046" spans="1:24" x14ac:dyDescent="0.25">
      <c r="A3046">
        <v>8257</v>
      </c>
      <c r="B3046" t="s">
        <v>224</v>
      </c>
      <c r="C3046">
        <v>46</v>
      </c>
      <c r="D3046" t="s">
        <v>470</v>
      </c>
      <c r="E3046">
        <v>341</v>
      </c>
      <c r="F3046" t="s">
        <v>651</v>
      </c>
      <c r="G3046">
        <v>160</v>
      </c>
      <c r="H3046" t="s">
        <v>773</v>
      </c>
      <c r="I3046">
        <v>11846</v>
      </c>
      <c r="J3046" t="s">
        <v>1022</v>
      </c>
      <c r="K3046">
        <v>85</v>
      </c>
      <c r="L3046" t="s">
        <v>2311</v>
      </c>
      <c r="M3046">
        <v>2572</v>
      </c>
      <c r="N3046" t="s">
        <v>654</v>
      </c>
      <c r="O3046">
        <v>3</v>
      </c>
      <c r="P3046" t="s">
        <v>655</v>
      </c>
      <c r="Q3046">
        <v>1</v>
      </c>
      <c r="R3046" t="s">
        <v>656</v>
      </c>
      <c r="S3046">
        <v>2</v>
      </c>
      <c r="T3046" t="s">
        <v>661</v>
      </c>
      <c r="U3046">
        <v>8</v>
      </c>
      <c r="V3046">
        <v>2</v>
      </c>
      <c r="W3046">
        <v>120</v>
      </c>
      <c r="X3046">
        <v>2020</v>
      </c>
    </row>
    <row r="3047" spans="1:24" x14ac:dyDescent="0.25">
      <c r="A3047">
        <v>8250</v>
      </c>
      <c r="B3047" t="s">
        <v>224</v>
      </c>
      <c r="C3047">
        <v>46</v>
      </c>
      <c r="D3047" t="s">
        <v>470</v>
      </c>
      <c r="E3047">
        <v>341</v>
      </c>
      <c r="F3047" t="s">
        <v>651</v>
      </c>
      <c r="G3047">
        <v>160</v>
      </c>
      <c r="H3047" t="s">
        <v>773</v>
      </c>
      <c r="I3047">
        <v>11846</v>
      </c>
      <c r="J3047" t="s">
        <v>1022</v>
      </c>
      <c r="K3047">
        <v>85</v>
      </c>
      <c r="L3047" t="s">
        <v>2312</v>
      </c>
      <c r="M3047">
        <v>2565</v>
      </c>
      <c r="N3047" t="s">
        <v>654</v>
      </c>
      <c r="O3047">
        <v>3</v>
      </c>
      <c r="P3047" t="s">
        <v>655</v>
      </c>
      <c r="Q3047">
        <v>1</v>
      </c>
      <c r="R3047" t="s">
        <v>656</v>
      </c>
      <c r="S3047">
        <v>2</v>
      </c>
      <c r="T3047" t="s">
        <v>661</v>
      </c>
      <c r="U3047">
        <v>8</v>
      </c>
      <c r="V3047">
        <v>2</v>
      </c>
      <c r="W3047">
        <v>120</v>
      </c>
      <c r="X3047">
        <v>2020</v>
      </c>
    </row>
    <row r="3048" spans="1:24" x14ac:dyDescent="0.25">
      <c r="A3048">
        <v>8249</v>
      </c>
      <c r="B3048" t="s">
        <v>224</v>
      </c>
      <c r="C3048">
        <v>46</v>
      </c>
      <c r="D3048" t="s">
        <v>470</v>
      </c>
      <c r="E3048">
        <v>341</v>
      </c>
      <c r="F3048" t="s">
        <v>651</v>
      </c>
      <c r="G3048">
        <v>160</v>
      </c>
      <c r="H3048" t="s">
        <v>773</v>
      </c>
      <c r="I3048">
        <v>11846</v>
      </c>
      <c r="J3048" t="s">
        <v>1022</v>
      </c>
      <c r="K3048">
        <v>85</v>
      </c>
      <c r="L3048" t="s">
        <v>2313</v>
      </c>
      <c r="M3048">
        <v>2564</v>
      </c>
      <c r="N3048" t="s">
        <v>654</v>
      </c>
      <c r="O3048">
        <v>3</v>
      </c>
      <c r="P3048" t="s">
        <v>655</v>
      </c>
      <c r="Q3048">
        <v>1</v>
      </c>
      <c r="R3048" t="s">
        <v>656</v>
      </c>
      <c r="S3048">
        <v>2</v>
      </c>
      <c r="T3048" t="s">
        <v>718</v>
      </c>
      <c r="U3048">
        <v>2</v>
      </c>
      <c r="V3048">
        <v>2</v>
      </c>
      <c r="W3048">
        <v>120</v>
      </c>
      <c r="X3048">
        <v>2020</v>
      </c>
    </row>
    <row r="3049" spans="1:24" x14ac:dyDescent="0.25">
      <c r="A3049">
        <v>8247</v>
      </c>
      <c r="B3049" t="s">
        <v>224</v>
      </c>
      <c r="C3049">
        <v>46</v>
      </c>
      <c r="D3049" t="s">
        <v>470</v>
      </c>
      <c r="E3049">
        <v>341</v>
      </c>
      <c r="F3049" t="s">
        <v>651</v>
      </c>
      <c r="G3049">
        <v>160</v>
      </c>
      <c r="H3049" t="s">
        <v>773</v>
      </c>
      <c r="I3049">
        <v>11846</v>
      </c>
      <c r="J3049" t="s">
        <v>1022</v>
      </c>
      <c r="K3049">
        <v>85</v>
      </c>
      <c r="L3049" t="s">
        <v>2314</v>
      </c>
      <c r="M3049">
        <v>2562</v>
      </c>
      <c r="N3049" t="s">
        <v>654</v>
      </c>
      <c r="O3049">
        <v>3</v>
      </c>
      <c r="P3049" t="s">
        <v>655</v>
      </c>
      <c r="Q3049">
        <v>1</v>
      </c>
      <c r="R3049" t="s">
        <v>656</v>
      </c>
      <c r="S3049">
        <v>2</v>
      </c>
      <c r="T3049" t="s">
        <v>661</v>
      </c>
      <c r="U3049">
        <v>8</v>
      </c>
      <c r="V3049">
        <v>2</v>
      </c>
      <c r="W3049">
        <v>120</v>
      </c>
      <c r="X3049">
        <v>2020</v>
      </c>
    </row>
    <row r="3050" spans="1:24" x14ac:dyDescent="0.25">
      <c r="A3050">
        <v>8246</v>
      </c>
      <c r="B3050" t="s">
        <v>224</v>
      </c>
      <c r="C3050">
        <v>46</v>
      </c>
      <c r="D3050" t="s">
        <v>470</v>
      </c>
      <c r="E3050">
        <v>341</v>
      </c>
      <c r="F3050" t="s">
        <v>651</v>
      </c>
      <c r="G3050">
        <v>160</v>
      </c>
      <c r="H3050" t="s">
        <v>773</v>
      </c>
      <c r="I3050">
        <v>11846</v>
      </c>
      <c r="J3050" t="s">
        <v>1022</v>
      </c>
      <c r="K3050">
        <v>85</v>
      </c>
      <c r="L3050" t="s">
        <v>2315</v>
      </c>
      <c r="M3050">
        <v>2561</v>
      </c>
      <c r="N3050" t="s">
        <v>654</v>
      </c>
      <c r="O3050">
        <v>3</v>
      </c>
      <c r="P3050" t="s">
        <v>655</v>
      </c>
      <c r="Q3050">
        <v>1</v>
      </c>
      <c r="R3050" t="s">
        <v>656</v>
      </c>
      <c r="S3050">
        <v>2</v>
      </c>
      <c r="T3050" t="s">
        <v>661</v>
      </c>
      <c r="U3050">
        <v>8</v>
      </c>
      <c r="V3050">
        <v>2</v>
      </c>
      <c r="W3050">
        <v>120</v>
      </c>
      <c r="X3050">
        <v>2020</v>
      </c>
    </row>
    <row r="3051" spans="1:24" x14ac:dyDescent="0.25">
      <c r="A3051">
        <v>8243</v>
      </c>
      <c r="B3051" t="s">
        <v>224</v>
      </c>
      <c r="C3051">
        <v>46</v>
      </c>
      <c r="D3051" t="s">
        <v>470</v>
      </c>
      <c r="E3051">
        <v>341</v>
      </c>
      <c r="F3051" t="s">
        <v>651</v>
      </c>
      <c r="G3051">
        <v>160</v>
      </c>
      <c r="H3051" t="s">
        <v>773</v>
      </c>
      <c r="I3051">
        <v>11846</v>
      </c>
      <c r="J3051" t="s">
        <v>1022</v>
      </c>
      <c r="K3051">
        <v>85</v>
      </c>
      <c r="L3051" t="s">
        <v>2316</v>
      </c>
      <c r="M3051">
        <v>2558</v>
      </c>
      <c r="N3051" t="s">
        <v>654</v>
      </c>
      <c r="O3051">
        <v>3</v>
      </c>
      <c r="P3051" t="s">
        <v>655</v>
      </c>
      <c r="Q3051">
        <v>1</v>
      </c>
      <c r="R3051" t="s">
        <v>656</v>
      </c>
      <c r="S3051">
        <v>2</v>
      </c>
      <c r="T3051" t="s">
        <v>661</v>
      </c>
      <c r="U3051">
        <v>8</v>
      </c>
      <c r="V3051">
        <v>2</v>
      </c>
      <c r="W3051">
        <v>120</v>
      </c>
      <c r="X3051">
        <v>2020</v>
      </c>
    </row>
    <row r="3052" spans="1:24" x14ac:dyDescent="0.25">
      <c r="A3052">
        <v>8242</v>
      </c>
      <c r="B3052" t="s">
        <v>224</v>
      </c>
      <c r="C3052">
        <v>46</v>
      </c>
      <c r="D3052" t="s">
        <v>470</v>
      </c>
      <c r="E3052">
        <v>341</v>
      </c>
      <c r="F3052" t="s">
        <v>651</v>
      </c>
      <c r="G3052">
        <v>160</v>
      </c>
      <c r="H3052" t="s">
        <v>773</v>
      </c>
      <c r="I3052">
        <v>11846</v>
      </c>
      <c r="J3052" t="s">
        <v>1022</v>
      </c>
      <c r="K3052">
        <v>85</v>
      </c>
      <c r="L3052" t="s">
        <v>2317</v>
      </c>
      <c r="M3052">
        <v>2557</v>
      </c>
      <c r="N3052" t="s">
        <v>654</v>
      </c>
      <c r="O3052">
        <v>3</v>
      </c>
      <c r="P3052" t="s">
        <v>655</v>
      </c>
      <c r="Q3052">
        <v>1</v>
      </c>
      <c r="R3052" t="s">
        <v>656</v>
      </c>
      <c r="S3052">
        <v>2</v>
      </c>
      <c r="T3052" t="s">
        <v>661</v>
      </c>
      <c r="U3052">
        <v>8</v>
      </c>
      <c r="V3052">
        <v>2</v>
      </c>
      <c r="W3052">
        <v>120</v>
      </c>
      <c r="X3052">
        <v>2020</v>
      </c>
    </row>
    <row r="3053" spans="1:24" x14ac:dyDescent="0.25">
      <c r="A3053">
        <v>8241</v>
      </c>
      <c r="B3053" t="s">
        <v>224</v>
      </c>
      <c r="C3053">
        <v>46</v>
      </c>
      <c r="D3053" t="s">
        <v>471</v>
      </c>
      <c r="E3053">
        <v>340</v>
      </c>
      <c r="F3053" t="s">
        <v>651</v>
      </c>
      <c r="G3053">
        <v>160</v>
      </c>
      <c r="H3053" t="s">
        <v>773</v>
      </c>
      <c r="I3053">
        <v>11846</v>
      </c>
      <c r="J3053" t="s">
        <v>848</v>
      </c>
      <c r="K3053">
        <v>62</v>
      </c>
      <c r="L3053" t="s">
        <v>2318</v>
      </c>
      <c r="M3053">
        <v>2556</v>
      </c>
      <c r="N3053" t="s">
        <v>654</v>
      </c>
      <c r="O3053">
        <v>3</v>
      </c>
      <c r="P3053" t="s">
        <v>655</v>
      </c>
      <c r="Q3053">
        <v>1</v>
      </c>
      <c r="R3053" t="s">
        <v>656</v>
      </c>
      <c r="S3053">
        <v>2</v>
      </c>
      <c r="T3053" t="s">
        <v>661</v>
      </c>
      <c r="U3053">
        <v>8</v>
      </c>
      <c r="V3053">
        <v>2</v>
      </c>
      <c r="W3053">
        <v>120</v>
      </c>
      <c r="X3053">
        <v>2020</v>
      </c>
    </row>
    <row r="3054" spans="1:24" x14ac:dyDescent="0.25">
      <c r="A3054">
        <v>8240</v>
      </c>
      <c r="B3054" t="s">
        <v>224</v>
      </c>
      <c r="C3054">
        <v>46</v>
      </c>
      <c r="D3054" t="s">
        <v>471</v>
      </c>
      <c r="E3054">
        <v>340</v>
      </c>
      <c r="F3054" t="s">
        <v>651</v>
      </c>
      <c r="G3054">
        <v>160</v>
      </c>
      <c r="H3054" t="s">
        <v>773</v>
      </c>
      <c r="I3054">
        <v>11846</v>
      </c>
      <c r="J3054" t="s">
        <v>848</v>
      </c>
      <c r="K3054">
        <v>62</v>
      </c>
      <c r="L3054" t="s">
        <v>2319</v>
      </c>
      <c r="M3054">
        <v>2555</v>
      </c>
      <c r="N3054" t="s">
        <v>654</v>
      </c>
      <c r="O3054">
        <v>3</v>
      </c>
      <c r="P3054" t="s">
        <v>655</v>
      </c>
      <c r="Q3054">
        <v>1</v>
      </c>
      <c r="R3054" t="s">
        <v>656</v>
      </c>
      <c r="S3054">
        <v>2</v>
      </c>
      <c r="T3054" t="s">
        <v>661</v>
      </c>
      <c r="U3054">
        <v>8</v>
      </c>
      <c r="V3054">
        <v>2</v>
      </c>
      <c r="W3054">
        <v>120</v>
      </c>
      <c r="X3054">
        <v>2020</v>
      </c>
    </row>
    <row r="3055" spans="1:24" x14ac:dyDescent="0.25">
      <c r="A3055">
        <v>8238</v>
      </c>
      <c r="B3055" t="s">
        <v>224</v>
      </c>
      <c r="C3055">
        <v>46</v>
      </c>
      <c r="D3055" t="s">
        <v>471</v>
      </c>
      <c r="E3055">
        <v>340</v>
      </c>
      <c r="F3055" t="s">
        <v>651</v>
      </c>
      <c r="G3055">
        <v>160</v>
      </c>
      <c r="H3055" t="s">
        <v>773</v>
      </c>
      <c r="I3055">
        <v>11846</v>
      </c>
      <c r="J3055" t="s">
        <v>742</v>
      </c>
      <c r="K3055">
        <v>48</v>
      </c>
      <c r="L3055" t="s">
        <v>2320</v>
      </c>
      <c r="M3055">
        <v>2553</v>
      </c>
      <c r="N3055" t="s">
        <v>654</v>
      </c>
      <c r="O3055">
        <v>3</v>
      </c>
      <c r="P3055" t="s">
        <v>655</v>
      </c>
      <c r="Q3055">
        <v>1</v>
      </c>
      <c r="R3055" t="s">
        <v>656</v>
      </c>
      <c r="S3055">
        <v>2</v>
      </c>
      <c r="T3055" t="s">
        <v>661</v>
      </c>
      <c r="U3055">
        <v>8</v>
      </c>
      <c r="V3055">
        <v>2</v>
      </c>
      <c r="W3055">
        <v>120</v>
      </c>
      <c r="X3055">
        <v>2020</v>
      </c>
    </row>
    <row r="3056" spans="1:24" x14ac:dyDescent="0.25">
      <c r="A3056">
        <v>8232</v>
      </c>
      <c r="B3056" t="s">
        <v>224</v>
      </c>
      <c r="C3056">
        <v>46</v>
      </c>
      <c r="D3056" t="s">
        <v>471</v>
      </c>
      <c r="E3056">
        <v>340</v>
      </c>
      <c r="F3056" t="s">
        <v>651</v>
      </c>
      <c r="G3056">
        <v>160</v>
      </c>
      <c r="H3056" t="s">
        <v>773</v>
      </c>
      <c r="I3056">
        <v>11846</v>
      </c>
      <c r="J3056" t="s">
        <v>742</v>
      </c>
      <c r="K3056">
        <v>48</v>
      </c>
      <c r="L3056" t="s">
        <v>2321</v>
      </c>
      <c r="M3056">
        <v>2547</v>
      </c>
      <c r="N3056" t="s">
        <v>654</v>
      </c>
      <c r="O3056">
        <v>3</v>
      </c>
      <c r="P3056" t="s">
        <v>655</v>
      </c>
      <c r="Q3056">
        <v>1</v>
      </c>
      <c r="R3056" t="s">
        <v>656</v>
      </c>
      <c r="S3056">
        <v>2</v>
      </c>
      <c r="T3056" t="s">
        <v>661</v>
      </c>
      <c r="U3056">
        <v>8</v>
      </c>
      <c r="V3056">
        <v>2</v>
      </c>
      <c r="W3056">
        <v>120</v>
      </c>
      <c r="X3056">
        <v>2020</v>
      </c>
    </row>
    <row r="3057" spans="1:24" x14ac:dyDescent="0.25">
      <c r="A3057">
        <v>8229</v>
      </c>
      <c r="B3057" t="s">
        <v>224</v>
      </c>
      <c r="C3057">
        <v>46</v>
      </c>
      <c r="D3057" t="s">
        <v>471</v>
      </c>
      <c r="E3057">
        <v>340</v>
      </c>
      <c r="F3057" t="s">
        <v>651</v>
      </c>
      <c r="G3057">
        <v>160</v>
      </c>
      <c r="H3057" t="s">
        <v>773</v>
      </c>
      <c r="I3057">
        <v>11846</v>
      </c>
      <c r="J3057" t="s">
        <v>742</v>
      </c>
      <c r="K3057">
        <v>48</v>
      </c>
      <c r="L3057" t="s">
        <v>2322</v>
      </c>
      <c r="M3057">
        <v>2544</v>
      </c>
      <c r="N3057" t="s">
        <v>654</v>
      </c>
      <c r="O3057">
        <v>3</v>
      </c>
      <c r="P3057" t="s">
        <v>655</v>
      </c>
      <c r="Q3057">
        <v>1</v>
      </c>
      <c r="R3057" t="s">
        <v>656</v>
      </c>
      <c r="S3057">
        <v>2</v>
      </c>
      <c r="T3057" t="s">
        <v>661</v>
      </c>
      <c r="U3057">
        <v>8</v>
      </c>
      <c r="V3057">
        <v>2</v>
      </c>
      <c r="W3057">
        <v>120</v>
      </c>
      <c r="X3057">
        <v>2020</v>
      </c>
    </row>
    <row r="3058" spans="1:24" x14ac:dyDescent="0.25">
      <c r="A3058">
        <v>8228</v>
      </c>
      <c r="B3058" t="s">
        <v>224</v>
      </c>
      <c r="C3058">
        <v>46</v>
      </c>
      <c r="D3058" t="s">
        <v>472</v>
      </c>
      <c r="E3058">
        <v>339</v>
      </c>
      <c r="F3058" t="s">
        <v>651</v>
      </c>
      <c r="G3058">
        <v>160</v>
      </c>
      <c r="H3058" t="s">
        <v>773</v>
      </c>
      <c r="I3058">
        <v>11846</v>
      </c>
      <c r="J3058" t="s">
        <v>676</v>
      </c>
      <c r="K3058">
        <v>4</v>
      </c>
      <c r="L3058" t="s">
        <v>2323</v>
      </c>
      <c r="M3058">
        <v>2543</v>
      </c>
      <c r="N3058" t="s">
        <v>654</v>
      </c>
      <c r="O3058">
        <v>3</v>
      </c>
      <c r="P3058" t="s">
        <v>655</v>
      </c>
      <c r="Q3058">
        <v>1</v>
      </c>
      <c r="R3058" t="s">
        <v>656</v>
      </c>
      <c r="S3058">
        <v>2</v>
      </c>
      <c r="T3058" t="s">
        <v>661</v>
      </c>
      <c r="U3058">
        <v>8</v>
      </c>
      <c r="V3058">
        <v>2</v>
      </c>
      <c r="W3058">
        <v>120</v>
      </c>
      <c r="X3058">
        <v>2020</v>
      </c>
    </row>
    <row r="3059" spans="1:24" x14ac:dyDescent="0.25">
      <c r="A3059">
        <v>8226</v>
      </c>
      <c r="B3059" t="s">
        <v>224</v>
      </c>
      <c r="C3059">
        <v>46</v>
      </c>
      <c r="D3059" t="s">
        <v>472</v>
      </c>
      <c r="E3059">
        <v>339</v>
      </c>
      <c r="F3059" t="s">
        <v>651</v>
      </c>
      <c r="G3059">
        <v>160</v>
      </c>
      <c r="H3059" t="s">
        <v>773</v>
      </c>
      <c r="I3059">
        <v>11846</v>
      </c>
      <c r="J3059" t="s">
        <v>797</v>
      </c>
      <c r="K3059">
        <v>65</v>
      </c>
      <c r="L3059" t="s">
        <v>2324</v>
      </c>
      <c r="M3059">
        <v>2541</v>
      </c>
      <c r="N3059" t="s">
        <v>654</v>
      </c>
      <c r="O3059">
        <v>3</v>
      </c>
      <c r="P3059" t="s">
        <v>655</v>
      </c>
      <c r="Q3059">
        <v>1</v>
      </c>
      <c r="R3059" t="s">
        <v>656</v>
      </c>
      <c r="S3059">
        <v>2</v>
      </c>
      <c r="T3059" t="s">
        <v>718</v>
      </c>
      <c r="U3059">
        <v>2</v>
      </c>
      <c r="V3059">
        <v>2</v>
      </c>
      <c r="W3059">
        <v>120</v>
      </c>
      <c r="X3059">
        <v>2020</v>
      </c>
    </row>
    <row r="3060" spans="1:24" x14ac:dyDescent="0.25">
      <c r="A3060">
        <v>8225</v>
      </c>
      <c r="B3060" t="s">
        <v>224</v>
      </c>
      <c r="C3060">
        <v>46</v>
      </c>
      <c r="D3060" t="s">
        <v>472</v>
      </c>
      <c r="E3060">
        <v>339</v>
      </c>
      <c r="F3060" t="s">
        <v>651</v>
      </c>
      <c r="G3060">
        <v>160</v>
      </c>
      <c r="H3060" t="s">
        <v>773</v>
      </c>
      <c r="I3060">
        <v>11846</v>
      </c>
      <c r="J3060" t="s">
        <v>797</v>
      </c>
      <c r="K3060">
        <v>65</v>
      </c>
      <c r="L3060" t="s">
        <v>2325</v>
      </c>
      <c r="M3060">
        <v>2540</v>
      </c>
      <c r="N3060" t="s">
        <v>654</v>
      </c>
      <c r="O3060">
        <v>3</v>
      </c>
      <c r="P3060" t="s">
        <v>655</v>
      </c>
      <c r="Q3060">
        <v>1</v>
      </c>
      <c r="R3060" t="s">
        <v>656</v>
      </c>
      <c r="S3060">
        <v>2</v>
      </c>
      <c r="T3060" t="s">
        <v>661</v>
      </c>
      <c r="U3060">
        <v>8</v>
      </c>
      <c r="V3060">
        <v>2</v>
      </c>
      <c r="W3060">
        <v>120</v>
      </c>
      <c r="X3060">
        <v>2020</v>
      </c>
    </row>
    <row r="3061" spans="1:24" x14ac:dyDescent="0.25">
      <c r="A3061">
        <v>8224</v>
      </c>
      <c r="B3061" t="s">
        <v>224</v>
      </c>
      <c r="C3061">
        <v>46</v>
      </c>
      <c r="D3061" t="s">
        <v>472</v>
      </c>
      <c r="E3061">
        <v>339</v>
      </c>
      <c r="F3061" t="s">
        <v>651</v>
      </c>
      <c r="G3061">
        <v>160</v>
      </c>
      <c r="H3061" t="s">
        <v>773</v>
      </c>
      <c r="I3061">
        <v>11846</v>
      </c>
      <c r="J3061" t="s">
        <v>797</v>
      </c>
      <c r="K3061">
        <v>65</v>
      </c>
      <c r="L3061" t="s">
        <v>2326</v>
      </c>
      <c r="M3061">
        <v>2539</v>
      </c>
      <c r="N3061" t="s">
        <v>654</v>
      </c>
      <c r="O3061">
        <v>3</v>
      </c>
      <c r="P3061" t="s">
        <v>655</v>
      </c>
      <c r="Q3061">
        <v>1</v>
      </c>
      <c r="R3061" t="s">
        <v>656</v>
      </c>
      <c r="S3061">
        <v>2</v>
      </c>
      <c r="T3061" t="s">
        <v>661</v>
      </c>
      <c r="U3061">
        <v>8</v>
      </c>
      <c r="V3061">
        <v>2</v>
      </c>
      <c r="W3061">
        <v>120</v>
      </c>
      <c r="X3061">
        <v>2020</v>
      </c>
    </row>
    <row r="3062" spans="1:24" x14ac:dyDescent="0.25">
      <c r="A3062">
        <v>8223</v>
      </c>
      <c r="B3062" t="s">
        <v>224</v>
      </c>
      <c r="C3062">
        <v>46</v>
      </c>
      <c r="D3062" t="s">
        <v>472</v>
      </c>
      <c r="E3062">
        <v>339</v>
      </c>
      <c r="F3062" t="s">
        <v>651</v>
      </c>
      <c r="G3062">
        <v>160</v>
      </c>
      <c r="H3062" t="s">
        <v>773</v>
      </c>
      <c r="I3062">
        <v>11846</v>
      </c>
      <c r="J3062" t="s">
        <v>797</v>
      </c>
      <c r="K3062">
        <v>65</v>
      </c>
      <c r="L3062" t="s">
        <v>2327</v>
      </c>
      <c r="M3062">
        <v>2538</v>
      </c>
      <c r="N3062" t="s">
        <v>654</v>
      </c>
      <c r="O3062">
        <v>3</v>
      </c>
      <c r="P3062" t="s">
        <v>655</v>
      </c>
      <c r="Q3062">
        <v>1</v>
      </c>
      <c r="R3062" t="s">
        <v>656</v>
      </c>
      <c r="S3062">
        <v>2</v>
      </c>
      <c r="T3062" t="s">
        <v>661</v>
      </c>
      <c r="U3062">
        <v>8</v>
      </c>
      <c r="V3062">
        <v>2</v>
      </c>
      <c r="W3062">
        <v>120</v>
      </c>
      <c r="X3062">
        <v>2020</v>
      </c>
    </row>
    <row r="3063" spans="1:24" x14ac:dyDescent="0.25">
      <c r="A3063">
        <v>8222</v>
      </c>
      <c r="B3063" t="s">
        <v>224</v>
      </c>
      <c r="C3063">
        <v>46</v>
      </c>
      <c r="D3063" t="s">
        <v>472</v>
      </c>
      <c r="E3063">
        <v>339</v>
      </c>
      <c r="F3063" t="s">
        <v>651</v>
      </c>
      <c r="G3063">
        <v>160</v>
      </c>
      <c r="H3063" t="s">
        <v>773</v>
      </c>
      <c r="I3063">
        <v>11846</v>
      </c>
      <c r="J3063" t="s">
        <v>767</v>
      </c>
      <c r="K3063">
        <v>44</v>
      </c>
      <c r="L3063" t="s">
        <v>2328</v>
      </c>
      <c r="M3063">
        <v>2537</v>
      </c>
      <c r="N3063" t="s">
        <v>654</v>
      </c>
      <c r="O3063">
        <v>3</v>
      </c>
      <c r="P3063" t="s">
        <v>655</v>
      </c>
      <c r="Q3063">
        <v>1</v>
      </c>
      <c r="R3063" t="s">
        <v>656</v>
      </c>
      <c r="S3063">
        <v>2</v>
      </c>
      <c r="T3063" t="s">
        <v>718</v>
      </c>
      <c r="U3063">
        <v>2</v>
      </c>
      <c r="V3063">
        <v>2</v>
      </c>
      <c r="W3063">
        <v>120</v>
      </c>
      <c r="X3063">
        <v>2020</v>
      </c>
    </row>
    <row r="3064" spans="1:24" x14ac:dyDescent="0.25">
      <c r="A3064">
        <v>8221</v>
      </c>
      <c r="B3064" t="s">
        <v>224</v>
      </c>
      <c r="C3064">
        <v>46</v>
      </c>
      <c r="D3064" t="s">
        <v>472</v>
      </c>
      <c r="E3064">
        <v>339</v>
      </c>
      <c r="F3064" t="s">
        <v>651</v>
      </c>
      <c r="G3064">
        <v>160</v>
      </c>
      <c r="H3064" t="s">
        <v>773</v>
      </c>
      <c r="I3064">
        <v>11846</v>
      </c>
      <c r="J3064" t="s">
        <v>767</v>
      </c>
      <c r="K3064">
        <v>44</v>
      </c>
      <c r="L3064" t="s">
        <v>2329</v>
      </c>
      <c r="M3064">
        <v>2536</v>
      </c>
      <c r="N3064" t="s">
        <v>654</v>
      </c>
      <c r="O3064">
        <v>3</v>
      </c>
      <c r="P3064" t="s">
        <v>655</v>
      </c>
      <c r="Q3064">
        <v>1</v>
      </c>
      <c r="R3064" t="s">
        <v>656</v>
      </c>
      <c r="S3064">
        <v>2</v>
      </c>
      <c r="T3064" t="s">
        <v>718</v>
      </c>
      <c r="U3064">
        <v>2</v>
      </c>
      <c r="V3064">
        <v>2</v>
      </c>
      <c r="W3064">
        <v>120</v>
      </c>
      <c r="X3064">
        <v>2020</v>
      </c>
    </row>
    <row r="3065" spans="1:24" x14ac:dyDescent="0.25">
      <c r="A3065">
        <v>8219</v>
      </c>
      <c r="B3065" t="s">
        <v>224</v>
      </c>
      <c r="C3065">
        <v>46</v>
      </c>
      <c r="D3065" t="s">
        <v>469</v>
      </c>
      <c r="E3065">
        <v>342</v>
      </c>
      <c r="F3065" t="s">
        <v>651</v>
      </c>
      <c r="G3065">
        <v>160</v>
      </c>
      <c r="H3065" t="s">
        <v>773</v>
      </c>
      <c r="I3065">
        <v>11846</v>
      </c>
      <c r="J3065" t="s">
        <v>1538</v>
      </c>
      <c r="K3065">
        <v>36</v>
      </c>
      <c r="L3065" t="s">
        <v>2330</v>
      </c>
      <c r="M3065">
        <v>2534</v>
      </c>
      <c r="N3065" t="s">
        <v>654</v>
      </c>
      <c r="O3065">
        <v>3</v>
      </c>
      <c r="P3065" t="s">
        <v>655</v>
      </c>
      <c r="Q3065">
        <v>1</v>
      </c>
      <c r="R3065" t="s">
        <v>656</v>
      </c>
      <c r="S3065">
        <v>2</v>
      </c>
      <c r="T3065" t="s">
        <v>661</v>
      </c>
      <c r="U3065">
        <v>8</v>
      </c>
      <c r="V3065">
        <v>2</v>
      </c>
      <c r="W3065">
        <v>120</v>
      </c>
      <c r="X3065">
        <v>2020</v>
      </c>
    </row>
    <row r="3066" spans="1:24" x14ac:dyDescent="0.25">
      <c r="A3066">
        <v>8218</v>
      </c>
      <c r="B3066" t="s">
        <v>224</v>
      </c>
      <c r="C3066">
        <v>46</v>
      </c>
      <c r="D3066" t="s">
        <v>469</v>
      </c>
      <c r="E3066">
        <v>342</v>
      </c>
      <c r="F3066" t="s">
        <v>651</v>
      </c>
      <c r="G3066">
        <v>160</v>
      </c>
      <c r="H3066" t="s">
        <v>773</v>
      </c>
      <c r="I3066">
        <v>11846</v>
      </c>
      <c r="J3066" t="s">
        <v>1538</v>
      </c>
      <c r="K3066">
        <v>36</v>
      </c>
      <c r="L3066" t="s">
        <v>2331</v>
      </c>
      <c r="M3066">
        <v>2533</v>
      </c>
      <c r="N3066" t="s">
        <v>654</v>
      </c>
      <c r="O3066">
        <v>3</v>
      </c>
      <c r="P3066" t="s">
        <v>655</v>
      </c>
      <c r="Q3066">
        <v>1</v>
      </c>
      <c r="R3066" t="s">
        <v>656</v>
      </c>
      <c r="S3066">
        <v>2</v>
      </c>
      <c r="T3066" t="s">
        <v>661</v>
      </c>
      <c r="U3066">
        <v>8</v>
      </c>
      <c r="V3066">
        <v>2</v>
      </c>
      <c r="W3066">
        <v>120</v>
      </c>
      <c r="X3066">
        <v>2020</v>
      </c>
    </row>
    <row r="3067" spans="1:24" x14ac:dyDescent="0.25">
      <c r="A3067">
        <v>8217</v>
      </c>
      <c r="B3067" t="s">
        <v>204</v>
      </c>
      <c r="C3067">
        <v>45</v>
      </c>
      <c r="D3067" t="s">
        <v>355</v>
      </c>
      <c r="E3067">
        <v>604</v>
      </c>
      <c r="F3067" t="s">
        <v>651</v>
      </c>
      <c r="G3067">
        <v>160</v>
      </c>
      <c r="H3067" t="s">
        <v>666</v>
      </c>
      <c r="I3067">
        <v>8767</v>
      </c>
      <c r="J3067" t="s">
        <v>673</v>
      </c>
      <c r="K3067">
        <v>34</v>
      </c>
      <c r="L3067" t="s">
        <v>1627</v>
      </c>
      <c r="M3067">
        <v>2255</v>
      </c>
      <c r="N3067" t="s">
        <v>654</v>
      </c>
      <c r="O3067">
        <v>3</v>
      </c>
      <c r="P3067" t="s">
        <v>655</v>
      </c>
      <c r="Q3067">
        <v>1</v>
      </c>
      <c r="R3067" t="s">
        <v>656</v>
      </c>
      <c r="S3067">
        <v>2</v>
      </c>
      <c r="T3067" t="s">
        <v>661</v>
      </c>
      <c r="U3067">
        <v>8</v>
      </c>
      <c r="V3067">
        <v>2</v>
      </c>
      <c r="W3067">
        <v>120</v>
      </c>
      <c r="X3067">
        <v>2020</v>
      </c>
    </row>
    <row r="3068" spans="1:24" x14ac:dyDescent="0.25">
      <c r="A3068">
        <v>8216</v>
      </c>
      <c r="B3068" t="s">
        <v>204</v>
      </c>
      <c r="C3068">
        <v>45</v>
      </c>
      <c r="D3068" t="s">
        <v>354</v>
      </c>
      <c r="E3068">
        <v>605</v>
      </c>
      <c r="F3068" t="s">
        <v>651</v>
      </c>
      <c r="G3068">
        <v>160</v>
      </c>
      <c r="H3068" t="s">
        <v>666</v>
      </c>
      <c r="I3068">
        <v>8767</v>
      </c>
      <c r="J3068" t="s">
        <v>673</v>
      </c>
      <c r="K3068">
        <v>34</v>
      </c>
      <c r="L3068" t="s">
        <v>2332</v>
      </c>
      <c r="M3068">
        <v>2532</v>
      </c>
      <c r="N3068" t="s">
        <v>654</v>
      </c>
      <c r="O3068">
        <v>3</v>
      </c>
      <c r="P3068" t="s">
        <v>655</v>
      </c>
      <c r="Q3068">
        <v>1</v>
      </c>
      <c r="R3068" t="s">
        <v>656</v>
      </c>
      <c r="S3068">
        <v>2</v>
      </c>
      <c r="T3068" t="s">
        <v>657</v>
      </c>
      <c r="U3068">
        <v>7</v>
      </c>
      <c r="V3068">
        <v>2</v>
      </c>
      <c r="W3068">
        <v>120</v>
      </c>
      <c r="X3068">
        <v>2020</v>
      </c>
    </row>
    <row r="3069" spans="1:24" x14ac:dyDescent="0.25">
      <c r="A3069">
        <v>8215</v>
      </c>
      <c r="B3069" t="s">
        <v>204</v>
      </c>
      <c r="C3069">
        <v>45</v>
      </c>
      <c r="D3069" t="s">
        <v>354</v>
      </c>
      <c r="E3069">
        <v>605</v>
      </c>
      <c r="F3069" t="s">
        <v>651</v>
      </c>
      <c r="G3069">
        <v>160</v>
      </c>
      <c r="H3069" t="s">
        <v>666</v>
      </c>
      <c r="I3069">
        <v>8767</v>
      </c>
      <c r="J3069" t="s">
        <v>679</v>
      </c>
      <c r="K3069">
        <v>32</v>
      </c>
      <c r="L3069" t="s">
        <v>1745</v>
      </c>
      <c r="M3069">
        <v>2531</v>
      </c>
      <c r="N3069" t="s">
        <v>654</v>
      </c>
      <c r="O3069">
        <v>3</v>
      </c>
      <c r="P3069" t="s">
        <v>655</v>
      </c>
      <c r="Q3069">
        <v>1</v>
      </c>
      <c r="R3069" t="s">
        <v>656</v>
      </c>
      <c r="S3069">
        <v>2</v>
      </c>
      <c r="T3069" t="s">
        <v>657</v>
      </c>
      <c r="U3069">
        <v>7</v>
      </c>
      <c r="V3069">
        <v>2</v>
      </c>
      <c r="W3069">
        <v>120</v>
      </c>
      <c r="X3069">
        <v>2020</v>
      </c>
    </row>
    <row r="3070" spans="1:24" x14ac:dyDescent="0.25">
      <c r="A3070">
        <v>8214</v>
      </c>
      <c r="B3070" t="s">
        <v>204</v>
      </c>
      <c r="C3070">
        <v>45</v>
      </c>
      <c r="D3070" t="s">
        <v>354</v>
      </c>
      <c r="E3070">
        <v>605</v>
      </c>
      <c r="F3070" t="s">
        <v>651</v>
      </c>
      <c r="G3070">
        <v>160</v>
      </c>
      <c r="H3070" t="s">
        <v>666</v>
      </c>
      <c r="I3070">
        <v>8767</v>
      </c>
      <c r="J3070" t="s">
        <v>679</v>
      </c>
      <c r="K3070">
        <v>32</v>
      </c>
      <c r="L3070" t="s">
        <v>2333</v>
      </c>
      <c r="M3070">
        <v>2530</v>
      </c>
      <c r="N3070" t="s">
        <v>654</v>
      </c>
      <c r="O3070">
        <v>3</v>
      </c>
      <c r="P3070" t="s">
        <v>655</v>
      </c>
      <c r="Q3070">
        <v>1</v>
      </c>
      <c r="R3070" t="s">
        <v>656</v>
      </c>
      <c r="S3070">
        <v>2</v>
      </c>
      <c r="T3070" t="s">
        <v>657</v>
      </c>
      <c r="U3070">
        <v>7</v>
      </c>
      <c r="V3070">
        <v>2</v>
      </c>
      <c r="W3070">
        <v>120</v>
      </c>
      <c r="X3070">
        <v>2020</v>
      </c>
    </row>
    <row r="3071" spans="1:24" x14ac:dyDescent="0.25">
      <c r="A3071">
        <v>8213</v>
      </c>
      <c r="B3071" t="s">
        <v>204</v>
      </c>
      <c r="C3071">
        <v>45</v>
      </c>
      <c r="D3071" t="s">
        <v>354</v>
      </c>
      <c r="E3071">
        <v>605</v>
      </c>
      <c r="F3071" t="s">
        <v>651</v>
      </c>
      <c r="G3071">
        <v>160</v>
      </c>
      <c r="H3071" t="s">
        <v>666</v>
      </c>
      <c r="I3071">
        <v>8767</v>
      </c>
      <c r="J3071" t="s">
        <v>679</v>
      </c>
      <c r="K3071">
        <v>32</v>
      </c>
      <c r="L3071" t="s">
        <v>2334</v>
      </c>
      <c r="M3071">
        <v>1092</v>
      </c>
      <c r="N3071" t="s">
        <v>654</v>
      </c>
      <c r="O3071">
        <v>3</v>
      </c>
      <c r="P3071" t="s">
        <v>655</v>
      </c>
      <c r="Q3071">
        <v>1</v>
      </c>
      <c r="R3071" t="s">
        <v>656</v>
      </c>
      <c r="S3071">
        <v>2</v>
      </c>
      <c r="T3071" t="s">
        <v>657</v>
      </c>
      <c r="U3071">
        <v>7</v>
      </c>
      <c r="V3071">
        <v>2</v>
      </c>
      <c r="W3071">
        <v>120</v>
      </c>
      <c r="X3071">
        <v>2020</v>
      </c>
    </row>
    <row r="3072" spans="1:24" x14ac:dyDescent="0.25">
      <c r="A3072">
        <v>8212</v>
      </c>
      <c r="B3072" t="s">
        <v>204</v>
      </c>
      <c r="C3072">
        <v>45</v>
      </c>
      <c r="D3072" t="s">
        <v>354</v>
      </c>
      <c r="E3072">
        <v>605</v>
      </c>
      <c r="F3072" t="s">
        <v>651</v>
      </c>
      <c r="G3072">
        <v>160</v>
      </c>
      <c r="H3072" t="s">
        <v>666</v>
      </c>
      <c r="I3072">
        <v>8767</v>
      </c>
      <c r="J3072" t="s">
        <v>679</v>
      </c>
      <c r="K3072">
        <v>32</v>
      </c>
      <c r="L3072" t="s">
        <v>2335</v>
      </c>
      <c r="M3072">
        <v>2529</v>
      </c>
      <c r="N3072" t="s">
        <v>654</v>
      </c>
      <c r="O3072">
        <v>3</v>
      </c>
      <c r="P3072" t="s">
        <v>655</v>
      </c>
      <c r="Q3072">
        <v>1</v>
      </c>
      <c r="R3072" t="s">
        <v>656</v>
      </c>
      <c r="S3072">
        <v>2</v>
      </c>
      <c r="T3072" t="s">
        <v>657</v>
      </c>
      <c r="U3072">
        <v>7</v>
      </c>
      <c r="V3072">
        <v>2</v>
      </c>
      <c r="W3072">
        <v>120</v>
      </c>
      <c r="X3072">
        <v>2020</v>
      </c>
    </row>
    <row r="3073" spans="1:24" x14ac:dyDescent="0.25">
      <c r="A3073">
        <v>8211</v>
      </c>
      <c r="B3073" t="s">
        <v>204</v>
      </c>
      <c r="C3073">
        <v>45</v>
      </c>
      <c r="D3073" t="s">
        <v>354</v>
      </c>
      <c r="E3073">
        <v>605</v>
      </c>
      <c r="F3073" t="s">
        <v>651</v>
      </c>
      <c r="G3073">
        <v>160</v>
      </c>
      <c r="H3073" t="s">
        <v>666</v>
      </c>
      <c r="I3073">
        <v>8767</v>
      </c>
      <c r="J3073" t="s">
        <v>679</v>
      </c>
      <c r="K3073">
        <v>32</v>
      </c>
      <c r="L3073" t="s">
        <v>2336</v>
      </c>
      <c r="M3073">
        <v>2528</v>
      </c>
      <c r="N3073" t="s">
        <v>654</v>
      </c>
      <c r="O3073">
        <v>3</v>
      </c>
      <c r="P3073" t="s">
        <v>655</v>
      </c>
      <c r="Q3073">
        <v>1</v>
      </c>
      <c r="R3073" t="s">
        <v>656</v>
      </c>
      <c r="S3073">
        <v>2</v>
      </c>
      <c r="T3073" t="s">
        <v>657</v>
      </c>
      <c r="U3073">
        <v>7</v>
      </c>
      <c r="V3073">
        <v>2</v>
      </c>
      <c r="W3073">
        <v>120</v>
      </c>
      <c r="X3073">
        <v>2020</v>
      </c>
    </row>
    <row r="3074" spans="1:24" x14ac:dyDescent="0.25">
      <c r="A3074">
        <v>8210</v>
      </c>
      <c r="B3074" t="s">
        <v>204</v>
      </c>
      <c r="C3074">
        <v>45</v>
      </c>
      <c r="D3074" t="s">
        <v>354</v>
      </c>
      <c r="E3074">
        <v>605</v>
      </c>
      <c r="F3074" t="s">
        <v>651</v>
      </c>
      <c r="G3074">
        <v>160</v>
      </c>
      <c r="H3074" t="s">
        <v>666</v>
      </c>
      <c r="I3074">
        <v>8767</v>
      </c>
      <c r="J3074" t="s">
        <v>679</v>
      </c>
      <c r="K3074">
        <v>32</v>
      </c>
      <c r="L3074" t="s">
        <v>2337</v>
      </c>
      <c r="M3074">
        <v>1087</v>
      </c>
      <c r="N3074" t="s">
        <v>654</v>
      </c>
      <c r="O3074">
        <v>3</v>
      </c>
      <c r="P3074" t="s">
        <v>655</v>
      </c>
      <c r="Q3074">
        <v>1</v>
      </c>
      <c r="R3074" t="s">
        <v>656</v>
      </c>
      <c r="S3074">
        <v>2</v>
      </c>
      <c r="T3074" t="s">
        <v>657</v>
      </c>
      <c r="U3074">
        <v>7</v>
      </c>
      <c r="V3074">
        <v>2</v>
      </c>
      <c r="W3074">
        <v>120</v>
      </c>
      <c r="X3074">
        <v>2020</v>
      </c>
    </row>
    <row r="3075" spans="1:24" x14ac:dyDescent="0.25">
      <c r="A3075">
        <v>8209</v>
      </c>
      <c r="B3075" t="s">
        <v>204</v>
      </c>
      <c r="C3075">
        <v>45</v>
      </c>
      <c r="D3075" t="s">
        <v>355</v>
      </c>
      <c r="E3075">
        <v>604</v>
      </c>
      <c r="F3075" t="s">
        <v>651</v>
      </c>
      <c r="G3075">
        <v>160</v>
      </c>
      <c r="H3075" t="s">
        <v>666</v>
      </c>
      <c r="I3075">
        <v>8767</v>
      </c>
      <c r="J3075" t="s">
        <v>679</v>
      </c>
      <c r="K3075">
        <v>32</v>
      </c>
      <c r="L3075" t="s">
        <v>2333</v>
      </c>
      <c r="M3075">
        <v>2530</v>
      </c>
      <c r="N3075" t="s">
        <v>654</v>
      </c>
      <c r="O3075">
        <v>3</v>
      </c>
      <c r="P3075" t="s">
        <v>655</v>
      </c>
      <c r="Q3075">
        <v>1</v>
      </c>
      <c r="R3075" t="s">
        <v>656</v>
      </c>
      <c r="S3075">
        <v>2</v>
      </c>
      <c r="T3075" t="s">
        <v>661</v>
      </c>
      <c r="U3075">
        <v>8</v>
      </c>
      <c r="V3075">
        <v>2</v>
      </c>
      <c r="W3075">
        <v>120</v>
      </c>
      <c r="X3075">
        <v>2020</v>
      </c>
    </row>
    <row r="3076" spans="1:24" x14ac:dyDescent="0.25">
      <c r="A3076">
        <v>8208</v>
      </c>
      <c r="B3076" t="s">
        <v>204</v>
      </c>
      <c r="C3076">
        <v>45</v>
      </c>
      <c r="D3076" t="s">
        <v>355</v>
      </c>
      <c r="E3076">
        <v>604</v>
      </c>
      <c r="F3076" t="s">
        <v>651</v>
      </c>
      <c r="G3076">
        <v>160</v>
      </c>
      <c r="H3076" t="s">
        <v>666</v>
      </c>
      <c r="I3076">
        <v>8767</v>
      </c>
      <c r="J3076" t="s">
        <v>679</v>
      </c>
      <c r="K3076">
        <v>32</v>
      </c>
      <c r="L3076" t="s">
        <v>2334</v>
      </c>
      <c r="M3076">
        <v>1092</v>
      </c>
      <c r="N3076" t="s">
        <v>654</v>
      </c>
      <c r="O3076">
        <v>3</v>
      </c>
      <c r="P3076" t="s">
        <v>655</v>
      </c>
      <c r="Q3076">
        <v>1</v>
      </c>
      <c r="R3076" t="s">
        <v>656</v>
      </c>
      <c r="S3076">
        <v>2</v>
      </c>
      <c r="T3076" t="s">
        <v>661</v>
      </c>
      <c r="U3076">
        <v>8</v>
      </c>
      <c r="V3076">
        <v>2</v>
      </c>
      <c r="W3076">
        <v>120</v>
      </c>
      <c r="X3076">
        <v>2020</v>
      </c>
    </row>
    <row r="3077" spans="1:24" x14ac:dyDescent="0.25">
      <c r="A3077">
        <v>8207</v>
      </c>
      <c r="B3077" t="s">
        <v>204</v>
      </c>
      <c r="C3077">
        <v>45</v>
      </c>
      <c r="D3077" t="s">
        <v>355</v>
      </c>
      <c r="E3077">
        <v>604</v>
      </c>
      <c r="F3077" t="s">
        <v>651</v>
      </c>
      <c r="G3077">
        <v>160</v>
      </c>
      <c r="H3077" t="s">
        <v>666</v>
      </c>
      <c r="I3077">
        <v>8767</v>
      </c>
      <c r="J3077" t="s">
        <v>679</v>
      </c>
      <c r="K3077">
        <v>32</v>
      </c>
      <c r="L3077" t="s">
        <v>2335</v>
      </c>
      <c r="M3077">
        <v>2529</v>
      </c>
      <c r="N3077" t="s">
        <v>654</v>
      </c>
      <c r="O3077">
        <v>3</v>
      </c>
      <c r="P3077" t="s">
        <v>655</v>
      </c>
      <c r="Q3077">
        <v>1</v>
      </c>
      <c r="R3077" t="s">
        <v>656</v>
      </c>
      <c r="S3077">
        <v>2</v>
      </c>
      <c r="T3077" t="s">
        <v>661</v>
      </c>
      <c r="U3077">
        <v>8</v>
      </c>
      <c r="V3077">
        <v>2</v>
      </c>
      <c r="W3077">
        <v>120</v>
      </c>
      <c r="X3077">
        <v>2020</v>
      </c>
    </row>
    <row r="3078" spans="1:24" x14ac:dyDescent="0.25">
      <c r="A3078">
        <v>8206</v>
      </c>
      <c r="B3078" t="s">
        <v>204</v>
      </c>
      <c r="C3078">
        <v>45</v>
      </c>
      <c r="D3078" t="s">
        <v>355</v>
      </c>
      <c r="E3078">
        <v>604</v>
      </c>
      <c r="F3078" t="s">
        <v>651</v>
      </c>
      <c r="G3078">
        <v>160</v>
      </c>
      <c r="H3078" t="s">
        <v>666</v>
      </c>
      <c r="I3078">
        <v>8767</v>
      </c>
      <c r="J3078" t="s">
        <v>679</v>
      </c>
      <c r="K3078">
        <v>32</v>
      </c>
      <c r="L3078" t="s">
        <v>2336</v>
      </c>
      <c r="M3078">
        <v>2528</v>
      </c>
      <c r="N3078" t="s">
        <v>654</v>
      </c>
      <c r="O3078">
        <v>3</v>
      </c>
      <c r="P3078" t="s">
        <v>655</v>
      </c>
      <c r="Q3078">
        <v>1</v>
      </c>
      <c r="R3078" t="s">
        <v>656</v>
      </c>
      <c r="S3078">
        <v>2</v>
      </c>
      <c r="T3078" t="s">
        <v>661</v>
      </c>
      <c r="U3078">
        <v>8</v>
      </c>
      <c r="V3078">
        <v>2</v>
      </c>
      <c r="W3078">
        <v>120</v>
      </c>
      <c r="X3078">
        <v>2020</v>
      </c>
    </row>
    <row r="3079" spans="1:24" x14ac:dyDescent="0.25">
      <c r="A3079">
        <v>8205</v>
      </c>
      <c r="B3079" t="s">
        <v>204</v>
      </c>
      <c r="C3079">
        <v>45</v>
      </c>
      <c r="D3079" t="s">
        <v>355</v>
      </c>
      <c r="E3079">
        <v>604</v>
      </c>
      <c r="F3079" t="s">
        <v>651</v>
      </c>
      <c r="G3079">
        <v>160</v>
      </c>
      <c r="H3079" t="s">
        <v>666</v>
      </c>
      <c r="I3079">
        <v>8767</v>
      </c>
      <c r="J3079" t="s">
        <v>679</v>
      </c>
      <c r="K3079">
        <v>32</v>
      </c>
      <c r="L3079" t="s">
        <v>2337</v>
      </c>
      <c r="M3079">
        <v>1087</v>
      </c>
      <c r="N3079" t="s">
        <v>654</v>
      </c>
      <c r="O3079">
        <v>3</v>
      </c>
      <c r="P3079" t="s">
        <v>655</v>
      </c>
      <c r="Q3079">
        <v>1</v>
      </c>
      <c r="R3079" t="s">
        <v>656</v>
      </c>
      <c r="S3079">
        <v>2</v>
      </c>
      <c r="T3079" t="s">
        <v>661</v>
      </c>
      <c r="U3079">
        <v>8</v>
      </c>
      <c r="V3079">
        <v>2</v>
      </c>
      <c r="W3079">
        <v>120</v>
      </c>
      <c r="X3079">
        <v>2020</v>
      </c>
    </row>
    <row r="3080" spans="1:24" x14ac:dyDescent="0.25">
      <c r="A3080">
        <v>8204</v>
      </c>
      <c r="B3080" t="s">
        <v>26</v>
      </c>
      <c r="C3080">
        <v>44</v>
      </c>
      <c r="D3080" t="s">
        <v>54</v>
      </c>
      <c r="E3080">
        <v>335</v>
      </c>
      <c r="F3080" t="s">
        <v>651</v>
      </c>
      <c r="G3080">
        <v>160</v>
      </c>
      <c r="H3080" t="s">
        <v>666</v>
      </c>
      <c r="I3080">
        <v>8767</v>
      </c>
      <c r="J3080" t="s">
        <v>752</v>
      </c>
      <c r="K3080">
        <v>90</v>
      </c>
      <c r="L3080" t="s">
        <v>2338</v>
      </c>
      <c r="M3080">
        <v>2527</v>
      </c>
      <c r="N3080" t="s">
        <v>654</v>
      </c>
      <c r="O3080">
        <v>3</v>
      </c>
      <c r="P3080" t="s">
        <v>655</v>
      </c>
      <c r="Q3080">
        <v>1</v>
      </c>
      <c r="R3080" t="s">
        <v>656</v>
      </c>
      <c r="S3080">
        <v>2</v>
      </c>
      <c r="T3080" t="s">
        <v>661</v>
      </c>
      <c r="U3080">
        <v>8</v>
      </c>
      <c r="V3080">
        <v>2</v>
      </c>
      <c r="W3080">
        <v>120</v>
      </c>
      <c r="X3080">
        <v>2020</v>
      </c>
    </row>
    <row r="3081" spans="1:24" x14ac:dyDescent="0.25">
      <c r="A3081">
        <v>8202</v>
      </c>
      <c r="B3081" t="s">
        <v>26</v>
      </c>
      <c r="C3081">
        <v>44</v>
      </c>
      <c r="D3081" t="s">
        <v>321</v>
      </c>
      <c r="E3081">
        <v>336</v>
      </c>
      <c r="F3081" t="s">
        <v>651</v>
      </c>
      <c r="G3081">
        <v>160</v>
      </c>
      <c r="H3081" t="s">
        <v>666</v>
      </c>
      <c r="I3081">
        <v>8767</v>
      </c>
      <c r="J3081" t="s">
        <v>878</v>
      </c>
      <c r="K3081">
        <v>91</v>
      </c>
      <c r="L3081" t="s">
        <v>2339</v>
      </c>
      <c r="M3081">
        <v>2525</v>
      </c>
      <c r="N3081" t="s">
        <v>654</v>
      </c>
      <c r="O3081">
        <v>3</v>
      </c>
      <c r="P3081" t="s">
        <v>655</v>
      </c>
      <c r="Q3081">
        <v>1</v>
      </c>
      <c r="R3081" t="s">
        <v>656</v>
      </c>
      <c r="S3081">
        <v>2</v>
      </c>
      <c r="T3081" t="s">
        <v>657</v>
      </c>
      <c r="U3081">
        <v>7</v>
      </c>
      <c r="V3081">
        <v>1</v>
      </c>
      <c r="W3081">
        <v>60</v>
      </c>
      <c r="X3081">
        <v>2020</v>
      </c>
    </row>
    <row r="3082" spans="1:24" x14ac:dyDescent="0.25">
      <c r="A3082">
        <v>8201</v>
      </c>
      <c r="B3082" t="s">
        <v>26</v>
      </c>
      <c r="C3082">
        <v>44</v>
      </c>
      <c r="D3082" t="s">
        <v>321</v>
      </c>
      <c r="E3082">
        <v>336</v>
      </c>
      <c r="F3082" t="s">
        <v>651</v>
      </c>
      <c r="G3082">
        <v>160</v>
      </c>
      <c r="H3082" t="s">
        <v>666</v>
      </c>
      <c r="I3082">
        <v>8767</v>
      </c>
      <c r="J3082" t="s">
        <v>878</v>
      </c>
      <c r="K3082">
        <v>91</v>
      </c>
      <c r="L3082" t="s">
        <v>2340</v>
      </c>
      <c r="M3082">
        <v>2524</v>
      </c>
      <c r="N3082" t="s">
        <v>654</v>
      </c>
      <c r="O3082">
        <v>3</v>
      </c>
      <c r="P3082" t="s">
        <v>655</v>
      </c>
      <c r="Q3082">
        <v>1</v>
      </c>
      <c r="R3082" t="s">
        <v>656</v>
      </c>
      <c r="S3082">
        <v>2</v>
      </c>
      <c r="T3082" t="s">
        <v>661</v>
      </c>
      <c r="U3082">
        <v>8</v>
      </c>
      <c r="V3082">
        <v>1</v>
      </c>
      <c r="W3082">
        <v>60</v>
      </c>
      <c r="X3082">
        <v>2020</v>
      </c>
    </row>
    <row r="3083" spans="1:24" x14ac:dyDescent="0.25">
      <c r="A3083">
        <v>8200</v>
      </c>
      <c r="B3083" t="s">
        <v>26</v>
      </c>
      <c r="C3083">
        <v>44</v>
      </c>
      <c r="D3083" t="s">
        <v>322</v>
      </c>
      <c r="E3083">
        <v>334</v>
      </c>
      <c r="F3083" t="s">
        <v>651</v>
      </c>
      <c r="G3083">
        <v>160</v>
      </c>
      <c r="H3083" t="s">
        <v>666</v>
      </c>
      <c r="I3083">
        <v>8767</v>
      </c>
      <c r="J3083" t="s">
        <v>839</v>
      </c>
      <c r="K3083">
        <v>89</v>
      </c>
      <c r="L3083" t="s">
        <v>2341</v>
      </c>
      <c r="M3083">
        <v>2523</v>
      </c>
      <c r="N3083" t="s">
        <v>654</v>
      </c>
      <c r="O3083">
        <v>3</v>
      </c>
      <c r="P3083" t="s">
        <v>655</v>
      </c>
      <c r="Q3083">
        <v>1</v>
      </c>
      <c r="R3083" t="s">
        <v>656</v>
      </c>
      <c r="S3083">
        <v>2</v>
      </c>
      <c r="T3083" t="s">
        <v>661</v>
      </c>
      <c r="U3083">
        <v>8</v>
      </c>
      <c r="V3083">
        <v>1</v>
      </c>
      <c r="W3083">
        <v>60</v>
      </c>
      <c r="X3083">
        <v>2020</v>
      </c>
    </row>
    <row r="3084" spans="1:24" x14ac:dyDescent="0.25">
      <c r="A3084">
        <v>8199</v>
      </c>
      <c r="B3084" t="s">
        <v>26</v>
      </c>
      <c r="C3084">
        <v>44</v>
      </c>
      <c r="D3084" t="s">
        <v>322</v>
      </c>
      <c r="E3084">
        <v>334</v>
      </c>
      <c r="F3084" t="s">
        <v>651</v>
      </c>
      <c r="G3084">
        <v>160</v>
      </c>
      <c r="H3084" t="s">
        <v>666</v>
      </c>
      <c r="I3084">
        <v>8767</v>
      </c>
      <c r="J3084" t="s">
        <v>839</v>
      </c>
      <c r="K3084">
        <v>89</v>
      </c>
      <c r="L3084" t="s">
        <v>2342</v>
      </c>
      <c r="M3084">
        <v>2522</v>
      </c>
      <c r="N3084" t="s">
        <v>654</v>
      </c>
      <c r="O3084">
        <v>3</v>
      </c>
      <c r="P3084" t="s">
        <v>655</v>
      </c>
      <c r="Q3084">
        <v>1</v>
      </c>
      <c r="R3084" t="s">
        <v>656</v>
      </c>
      <c r="S3084">
        <v>2</v>
      </c>
      <c r="T3084" t="s">
        <v>661</v>
      </c>
      <c r="U3084">
        <v>8</v>
      </c>
      <c r="V3084">
        <v>2</v>
      </c>
      <c r="W3084">
        <v>120</v>
      </c>
      <c r="X3084">
        <v>2020</v>
      </c>
    </row>
    <row r="3085" spans="1:24" x14ac:dyDescent="0.25">
      <c r="A3085">
        <v>8198</v>
      </c>
      <c r="B3085" t="s">
        <v>26</v>
      </c>
      <c r="C3085">
        <v>44</v>
      </c>
      <c r="D3085" t="s">
        <v>322</v>
      </c>
      <c r="E3085">
        <v>334</v>
      </c>
      <c r="F3085" t="s">
        <v>651</v>
      </c>
      <c r="G3085">
        <v>160</v>
      </c>
      <c r="H3085" t="s">
        <v>666</v>
      </c>
      <c r="I3085">
        <v>8767</v>
      </c>
      <c r="J3085" t="s">
        <v>839</v>
      </c>
      <c r="K3085">
        <v>89</v>
      </c>
      <c r="L3085" t="s">
        <v>2343</v>
      </c>
      <c r="M3085">
        <v>2521</v>
      </c>
      <c r="N3085" t="s">
        <v>654</v>
      </c>
      <c r="O3085">
        <v>3</v>
      </c>
      <c r="P3085" t="s">
        <v>655</v>
      </c>
      <c r="Q3085">
        <v>1</v>
      </c>
      <c r="R3085" t="s">
        <v>656</v>
      </c>
      <c r="S3085">
        <v>2</v>
      </c>
      <c r="T3085" t="s">
        <v>661</v>
      </c>
      <c r="U3085">
        <v>8</v>
      </c>
      <c r="V3085">
        <v>2</v>
      </c>
      <c r="W3085">
        <v>120</v>
      </c>
      <c r="X3085">
        <v>2020</v>
      </c>
    </row>
    <row r="3086" spans="1:24" x14ac:dyDescent="0.25">
      <c r="A3086">
        <v>8197</v>
      </c>
      <c r="B3086" t="s">
        <v>26</v>
      </c>
      <c r="C3086">
        <v>44</v>
      </c>
      <c r="D3086" t="s">
        <v>322</v>
      </c>
      <c r="E3086">
        <v>334</v>
      </c>
      <c r="F3086" t="s">
        <v>651</v>
      </c>
      <c r="G3086">
        <v>160</v>
      </c>
      <c r="H3086" t="s">
        <v>666</v>
      </c>
      <c r="I3086">
        <v>8767</v>
      </c>
      <c r="J3086" t="s">
        <v>839</v>
      </c>
      <c r="K3086">
        <v>89</v>
      </c>
      <c r="L3086" t="s">
        <v>2171</v>
      </c>
      <c r="M3086">
        <v>2520</v>
      </c>
      <c r="N3086" t="s">
        <v>654</v>
      </c>
      <c r="O3086">
        <v>3</v>
      </c>
      <c r="P3086" t="s">
        <v>655</v>
      </c>
      <c r="Q3086">
        <v>1</v>
      </c>
      <c r="R3086" t="s">
        <v>656</v>
      </c>
      <c r="S3086">
        <v>2</v>
      </c>
      <c r="T3086" t="s">
        <v>661</v>
      </c>
      <c r="U3086">
        <v>8</v>
      </c>
      <c r="V3086">
        <v>2</v>
      </c>
      <c r="W3086">
        <v>120</v>
      </c>
      <c r="X3086">
        <v>2020</v>
      </c>
    </row>
    <row r="3087" spans="1:24" x14ac:dyDescent="0.25">
      <c r="A3087">
        <v>8196</v>
      </c>
      <c r="B3087" t="s">
        <v>26</v>
      </c>
      <c r="C3087">
        <v>44</v>
      </c>
      <c r="D3087" t="s">
        <v>322</v>
      </c>
      <c r="E3087">
        <v>334</v>
      </c>
      <c r="F3087" t="s">
        <v>651</v>
      </c>
      <c r="G3087">
        <v>160</v>
      </c>
      <c r="H3087" t="s">
        <v>666</v>
      </c>
      <c r="I3087">
        <v>8767</v>
      </c>
      <c r="J3087" t="s">
        <v>839</v>
      </c>
      <c r="K3087">
        <v>89</v>
      </c>
      <c r="L3087" t="s">
        <v>1747</v>
      </c>
      <c r="M3087">
        <v>1032</v>
      </c>
      <c r="N3087" t="s">
        <v>654</v>
      </c>
      <c r="O3087">
        <v>3</v>
      </c>
      <c r="P3087" t="s">
        <v>655</v>
      </c>
      <c r="Q3087">
        <v>1</v>
      </c>
      <c r="R3087" t="s">
        <v>656</v>
      </c>
      <c r="S3087">
        <v>2</v>
      </c>
      <c r="T3087" t="s">
        <v>661</v>
      </c>
      <c r="U3087">
        <v>8</v>
      </c>
      <c r="V3087">
        <v>1</v>
      </c>
      <c r="W3087">
        <v>60</v>
      </c>
      <c r="X3087">
        <v>2020</v>
      </c>
    </row>
    <row r="3088" spans="1:24" x14ac:dyDescent="0.25">
      <c r="A3088">
        <v>8194</v>
      </c>
      <c r="B3088" t="s">
        <v>26</v>
      </c>
      <c r="C3088">
        <v>44</v>
      </c>
      <c r="D3088" t="s">
        <v>473</v>
      </c>
      <c r="E3088">
        <v>333</v>
      </c>
      <c r="F3088" t="s">
        <v>651</v>
      </c>
      <c r="G3088">
        <v>160</v>
      </c>
      <c r="H3088" t="s">
        <v>666</v>
      </c>
      <c r="I3088">
        <v>8767</v>
      </c>
      <c r="J3088" t="s">
        <v>65</v>
      </c>
      <c r="K3088">
        <v>15</v>
      </c>
      <c r="L3088" t="s">
        <v>2344</v>
      </c>
      <c r="M3088">
        <v>2518</v>
      </c>
      <c r="N3088" t="s">
        <v>654</v>
      </c>
      <c r="O3088">
        <v>3</v>
      </c>
      <c r="P3088" t="s">
        <v>655</v>
      </c>
      <c r="Q3088">
        <v>1</v>
      </c>
      <c r="R3088" t="s">
        <v>656</v>
      </c>
      <c r="S3088">
        <v>2</v>
      </c>
      <c r="T3088" t="s">
        <v>661</v>
      </c>
      <c r="U3088">
        <v>8</v>
      </c>
      <c r="V3088">
        <v>1</v>
      </c>
      <c r="W3088">
        <v>60</v>
      </c>
      <c r="X3088">
        <v>2020</v>
      </c>
    </row>
    <row r="3089" spans="1:24" x14ac:dyDescent="0.25">
      <c r="A3089">
        <v>8193</v>
      </c>
      <c r="B3089" t="s">
        <v>26</v>
      </c>
      <c r="C3089">
        <v>44</v>
      </c>
      <c r="D3089" t="s">
        <v>473</v>
      </c>
      <c r="E3089">
        <v>333</v>
      </c>
      <c r="F3089" t="s">
        <v>651</v>
      </c>
      <c r="G3089">
        <v>160</v>
      </c>
      <c r="H3089" t="s">
        <v>666</v>
      </c>
      <c r="I3089">
        <v>8767</v>
      </c>
      <c r="J3089" t="s">
        <v>807</v>
      </c>
      <c r="K3089">
        <v>25</v>
      </c>
      <c r="L3089" t="s">
        <v>2345</v>
      </c>
      <c r="M3089">
        <v>2028</v>
      </c>
      <c r="N3089" t="s">
        <v>654</v>
      </c>
      <c r="O3089">
        <v>3</v>
      </c>
      <c r="P3089" t="s">
        <v>655</v>
      </c>
      <c r="Q3089">
        <v>1</v>
      </c>
      <c r="R3089" t="s">
        <v>656</v>
      </c>
      <c r="S3089">
        <v>2</v>
      </c>
      <c r="T3089" t="s">
        <v>661</v>
      </c>
      <c r="U3089">
        <v>8</v>
      </c>
      <c r="V3089">
        <v>2</v>
      </c>
      <c r="W3089">
        <v>120</v>
      </c>
      <c r="X3089">
        <v>2020</v>
      </c>
    </row>
    <row r="3090" spans="1:24" x14ac:dyDescent="0.25">
      <c r="A3090">
        <v>8192</v>
      </c>
      <c r="B3090" t="s">
        <v>26</v>
      </c>
      <c r="C3090">
        <v>44</v>
      </c>
      <c r="D3090" t="s">
        <v>473</v>
      </c>
      <c r="E3090">
        <v>333</v>
      </c>
      <c r="F3090" t="s">
        <v>651</v>
      </c>
      <c r="G3090">
        <v>160</v>
      </c>
      <c r="H3090" t="s">
        <v>666</v>
      </c>
      <c r="I3090">
        <v>8767</v>
      </c>
      <c r="J3090" t="s">
        <v>299</v>
      </c>
      <c r="K3090">
        <v>27</v>
      </c>
      <c r="L3090" t="s">
        <v>2346</v>
      </c>
      <c r="M3090">
        <v>1882</v>
      </c>
      <c r="N3090" t="s">
        <v>654</v>
      </c>
      <c r="O3090">
        <v>3</v>
      </c>
      <c r="P3090" t="s">
        <v>655</v>
      </c>
      <c r="Q3090">
        <v>1</v>
      </c>
      <c r="R3090" t="s">
        <v>656</v>
      </c>
      <c r="S3090">
        <v>2</v>
      </c>
      <c r="T3090" t="s">
        <v>661</v>
      </c>
      <c r="U3090">
        <v>8</v>
      </c>
      <c r="V3090">
        <v>2</v>
      </c>
      <c r="W3090">
        <v>120</v>
      </c>
      <c r="X3090">
        <v>2020</v>
      </c>
    </row>
    <row r="3091" spans="1:24" x14ac:dyDescent="0.25">
      <c r="A3091">
        <v>8190</v>
      </c>
      <c r="B3091" t="s">
        <v>26</v>
      </c>
      <c r="C3091">
        <v>44</v>
      </c>
      <c r="D3091" t="s">
        <v>473</v>
      </c>
      <c r="E3091">
        <v>333</v>
      </c>
      <c r="F3091" t="s">
        <v>651</v>
      </c>
      <c r="G3091">
        <v>160</v>
      </c>
      <c r="H3091" t="s">
        <v>666</v>
      </c>
      <c r="I3091">
        <v>8767</v>
      </c>
      <c r="J3091" t="s">
        <v>295</v>
      </c>
      <c r="K3091">
        <v>30</v>
      </c>
      <c r="L3091" t="s">
        <v>1955</v>
      </c>
      <c r="M3091">
        <v>917</v>
      </c>
      <c r="N3091" t="s">
        <v>654</v>
      </c>
      <c r="O3091">
        <v>3</v>
      </c>
      <c r="P3091" t="s">
        <v>655</v>
      </c>
      <c r="Q3091">
        <v>1</v>
      </c>
      <c r="R3091" t="s">
        <v>656</v>
      </c>
      <c r="S3091">
        <v>2</v>
      </c>
      <c r="T3091" t="s">
        <v>661</v>
      </c>
      <c r="U3091">
        <v>8</v>
      </c>
      <c r="V3091">
        <v>2</v>
      </c>
      <c r="W3091">
        <v>120</v>
      </c>
      <c r="X3091">
        <v>2020</v>
      </c>
    </row>
    <row r="3092" spans="1:24" x14ac:dyDescent="0.25">
      <c r="A3092">
        <v>8189</v>
      </c>
      <c r="B3092" t="s">
        <v>26</v>
      </c>
      <c r="C3092">
        <v>44</v>
      </c>
      <c r="D3092" t="s">
        <v>473</v>
      </c>
      <c r="E3092">
        <v>333</v>
      </c>
      <c r="F3092" t="s">
        <v>651</v>
      </c>
      <c r="G3092">
        <v>160</v>
      </c>
      <c r="H3092" t="s">
        <v>666</v>
      </c>
      <c r="I3092">
        <v>8767</v>
      </c>
      <c r="J3092" t="s">
        <v>295</v>
      </c>
      <c r="K3092">
        <v>30</v>
      </c>
      <c r="L3092" t="s">
        <v>1966</v>
      </c>
      <c r="M3092">
        <v>1029</v>
      </c>
      <c r="N3092" t="s">
        <v>654</v>
      </c>
      <c r="O3092">
        <v>3</v>
      </c>
      <c r="P3092" t="s">
        <v>655</v>
      </c>
      <c r="Q3092">
        <v>1</v>
      </c>
      <c r="R3092" t="s">
        <v>656</v>
      </c>
      <c r="S3092">
        <v>2</v>
      </c>
      <c r="T3092" t="s">
        <v>661</v>
      </c>
      <c r="U3092">
        <v>8</v>
      </c>
      <c r="V3092">
        <v>2</v>
      </c>
      <c r="W3092">
        <v>120</v>
      </c>
      <c r="X3092">
        <v>2020</v>
      </c>
    </row>
    <row r="3093" spans="1:24" x14ac:dyDescent="0.25">
      <c r="A3093">
        <v>8188</v>
      </c>
      <c r="B3093" t="s">
        <v>26</v>
      </c>
      <c r="C3093">
        <v>44</v>
      </c>
      <c r="D3093" t="s">
        <v>475</v>
      </c>
      <c r="E3093">
        <v>331</v>
      </c>
      <c r="F3093" t="s">
        <v>651</v>
      </c>
      <c r="G3093">
        <v>160</v>
      </c>
      <c r="H3093" t="s">
        <v>666</v>
      </c>
      <c r="I3093">
        <v>8767</v>
      </c>
      <c r="J3093" t="s">
        <v>676</v>
      </c>
      <c r="K3093">
        <v>4</v>
      </c>
      <c r="L3093" t="s">
        <v>2347</v>
      </c>
      <c r="M3093">
        <v>2516</v>
      </c>
      <c r="N3093" t="s">
        <v>654</v>
      </c>
      <c r="O3093">
        <v>3</v>
      </c>
      <c r="P3093" t="s">
        <v>655</v>
      </c>
      <c r="Q3093">
        <v>1</v>
      </c>
      <c r="R3093" t="s">
        <v>656</v>
      </c>
      <c r="S3093">
        <v>2</v>
      </c>
      <c r="T3093" t="s">
        <v>661</v>
      </c>
      <c r="U3093">
        <v>8</v>
      </c>
      <c r="V3093">
        <v>2</v>
      </c>
      <c r="W3093">
        <v>120</v>
      </c>
      <c r="X3093">
        <v>2020</v>
      </c>
    </row>
    <row r="3094" spans="1:24" x14ac:dyDescent="0.25">
      <c r="A3094">
        <v>8187</v>
      </c>
      <c r="B3094" t="s">
        <v>26</v>
      </c>
      <c r="C3094">
        <v>44</v>
      </c>
      <c r="D3094" t="s">
        <v>474</v>
      </c>
      <c r="E3094">
        <v>332</v>
      </c>
      <c r="F3094" t="s">
        <v>651</v>
      </c>
      <c r="G3094">
        <v>160</v>
      </c>
      <c r="H3094" t="s">
        <v>666</v>
      </c>
      <c r="I3094">
        <v>8767</v>
      </c>
      <c r="J3094" t="s">
        <v>802</v>
      </c>
      <c r="K3094">
        <v>12</v>
      </c>
      <c r="L3094" t="s">
        <v>2348</v>
      </c>
      <c r="M3094">
        <v>2515</v>
      </c>
      <c r="N3094" t="s">
        <v>654</v>
      </c>
      <c r="O3094">
        <v>3</v>
      </c>
      <c r="P3094" t="s">
        <v>655</v>
      </c>
      <c r="Q3094">
        <v>1</v>
      </c>
      <c r="R3094" t="s">
        <v>656</v>
      </c>
      <c r="S3094">
        <v>2</v>
      </c>
      <c r="T3094" t="s">
        <v>661</v>
      </c>
      <c r="U3094">
        <v>8</v>
      </c>
      <c r="V3094">
        <v>2</v>
      </c>
      <c r="W3094">
        <v>120</v>
      </c>
      <c r="X3094">
        <v>2020</v>
      </c>
    </row>
    <row r="3095" spans="1:24" x14ac:dyDescent="0.25">
      <c r="A3095">
        <v>8186</v>
      </c>
      <c r="B3095" t="s">
        <v>26</v>
      </c>
      <c r="C3095">
        <v>44</v>
      </c>
      <c r="D3095" t="s">
        <v>474</v>
      </c>
      <c r="E3095">
        <v>332</v>
      </c>
      <c r="F3095" t="s">
        <v>651</v>
      </c>
      <c r="G3095">
        <v>160</v>
      </c>
      <c r="H3095" t="s">
        <v>666</v>
      </c>
      <c r="I3095">
        <v>8767</v>
      </c>
      <c r="J3095" t="s">
        <v>802</v>
      </c>
      <c r="K3095">
        <v>12</v>
      </c>
      <c r="L3095" t="s">
        <v>2349</v>
      </c>
      <c r="M3095">
        <v>2514</v>
      </c>
      <c r="N3095" t="s">
        <v>654</v>
      </c>
      <c r="O3095">
        <v>3</v>
      </c>
      <c r="P3095" t="s">
        <v>655</v>
      </c>
      <c r="Q3095">
        <v>1</v>
      </c>
      <c r="R3095" t="s">
        <v>656</v>
      </c>
      <c r="S3095">
        <v>2</v>
      </c>
      <c r="T3095" t="s">
        <v>661</v>
      </c>
      <c r="U3095">
        <v>8</v>
      </c>
      <c r="V3095">
        <v>2</v>
      </c>
      <c r="W3095">
        <v>120</v>
      </c>
      <c r="X3095">
        <v>2020</v>
      </c>
    </row>
    <row r="3096" spans="1:24" x14ac:dyDescent="0.25">
      <c r="A3096">
        <v>8184</v>
      </c>
      <c r="B3096" t="s">
        <v>26</v>
      </c>
      <c r="C3096">
        <v>44</v>
      </c>
      <c r="D3096" t="s">
        <v>474</v>
      </c>
      <c r="E3096">
        <v>332</v>
      </c>
      <c r="F3096" t="s">
        <v>651</v>
      </c>
      <c r="G3096">
        <v>160</v>
      </c>
      <c r="H3096" t="s">
        <v>666</v>
      </c>
      <c r="I3096">
        <v>8767</v>
      </c>
      <c r="J3096" t="s">
        <v>663</v>
      </c>
      <c r="K3096">
        <v>99</v>
      </c>
      <c r="L3096" t="s">
        <v>2350</v>
      </c>
      <c r="M3096">
        <v>2512</v>
      </c>
      <c r="N3096" t="s">
        <v>654</v>
      </c>
      <c r="O3096">
        <v>3</v>
      </c>
      <c r="P3096" t="s">
        <v>655</v>
      </c>
      <c r="Q3096">
        <v>1</v>
      </c>
      <c r="R3096" t="s">
        <v>656</v>
      </c>
      <c r="S3096">
        <v>2</v>
      </c>
      <c r="T3096" t="s">
        <v>661</v>
      </c>
      <c r="U3096">
        <v>8</v>
      </c>
      <c r="V3096">
        <v>2</v>
      </c>
      <c r="W3096">
        <v>120</v>
      </c>
      <c r="X3096">
        <v>2020</v>
      </c>
    </row>
    <row r="3097" spans="1:24" x14ac:dyDescent="0.25">
      <c r="A3097">
        <v>8183</v>
      </c>
      <c r="B3097" t="s">
        <v>26</v>
      </c>
      <c r="C3097">
        <v>44</v>
      </c>
      <c r="D3097" t="s">
        <v>475</v>
      </c>
      <c r="E3097">
        <v>331</v>
      </c>
      <c r="F3097" t="s">
        <v>651</v>
      </c>
      <c r="G3097">
        <v>160</v>
      </c>
      <c r="H3097" t="s">
        <v>666</v>
      </c>
      <c r="I3097">
        <v>8767</v>
      </c>
      <c r="J3097" t="s">
        <v>693</v>
      </c>
      <c r="K3097">
        <v>56</v>
      </c>
      <c r="L3097" t="s">
        <v>2351</v>
      </c>
      <c r="M3097">
        <v>2511</v>
      </c>
      <c r="N3097" t="s">
        <v>654</v>
      </c>
      <c r="O3097">
        <v>3</v>
      </c>
      <c r="P3097" t="s">
        <v>655</v>
      </c>
      <c r="Q3097">
        <v>1</v>
      </c>
      <c r="R3097" t="s">
        <v>656</v>
      </c>
      <c r="S3097">
        <v>2</v>
      </c>
      <c r="T3097" t="s">
        <v>661</v>
      </c>
      <c r="U3097">
        <v>8</v>
      </c>
      <c r="V3097">
        <v>2</v>
      </c>
      <c r="W3097">
        <v>120</v>
      </c>
      <c r="X3097">
        <v>2020</v>
      </c>
    </row>
    <row r="3098" spans="1:24" x14ac:dyDescent="0.25">
      <c r="A3098">
        <v>8181</v>
      </c>
      <c r="B3098" t="s">
        <v>26</v>
      </c>
      <c r="C3098">
        <v>44</v>
      </c>
      <c r="D3098" t="s">
        <v>475</v>
      </c>
      <c r="E3098">
        <v>331</v>
      </c>
      <c r="F3098" t="s">
        <v>651</v>
      </c>
      <c r="G3098">
        <v>160</v>
      </c>
      <c r="H3098" t="s">
        <v>666</v>
      </c>
      <c r="I3098">
        <v>8767</v>
      </c>
      <c r="J3098" t="s">
        <v>730</v>
      </c>
      <c r="K3098">
        <v>66</v>
      </c>
      <c r="L3098" t="s">
        <v>2352</v>
      </c>
      <c r="M3098">
        <v>2509</v>
      </c>
      <c r="N3098" t="s">
        <v>654</v>
      </c>
      <c r="O3098">
        <v>3</v>
      </c>
      <c r="P3098" t="s">
        <v>746</v>
      </c>
      <c r="Q3098">
        <v>2</v>
      </c>
      <c r="R3098" t="s">
        <v>656</v>
      </c>
      <c r="S3098">
        <v>2</v>
      </c>
      <c r="T3098" t="s">
        <v>661</v>
      </c>
      <c r="U3098">
        <v>8</v>
      </c>
      <c r="V3098">
        <v>2</v>
      </c>
      <c r="W3098">
        <v>120</v>
      </c>
      <c r="X3098">
        <v>2020</v>
      </c>
    </row>
    <row r="3099" spans="1:24" x14ac:dyDescent="0.25">
      <c r="A3099">
        <v>8180</v>
      </c>
      <c r="B3099" t="s">
        <v>26</v>
      </c>
      <c r="C3099">
        <v>44</v>
      </c>
      <c r="D3099" t="s">
        <v>475</v>
      </c>
      <c r="E3099">
        <v>331</v>
      </c>
      <c r="F3099" t="s">
        <v>651</v>
      </c>
      <c r="G3099">
        <v>160</v>
      </c>
      <c r="H3099" t="s">
        <v>666</v>
      </c>
      <c r="I3099">
        <v>8767</v>
      </c>
      <c r="J3099" t="s">
        <v>730</v>
      </c>
      <c r="K3099">
        <v>66</v>
      </c>
      <c r="L3099" t="s">
        <v>2352</v>
      </c>
      <c r="M3099">
        <v>2509</v>
      </c>
      <c r="N3099" t="s">
        <v>654</v>
      </c>
      <c r="O3099">
        <v>3</v>
      </c>
      <c r="P3099" t="s">
        <v>655</v>
      </c>
      <c r="Q3099">
        <v>1</v>
      </c>
      <c r="R3099" t="s">
        <v>656</v>
      </c>
      <c r="S3099">
        <v>2</v>
      </c>
      <c r="T3099" t="s">
        <v>661</v>
      </c>
      <c r="U3099">
        <v>8</v>
      </c>
      <c r="V3099">
        <v>2</v>
      </c>
      <c r="W3099">
        <v>120</v>
      </c>
      <c r="X3099">
        <v>2020</v>
      </c>
    </row>
    <row r="3100" spans="1:24" x14ac:dyDescent="0.25">
      <c r="A3100">
        <v>8179</v>
      </c>
      <c r="B3100" t="s">
        <v>26</v>
      </c>
      <c r="C3100">
        <v>44</v>
      </c>
      <c r="D3100" t="s">
        <v>475</v>
      </c>
      <c r="E3100">
        <v>331</v>
      </c>
      <c r="F3100" t="s">
        <v>651</v>
      </c>
      <c r="G3100">
        <v>160</v>
      </c>
      <c r="H3100" t="s">
        <v>666</v>
      </c>
      <c r="I3100">
        <v>8767</v>
      </c>
      <c r="J3100" t="s">
        <v>797</v>
      </c>
      <c r="K3100">
        <v>65</v>
      </c>
      <c r="L3100" t="s">
        <v>2353</v>
      </c>
      <c r="M3100">
        <v>2508</v>
      </c>
      <c r="N3100" t="s">
        <v>654</v>
      </c>
      <c r="O3100">
        <v>3</v>
      </c>
      <c r="P3100" t="s">
        <v>655</v>
      </c>
      <c r="Q3100">
        <v>1</v>
      </c>
      <c r="R3100" t="s">
        <v>656</v>
      </c>
      <c r="S3100">
        <v>2</v>
      </c>
      <c r="T3100" t="s">
        <v>661</v>
      </c>
      <c r="U3100">
        <v>8</v>
      </c>
      <c r="V3100">
        <v>2</v>
      </c>
      <c r="W3100">
        <v>120</v>
      </c>
      <c r="X3100">
        <v>2020</v>
      </c>
    </row>
    <row r="3101" spans="1:24" x14ac:dyDescent="0.25">
      <c r="A3101">
        <v>8178</v>
      </c>
      <c r="B3101" t="s">
        <v>26</v>
      </c>
      <c r="C3101">
        <v>44</v>
      </c>
      <c r="D3101" t="s">
        <v>475</v>
      </c>
      <c r="E3101">
        <v>331</v>
      </c>
      <c r="F3101" t="s">
        <v>651</v>
      </c>
      <c r="G3101">
        <v>160</v>
      </c>
      <c r="H3101" t="s">
        <v>666</v>
      </c>
      <c r="I3101">
        <v>8767</v>
      </c>
      <c r="J3101" t="s">
        <v>695</v>
      </c>
      <c r="K3101">
        <v>54</v>
      </c>
      <c r="L3101" t="s">
        <v>2354</v>
      </c>
      <c r="M3101">
        <v>1947</v>
      </c>
      <c r="N3101" t="s">
        <v>654</v>
      </c>
      <c r="O3101">
        <v>3</v>
      </c>
      <c r="P3101" t="s">
        <v>655</v>
      </c>
      <c r="Q3101">
        <v>1</v>
      </c>
      <c r="R3101" t="s">
        <v>656</v>
      </c>
      <c r="S3101">
        <v>2</v>
      </c>
      <c r="T3101" t="s">
        <v>661</v>
      </c>
      <c r="U3101">
        <v>8</v>
      </c>
      <c r="V3101">
        <v>2</v>
      </c>
      <c r="W3101">
        <v>120</v>
      </c>
      <c r="X3101">
        <v>2020</v>
      </c>
    </row>
    <row r="3102" spans="1:24" x14ac:dyDescent="0.25">
      <c r="A3102">
        <v>8177</v>
      </c>
      <c r="B3102" t="s">
        <v>59</v>
      </c>
      <c r="C3102">
        <v>42</v>
      </c>
      <c r="D3102" t="s">
        <v>476</v>
      </c>
      <c r="E3102">
        <v>330</v>
      </c>
      <c r="F3102" t="s">
        <v>651</v>
      </c>
      <c r="G3102">
        <v>160</v>
      </c>
      <c r="H3102" t="s">
        <v>1060</v>
      </c>
      <c r="I3102">
        <v>6305</v>
      </c>
      <c r="J3102" t="s">
        <v>819</v>
      </c>
      <c r="K3102">
        <v>101</v>
      </c>
      <c r="L3102" t="s">
        <v>2355</v>
      </c>
      <c r="M3102">
        <v>2507</v>
      </c>
      <c r="N3102" t="s">
        <v>654</v>
      </c>
      <c r="O3102">
        <v>3</v>
      </c>
      <c r="P3102" t="s">
        <v>655</v>
      </c>
      <c r="Q3102">
        <v>1</v>
      </c>
      <c r="R3102" t="s">
        <v>656</v>
      </c>
      <c r="S3102">
        <v>2</v>
      </c>
      <c r="T3102" t="s">
        <v>661</v>
      </c>
      <c r="U3102">
        <v>8</v>
      </c>
      <c r="V3102">
        <v>2</v>
      </c>
      <c r="W3102">
        <v>120</v>
      </c>
      <c r="X3102">
        <v>2020</v>
      </c>
    </row>
    <row r="3103" spans="1:24" x14ac:dyDescent="0.25">
      <c r="A3103">
        <v>8172</v>
      </c>
      <c r="B3103" t="s">
        <v>59</v>
      </c>
      <c r="C3103">
        <v>42</v>
      </c>
      <c r="D3103" t="s">
        <v>477</v>
      </c>
      <c r="E3103">
        <v>326</v>
      </c>
      <c r="F3103" t="s">
        <v>651</v>
      </c>
      <c r="G3103">
        <v>160</v>
      </c>
      <c r="H3103" t="s">
        <v>1060</v>
      </c>
      <c r="I3103">
        <v>6305</v>
      </c>
      <c r="J3103" t="s">
        <v>797</v>
      </c>
      <c r="K3103">
        <v>65</v>
      </c>
      <c r="L3103" t="s">
        <v>2356</v>
      </c>
      <c r="M3103">
        <v>2503</v>
      </c>
      <c r="N3103" t="s">
        <v>654</v>
      </c>
      <c r="O3103">
        <v>3</v>
      </c>
      <c r="P3103" t="s">
        <v>655</v>
      </c>
      <c r="Q3103">
        <v>1</v>
      </c>
      <c r="R3103" t="s">
        <v>656</v>
      </c>
      <c r="S3103">
        <v>2</v>
      </c>
      <c r="T3103" t="s">
        <v>661</v>
      </c>
      <c r="U3103">
        <v>8</v>
      </c>
      <c r="V3103">
        <v>1.5</v>
      </c>
      <c r="W3103">
        <v>90</v>
      </c>
      <c r="X3103">
        <v>2020</v>
      </c>
    </row>
    <row r="3104" spans="1:24" x14ac:dyDescent="0.25">
      <c r="A3104">
        <v>8171</v>
      </c>
      <c r="B3104" t="s">
        <v>59</v>
      </c>
      <c r="C3104">
        <v>42</v>
      </c>
      <c r="D3104" t="s">
        <v>477</v>
      </c>
      <c r="E3104">
        <v>326</v>
      </c>
      <c r="F3104" t="s">
        <v>651</v>
      </c>
      <c r="G3104">
        <v>160</v>
      </c>
      <c r="H3104" t="s">
        <v>1060</v>
      </c>
      <c r="I3104">
        <v>6305</v>
      </c>
      <c r="J3104" t="s">
        <v>695</v>
      </c>
      <c r="K3104">
        <v>54</v>
      </c>
      <c r="L3104" t="s">
        <v>2357</v>
      </c>
      <c r="M3104">
        <v>2502</v>
      </c>
      <c r="N3104" t="s">
        <v>654</v>
      </c>
      <c r="O3104">
        <v>3</v>
      </c>
      <c r="P3104" t="s">
        <v>655</v>
      </c>
      <c r="Q3104">
        <v>1</v>
      </c>
      <c r="R3104" t="s">
        <v>656</v>
      </c>
      <c r="S3104">
        <v>2</v>
      </c>
      <c r="T3104" t="s">
        <v>661</v>
      </c>
      <c r="U3104">
        <v>8</v>
      </c>
      <c r="V3104">
        <v>1.5</v>
      </c>
      <c r="W3104">
        <v>90</v>
      </c>
      <c r="X3104">
        <v>2020</v>
      </c>
    </row>
    <row r="3105" spans="1:24" x14ac:dyDescent="0.25">
      <c r="A3105">
        <v>8170</v>
      </c>
      <c r="B3105" t="s">
        <v>59</v>
      </c>
      <c r="C3105">
        <v>42</v>
      </c>
      <c r="D3105" t="s">
        <v>58</v>
      </c>
      <c r="E3105">
        <v>1283</v>
      </c>
      <c r="F3105" t="s">
        <v>651</v>
      </c>
      <c r="G3105">
        <v>160</v>
      </c>
      <c r="H3105" t="s">
        <v>1060</v>
      </c>
      <c r="I3105">
        <v>6305</v>
      </c>
      <c r="J3105" t="s">
        <v>65</v>
      </c>
      <c r="K3105">
        <v>15</v>
      </c>
      <c r="L3105" t="s">
        <v>908</v>
      </c>
      <c r="M3105">
        <v>799</v>
      </c>
      <c r="N3105" t="s">
        <v>654</v>
      </c>
      <c r="O3105">
        <v>3</v>
      </c>
      <c r="P3105" t="s">
        <v>655</v>
      </c>
      <c r="Q3105">
        <v>1</v>
      </c>
      <c r="R3105" t="s">
        <v>656</v>
      </c>
      <c r="S3105">
        <v>2</v>
      </c>
      <c r="T3105" t="s">
        <v>661</v>
      </c>
      <c r="U3105">
        <v>8</v>
      </c>
      <c r="V3105">
        <v>1.5</v>
      </c>
      <c r="W3105">
        <v>90</v>
      </c>
      <c r="X3105">
        <v>2020</v>
      </c>
    </row>
    <row r="3106" spans="1:24" x14ac:dyDescent="0.25">
      <c r="A3106">
        <v>8168</v>
      </c>
      <c r="B3106" t="s">
        <v>59</v>
      </c>
      <c r="C3106">
        <v>42</v>
      </c>
      <c r="D3106" t="s">
        <v>58</v>
      </c>
      <c r="E3106">
        <v>1283</v>
      </c>
      <c r="F3106" t="s">
        <v>651</v>
      </c>
      <c r="G3106">
        <v>160</v>
      </c>
      <c r="H3106" t="s">
        <v>1060</v>
      </c>
      <c r="I3106">
        <v>6305</v>
      </c>
      <c r="J3106" t="s">
        <v>682</v>
      </c>
      <c r="K3106">
        <v>20</v>
      </c>
      <c r="L3106" t="s">
        <v>2358</v>
      </c>
      <c r="M3106">
        <v>985</v>
      </c>
      <c r="N3106" t="s">
        <v>654</v>
      </c>
      <c r="O3106">
        <v>3</v>
      </c>
      <c r="P3106" t="s">
        <v>655</v>
      </c>
      <c r="Q3106">
        <v>1</v>
      </c>
      <c r="R3106" t="s">
        <v>656</v>
      </c>
      <c r="S3106">
        <v>2</v>
      </c>
      <c r="T3106" t="s">
        <v>661</v>
      </c>
      <c r="U3106">
        <v>8</v>
      </c>
      <c r="V3106">
        <v>2</v>
      </c>
      <c r="W3106">
        <v>120</v>
      </c>
      <c r="X3106">
        <v>2020</v>
      </c>
    </row>
    <row r="3107" spans="1:24" x14ac:dyDescent="0.25">
      <c r="A3107">
        <v>8167</v>
      </c>
      <c r="B3107" t="s">
        <v>59</v>
      </c>
      <c r="C3107">
        <v>42</v>
      </c>
      <c r="D3107" t="s">
        <v>58</v>
      </c>
      <c r="E3107">
        <v>1283</v>
      </c>
      <c r="F3107" t="s">
        <v>651</v>
      </c>
      <c r="G3107">
        <v>160</v>
      </c>
      <c r="H3107" t="s">
        <v>1060</v>
      </c>
      <c r="I3107">
        <v>6305</v>
      </c>
      <c r="J3107" t="s">
        <v>682</v>
      </c>
      <c r="K3107">
        <v>20</v>
      </c>
      <c r="L3107" t="s">
        <v>2359</v>
      </c>
      <c r="M3107">
        <v>2500</v>
      </c>
      <c r="N3107" t="s">
        <v>654</v>
      </c>
      <c r="O3107">
        <v>3</v>
      </c>
      <c r="P3107" t="s">
        <v>655</v>
      </c>
      <c r="Q3107">
        <v>1</v>
      </c>
      <c r="R3107" t="s">
        <v>656</v>
      </c>
      <c r="S3107">
        <v>2</v>
      </c>
      <c r="T3107" t="s">
        <v>661</v>
      </c>
      <c r="U3107">
        <v>8</v>
      </c>
      <c r="V3107">
        <v>2</v>
      </c>
      <c r="W3107">
        <v>120</v>
      </c>
      <c r="X3107">
        <v>2020</v>
      </c>
    </row>
    <row r="3108" spans="1:24" x14ac:dyDescent="0.25">
      <c r="A3108">
        <v>8165</v>
      </c>
      <c r="B3108" t="s">
        <v>59</v>
      </c>
      <c r="C3108">
        <v>42</v>
      </c>
      <c r="D3108" t="s">
        <v>316</v>
      </c>
      <c r="E3108">
        <v>327</v>
      </c>
      <c r="F3108" t="s">
        <v>651</v>
      </c>
      <c r="G3108">
        <v>160</v>
      </c>
      <c r="H3108" t="s">
        <v>1060</v>
      </c>
      <c r="I3108">
        <v>6305</v>
      </c>
      <c r="J3108" t="s">
        <v>299</v>
      </c>
      <c r="K3108">
        <v>27</v>
      </c>
      <c r="L3108" t="s">
        <v>2360</v>
      </c>
      <c r="M3108">
        <v>2498</v>
      </c>
      <c r="N3108" t="s">
        <v>654</v>
      </c>
      <c r="O3108">
        <v>3</v>
      </c>
      <c r="P3108" t="s">
        <v>655</v>
      </c>
      <c r="Q3108">
        <v>1</v>
      </c>
      <c r="R3108" t="s">
        <v>656</v>
      </c>
      <c r="S3108">
        <v>2</v>
      </c>
      <c r="T3108" t="s">
        <v>661</v>
      </c>
      <c r="U3108">
        <v>8</v>
      </c>
      <c r="V3108">
        <v>2</v>
      </c>
      <c r="W3108">
        <v>120</v>
      </c>
      <c r="X3108">
        <v>2020</v>
      </c>
    </row>
    <row r="3109" spans="1:24" x14ac:dyDescent="0.25">
      <c r="A3109">
        <v>8163</v>
      </c>
      <c r="B3109" t="s">
        <v>59</v>
      </c>
      <c r="C3109">
        <v>42</v>
      </c>
      <c r="D3109" t="s">
        <v>316</v>
      </c>
      <c r="E3109">
        <v>327</v>
      </c>
      <c r="F3109" t="s">
        <v>651</v>
      </c>
      <c r="G3109">
        <v>160</v>
      </c>
      <c r="H3109" t="s">
        <v>1060</v>
      </c>
      <c r="I3109">
        <v>6305</v>
      </c>
      <c r="J3109" t="s">
        <v>807</v>
      </c>
      <c r="K3109">
        <v>25</v>
      </c>
      <c r="L3109" t="s">
        <v>2361</v>
      </c>
      <c r="M3109">
        <v>2496</v>
      </c>
      <c r="N3109" t="s">
        <v>654</v>
      </c>
      <c r="O3109">
        <v>3</v>
      </c>
      <c r="P3109" t="s">
        <v>655</v>
      </c>
      <c r="Q3109">
        <v>1</v>
      </c>
      <c r="R3109" t="s">
        <v>656</v>
      </c>
      <c r="S3109">
        <v>2</v>
      </c>
      <c r="T3109" t="s">
        <v>661</v>
      </c>
      <c r="U3109">
        <v>8</v>
      </c>
      <c r="V3109">
        <v>2</v>
      </c>
      <c r="W3109">
        <v>120</v>
      </c>
      <c r="X3109">
        <v>2020</v>
      </c>
    </row>
    <row r="3110" spans="1:24" x14ac:dyDescent="0.25">
      <c r="A3110">
        <v>8162</v>
      </c>
      <c r="B3110" t="s">
        <v>59</v>
      </c>
      <c r="C3110">
        <v>42</v>
      </c>
      <c r="D3110" t="s">
        <v>316</v>
      </c>
      <c r="E3110">
        <v>327</v>
      </c>
      <c r="F3110" t="s">
        <v>651</v>
      </c>
      <c r="G3110">
        <v>160</v>
      </c>
      <c r="H3110" t="s">
        <v>1060</v>
      </c>
      <c r="I3110">
        <v>6305</v>
      </c>
      <c r="J3110" t="s">
        <v>807</v>
      </c>
      <c r="K3110">
        <v>25</v>
      </c>
      <c r="L3110" t="s">
        <v>2362</v>
      </c>
      <c r="M3110">
        <v>1016</v>
      </c>
      <c r="N3110" t="s">
        <v>654</v>
      </c>
      <c r="O3110">
        <v>3</v>
      </c>
      <c r="P3110" t="s">
        <v>655</v>
      </c>
      <c r="Q3110">
        <v>1</v>
      </c>
      <c r="R3110" t="s">
        <v>656</v>
      </c>
      <c r="S3110">
        <v>2</v>
      </c>
      <c r="T3110" t="s">
        <v>661</v>
      </c>
      <c r="U3110">
        <v>8</v>
      </c>
      <c r="V3110">
        <v>2</v>
      </c>
      <c r="W3110">
        <v>120</v>
      </c>
      <c r="X3110">
        <v>2020</v>
      </c>
    </row>
    <row r="3111" spans="1:24" x14ac:dyDescent="0.25">
      <c r="A3111">
        <v>8160</v>
      </c>
      <c r="B3111" t="s">
        <v>59</v>
      </c>
      <c r="C3111">
        <v>42</v>
      </c>
      <c r="D3111" t="s">
        <v>316</v>
      </c>
      <c r="E3111">
        <v>327</v>
      </c>
      <c r="F3111" t="s">
        <v>651</v>
      </c>
      <c r="G3111">
        <v>160</v>
      </c>
      <c r="H3111" t="s">
        <v>1060</v>
      </c>
      <c r="I3111">
        <v>6305</v>
      </c>
      <c r="J3111" t="s">
        <v>295</v>
      </c>
      <c r="K3111">
        <v>30</v>
      </c>
      <c r="L3111" t="s">
        <v>653</v>
      </c>
      <c r="M3111">
        <v>1601</v>
      </c>
      <c r="N3111" t="s">
        <v>654</v>
      </c>
      <c r="O3111">
        <v>3</v>
      </c>
      <c r="P3111" t="s">
        <v>655</v>
      </c>
      <c r="Q3111">
        <v>1</v>
      </c>
      <c r="R3111" t="s">
        <v>656</v>
      </c>
      <c r="S3111">
        <v>2</v>
      </c>
      <c r="T3111" t="s">
        <v>661</v>
      </c>
      <c r="U3111">
        <v>8</v>
      </c>
      <c r="V3111">
        <v>2</v>
      </c>
      <c r="W3111">
        <v>120</v>
      </c>
      <c r="X3111">
        <v>2020</v>
      </c>
    </row>
    <row r="3112" spans="1:24" x14ac:dyDescent="0.25">
      <c r="A3112">
        <v>8157</v>
      </c>
      <c r="B3112" t="s">
        <v>59</v>
      </c>
      <c r="C3112">
        <v>42</v>
      </c>
      <c r="D3112" t="s">
        <v>316</v>
      </c>
      <c r="E3112">
        <v>327</v>
      </c>
      <c r="F3112" t="s">
        <v>651</v>
      </c>
      <c r="G3112">
        <v>160</v>
      </c>
      <c r="H3112" t="s">
        <v>1060</v>
      </c>
      <c r="I3112">
        <v>6305</v>
      </c>
      <c r="J3112" t="s">
        <v>301</v>
      </c>
      <c r="K3112">
        <v>26</v>
      </c>
      <c r="L3112" t="s">
        <v>2007</v>
      </c>
      <c r="M3112">
        <v>2415</v>
      </c>
      <c r="N3112" t="s">
        <v>654</v>
      </c>
      <c r="O3112">
        <v>3</v>
      </c>
      <c r="P3112" t="s">
        <v>655</v>
      </c>
      <c r="Q3112">
        <v>1</v>
      </c>
      <c r="R3112" t="s">
        <v>656</v>
      </c>
      <c r="S3112">
        <v>2</v>
      </c>
      <c r="T3112" t="s">
        <v>661</v>
      </c>
      <c r="U3112">
        <v>8</v>
      </c>
      <c r="V3112">
        <v>2</v>
      </c>
      <c r="W3112">
        <v>120</v>
      </c>
      <c r="X3112">
        <v>2020</v>
      </c>
    </row>
    <row r="3113" spans="1:24" x14ac:dyDescent="0.25">
      <c r="A3113">
        <v>8156</v>
      </c>
      <c r="B3113" t="s">
        <v>215</v>
      </c>
      <c r="C3113">
        <v>41</v>
      </c>
      <c r="D3113" t="s">
        <v>342</v>
      </c>
      <c r="E3113">
        <v>636</v>
      </c>
      <c r="F3113" t="s">
        <v>651</v>
      </c>
      <c r="G3113">
        <v>160</v>
      </c>
      <c r="H3113" t="s">
        <v>1207</v>
      </c>
      <c r="I3113">
        <v>5188</v>
      </c>
      <c r="J3113" t="s">
        <v>663</v>
      </c>
      <c r="K3113">
        <v>99</v>
      </c>
      <c r="L3113" t="s">
        <v>2363</v>
      </c>
      <c r="M3113">
        <v>2493</v>
      </c>
      <c r="N3113" t="s">
        <v>654</v>
      </c>
      <c r="O3113">
        <v>3</v>
      </c>
      <c r="P3113" t="s">
        <v>655</v>
      </c>
      <c r="Q3113">
        <v>1</v>
      </c>
      <c r="R3113" t="s">
        <v>656</v>
      </c>
      <c r="S3113">
        <v>2</v>
      </c>
      <c r="T3113" t="s">
        <v>661</v>
      </c>
      <c r="U3113">
        <v>8</v>
      </c>
      <c r="V3113">
        <v>2</v>
      </c>
      <c r="W3113">
        <v>120</v>
      </c>
      <c r="X3113">
        <v>2020</v>
      </c>
    </row>
    <row r="3114" spans="1:24" x14ac:dyDescent="0.25">
      <c r="A3114">
        <v>8155</v>
      </c>
      <c r="B3114" t="s">
        <v>215</v>
      </c>
      <c r="C3114">
        <v>41</v>
      </c>
      <c r="D3114" t="s">
        <v>478</v>
      </c>
      <c r="E3114">
        <v>325</v>
      </c>
      <c r="F3114" t="s">
        <v>651</v>
      </c>
      <c r="G3114">
        <v>160</v>
      </c>
      <c r="H3114" t="s">
        <v>1207</v>
      </c>
      <c r="I3114">
        <v>5188</v>
      </c>
      <c r="J3114" t="s">
        <v>880</v>
      </c>
      <c r="K3114">
        <v>58</v>
      </c>
      <c r="L3114" t="s">
        <v>2364</v>
      </c>
      <c r="M3114">
        <v>2492</v>
      </c>
      <c r="N3114" t="s">
        <v>654</v>
      </c>
      <c r="O3114">
        <v>3</v>
      </c>
      <c r="P3114" t="s">
        <v>655</v>
      </c>
      <c r="Q3114">
        <v>1</v>
      </c>
      <c r="R3114" t="s">
        <v>656</v>
      </c>
      <c r="S3114">
        <v>2</v>
      </c>
      <c r="T3114" t="s">
        <v>661</v>
      </c>
      <c r="U3114">
        <v>8</v>
      </c>
      <c r="V3114">
        <v>2</v>
      </c>
      <c r="W3114">
        <v>120</v>
      </c>
      <c r="X3114">
        <v>2020</v>
      </c>
    </row>
    <row r="3115" spans="1:24" x14ac:dyDescent="0.25">
      <c r="A3115">
        <v>8154</v>
      </c>
      <c r="B3115" t="s">
        <v>215</v>
      </c>
      <c r="C3115">
        <v>41</v>
      </c>
      <c r="D3115" t="s">
        <v>478</v>
      </c>
      <c r="E3115">
        <v>325</v>
      </c>
      <c r="F3115" t="s">
        <v>651</v>
      </c>
      <c r="G3115">
        <v>160</v>
      </c>
      <c r="H3115" t="s">
        <v>1207</v>
      </c>
      <c r="I3115">
        <v>5188</v>
      </c>
      <c r="J3115" t="s">
        <v>848</v>
      </c>
      <c r="K3115">
        <v>62</v>
      </c>
      <c r="L3115" t="s">
        <v>2365</v>
      </c>
      <c r="M3115">
        <v>2491</v>
      </c>
      <c r="N3115" t="s">
        <v>654</v>
      </c>
      <c r="O3115">
        <v>3</v>
      </c>
      <c r="P3115" t="s">
        <v>655</v>
      </c>
      <c r="Q3115">
        <v>1</v>
      </c>
      <c r="R3115" t="s">
        <v>656</v>
      </c>
      <c r="S3115">
        <v>2</v>
      </c>
      <c r="T3115" t="s">
        <v>661</v>
      </c>
      <c r="U3115">
        <v>8</v>
      </c>
      <c r="V3115">
        <v>2</v>
      </c>
      <c r="W3115">
        <v>120</v>
      </c>
      <c r="X3115">
        <v>2020</v>
      </c>
    </row>
    <row r="3116" spans="1:24" x14ac:dyDescent="0.25">
      <c r="A3116">
        <v>8153</v>
      </c>
      <c r="B3116" t="s">
        <v>215</v>
      </c>
      <c r="C3116">
        <v>41</v>
      </c>
      <c r="D3116" t="s">
        <v>479</v>
      </c>
      <c r="E3116">
        <v>324</v>
      </c>
      <c r="F3116" t="s">
        <v>651</v>
      </c>
      <c r="G3116">
        <v>160</v>
      </c>
      <c r="H3116" t="s">
        <v>1207</v>
      </c>
      <c r="I3116">
        <v>5188</v>
      </c>
      <c r="J3116" t="s">
        <v>738</v>
      </c>
      <c r="K3116">
        <v>61</v>
      </c>
      <c r="L3116" t="s">
        <v>2366</v>
      </c>
      <c r="M3116">
        <v>2490</v>
      </c>
      <c r="N3116" t="s">
        <v>654</v>
      </c>
      <c r="O3116">
        <v>3</v>
      </c>
      <c r="P3116" t="s">
        <v>655</v>
      </c>
      <c r="Q3116">
        <v>1</v>
      </c>
      <c r="R3116" t="s">
        <v>656</v>
      </c>
      <c r="S3116">
        <v>2</v>
      </c>
      <c r="T3116" t="s">
        <v>661</v>
      </c>
      <c r="U3116">
        <v>8</v>
      </c>
      <c r="V3116">
        <v>1.5</v>
      </c>
      <c r="W3116">
        <v>90</v>
      </c>
      <c r="X3116">
        <v>2020</v>
      </c>
    </row>
    <row r="3117" spans="1:24" x14ac:dyDescent="0.25">
      <c r="A3117">
        <v>8152</v>
      </c>
      <c r="B3117" t="s">
        <v>215</v>
      </c>
      <c r="C3117">
        <v>41</v>
      </c>
      <c r="D3117" t="s">
        <v>479</v>
      </c>
      <c r="E3117">
        <v>324</v>
      </c>
      <c r="F3117" t="s">
        <v>651</v>
      </c>
      <c r="G3117">
        <v>160</v>
      </c>
      <c r="H3117" t="s">
        <v>1207</v>
      </c>
      <c r="I3117">
        <v>5188</v>
      </c>
      <c r="J3117" t="s">
        <v>1236</v>
      </c>
      <c r="K3117">
        <v>60</v>
      </c>
      <c r="L3117" t="s">
        <v>2367</v>
      </c>
      <c r="M3117">
        <v>1802</v>
      </c>
      <c r="N3117" t="s">
        <v>654</v>
      </c>
      <c r="O3117">
        <v>3</v>
      </c>
      <c r="P3117" t="s">
        <v>655</v>
      </c>
      <c r="Q3117">
        <v>1</v>
      </c>
      <c r="R3117" t="s">
        <v>656</v>
      </c>
      <c r="S3117">
        <v>2</v>
      </c>
      <c r="T3117" t="s">
        <v>661</v>
      </c>
      <c r="U3117">
        <v>8</v>
      </c>
      <c r="V3117">
        <v>2</v>
      </c>
      <c r="W3117">
        <v>120</v>
      </c>
      <c r="X3117">
        <v>2020</v>
      </c>
    </row>
    <row r="3118" spans="1:24" x14ac:dyDescent="0.25">
      <c r="A3118">
        <v>8151</v>
      </c>
      <c r="B3118" t="s">
        <v>215</v>
      </c>
      <c r="C3118">
        <v>41</v>
      </c>
      <c r="D3118" t="s">
        <v>480</v>
      </c>
      <c r="E3118">
        <v>323</v>
      </c>
      <c r="F3118" t="s">
        <v>651</v>
      </c>
      <c r="G3118">
        <v>160</v>
      </c>
      <c r="H3118" t="s">
        <v>1207</v>
      </c>
      <c r="I3118">
        <v>5188</v>
      </c>
      <c r="J3118" t="s">
        <v>695</v>
      </c>
      <c r="K3118">
        <v>54</v>
      </c>
      <c r="L3118" t="s">
        <v>1545</v>
      </c>
      <c r="M3118">
        <v>2489</v>
      </c>
      <c r="N3118" t="s">
        <v>654</v>
      </c>
      <c r="O3118">
        <v>3</v>
      </c>
      <c r="P3118" t="s">
        <v>655</v>
      </c>
      <c r="Q3118">
        <v>1</v>
      </c>
      <c r="R3118" t="s">
        <v>656</v>
      </c>
      <c r="S3118">
        <v>2</v>
      </c>
      <c r="T3118" t="s">
        <v>661</v>
      </c>
      <c r="U3118">
        <v>8</v>
      </c>
      <c r="V3118">
        <v>1.5</v>
      </c>
      <c r="W3118">
        <v>90</v>
      </c>
      <c r="X3118">
        <v>2020</v>
      </c>
    </row>
    <row r="3119" spans="1:24" x14ac:dyDescent="0.25">
      <c r="A3119">
        <v>8150</v>
      </c>
      <c r="B3119" t="s">
        <v>215</v>
      </c>
      <c r="C3119">
        <v>41</v>
      </c>
      <c r="D3119" t="s">
        <v>480</v>
      </c>
      <c r="E3119">
        <v>323</v>
      </c>
      <c r="F3119" t="s">
        <v>651</v>
      </c>
      <c r="G3119">
        <v>160</v>
      </c>
      <c r="H3119" t="s">
        <v>1207</v>
      </c>
      <c r="I3119">
        <v>5188</v>
      </c>
      <c r="J3119" t="s">
        <v>710</v>
      </c>
      <c r="K3119">
        <v>53</v>
      </c>
      <c r="L3119" t="s">
        <v>1544</v>
      </c>
      <c r="M3119">
        <v>2488</v>
      </c>
      <c r="N3119" t="s">
        <v>654</v>
      </c>
      <c r="O3119">
        <v>3</v>
      </c>
      <c r="P3119" t="s">
        <v>655</v>
      </c>
      <c r="Q3119">
        <v>1</v>
      </c>
      <c r="R3119" t="s">
        <v>656</v>
      </c>
      <c r="S3119">
        <v>2</v>
      </c>
      <c r="T3119" t="s">
        <v>661</v>
      </c>
      <c r="U3119">
        <v>8</v>
      </c>
      <c r="V3119">
        <v>1.5</v>
      </c>
      <c r="W3119">
        <v>90</v>
      </c>
      <c r="X3119">
        <v>2020</v>
      </c>
    </row>
    <row r="3120" spans="1:24" x14ac:dyDescent="0.25">
      <c r="A3120">
        <v>8149</v>
      </c>
      <c r="B3120" t="s">
        <v>215</v>
      </c>
      <c r="C3120">
        <v>41</v>
      </c>
      <c r="D3120" t="s">
        <v>480</v>
      </c>
      <c r="E3120">
        <v>323</v>
      </c>
      <c r="F3120" t="s">
        <v>651</v>
      </c>
      <c r="G3120">
        <v>160</v>
      </c>
      <c r="H3120" t="s">
        <v>1207</v>
      </c>
      <c r="I3120">
        <v>5188</v>
      </c>
      <c r="J3120" t="s">
        <v>714</v>
      </c>
      <c r="K3120">
        <v>52</v>
      </c>
      <c r="L3120" t="s">
        <v>1546</v>
      </c>
      <c r="M3120">
        <v>2487</v>
      </c>
      <c r="N3120" t="s">
        <v>654</v>
      </c>
      <c r="O3120">
        <v>3</v>
      </c>
      <c r="P3120" t="s">
        <v>655</v>
      </c>
      <c r="Q3120">
        <v>1</v>
      </c>
      <c r="R3120" t="s">
        <v>656</v>
      </c>
      <c r="S3120">
        <v>2</v>
      </c>
      <c r="T3120" t="s">
        <v>661</v>
      </c>
      <c r="U3120">
        <v>8</v>
      </c>
      <c r="V3120">
        <v>1.5</v>
      </c>
      <c r="W3120">
        <v>90</v>
      </c>
      <c r="X3120">
        <v>2020</v>
      </c>
    </row>
    <row r="3121" spans="1:24" x14ac:dyDescent="0.25">
      <c r="A3121">
        <v>8148</v>
      </c>
      <c r="B3121" t="s">
        <v>215</v>
      </c>
      <c r="C3121">
        <v>41</v>
      </c>
      <c r="D3121" t="s">
        <v>480</v>
      </c>
      <c r="E3121">
        <v>323</v>
      </c>
      <c r="F3121" t="s">
        <v>651</v>
      </c>
      <c r="G3121">
        <v>160</v>
      </c>
      <c r="H3121" t="s">
        <v>1207</v>
      </c>
      <c r="I3121">
        <v>5188</v>
      </c>
      <c r="J3121" t="s">
        <v>797</v>
      </c>
      <c r="K3121">
        <v>65</v>
      </c>
      <c r="L3121" t="s">
        <v>2368</v>
      </c>
      <c r="M3121">
        <v>2486</v>
      </c>
      <c r="N3121" t="s">
        <v>654</v>
      </c>
      <c r="O3121">
        <v>3</v>
      </c>
      <c r="P3121" t="s">
        <v>655</v>
      </c>
      <c r="Q3121">
        <v>1</v>
      </c>
      <c r="R3121" t="s">
        <v>656</v>
      </c>
      <c r="S3121">
        <v>2</v>
      </c>
      <c r="T3121" t="s">
        <v>769</v>
      </c>
      <c r="U3121">
        <v>3</v>
      </c>
      <c r="V3121">
        <v>2</v>
      </c>
      <c r="W3121">
        <v>120</v>
      </c>
      <c r="X3121">
        <v>2020</v>
      </c>
    </row>
    <row r="3122" spans="1:24" x14ac:dyDescent="0.25">
      <c r="A3122">
        <v>8147</v>
      </c>
      <c r="B3122" t="s">
        <v>215</v>
      </c>
      <c r="C3122">
        <v>41</v>
      </c>
      <c r="D3122" t="s">
        <v>480</v>
      </c>
      <c r="E3122">
        <v>323</v>
      </c>
      <c r="F3122" t="s">
        <v>651</v>
      </c>
      <c r="G3122">
        <v>160</v>
      </c>
      <c r="H3122" t="s">
        <v>1207</v>
      </c>
      <c r="I3122">
        <v>5188</v>
      </c>
      <c r="J3122" t="s">
        <v>797</v>
      </c>
      <c r="K3122">
        <v>65</v>
      </c>
      <c r="L3122" t="s">
        <v>2369</v>
      </c>
      <c r="M3122">
        <v>2485</v>
      </c>
      <c r="N3122" t="s">
        <v>654</v>
      </c>
      <c r="O3122">
        <v>3</v>
      </c>
      <c r="P3122" t="s">
        <v>655</v>
      </c>
      <c r="Q3122">
        <v>1</v>
      </c>
      <c r="R3122" t="s">
        <v>656</v>
      </c>
      <c r="S3122">
        <v>2</v>
      </c>
      <c r="T3122" t="s">
        <v>661</v>
      </c>
      <c r="U3122">
        <v>8</v>
      </c>
      <c r="V3122">
        <v>2</v>
      </c>
      <c r="W3122">
        <v>120</v>
      </c>
      <c r="X3122">
        <v>2020</v>
      </c>
    </row>
    <row r="3123" spans="1:24" x14ac:dyDescent="0.25">
      <c r="A3123">
        <v>8146</v>
      </c>
      <c r="B3123" t="s">
        <v>215</v>
      </c>
      <c r="C3123">
        <v>41</v>
      </c>
      <c r="D3123" t="s">
        <v>344</v>
      </c>
      <c r="E3123">
        <v>322</v>
      </c>
      <c r="F3123" t="s">
        <v>651</v>
      </c>
      <c r="G3123">
        <v>160</v>
      </c>
      <c r="H3123" t="s">
        <v>1207</v>
      </c>
      <c r="I3123">
        <v>5188</v>
      </c>
      <c r="J3123" t="s">
        <v>726</v>
      </c>
      <c r="K3123">
        <v>2</v>
      </c>
      <c r="L3123" t="s">
        <v>2370</v>
      </c>
      <c r="M3123">
        <v>2484</v>
      </c>
      <c r="N3123" t="s">
        <v>654</v>
      </c>
      <c r="O3123">
        <v>3</v>
      </c>
      <c r="P3123" t="s">
        <v>655</v>
      </c>
      <c r="Q3123">
        <v>1</v>
      </c>
      <c r="R3123" t="s">
        <v>656</v>
      </c>
      <c r="S3123">
        <v>2</v>
      </c>
      <c r="T3123" t="s">
        <v>661</v>
      </c>
      <c r="U3123">
        <v>8</v>
      </c>
      <c r="V3123">
        <v>2</v>
      </c>
      <c r="W3123">
        <v>120</v>
      </c>
      <c r="X3123">
        <v>2020</v>
      </c>
    </row>
    <row r="3124" spans="1:24" x14ac:dyDescent="0.25">
      <c r="A3124">
        <v>8145</v>
      </c>
      <c r="B3124" t="s">
        <v>215</v>
      </c>
      <c r="C3124">
        <v>41</v>
      </c>
      <c r="D3124" t="s">
        <v>344</v>
      </c>
      <c r="E3124">
        <v>322</v>
      </c>
      <c r="F3124" t="s">
        <v>651</v>
      </c>
      <c r="G3124">
        <v>160</v>
      </c>
      <c r="H3124" t="s">
        <v>1207</v>
      </c>
      <c r="I3124">
        <v>5188</v>
      </c>
      <c r="J3124" t="s">
        <v>673</v>
      </c>
      <c r="K3124">
        <v>34</v>
      </c>
      <c r="L3124" t="s">
        <v>2371</v>
      </c>
      <c r="M3124">
        <v>2131</v>
      </c>
      <c r="N3124" t="s">
        <v>654</v>
      </c>
      <c r="O3124">
        <v>3</v>
      </c>
      <c r="P3124" t="s">
        <v>655</v>
      </c>
      <c r="Q3124">
        <v>1</v>
      </c>
      <c r="R3124" t="s">
        <v>656</v>
      </c>
      <c r="S3124">
        <v>2</v>
      </c>
      <c r="T3124" t="s">
        <v>661</v>
      </c>
      <c r="U3124">
        <v>8</v>
      </c>
      <c r="V3124">
        <v>2</v>
      </c>
      <c r="W3124">
        <v>120</v>
      </c>
      <c r="X3124">
        <v>2020</v>
      </c>
    </row>
    <row r="3125" spans="1:24" x14ac:dyDescent="0.25">
      <c r="A3125">
        <v>8144</v>
      </c>
      <c r="B3125" t="s">
        <v>215</v>
      </c>
      <c r="C3125">
        <v>41</v>
      </c>
      <c r="D3125" t="s">
        <v>344</v>
      </c>
      <c r="E3125">
        <v>322</v>
      </c>
      <c r="F3125" t="s">
        <v>651</v>
      </c>
      <c r="G3125">
        <v>160</v>
      </c>
      <c r="H3125" t="s">
        <v>1207</v>
      </c>
      <c r="I3125">
        <v>5188</v>
      </c>
      <c r="J3125" t="s">
        <v>885</v>
      </c>
      <c r="K3125">
        <v>1</v>
      </c>
      <c r="L3125" t="s">
        <v>901</v>
      </c>
      <c r="M3125">
        <v>1244</v>
      </c>
      <c r="N3125" t="s">
        <v>654</v>
      </c>
      <c r="O3125">
        <v>3</v>
      </c>
      <c r="P3125" t="s">
        <v>655</v>
      </c>
      <c r="Q3125">
        <v>1</v>
      </c>
      <c r="R3125" t="s">
        <v>656</v>
      </c>
      <c r="S3125">
        <v>2</v>
      </c>
      <c r="T3125" t="s">
        <v>661</v>
      </c>
      <c r="U3125">
        <v>8</v>
      </c>
      <c r="V3125">
        <v>2</v>
      </c>
      <c r="W3125">
        <v>120</v>
      </c>
      <c r="X3125">
        <v>2020</v>
      </c>
    </row>
    <row r="3126" spans="1:24" x14ac:dyDescent="0.25">
      <c r="A3126">
        <v>8143</v>
      </c>
      <c r="B3126" t="s">
        <v>215</v>
      </c>
      <c r="C3126">
        <v>41</v>
      </c>
      <c r="D3126" t="s">
        <v>344</v>
      </c>
      <c r="E3126">
        <v>322</v>
      </c>
      <c r="F3126" t="s">
        <v>651</v>
      </c>
      <c r="G3126">
        <v>160</v>
      </c>
      <c r="H3126" t="s">
        <v>1207</v>
      </c>
      <c r="I3126">
        <v>5188</v>
      </c>
      <c r="J3126" t="s">
        <v>897</v>
      </c>
      <c r="K3126">
        <v>3</v>
      </c>
      <c r="L3126" t="s">
        <v>2372</v>
      </c>
      <c r="M3126">
        <v>2482</v>
      </c>
      <c r="N3126" t="s">
        <v>654</v>
      </c>
      <c r="O3126">
        <v>3</v>
      </c>
      <c r="P3126" t="s">
        <v>655</v>
      </c>
      <c r="Q3126">
        <v>1</v>
      </c>
      <c r="R3126" t="s">
        <v>656</v>
      </c>
      <c r="S3126">
        <v>2</v>
      </c>
      <c r="T3126" t="s">
        <v>661</v>
      </c>
      <c r="U3126">
        <v>8</v>
      </c>
      <c r="V3126">
        <v>2</v>
      </c>
      <c r="W3126">
        <v>120</v>
      </c>
      <c r="X3126">
        <v>2020</v>
      </c>
    </row>
    <row r="3127" spans="1:24" x14ac:dyDescent="0.25">
      <c r="A3127">
        <v>8142</v>
      </c>
      <c r="B3127" t="s">
        <v>215</v>
      </c>
      <c r="C3127">
        <v>41</v>
      </c>
      <c r="D3127" t="s">
        <v>481</v>
      </c>
      <c r="E3127">
        <v>321</v>
      </c>
      <c r="F3127" t="s">
        <v>651</v>
      </c>
      <c r="G3127">
        <v>160</v>
      </c>
      <c r="H3127" t="s">
        <v>1207</v>
      </c>
      <c r="I3127">
        <v>5188</v>
      </c>
      <c r="J3127" t="s">
        <v>684</v>
      </c>
      <c r="K3127">
        <v>22</v>
      </c>
      <c r="L3127" t="s">
        <v>2373</v>
      </c>
      <c r="M3127">
        <v>2481</v>
      </c>
      <c r="N3127" t="s">
        <v>654</v>
      </c>
      <c r="O3127">
        <v>3</v>
      </c>
      <c r="P3127" t="s">
        <v>655</v>
      </c>
      <c r="Q3127">
        <v>1</v>
      </c>
      <c r="R3127" t="s">
        <v>656</v>
      </c>
      <c r="S3127">
        <v>2</v>
      </c>
      <c r="T3127" t="s">
        <v>661</v>
      </c>
      <c r="U3127">
        <v>8</v>
      </c>
      <c r="V3127">
        <v>2</v>
      </c>
      <c r="W3127">
        <v>120</v>
      </c>
      <c r="X3127">
        <v>2020</v>
      </c>
    </row>
    <row r="3128" spans="1:24" x14ac:dyDescent="0.25">
      <c r="A3128">
        <v>8141</v>
      </c>
      <c r="B3128" t="s">
        <v>215</v>
      </c>
      <c r="C3128">
        <v>41</v>
      </c>
      <c r="D3128" t="s">
        <v>481</v>
      </c>
      <c r="E3128">
        <v>321</v>
      </c>
      <c r="F3128" t="s">
        <v>651</v>
      </c>
      <c r="G3128">
        <v>160</v>
      </c>
      <c r="H3128" t="s">
        <v>1207</v>
      </c>
      <c r="I3128">
        <v>5188</v>
      </c>
      <c r="J3128" t="s">
        <v>864</v>
      </c>
      <c r="K3128">
        <v>14</v>
      </c>
      <c r="L3128" t="s">
        <v>2374</v>
      </c>
      <c r="M3128">
        <v>2480</v>
      </c>
      <c r="N3128" t="s">
        <v>654</v>
      </c>
      <c r="O3128">
        <v>3</v>
      </c>
      <c r="P3128" t="s">
        <v>655</v>
      </c>
      <c r="Q3128">
        <v>1</v>
      </c>
      <c r="R3128" t="s">
        <v>656</v>
      </c>
      <c r="S3128">
        <v>2</v>
      </c>
      <c r="T3128" t="s">
        <v>661</v>
      </c>
      <c r="U3128">
        <v>8</v>
      </c>
      <c r="V3128">
        <v>2</v>
      </c>
      <c r="W3128">
        <v>120</v>
      </c>
      <c r="X3128">
        <v>2020</v>
      </c>
    </row>
    <row r="3129" spans="1:24" x14ac:dyDescent="0.25">
      <c r="A3129">
        <v>8140</v>
      </c>
      <c r="B3129" t="s">
        <v>215</v>
      </c>
      <c r="C3129">
        <v>41</v>
      </c>
      <c r="D3129" t="s">
        <v>481</v>
      </c>
      <c r="E3129">
        <v>321</v>
      </c>
      <c r="F3129" t="s">
        <v>651</v>
      </c>
      <c r="G3129">
        <v>160</v>
      </c>
      <c r="H3129" t="s">
        <v>1207</v>
      </c>
      <c r="I3129">
        <v>5188</v>
      </c>
      <c r="J3129" t="s">
        <v>864</v>
      </c>
      <c r="K3129">
        <v>14</v>
      </c>
      <c r="L3129" t="s">
        <v>2375</v>
      </c>
      <c r="M3129">
        <v>2479</v>
      </c>
      <c r="N3129" t="s">
        <v>654</v>
      </c>
      <c r="O3129">
        <v>3</v>
      </c>
      <c r="P3129" t="s">
        <v>655</v>
      </c>
      <c r="Q3129">
        <v>1</v>
      </c>
      <c r="R3129" t="s">
        <v>656</v>
      </c>
      <c r="S3129">
        <v>2</v>
      </c>
      <c r="T3129" t="s">
        <v>661</v>
      </c>
      <c r="U3129">
        <v>8</v>
      </c>
      <c r="V3129">
        <v>2</v>
      </c>
      <c r="W3129">
        <v>120</v>
      </c>
      <c r="X3129">
        <v>2020</v>
      </c>
    </row>
    <row r="3130" spans="1:24" x14ac:dyDescent="0.25">
      <c r="A3130">
        <v>8138</v>
      </c>
      <c r="B3130" t="s">
        <v>215</v>
      </c>
      <c r="C3130">
        <v>41</v>
      </c>
      <c r="D3130" t="s">
        <v>482</v>
      </c>
      <c r="E3130">
        <v>320</v>
      </c>
      <c r="F3130" t="s">
        <v>651</v>
      </c>
      <c r="G3130">
        <v>160</v>
      </c>
      <c r="H3130" t="s">
        <v>1207</v>
      </c>
      <c r="I3130">
        <v>5188</v>
      </c>
      <c r="J3130" t="s">
        <v>802</v>
      </c>
      <c r="K3130">
        <v>12</v>
      </c>
      <c r="L3130" t="s">
        <v>2376</v>
      </c>
      <c r="M3130">
        <v>2477</v>
      </c>
      <c r="N3130" t="s">
        <v>654</v>
      </c>
      <c r="O3130">
        <v>3</v>
      </c>
      <c r="P3130" t="s">
        <v>655</v>
      </c>
      <c r="Q3130">
        <v>1</v>
      </c>
      <c r="R3130" t="s">
        <v>656</v>
      </c>
      <c r="S3130">
        <v>2</v>
      </c>
      <c r="T3130" t="s">
        <v>661</v>
      </c>
      <c r="U3130">
        <v>8</v>
      </c>
      <c r="V3130">
        <v>2</v>
      </c>
      <c r="W3130">
        <v>120</v>
      </c>
      <c r="X3130">
        <v>2020</v>
      </c>
    </row>
    <row r="3131" spans="1:24" x14ac:dyDescent="0.25">
      <c r="A3131">
        <v>8136</v>
      </c>
      <c r="B3131" t="s">
        <v>215</v>
      </c>
      <c r="C3131">
        <v>41</v>
      </c>
      <c r="D3131" t="s">
        <v>482</v>
      </c>
      <c r="E3131">
        <v>320</v>
      </c>
      <c r="F3131" t="s">
        <v>651</v>
      </c>
      <c r="G3131">
        <v>160</v>
      </c>
      <c r="H3131" t="s">
        <v>1207</v>
      </c>
      <c r="I3131">
        <v>5188</v>
      </c>
      <c r="J3131" t="s">
        <v>792</v>
      </c>
      <c r="K3131">
        <v>6</v>
      </c>
      <c r="L3131" t="s">
        <v>2377</v>
      </c>
      <c r="M3131">
        <v>2475</v>
      </c>
      <c r="N3131" t="s">
        <v>654</v>
      </c>
      <c r="O3131">
        <v>3</v>
      </c>
      <c r="P3131" t="s">
        <v>655</v>
      </c>
      <c r="Q3131">
        <v>1</v>
      </c>
      <c r="R3131" t="s">
        <v>656</v>
      </c>
      <c r="S3131">
        <v>2</v>
      </c>
      <c r="T3131" t="s">
        <v>661</v>
      </c>
      <c r="U3131">
        <v>8</v>
      </c>
      <c r="V3131">
        <v>2</v>
      </c>
      <c r="W3131">
        <v>120</v>
      </c>
      <c r="X3131">
        <v>2020</v>
      </c>
    </row>
    <row r="3132" spans="1:24" x14ac:dyDescent="0.25">
      <c r="A3132">
        <v>8135</v>
      </c>
      <c r="B3132" t="s">
        <v>215</v>
      </c>
      <c r="C3132">
        <v>41</v>
      </c>
      <c r="D3132" t="s">
        <v>482</v>
      </c>
      <c r="E3132">
        <v>320</v>
      </c>
      <c r="F3132" t="s">
        <v>651</v>
      </c>
      <c r="G3132">
        <v>160</v>
      </c>
      <c r="H3132" t="s">
        <v>1207</v>
      </c>
      <c r="I3132">
        <v>5188</v>
      </c>
      <c r="J3132" t="s">
        <v>819</v>
      </c>
      <c r="K3132">
        <v>101</v>
      </c>
      <c r="L3132" t="s">
        <v>2378</v>
      </c>
      <c r="M3132">
        <v>2474</v>
      </c>
      <c r="N3132" t="s">
        <v>654</v>
      </c>
      <c r="O3132">
        <v>3</v>
      </c>
      <c r="P3132" t="s">
        <v>655</v>
      </c>
      <c r="Q3132">
        <v>1</v>
      </c>
      <c r="R3132" t="s">
        <v>656</v>
      </c>
      <c r="S3132">
        <v>2</v>
      </c>
      <c r="T3132" t="s">
        <v>661</v>
      </c>
      <c r="U3132">
        <v>8</v>
      </c>
      <c r="V3132">
        <v>2</v>
      </c>
      <c r="W3132">
        <v>120</v>
      </c>
      <c r="X3132">
        <v>2020</v>
      </c>
    </row>
    <row r="3133" spans="1:24" x14ac:dyDescent="0.25">
      <c r="A3133">
        <v>8134</v>
      </c>
      <c r="B3133" t="s">
        <v>215</v>
      </c>
      <c r="C3133">
        <v>41</v>
      </c>
      <c r="D3133" t="s">
        <v>342</v>
      </c>
      <c r="E3133">
        <v>636</v>
      </c>
      <c r="F3133" t="s">
        <v>651</v>
      </c>
      <c r="G3133">
        <v>160</v>
      </c>
      <c r="H3133" t="s">
        <v>1207</v>
      </c>
      <c r="I3133">
        <v>5188</v>
      </c>
      <c r="J3133" t="s">
        <v>691</v>
      </c>
      <c r="K3133">
        <v>21</v>
      </c>
      <c r="L3133" t="s">
        <v>2379</v>
      </c>
      <c r="M3133">
        <v>2473</v>
      </c>
      <c r="N3133" t="s">
        <v>654</v>
      </c>
      <c r="O3133">
        <v>3</v>
      </c>
      <c r="P3133" t="s">
        <v>655</v>
      </c>
      <c r="Q3133">
        <v>1</v>
      </c>
      <c r="R3133" t="s">
        <v>656</v>
      </c>
      <c r="S3133">
        <v>2</v>
      </c>
      <c r="T3133" t="s">
        <v>661</v>
      </c>
      <c r="U3133">
        <v>8</v>
      </c>
      <c r="V3133">
        <v>2</v>
      </c>
      <c r="W3133">
        <v>120</v>
      </c>
      <c r="X3133">
        <v>2020</v>
      </c>
    </row>
    <row r="3134" spans="1:24" x14ac:dyDescent="0.25">
      <c r="A3134">
        <v>8133</v>
      </c>
      <c r="B3134" t="s">
        <v>215</v>
      </c>
      <c r="C3134">
        <v>41</v>
      </c>
      <c r="D3134" t="s">
        <v>389</v>
      </c>
      <c r="E3134">
        <v>319</v>
      </c>
      <c r="F3134" t="s">
        <v>651</v>
      </c>
      <c r="G3134">
        <v>160</v>
      </c>
      <c r="H3134" t="s">
        <v>1207</v>
      </c>
      <c r="I3134">
        <v>5188</v>
      </c>
      <c r="J3134" t="s">
        <v>682</v>
      </c>
      <c r="K3134">
        <v>20</v>
      </c>
      <c r="L3134" t="s">
        <v>2358</v>
      </c>
      <c r="M3134">
        <v>985</v>
      </c>
      <c r="N3134" t="s">
        <v>654</v>
      </c>
      <c r="O3134">
        <v>3</v>
      </c>
      <c r="P3134" t="s">
        <v>655</v>
      </c>
      <c r="Q3134">
        <v>1</v>
      </c>
      <c r="R3134" t="s">
        <v>656</v>
      </c>
      <c r="S3134">
        <v>2</v>
      </c>
      <c r="T3134" t="s">
        <v>661</v>
      </c>
      <c r="U3134">
        <v>8</v>
      </c>
      <c r="V3134">
        <v>2</v>
      </c>
      <c r="W3134">
        <v>120</v>
      </c>
      <c r="X3134">
        <v>2020</v>
      </c>
    </row>
    <row r="3135" spans="1:24" x14ac:dyDescent="0.25">
      <c r="A3135">
        <v>8132</v>
      </c>
      <c r="B3135" t="s">
        <v>215</v>
      </c>
      <c r="C3135">
        <v>41</v>
      </c>
      <c r="D3135" t="s">
        <v>389</v>
      </c>
      <c r="E3135">
        <v>319</v>
      </c>
      <c r="F3135" t="s">
        <v>651</v>
      </c>
      <c r="G3135">
        <v>160</v>
      </c>
      <c r="H3135" t="s">
        <v>1207</v>
      </c>
      <c r="I3135">
        <v>5188</v>
      </c>
      <c r="J3135" t="s">
        <v>65</v>
      </c>
      <c r="K3135">
        <v>15</v>
      </c>
      <c r="L3135" t="s">
        <v>899</v>
      </c>
      <c r="M3135">
        <v>803</v>
      </c>
      <c r="N3135" t="s">
        <v>654</v>
      </c>
      <c r="O3135">
        <v>3</v>
      </c>
      <c r="P3135" t="s">
        <v>655</v>
      </c>
      <c r="Q3135">
        <v>1</v>
      </c>
      <c r="R3135" t="s">
        <v>656</v>
      </c>
      <c r="S3135">
        <v>2</v>
      </c>
      <c r="T3135" t="s">
        <v>661</v>
      </c>
      <c r="U3135">
        <v>8</v>
      </c>
      <c r="V3135">
        <v>1</v>
      </c>
      <c r="W3135">
        <v>60</v>
      </c>
      <c r="X3135">
        <v>2020</v>
      </c>
    </row>
    <row r="3136" spans="1:24" x14ac:dyDescent="0.25">
      <c r="A3136">
        <v>8131</v>
      </c>
      <c r="B3136" t="s">
        <v>215</v>
      </c>
      <c r="C3136">
        <v>41</v>
      </c>
      <c r="D3136" t="s">
        <v>316</v>
      </c>
      <c r="E3136">
        <v>318</v>
      </c>
      <c r="F3136" t="s">
        <v>651</v>
      </c>
      <c r="G3136">
        <v>160</v>
      </c>
      <c r="H3136" t="s">
        <v>1207</v>
      </c>
      <c r="I3136">
        <v>5188</v>
      </c>
      <c r="J3136" t="s">
        <v>294</v>
      </c>
      <c r="K3136">
        <v>31</v>
      </c>
      <c r="L3136" t="s">
        <v>294</v>
      </c>
      <c r="M3136">
        <v>2472</v>
      </c>
      <c r="N3136" t="s">
        <v>654</v>
      </c>
      <c r="O3136">
        <v>3</v>
      </c>
      <c r="P3136" t="s">
        <v>655</v>
      </c>
      <c r="Q3136">
        <v>1</v>
      </c>
      <c r="R3136" t="s">
        <v>656</v>
      </c>
      <c r="S3136">
        <v>2</v>
      </c>
      <c r="T3136" t="s">
        <v>661</v>
      </c>
      <c r="U3136">
        <v>8</v>
      </c>
      <c r="V3136">
        <v>2</v>
      </c>
      <c r="W3136">
        <v>120</v>
      </c>
      <c r="X3136">
        <v>2020</v>
      </c>
    </row>
    <row r="3137" spans="1:24" x14ac:dyDescent="0.25">
      <c r="A3137">
        <v>8128</v>
      </c>
      <c r="B3137" t="s">
        <v>215</v>
      </c>
      <c r="C3137">
        <v>41</v>
      </c>
      <c r="D3137" t="s">
        <v>316</v>
      </c>
      <c r="E3137">
        <v>318</v>
      </c>
      <c r="F3137" t="s">
        <v>651</v>
      </c>
      <c r="G3137">
        <v>160</v>
      </c>
      <c r="H3137" t="s">
        <v>1207</v>
      </c>
      <c r="I3137">
        <v>5188</v>
      </c>
      <c r="J3137" t="s">
        <v>295</v>
      </c>
      <c r="K3137">
        <v>30</v>
      </c>
      <c r="L3137" t="s">
        <v>1939</v>
      </c>
      <c r="M3137">
        <v>1791</v>
      </c>
      <c r="N3137" t="s">
        <v>654</v>
      </c>
      <c r="O3137">
        <v>3</v>
      </c>
      <c r="P3137" t="s">
        <v>655</v>
      </c>
      <c r="Q3137">
        <v>1</v>
      </c>
      <c r="R3137" t="s">
        <v>656</v>
      </c>
      <c r="S3137">
        <v>2</v>
      </c>
      <c r="T3137" t="s">
        <v>661</v>
      </c>
      <c r="U3137">
        <v>8</v>
      </c>
      <c r="V3137">
        <v>2</v>
      </c>
      <c r="W3137">
        <v>120</v>
      </c>
      <c r="X3137">
        <v>2020</v>
      </c>
    </row>
    <row r="3138" spans="1:24" x14ac:dyDescent="0.25">
      <c r="A3138">
        <v>8127</v>
      </c>
      <c r="B3138" t="s">
        <v>215</v>
      </c>
      <c r="C3138">
        <v>41</v>
      </c>
      <c r="D3138" t="s">
        <v>316</v>
      </c>
      <c r="E3138">
        <v>318</v>
      </c>
      <c r="F3138" t="s">
        <v>651</v>
      </c>
      <c r="G3138">
        <v>160</v>
      </c>
      <c r="H3138" t="s">
        <v>1207</v>
      </c>
      <c r="I3138">
        <v>5188</v>
      </c>
      <c r="J3138" t="s">
        <v>295</v>
      </c>
      <c r="K3138">
        <v>30</v>
      </c>
      <c r="L3138" t="s">
        <v>2380</v>
      </c>
      <c r="M3138">
        <v>2469</v>
      </c>
      <c r="N3138" t="s">
        <v>654</v>
      </c>
      <c r="O3138">
        <v>3</v>
      </c>
      <c r="P3138" t="s">
        <v>655</v>
      </c>
      <c r="Q3138">
        <v>1</v>
      </c>
      <c r="R3138" t="s">
        <v>656</v>
      </c>
      <c r="S3138">
        <v>2</v>
      </c>
      <c r="T3138" t="s">
        <v>661</v>
      </c>
      <c r="U3138">
        <v>8</v>
      </c>
      <c r="V3138">
        <v>2</v>
      </c>
      <c r="W3138">
        <v>120</v>
      </c>
      <c r="X3138">
        <v>2020</v>
      </c>
    </row>
    <row r="3139" spans="1:24" x14ac:dyDescent="0.25">
      <c r="A3139">
        <v>8126</v>
      </c>
      <c r="B3139" t="s">
        <v>215</v>
      </c>
      <c r="C3139">
        <v>41</v>
      </c>
      <c r="D3139" t="s">
        <v>316</v>
      </c>
      <c r="E3139">
        <v>318</v>
      </c>
      <c r="F3139" t="s">
        <v>651</v>
      </c>
      <c r="G3139">
        <v>160</v>
      </c>
      <c r="H3139" t="s">
        <v>1207</v>
      </c>
      <c r="I3139">
        <v>5188</v>
      </c>
      <c r="J3139" t="s">
        <v>807</v>
      </c>
      <c r="K3139">
        <v>25</v>
      </c>
      <c r="L3139" t="s">
        <v>2112</v>
      </c>
      <c r="M3139">
        <v>1287</v>
      </c>
      <c r="N3139" t="s">
        <v>654</v>
      </c>
      <c r="O3139">
        <v>3</v>
      </c>
      <c r="P3139" t="s">
        <v>655</v>
      </c>
      <c r="Q3139">
        <v>1</v>
      </c>
      <c r="R3139" t="s">
        <v>656</v>
      </c>
      <c r="S3139">
        <v>2</v>
      </c>
      <c r="T3139" t="s">
        <v>661</v>
      </c>
      <c r="U3139">
        <v>8</v>
      </c>
      <c r="V3139">
        <v>2</v>
      </c>
      <c r="W3139">
        <v>120</v>
      </c>
      <c r="X3139">
        <v>2020</v>
      </c>
    </row>
    <row r="3140" spans="1:24" x14ac:dyDescent="0.25">
      <c r="A3140">
        <v>8124</v>
      </c>
      <c r="B3140" t="s">
        <v>215</v>
      </c>
      <c r="C3140">
        <v>41</v>
      </c>
      <c r="D3140" t="s">
        <v>316</v>
      </c>
      <c r="E3140">
        <v>318</v>
      </c>
      <c r="F3140" t="s">
        <v>651</v>
      </c>
      <c r="G3140">
        <v>160</v>
      </c>
      <c r="H3140" t="s">
        <v>1207</v>
      </c>
      <c r="I3140">
        <v>5188</v>
      </c>
      <c r="J3140" t="s">
        <v>299</v>
      </c>
      <c r="K3140">
        <v>27</v>
      </c>
      <c r="L3140" t="s">
        <v>299</v>
      </c>
      <c r="M3140">
        <v>2467</v>
      </c>
      <c r="N3140" t="s">
        <v>654</v>
      </c>
      <c r="O3140">
        <v>3</v>
      </c>
      <c r="P3140" t="s">
        <v>655</v>
      </c>
      <c r="Q3140">
        <v>1</v>
      </c>
      <c r="R3140" t="s">
        <v>656</v>
      </c>
      <c r="S3140">
        <v>2</v>
      </c>
      <c r="T3140" t="s">
        <v>661</v>
      </c>
      <c r="U3140">
        <v>8</v>
      </c>
      <c r="V3140">
        <v>2</v>
      </c>
      <c r="W3140">
        <v>120</v>
      </c>
      <c r="X3140">
        <v>2020</v>
      </c>
    </row>
    <row r="3141" spans="1:24" x14ac:dyDescent="0.25">
      <c r="A3141">
        <v>8123</v>
      </c>
      <c r="B3141" t="s">
        <v>215</v>
      </c>
      <c r="C3141">
        <v>41</v>
      </c>
      <c r="D3141" t="s">
        <v>316</v>
      </c>
      <c r="E3141">
        <v>318</v>
      </c>
      <c r="F3141" t="s">
        <v>651</v>
      </c>
      <c r="G3141">
        <v>160</v>
      </c>
      <c r="H3141" t="s">
        <v>1207</v>
      </c>
      <c r="I3141">
        <v>5188</v>
      </c>
      <c r="J3141" t="s">
        <v>299</v>
      </c>
      <c r="K3141">
        <v>27</v>
      </c>
      <c r="L3141" t="s">
        <v>2381</v>
      </c>
      <c r="M3141">
        <v>2466</v>
      </c>
      <c r="N3141" t="s">
        <v>654</v>
      </c>
      <c r="O3141">
        <v>3</v>
      </c>
      <c r="P3141" t="s">
        <v>655</v>
      </c>
      <c r="Q3141">
        <v>1</v>
      </c>
      <c r="R3141" t="s">
        <v>656</v>
      </c>
      <c r="S3141">
        <v>2</v>
      </c>
      <c r="T3141" t="s">
        <v>661</v>
      </c>
      <c r="U3141">
        <v>8</v>
      </c>
      <c r="V3141">
        <v>2</v>
      </c>
      <c r="W3141">
        <v>120</v>
      </c>
      <c r="X3141">
        <v>2020</v>
      </c>
    </row>
    <row r="3142" spans="1:24" x14ac:dyDescent="0.25">
      <c r="A3142">
        <v>8122</v>
      </c>
      <c r="B3142" t="s">
        <v>74</v>
      </c>
      <c r="C3142">
        <v>40</v>
      </c>
      <c r="D3142" t="s">
        <v>73</v>
      </c>
      <c r="E3142">
        <v>1248</v>
      </c>
      <c r="F3142" t="s">
        <v>651</v>
      </c>
      <c r="G3142">
        <v>160</v>
      </c>
      <c r="H3142" t="s">
        <v>697</v>
      </c>
      <c r="I3142">
        <v>11198</v>
      </c>
      <c r="J3142" t="s">
        <v>65</v>
      </c>
      <c r="K3142">
        <v>15</v>
      </c>
      <c r="L3142" t="s">
        <v>1127</v>
      </c>
      <c r="M3142">
        <v>2003</v>
      </c>
      <c r="N3142" t="s">
        <v>654</v>
      </c>
      <c r="O3142">
        <v>3</v>
      </c>
      <c r="P3142" t="s">
        <v>655</v>
      </c>
      <c r="Q3142">
        <v>1</v>
      </c>
      <c r="R3142" t="s">
        <v>656</v>
      </c>
      <c r="S3142">
        <v>2</v>
      </c>
      <c r="T3142" t="s">
        <v>661</v>
      </c>
      <c r="U3142">
        <v>8</v>
      </c>
      <c r="V3142">
        <v>2</v>
      </c>
      <c r="W3142">
        <v>120</v>
      </c>
      <c r="X3142">
        <v>2020</v>
      </c>
    </row>
    <row r="3143" spans="1:24" x14ac:dyDescent="0.25">
      <c r="A3143">
        <v>8121</v>
      </c>
      <c r="B3143" t="s">
        <v>74</v>
      </c>
      <c r="C3143">
        <v>40</v>
      </c>
      <c r="D3143" t="s">
        <v>488</v>
      </c>
      <c r="E3143">
        <v>311</v>
      </c>
      <c r="F3143" t="s">
        <v>651</v>
      </c>
      <c r="G3143">
        <v>160</v>
      </c>
      <c r="H3143" t="s">
        <v>697</v>
      </c>
      <c r="I3143">
        <v>11198</v>
      </c>
      <c r="J3143" t="s">
        <v>710</v>
      </c>
      <c r="K3143">
        <v>53</v>
      </c>
      <c r="L3143" t="s">
        <v>2382</v>
      </c>
      <c r="M3143">
        <v>2465</v>
      </c>
      <c r="N3143" t="s">
        <v>654</v>
      </c>
      <c r="O3143">
        <v>3</v>
      </c>
      <c r="P3143" t="s">
        <v>655</v>
      </c>
      <c r="Q3143">
        <v>1</v>
      </c>
      <c r="R3143" t="s">
        <v>656</v>
      </c>
      <c r="S3143">
        <v>2</v>
      </c>
      <c r="T3143" t="s">
        <v>661</v>
      </c>
      <c r="U3143">
        <v>8</v>
      </c>
      <c r="V3143">
        <v>2</v>
      </c>
      <c r="W3143">
        <v>120</v>
      </c>
      <c r="X3143">
        <v>2020</v>
      </c>
    </row>
    <row r="3144" spans="1:24" x14ac:dyDescent="0.25">
      <c r="A3144">
        <v>8120</v>
      </c>
      <c r="B3144" t="s">
        <v>74</v>
      </c>
      <c r="C3144">
        <v>40</v>
      </c>
      <c r="D3144" t="s">
        <v>353</v>
      </c>
      <c r="E3144">
        <v>317</v>
      </c>
      <c r="F3144" t="s">
        <v>651</v>
      </c>
      <c r="G3144">
        <v>160</v>
      </c>
      <c r="H3144" t="s">
        <v>697</v>
      </c>
      <c r="I3144">
        <v>11198</v>
      </c>
      <c r="J3144" t="s">
        <v>684</v>
      </c>
      <c r="K3144">
        <v>22</v>
      </c>
      <c r="L3144" t="s">
        <v>2383</v>
      </c>
      <c r="M3144">
        <v>2464</v>
      </c>
      <c r="N3144" t="s">
        <v>654</v>
      </c>
      <c r="O3144">
        <v>3</v>
      </c>
      <c r="P3144" t="s">
        <v>655</v>
      </c>
      <c r="Q3144">
        <v>1</v>
      </c>
      <c r="R3144" t="s">
        <v>656</v>
      </c>
      <c r="S3144">
        <v>2</v>
      </c>
      <c r="T3144" t="s">
        <v>661</v>
      </c>
      <c r="U3144">
        <v>8</v>
      </c>
      <c r="V3144">
        <v>2</v>
      </c>
      <c r="W3144">
        <v>120</v>
      </c>
      <c r="X3144">
        <v>2020</v>
      </c>
    </row>
    <row r="3145" spans="1:24" x14ac:dyDescent="0.25">
      <c r="A3145">
        <v>8119</v>
      </c>
      <c r="B3145" t="s">
        <v>74</v>
      </c>
      <c r="C3145">
        <v>40</v>
      </c>
      <c r="D3145" t="s">
        <v>353</v>
      </c>
      <c r="E3145">
        <v>317</v>
      </c>
      <c r="F3145" t="s">
        <v>651</v>
      </c>
      <c r="G3145">
        <v>160</v>
      </c>
      <c r="H3145" t="s">
        <v>697</v>
      </c>
      <c r="I3145">
        <v>11198</v>
      </c>
      <c r="J3145" t="s">
        <v>684</v>
      </c>
      <c r="K3145">
        <v>22</v>
      </c>
      <c r="L3145" t="s">
        <v>2384</v>
      </c>
      <c r="M3145">
        <v>2463</v>
      </c>
      <c r="N3145" t="s">
        <v>654</v>
      </c>
      <c r="O3145">
        <v>3</v>
      </c>
      <c r="P3145" t="s">
        <v>655</v>
      </c>
      <c r="Q3145">
        <v>1</v>
      </c>
      <c r="R3145" t="s">
        <v>656</v>
      </c>
      <c r="S3145">
        <v>2</v>
      </c>
      <c r="T3145" t="s">
        <v>661</v>
      </c>
      <c r="U3145">
        <v>8</v>
      </c>
      <c r="V3145">
        <v>2</v>
      </c>
      <c r="W3145">
        <v>120</v>
      </c>
      <c r="X3145">
        <v>2020</v>
      </c>
    </row>
    <row r="3146" spans="1:24" x14ac:dyDescent="0.25">
      <c r="A3146">
        <v>8118</v>
      </c>
      <c r="B3146" t="s">
        <v>74</v>
      </c>
      <c r="C3146">
        <v>40</v>
      </c>
      <c r="D3146" t="s">
        <v>353</v>
      </c>
      <c r="E3146">
        <v>317</v>
      </c>
      <c r="F3146" t="s">
        <v>651</v>
      </c>
      <c r="G3146">
        <v>160</v>
      </c>
      <c r="H3146" t="s">
        <v>697</v>
      </c>
      <c r="I3146">
        <v>11198</v>
      </c>
      <c r="J3146" t="s">
        <v>684</v>
      </c>
      <c r="K3146">
        <v>22</v>
      </c>
      <c r="L3146" t="s">
        <v>2385</v>
      </c>
      <c r="M3146">
        <v>2462</v>
      </c>
      <c r="N3146" t="s">
        <v>654</v>
      </c>
      <c r="O3146">
        <v>3</v>
      </c>
      <c r="P3146" t="s">
        <v>655</v>
      </c>
      <c r="Q3146">
        <v>1</v>
      </c>
      <c r="R3146" t="s">
        <v>656</v>
      </c>
      <c r="S3146">
        <v>2</v>
      </c>
      <c r="T3146" t="s">
        <v>661</v>
      </c>
      <c r="U3146">
        <v>8</v>
      </c>
      <c r="V3146">
        <v>2</v>
      </c>
      <c r="W3146">
        <v>120</v>
      </c>
      <c r="X3146">
        <v>2020</v>
      </c>
    </row>
    <row r="3147" spans="1:24" x14ac:dyDescent="0.25">
      <c r="A3147">
        <v>8117</v>
      </c>
      <c r="B3147" t="s">
        <v>74</v>
      </c>
      <c r="C3147">
        <v>40</v>
      </c>
      <c r="D3147" t="s">
        <v>483</v>
      </c>
      <c r="E3147">
        <v>316</v>
      </c>
      <c r="F3147" t="s">
        <v>651</v>
      </c>
      <c r="G3147">
        <v>160</v>
      </c>
      <c r="H3147" t="s">
        <v>697</v>
      </c>
      <c r="I3147">
        <v>11198</v>
      </c>
      <c r="J3147" t="s">
        <v>955</v>
      </c>
      <c r="K3147">
        <v>29</v>
      </c>
      <c r="L3147" t="s">
        <v>955</v>
      </c>
      <c r="M3147">
        <v>1061</v>
      </c>
      <c r="N3147" t="s">
        <v>654</v>
      </c>
      <c r="O3147">
        <v>3</v>
      </c>
      <c r="P3147" t="s">
        <v>655</v>
      </c>
      <c r="Q3147">
        <v>1</v>
      </c>
      <c r="R3147" t="s">
        <v>656</v>
      </c>
      <c r="S3147">
        <v>2</v>
      </c>
      <c r="T3147" t="s">
        <v>661</v>
      </c>
      <c r="U3147">
        <v>8</v>
      </c>
      <c r="V3147">
        <v>2</v>
      </c>
      <c r="W3147">
        <v>120</v>
      </c>
      <c r="X3147">
        <v>2020</v>
      </c>
    </row>
    <row r="3148" spans="1:24" x14ac:dyDescent="0.25">
      <c r="A3148">
        <v>8115</v>
      </c>
      <c r="B3148" t="s">
        <v>74</v>
      </c>
      <c r="C3148">
        <v>40</v>
      </c>
      <c r="D3148" t="s">
        <v>483</v>
      </c>
      <c r="E3148">
        <v>316</v>
      </c>
      <c r="F3148" t="s">
        <v>651</v>
      </c>
      <c r="G3148">
        <v>160</v>
      </c>
      <c r="H3148" t="s">
        <v>697</v>
      </c>
      <c r="I3148">
        <v>11198</v>
      </c>
      <c r="J3148" t="s">
        <v>299</v>
      </c>
      <c r="K3148">
        <v>27</v>
      </c>
      <c r="L3148" t="s">
        <v>2386</v>
      </c>
      <c r="M3148">
        <v>2460</v>
      </c>
      <c r="N3148" t="s">
        <v>654</v>
      </c>
      <c r="O3148">
        <v>3</v>
      </c>
      <c r="P3148" t="s">
        <v>655</v>
      </c>
      <c r="Q3148">
        <v>1</v>
      </c>
      <c r="R3148" t="s">
        <v>656</v>
      </c>
      <c r="S3148">
        <v>2</v>
      </c>
      <c r="T3148" t="s">
        <v>661</v>
      </c>
      <c r="U3148">
        <v>8</v>
      </c>
      <c r="V3148">
        <v>2</v>
      </c>
      <c r="W3148">
        <v>120</v>
      </c>
      <c r="X3148">
        <v>2020</v>
      </c>
    </row>
    <row r="3149" spans="1:24" x14ac:dyDescent="0.25">
      <c r="A3149">
        <v>8114</v>
      </c>
      <c r="B3149" t="s">
        <v>74</v>
      </c>
      <c r="C3149">
        <v>40</v>
      </c>
      <c r="D3149" t="s">
        <v>483</v>
      </c>
      <c r="E3149">
        <v>316</v>
      </c>
      <c r="F3149" t="s">
        <v>651</v>
      </c>
      <c r="G3149">
        <v>160</v>
      </c>
      <c r="H3149" t="s">
        <v>697</v>
      </c>
      <c r="I3149">
        <v>11198</v>
      </c>
      <c r="J3149" t="s">
        <v>299</v>
      </c>
      <c r="K3149">
        <v>27</v>
      </c>
      <c r="L3149" t="s">
        <v>2387</v>
      </c>
      <c r="M3149">
        <v>2459</v>
      </c>
      <c r="N3149" t="s">
        <v>654</v>
      </c>
      <c r="O3149">
        <v>3</v>
      </c>
      <c r="P3149" t="s">
        <v>655</v>
      </c>
      <c r="Q3149">
        <v>1</v>
      </c>
      <c r="R3149" t="s">
        <v>656</v>
      </c>
      <c r="S3149">
        <v>2</v>
      </c>
      <c r="T3149" t="s">
        <v>661</v>
      </c>
      <c r="U3149">
        <v>8</v>
      </c>
      <c r="V3149">
        <v>2</v>
      </c>
      <c r="W3149">
        <v>120</v>
      </c>
      <c r="X3149">
        <v>2020</v>
      </c>
    </row>
    <row r="3150" spans="1:24" x14ac:dyDescent="0.25">
      <c r="A3150">
        <v>8113</v>
      </c>
      <c r="B3150" t="s">
        <v>74</v>
      </c>
      <c r="C3150">
        <v>40</v>
      </c>
      <c r="D3150" t="s">
        <v>73</v>
      </c>
      <c r="E3150">
        <v>1248</v>
      </c>
      <c r="F3150" t="s">
        <v>651</v>
      </c>
      <c r="G3150">
        <v>160</v>
      </c>
      <c r="H3150" t="s">
        <v>697</v>
      </c>
      <c r="I3150">
        <v>11198</v>
      </c>
      <c r="J3150" t="s">
        <v>682</v>
      </c>
      <c r="K3150">
        <v>20</v>
      </c>
      <c r="L3150" t="s">
        <v>2388</v>
      </c>
      <c r="M3150">
        <v>2458</v>
      </c>
      <c r="N3150" t="s">
        <v>654</v>
      </c>
      <c r="O3150">
        <v>3</v>
      </c>
      <c r="P3150" t="s">
        <v>655</v>
      </c>
      <c r="Q3150">
        <v>1</v>
      </c>
      <c r="R3150" t="s">
        <v>656</v>
      </c>
      <c r="S3150">
        <v>2</v>
      </c>
      <c r="T3150" t="s">
        <v>661</v>
      </c>
      <c r="U3150">
        <v>8</v>
      </c>
      <c r="V3150">
        <v>2</v>
      </c>
      <c r="W3150">
        <v>120</v>
      </c>
      <c r="X3150">
        <v>2020</v>
      </c>
    </row>
    <row r="3151" spans="1:24" x14ac:dyDescent="0.25">
      <c r="A3151">
        <v>8112</v>
      </c>
      <c r="B3151" t="s">
        <v>74</v>
      </c>
      <c r="C3151">
        <v>40</v>
      </c>
      <c r="D3151" t="s">
        <v>483</v>
      </c>
      <c r="E3151">
        <v>316</v>
      </c>
      <c r="F3151" t="s">
        <v>651</v>
      </c>
      <c r="G3151">
        <v>160</v>
      </c>
      <c r="H3151" t="s">
        <v>697</v>
      </c>
      <c r="I3151">
        <v>11198</v>
      </c>
      <c r="J3151" t="s">
        <v>682</v>
      </c>
      <c r="K3151">
        <v>20</v>
      </c>
      <c r="L3151" t="s">
        <v>2389</v>
      </c>
      <c r="M3151">
        <v>2457</v>
      </c>
      <c r="N3151" t="s">
        <v>654</v>
      </c>
      <c r="O3151">
        <v>3</v>
      </c>
      <c r="P3151" t="s">
        <v>655</v>
      </c>
      <c r="Q3151">
        <v>1</v>
      </c>
      <c r="R3151" t="s">
        <v>656</v>
      </c>
      <c r="S3151">
        <v>2</v>
      </c>
      <c r="T3151" t="s">
        <v>661</v>
      </c>
      <c r="U3151">
        <v>8</v>
      </c>
      <c r="V3151">
        <v>2</v>
      </c>
      <c r="W3151">
        <v>120</v>
      </c>
      <c r="X3151">
        <v>2020</v>
      </c>
    </row>
    <row r="3152" spans="1:24" x14ac:dyDescent="0.25">
      <c r="A3152">
        <v>8111</v>
      </c>
      <c r="B3152" t="s">
        <v>74</v>
      </c>
      <c r="C3152">
        <v>40</v>
      </c>
      <c r="D3152" t="s">
        <v>483</v>
      </c>
      <c r="E3152">
        <v>316</v>
      </c>
      <c r="F3152" t="s">
        <v>651</v>
      </c>
      <c r="G3152">
        <v>160</v>
      </c>
      <c r="H3152" t="s">
        <v>697</v>
      </c>
      <c r="I3152">
        <v>11198</v>
      </c>
      <c r="J3152" t="s">
        <v>301</v>
      </c>
      <c r="K3152">
        <v>26</v>
      </c>
      <c r="L3152" t="s">
        <v>2390</v>
      </c>
      <c r="M3152">
        <v>2456</v>
      </c>
      <c r="N3152" t="s">
        <v>654</v>
      </c>
      <c r="O3152">
        <v>3</v>
      </c>
      <c r="P3152" t="s">
        <v>655</v>
      </c>
      <c r="Q3152">
        <v>1</v>
      </c>
      <c r="R3152" t="s">
        <v>656</v>
      </c>
      <c r="S3152">
        <v>2</v>
      </c>
      <c r="T3152" t="s">
        <v>661</v>
      </c>
      <c r="U3152">
        <v>8</v>
      </c>
      <c r="V3152">
        <v>2</v>
      </c>
      <c r="W3152">
        <v>120</v>
      </c>
      <c r="X3152">
        <v>2020</v>
      </c>
    </row>
    <row r="3153" spans="1:24" x14ac:dyDescent="0.25">
      <c r="A3153">
        <v>8110</v>
      </c>
      <c r="B3153" t="s">
        <v>74</v>
      </c>
      <c r="C3153">
        <v>40</v>
      </c>
      <c r="D3153" t="s">
        <v>483</v>
      </c>
      <c r="E3153">
        <v>316</v>
      </c>
      <c r="F3153" t="s">
        <v>651</v>
      </c>
      <c r="G3153">
        <v>160</v>
      </c>
      <c r="H3153" t="s">
        <v>697</v>
      </c>
      <c r="I3153">
        <v>11198</v>
      </c>
      <c r="J3153" t="s">
        <v>301</v>
      </c>
      <c r="K3153">
        <v>26</v>
      </c>
      <c r="L3153" t="s">
        <v>2391</v>
      </c>
      <c r="M3153">
        <v>1951</v>
      </c>
      <c r="N3153" t="s">
        <v>654</v>
      </c>
      <c r="O3153">
        <v>3</v>
      </c>
      <c r="P3153" t="s">
        <v>655</v>
      </c>
      <c r="Q3153">
        <v>1</v>
      </c>
      <c r="R3153" t="s">
        <v>656</v>
      </c>
      <c r="S3153">
        <v>2</v>
      </c>
      <c r="T3153" t="s">
        <v>661</v>
      </c>
      <c r="U3153">
        <v>8</v>
      </c>
      <c r="V3153">
        <v>2</v>
      </c>
      <c r="W3153">
        <v>120</v>
      </c>
      <c r="X3153">
        <v>2020</v>
      </c>
    </row>
    <row r="3154" spans="1:24" x14ac:dyDescent="0.25">
      <c r="A3154">
        <v>8107</v>
      </c>
      <c r="B3154" t="s">
        <v>74</v>
      </c>
      <c r="C3154">
        <v>40</v>
      </c>
      <c r="D3154" t="s">
        <v>483</v>
      </c>
      <c r="E3154">
        <v>316</v>
      </c>
      <c r="F3154" t="s">
        <v>651</v>
      </c>
      <c r="G3154">
        <v>160</v>
      </c>
      <c r="H3154" t="s">
        <v>697</v>
      </c>
      <c r="I3154">
        <v>11198</v>
      </c>
      <c r="J3154" t="s">
        <v>301</v>
      </c>
      <c r="K3154">
        <v>26</v>
      </c>
      <c r="L3154" t="s">
        <v>2392</v>
      </c>
      <c r="M3154">
        <v>2453</v>
      </c>
      <c r="N3154" t="s">
        <v>654</v>
      </c>
      <c r="O3154">
        <v>3</v>
      </c>
      <c r="P3154" t="s">
        <v>655</v>
      </c>
      <c r="Q3154">
        <v>1</v>
      </c>
      <c r="R3154" t="s">
        <v>656</v>
      </c>
      <c r="S3154">
        <v>2</v>
      </c>
      <c r="T3154" t="s">
        <v>661</v>
      </c>
      <c r="U3154">
        <v>8</v>
      </c>
      <c r="V3154">
        <v>2</v>
      </c>
      <c r="W3154">
        <v>120</v>
      </c>
      <c r="X3154">
        <v>2020</v>
      </c>
    </row>
    <row r="3155" spans="1:24" x14ac:dyDescent="0.25">
      <c r="A3155">
        <v>8106</v>
      </c>
      <c r="B3155" t="s">
        <v>74</v>
      </c>
      <c r="C3155">
        <v>40</v>
      </c>
      <c r="D3155" t="s">
        <v>484</v>
      </c>
      <c r="E3155">
        <v>315</v>
      </c>
      <c r="F3155" t="s">
        <v>651</v>
      </c>
      <c r="G3155">
        <v>160</v>
      </c>
      <c r="H3155" t="s">
        <v>697</v>
      </c>
      <c r="I3155">
        <v>11198</v>
      </c>
      <c r="J3155" t="s">
        <v>678</v>
      </c>
      <c r="K3155">
        <v>41</v>
      </c>
      <c r="L3155" t="s">
        <v>2393</v>
      </c>
      <c r="M3155">
        <v>2452</v>
      </c>
      <c r="N3155" t="s">
        <v>654</v>
      </c>
      <c r="O3155">
        <v>3</v>
      </c>
      <c r="P3155" t="s">
        <v>655</v>
      </c>
      <c r="Q3155">
        <v>1</v>
      </c>
      <c r="R3155" t="s">
        <v>656</v>
      </c>
      <c r="S3155">
        <v>2</v>
      </c>
      <c r="T3155" t="s">
        <v>661</v>
      </c>
      <c r="U3155">
        <v>8</v>
      </c>
      <c r="V3155">
        <v>2</v>
      </c>
      <c r="W3155">
        <v>120</v>
      </c>
      <c r="X3155">
        <v>2020</v>
      </c>
    </row>
    <row r="3156" spans="1:24" x14ac:dyDescent="0.25">
      <c r="A3156">
        <v>8105</v>
      </c>
      <c r="B3156" t="s">
        <v>74</v>
      </c>
      <c r="C3156">
        <v>40</v>
      </c>
      <c r="D3156" t="s">
        <v>484</v>
      </c>
      <c r="E3156">
        <v>315</v>
      </c>
      <c r="F3156" t="s">
        <v>651</v>
      </c>
      <c r="G3156">
        <v>160</v>
      </c>
      <c r="H3156" t="s">
        <v>697</v>
      </c>
      <c r="I3156">
        <v>11198</v>
      </c>
      <c r="J3156" t="s">
        <v>678</v>
      </c>
      <c r="K3156">
        <v>41</v>
      </c>
      <c r="L3156" t="s">
        <v>2394</v>
      </c>
      <c r="M3156">
        <v>2451</v>
      </c>
      <c r="N3156" t="s">
        <v>654</v>
      </c>
      <c r="O3156">
        <v>3</v>
      </c>
      <c r="P3156" t="s">
        <v>655</v>
      </c>
      <c r="Q3156">
        <v>1</v>
      </c>
      <c r="R3156" t="s">
        <v>656</v>
      </c>
      <c r="S3156">
        <v>2</v>
      </c>
      <c r="T3156" t="s">
        <v>661</v>
      </c>
      <c r="U3156">
        <v>8</v>
      </c>
      <c r="V3156">
        <v>2</v>
      </c>
      <c r="W3156">
        <v>120</v>
      </c>
      <c r="X3156">
        <v>2020</v>
      </c>
    </row>
    <row r="3157" spans="1:24" x14ac:dyDescent="0.25">
      <c r="A3157">
        <v>8099</v>
      </c>
      <c r="B3157" t="s">
        <v>74</v>
      </c>
      <c r="C3157">
        <v>40</v>
      </c>
      <c r="D3157" t="s">
        <v>485</v>
      </c>
      <c r="E3157">
        <v>314</v>
      </c>
      <c r="F3157" t="s">
        <v>651</v>
      </c>
      <c r="G3157">
        <v>160</v>
      </c>
      <c r="H3157" t="s">
        <v>697</v>
      </c>
      <c r="I3157">
        <v>11198</v>
      </c>
      <c r="J3157" t="s">
        <v>663</v>
      </c>
      <c r="K3157">
        <v>99</v>
      </c>
      <c r="L3157" t="s">
        <v>2395</v>
      </c>
      <c r="M3157">
        <v>2445</v>
      </c>
      <c r="N3157" t="s">
        <v>654</v>
      </c>
      <c r="O3157">
        <v>3</v>
      </c>
      <c r="P3157" t="s">
        <v>655</v>
      </c>
      <c r="Q3157">
        <v>1</v>
      </c>
      <c r="R3157" t="s">
        <v>656</v>
      </c>
      <c r="S3157">
        <v>2</v>
      </c>
      <c r="T3157" t="s">
        <v>718</v>
      </c>
      <c r="U3157">
        <v>2</v>
      </c>
      <c r="V3157">
        <v>2</v>
      </c>
      <c r="W3157">
        <v>120</v>
      </c>
      <c r="X3157">
        <v>2020</v>
      </c>
    </row>
    <row r="3158" spans="1:24" x14ac:dyDescent="0.25">
      <c r="A3158">
        <v>8098</v>
      </c>
      <c r="B3158" t="s">
        <v>74</v>
      </c>
      <c r="C3158">
        <v>40</v>
      </c>
      <c r="D3158" t="s">
        <v>485</v>
      </c>
      <c r="E3158">
        <v>314</v>
      </c>
      <c r="F3158" t="s">
        <v>651</v>
      </c>
      <c r="G3158">
        <v>160</v>
      </c>
      <c r="H3158" t="s">
        <v>697</v>
      </c>
      <c r="I3158">
        <v>11198</v>
      </c>
      <c r="J3158" t="s">
        <v>663</v>
      </c>
      <c r="K3158">
        <v>99</v>
      </c>
      <c r="L3158" t="s">
        <v>2396</v>
      </c>
      <c r="M3158">
        <v>2444</v>
      </c>
      <c r="N3158" t="s">
        <v>654</v>
      </c>
      <c r="O3158">
        <v>3</v>
      </c>
      <c r="P3158" t="s">
        <v>655</v>
      </c>
      <c r="Q3158">
        <v>1</v>
      </c>
      <c r="R3158" t="s">
        <v>656</v>
      </c>
      <c r="S3158">
        <v>2</v>
      </c>
      <c r="T3158" t="s">
        <v>661</v>
      </c>
      <c r="U3158">
        <v>8</v>
      </c>
      <c r="V3158">
        <v>2</v>
      </c>
      <c r="W3158">
        <v>120</v>
      </c>
      <c r="X3158">
        <v>2020</v>
      </c>
    </row>
    <row r="3159" spans="1:24" x14ac:dyDescent="0.25">
      <c r="A3159">
        <v>8097</v>
      </c>
      <c r="B3159" t="s">
        <v>74</v>
      </c>
      <c r="C3159">
        <v>40</v>
      </c>
      <c r="D3159" t="s">
        <v>485</v>
      </c>
      <c r="E3159">
        <v>314</v>
      </c>
      <c r="F3159" t="s">
        <v>651</v>
      </c>
      <c r="G3159">
        <v>160</v>
      </c>
      <c r="H3159" t="s">
        <v>697</v>
      </c>
      <c r="I3159">
        <v>11198</v>
      </c>
      <c r="J3159" t="s">
        <v>663</v>
      </c>
      <c r="K3159">
        <v>99</v>
      </c>
      <c r="L3159" t="s">
        <v>2397</v>
      </c>
      <c r="M3159">
        <v>2443</v>
      </c>
      <c r="N3159" t="s">
        <v>654</v>
      </c>
      <c r="O3159">
        <v>3</v>
      </c>
      <c r="P3159" t="s">
        <v>655</v>
      </c>
      <c r="Q3159">
        <v>1</v>
      </c>
      <c r="R3159" t="s">
        <v>656</v>
      </c>
      <c r="S3159">
        <v>2</v>
      </c>
      <c r="T3159" t="s">
        <v>661</v>
      </c>
      <c r="U3159">
        <v>8</v>
      </c>
      <c r="V3159">
        <v>2</v>
      </c>
      <c r="W3159">
        <v>120</v>
      </c>
      <c r="X3159">
        <v>2020</v>
      </c>
    </row>
    <row r="3160" spans="1:24" x14ac:dyDescent="0.25">
      <c r="A3160">
        <v>8095</v>
      </c>
      <c r="B3160" t="s">
        <v>74</v>
      </c>
      <c r="C3160">
        <v>40</v>
      </c>
      <c r="D3160" t="s">
        <v>485</v>
      </c>
      <c r="E3160">
        <v>314</v>
      </c>
      <c r="F3160" t="s">
        <v>651</v>
      </c>
      <c r="G3160">
        <v>160</v>
      </c>
      <c r="H3160" t="s">
        <v>697</v>
      </c>
      <c r="I3160">
        <v>11198</v>
      </c>
      <c r="J3160" t="s">
        <v>663</v>
      </c>
      <c r="K3160">
        <v>99</v>
      </c>
      <c r="L3160" t="s">
        <v>2398</v>
      </c>
      <c r="M3160">
        <v>2441</v>
      </c>
      <c r="N3160" t="s">
        <v>654</v>
      </c>
      <c r="O3160">
        <v>3</v>
      </c>
      <c r="P3160" t="s">
        <v>655</v>
      </c>
      <c r="Q3160">
        <v>1</v>
      </c>
      <c r="R3160" t="s">
        <v>656</v>
      </c>
      <c r="S3160">
        <v>2</v>
      </c>
      <c r="T3160" t="s">
        <v>769</v>
      </c>
      <c r="U3160">
        <v>3</v>
      </c>
      <c r="V3160">
        <v>2</v>
      </c>
      <c r="W3160">
        <v>120</v>
      </c>
      <c r="X3160">
        <v>2020</v>
      </c>
    </row>
    <row r="3161" spans="1:24" x14ac:dyDescent="0.25">
      <c r="A3161">
        <v>8092</v>
      </c>
      <c r="B3161" t="s">
        <v>74</v>
      </c>
      <c r="C3161">
        <v>40</v>
      </c>
      <c r="D3161" t="s">
        <v>486</v>
      </c>
      <c r="E3161">
        <v>313</v>
      </c>
      <c r="F3161" t="s">
        <v>651</v>
      </c>
      <c r="G3161">
        <v>160</v>
      </c>
      <c r="H3161" t="s">
        <v>697</v>
      </c>
      <c r="I3161">
        <v>11198</v>
      </c>
      <c r="J3161" t="s">
        <v>866</v>
      </c>
      <c r="K3161">
        <v>9</v>
      </c>
      <c r="L3161" t="s">
        <v>2399</v>
      </c>
      <c r="M3161">
        <v>2438</v>
      </c>
      <c r="N3161" t="s">
        <v>654</v>
      </c>
      <c r="O3161">
        <v>3</v>
      </c>
      <c r="P3161" t="s">
        <v>655</v>
      </c>
      <c r="Q3161">
        <v>1</v>
      </c>
      <c r="R3161" t="s">
        <v>656</v>
      </c>
      <c r="S3161">
        <v>2</v>
      </c>
      <c r="T3161" t="s">
        <v>661</v>
      </c>
      <c r="U3161">
        <v>8</v>
      </c>
      <c r="V3161">
        <v>2</v>
      </c>
      <c r="W3161">
        <v>120</v>
      </c>
      <c r="X3161">
        <v>2020</v>
      </c>
    </row>
    <row r="3162" spans="1:24" x14ac:dyDescent="0.25">
      <c r="A3162">
        <v>8091</v>
      </c>
      <c r="B3162" t="s">
        <v>74</v>
      </c>
      <c r="C3162">
        <v>40</v>
      </c>
      <c r="D3162" t="s">
        <v>486</v>
      </c>
      <c r="E3162">
        <v>313</v>
      </c>
      <c r="F3162" t="s">
        <v>651</v>
      </c>
      <c r="G3162">
        <v>160</v>
      </c>
      <c r="H3162" t="s">
        <v>697</v>
      </c>
      <c r="I3162">
        <v>11198</v>
      </c>
      <c r="J3162" t="s">
        <v>792</v>
      </c>
      <c r="K3162">
        <v>6</v>
      </c>
      <c r="L3162" t="s">
        <v>2400</v>
      </c>
      <c r="M3162">
        <v>2058</v>
      </c>
      <c r="N3162" t="s">
        <v>654</v>
      </c>
      <c r="O3162">
        <v>3</v>
      </c>
      <c r="P3162" t="s">
        <v>655</v>
      </c>
      <c r="Q3162">
        <v>1</v>
      </c>
      <c r="R3162" t="s">
        <v>656</v>
      </c>
      <c r="S3162">
        <v>2</v>
      </c>
      <c r="T3162" t="s">
        <v>661</v>
      </c>
      <c r="U3162">
        <v>8</v>
      </c>
      <c r="V3162">
        <v>2</v>
      </c>
      <c r="W3162">
        <v>120</v>
      </c>
      <c r="X3162">
        <v>2020</v>
      </c>
    </row>
    <row r="3163" spans="1:24" x14ac:dyDescent="0.25">
      <c r="A3163">
        <v>8090</v>
      </c>
      <c r="B3163" t="s">
        <v>74</v>
      </c>
      <c r="C3163">
        <v>40</v>
      </c>
      <c r="D3163" t="s">
        <v>486</v>
      </c>
      <c r="E3163">
        <v>313</v>
      </c>
      <c r="F3163" t="s">
        <v>651</v>
      </c>
      <c r="G3163">
        <v>160</v>
      </c>
      <c r="H3163" t="s">
        <v>697</v>
      </c>
      <c r="I3163">
        <v>11198</v>
      </c>
      <c r="J3163" t="s">
        <v>792</v>
      </c>
      <c r="K3163">
        <v>6</v>
      </c>
      <c r="L3163" t="s">
        <v>2401</v>
      </c>
      <c r="M3163">
        <v>2437</v>
      </c>
      <c r="N3163" t="s">
        <v>654</v>
      </c>
      <c r="O3163">
        <v>3</v>
      </c>
      <c r="P3163" t="s">
        <v>655</v>
      </c>
      <c r="Q3163">
        <v>1</v>
      </c>
      <c r="R3163" t="s">
        <v>656</v>
      </c>
      <c r="S3163">
        <v>2</v>
      </c>
      <c r="T3163" t="s">
        <v>661</v>
      </c>
      <c r="U3163">
        <v>8</v>
      </c>
      <c r="V3163">
        <v>2</v>
      </c>
      <c r="W3163">
        <v>120</v>
      </c>
      <c r="X3163">
        <v>2020</v>
      </c>
    </row>
    <row r="3164" spans="1:24" x14ac:dyDescent="0.25">
      <c r="A3164">
        <v>8089</v>
      </c>
      <c r="B3164" t="s">
        <v>74</v>
      </c>
      <c r="C3164">
        <v>40</v>
      </c>
      <c r="D3164" t="s">
        <v>486</v>
      </c>
      <c r="E3164">
        <v>313</v>
      </c>
      <c r="F3164" t="s">
        <v>651</v>
      </c>
      <c r="G3164">
        <v>160</v>
      </c>
      <c r="H3164" t="s">
        <v>697</v>
      </c>
      <c r="I3164">
        <v>11198</v>
      </c>
      <c r="J3164" t="s">
        <v>802</v>
      </c>
      <c r="K3164">
        <v>12</v>
      </c>
      <c r="L3164" t="s">
        <v>2402</v>
      </c>
      <c r="M3164">
        <v>2436</v>
      </c>
      <c r="N3164" t="s">
        <v>654</v>
      </c>
      <c r="O3164">
        <v>3</v>
      </c>
      <c r="P3164" t="s">
        <v>655</v>
      </c>
      <c r="Q3164">
        <v>1</v>
      </c>
      <c r="R3164" t="s">
        <v>656</v>
      </c>
      <c r="S3164">
        <v>2</v>
      </c>
      <c r="T3164" t="s">
        <v>661</v>
      </c>
      <c r="U3164">
        <v>8</v>
      </c>
      <c r="V3164">
        <v>2</v>
      </c>
      <c r="W3164">
        <v>120</v>
      </c>
      <c r="X3164">
        <v>2020</v>
      </c>
    </row>
    <row r="3165" spans="1:24" x14ac:dyDescent="0.25">
      <c r="A3165">
        <v>8088</v>
      </c>
      <c r="B3165" t="s">
        <v>74</v>
      </c>
      <c r="C3165">
        <v>40</v>
      </c>
      <c r="D3165" t="s">
        <v>486</v>
      </c>
      <c r="E3165">
        <v>313</v>
      </c>
      <c r="F3165" t="s">
        <v>651</v>
      </c>
      <c r="G3165">
        <v>160</v>
      </c>
      <c r="H3165" t="s">
        <v>697</v>
      </c>
      <c r="I3165">
        <v>11198</v>
      </c>
      <c r="J3165" t="s">
        <v>802</v>
      </c>
      <c r="K3165">
        <v>12</v>
      </c>
      <c r="L3165" t="s">
        <v>2403</v>
      </c>
      <c r="M3165">
        <v>855</v>
      </c>
      <c r="N3165" t="s">
        <v>654</v>
      </c>
      <c r="O3165">
        <v>3</v>
      </c>
      <c r="P3165" t="s">
        <v>655</v>
      </c>
      <c r="Q3165">
        <v>1</v>
      </c>
      <c r="R3165" t="s">
        <v>656</v>
      </c>
      <c r="S3165">
        <v>2</v>
      </c>
      <c r="T3165" t="s">
        <v>661</v>
      </c>
      <c r="U3165">
        <v>8</v>
      </c>
      <c r="V3165">
        <v>2</v>
      </c>
      <c r="W3165">
        <v>120</v>
      </c>
      <c r="X3165">
        <v>2020</v>
      </c>
    </row>
    <row r="3166" spans="1:24" x14ac:dyDescent="0.25">
      <c r="A3166">
        <v>8087</v>
      </c>
      <c r="B3166" t="s">
        <v>74</v>
      </c>
      <c r="C3166">
        <v>40</v>
      </c>
      <c r="D3166" t="s">
        <v>486</v>
      </c>
      <c r="E3166">
        <v>313</v>
      </c>
      <c r="F3166" t="s">
        <v>651</v>
      </c>
      <c r="G3166">
        <v>160</v>
      </c>
      <c r="H3166" t="s">
        <v>697</v>
      </c>
      <c r="I3166">
        <v>11198</v>
      </c>
      <c r="J3166" t="s">
        <v>802</v>
      </c>
      <c r="K3166">
        <v>12</v>
      </c>
      <c r="L3166" t="s">
        <v>2404</v>
      </c>
      <c r="M3166">
        <v>2435</v>
      </c>
      <c r="N3166" t="s">
        <v>654</v>
      </c>
      <c r="O3166">
        <v>3</v>
      </c>
      <c r="P3166" t="s">
        <v>655</v>
      </c>
      <c r="Q3166">
        <v>1</v>
      </c>
      <c r="R3166" t="s">
        <v>656</v>
      </c>
      <c r="S3166">
        <v>2</v>
      </c>
      <c r="T3166" t="s">
        <v>661</v>
      </c>
      <c r="U3166">
        <v>8</v>
      </c>
      <c r="V3166">
        <v>2</v>
      </c>
      <c r="W3166">
        <v>120</v>
      </c>
      <c r="X3166">
        <v>2020</v>
      </c>
    </row>
    <row r="3167" spans="1:24" x14ac:dyDescent="0.25">
      <c r="A3167">
        <v>8086</v>
      </c>
      <c r="B3167" t="s">
        <v>74</v>
      </c>
      <c r="C3167">
        <v>40</v>
      </c>
      <c r="D3167" t="s">
        <v>486</v>
      </c>
      <c r="E3167">
        <v>313</v>
      </c>
      <c r="F3167" t="s">
        <v>651</v>
      </c>
      <c r="G3167">
        <v>160</v>
      </c>
      <c r="H3167" t="s">
        <v>697</v>
      </c>
      <c r="I3167">
        <v>11198</v>
      </c>
      <c r="J3167" t="s">
        <v>756</v>
      </c>
      <c r="K3167">
        <v>19</v>
      </c>
      <c r="L3167" t="s">
        <v>2405</v>
      </c>
      <c r="M3167">
        <v>2434</v>
      </c>
      <c r="N3167" t="s">
        <v>654</v>
      </c>
      <c r="O3167">
        <v>3</v>
      </c>
      <c r="P3167" t="s">
        <v>655</v>
      </c>
      <c r="Q3167">
        <v>1</v>
      </c>
      <c r="R3167" t="s">
        <v>656</v>
      </c>
      <c r="S3167">
        <v>2</v>
      </c>
      <c r="T3167" t="s">
        <v>661</v>
      </c>
      <c r="U3167">
        <v>8</v>
      </c>
      <c r="V3167">
        <v>2</v>
      </c>
      <c r="W3167">
        <v>120</v>
      </c>
      <c r="X3167">
        <v>2020</v>
      </c>
    </row>
    <row r="3168" spans="1:24" x14ac:dyDescent="0.25">
      <c r="A3168">
        <v>8085</v>
      </c>
      <c r="B3168" t="s">
        <v>74</v>
      </c>
      <c r="C3168">
        <v>40</v>
      </c>
      <c r="D3168" t="s">
        <v>487</v>
      </c>
      <c r="E3168">
        <v>312</v>
      </c>
      <c r="F3168" t="s">
        <v>651</v>
      </c>
      <c r="G3168">
        <v>160</v>
      </c>
      <c r="H3168" t="s">
        <v>697</v>
      </c>
      <c r="I3168">
        <v>11198</v>
      </c>
      <c r="J3168" t="s">
        <v>716</v>
      </c>
      <c r="K3168">
        <v>68</v>
      </c>
      <c r="L3168" t="s">
        <v>1549</v>
      </c>
      <c r="M3168">
        <v>2166</v>
      </c>
      <c r="N3168" t="s">
        <v>654</v>
      </c>
      <c r="O3168">
        <v>3</v>
      </c>
      <c r="P3168" t="s">
        <v>655</v>
      </c>
      <c r="Q3168">
        <v>1</v>
      </c>
      <c r="R3168" t="s">
        <v>656</v>
      </c>
      <c r="S3168">
        <v>2</v>
      </c>
      <c r="T3168" t="s">
        <v>661</v>
      </c>
      <c r="U3168">
        <v>8</v>
      </c>
      <c r="V3168">
        <v>1.5</v>
      </c>
      <c r="W3168">
        <v>90</v>
      </c>
      <c r="X3168">
        <v>2020</v>
      </c>
    </row>
    <row r="3169" spans="1:24" x14ac:dyDescent="0.25">
      <c r="A3169">
        <v>8084</v>
      </c>
      <c r="B3169" t="s">
        <v>74</v>
      </c>
      <c r="C3169">
        <v>40</v>
      </c>
      <c r="D3169" t="s">
        <v>487</v>
      </c>
      <c r="E3169">
        <v>312</v>
      </c>
      <c r="F3169" t="s">
        <v>651</v>
      </c>
      <c r="G3169">
        <v>160</v>
      </c>
      <c r="H3169" t="s">
        <v>697</v>
      </c>
      <c r="I3169">
        <v>11198</v>
      </c>
      <c r="J3169" t="s">
        <v>738</v>
      </c>
      <c r="K3169">
        <v>61</v>
      </c>
      <c r="L3169" t="s">
        <v>2406</v>
      </c>
      <c r="M3169">
        <v>2433</v>
      </c>
      <c r="N3169" t="s">
        <v>654</v>
      </c>
      <c r="O3169">
        <v>3</v>
      </c>
      <c r="P3169" t="s">
        <v>655</v>
      </c>
      <c r="Q3169">
        <v>1</v>
      </c>
      <c r="R3169" t="s">
        <v>656</v>
      </c>
      <c r="S3169">
        <v>2</v>
      </c>
      <c r="T3169" t="s">
        <v>661</v>
      </c>
      <c r="U3169">
        <v>8</v>
      </c>
      <c r="V3169">
        <v>1.5</v>
      </c>
      <c r="W3169">
        <v>90</v>
      </c>
      <c r="X3169">
        <v>2020</v>
      </c>
    </row>
    <row r="3170" spans="1:24" x14ac:dyDescent="0.25">
      <c r="A3170">
        <v>8083</v>
      </c>
      <c r="B3170" t="s">
        <v>74</v>
      </c>
      <c r="C3170">
        <v>40</v>
      </c>
      <c r="D3170" t="s">
        <v>487</v>
      </c>
      <c r="E3170">
        <v>312</v>
      </c>
      <c r="F3170" t="s">
        <v>651</v>
      </c>
      <c r="G3170">
        <v>160</v>
      </c>
      <c r="H3170" t="s">
        <v>697</v>
      </c>
      <c r="I3170">
        <v>11198</v>
      </c>
      <c r="J3170" t="s">
        <v>693</v>
      </c>
      <c r="K3170">
        <v>56</v>
      </c>
      <c r="L3170" t="s">
        <v>2407</v>
      </c>
      <c r="M3170">
        <v>2432</v>
      </c>
      <c r="N3170" t="s">
        <v>654</v>
      </c>
      <c r="O3170">
        <v>3</v>
      </c>
      <c r="P3170" t="s">
        <v>655</v>
      </c>
      <c r="Q3170">
        <v>1</v>
      </c>
      <c r="R3170" t="s">
        <v>656</v>
      </c>
      <c r="S3170">
        <v>2</v>
      </c>
      <c r="T3170" t="s">
        <v>661</v>
      </c>
      <c r="U3170">
        <v>8</v>
      </c>
      <c r="V3170">
        <v>2</v>
      </c>
      <c r="W3170">
        <v>120</v>
      </c>
      <c r="X3170">
        <v>2020</v>
      </c>
    </row>
    <row r="3171" spans="1:24" x14ac:dyDescent="0.25">
      <c r="A3171">
        <v>8080</v>
      </c>
      <c r="B3171" t="s">
        <v>74</v>
      </c>
      <c r="C3171">
        <v>40</v>
      </c>
      <c r="D3171" t="s">
        <v>488</v>
      </c>
      <c r="E3171">
        <v>311</v>
      </c>
      <c r="F3171" t="s">
        <v>651</v>
      </c>
      <c r="G3171">
        <v>160</v>
      </c>
      <c r="H3171" t="s">
        <v>697</v>
      </c>
      <c r="I3171">
        <v>11198</v>
      </c>
      <c r="J3171" t="s">
        <v>714</v>
      </c>
      <c r="K3171">
        <v>52</v>
      </c>
      <c r="L3171" t="s">
        <v>2408</v>
      </c>
      <c r="M3171">
        <v>2429</v>
      </c>
      <c r="N3171" t="s">
        <v>654</v>
      </c>
      <c r="O3171">
        <v>3</v>
      </c>
      <c r="P3171" t="s">
        <v>655</v>
      </c>
      <c r="Q3171">
        <v>1</v>
      </c>
      <c r="R3171" t="s">
        <v>656</v>
      </c>
      <c r="S3171">
        <v>2</v>
      </c>
      <c r="T3171" t="s">
        <v>661</v>
      </c>
      <c r="U3171">
        <v>8</v>
      </c>
      <c r="V3171">
        <v>2</v>
      </c>
      <c r="W3171">
        <v>120</v>
      </c>
      <c r="X3171">
        <v>2020</v>
      </c>
    </row>
    <row r="3172" spans="1:24" x14ac:dyDescent="0.25">
      <c r="A3172">
        <v>8079</v>
      </c>
      <c r="B3172" t="s">
        <v>74</v>
      </c>
      <c r="C3172">
        <v>40</v>
      </c>
      <c r="D3172" t="s">
        <v>488</v>
      </c>
      <c r="E3172">
        <v>311</v>
      </c>
      <c r="F3172" t="s">
        <v>651</v>
      </c>
      <c r="G3172">
        <v>160</v>
      </c>
      <c r="H3172" t="s">
        <v>697</v>
      </c>
      <c r="I3172">
        <v>11198</v>
      </c>
      <c r="J3172" t="s">
        <v>695</v>
      </c>
      <c r="K3172">
        <v>54</v>
      </c>
      <c r="L3172" t="s">
        <v>2409</v>
      </c>
      <c r="M3172">
        <v>2428</v>
      </c>
      <c r="N3172" t="s">
        <v>654</v>
      </c>
      <c r="O3172">
        <v>3</v>
      </c>
      <c r="P3172" t="s">
        <v>655</v>
      </c>
      <c r="Q3172">
        <v>1</v>
      </c>
      <c r="R3172" t="s">
        <v>656</v>
      </c>
      <c r="S3172">
        <v>2</v>
      </c>
      <c r="T3172" t="s">
        <v>661</v>
      </c>
      <c r="U3172">
        <v>8</v>
      </c>
      <c r="V3172">
        <v>2</v>
      </c>
      <c r="W3172">
        <v>120</v>
      </c>
      <c r="X3172">
        <v>2020</v>
      </c>
    </row>
    <row r="3173" spans="1:24" x14ac:dyDescent="0.25">
      <c r="A3173">
        <v>8078</v>
      </c>
      <c r="B3173" t="s">
        <v>74</v>
      </c>
      <c r="C3173">
        <v>40</v>
      </c>
      <c r="D3173" t="s">
        <v>487</v>
      </c>
      <c r="E3173">
        <v>312</v>
      </c>
      <c r="F3173" t="s">
        <v>651</v>
      </c>
      <c r="G3173">
        <v>160</v>
      </c>
      <c r="H3173" t="s">
        <v>697</v>
      </c>
      <c r="I3173">
        <v>11198</v>
      </c>
      <c r="J3173" t="s">
        <v>730</v>
      </c>
      <c r="K3173">
        <v>66</v>
      </c>
      <c r="L3173" t="s">
        <v>1548</v>
      </c>
      <c r="M3173">
        <v>2427</v>
      </c>
      <c r="N3173" t="s">
        <v>654</v>
      </c>
      <c r="O3173">
        <v>3</v>
      </c>
      <c r="P3173" t="s">
        <v>655</v>
      </c>
      <c r="Q3173">
        <v>1</v>
      </c>
      <c r="R3173" t="s">
        <v>656</v>
      </c>
      <c r="S3173">
        <v>2</v>
      </c>
      <c r="T3173" t="s">
        <v>661</v>
      </c>
      <c r="U3173">
        <v>8</v>
      </c>
      <c r="V3173">
        <v>1.5</v>
      </c>
      <c r="W3173">
        <v>90</v>
      </c>
      <c r="X3173">
        <v>2020</v>
      </c>
    </row>
    <row r="3174" spans="1:24" x14ac:dyDescent="0.25">
      <c r="A3174">
        <v>8077</v>
      </c>
      <c r="B3174" t="s">
        <v>74</v>
      </c>
      <c r="C3174">
        <v>40</v>
      </c>
      <c r="D3174" t="s">
        <v>488</v>
      </c>
      <c r="E3174">
        <v>311</v>
      </c>
      <c r="F3174" t="s">
        <v>651</v>
      </c>
      <c r="G3174">
        <v>160</v>
      </c>
      <c r="H3174" t="s">
        <v>697</v>
      </c>
      <c r="I3174">
        <v>11198</v>
      </c>
      <c r="J3174" t="s">
        <v>730</v>
      </c>
      <c r="K3174">
        <v>66</v>
      </c>
      <c r="L3174" t="s">
        <v>2410</v>
      </c>
      <c r="M3174">
        <v>2426</v>
      </c>
      <c r="N3174" t="s">
        <v>654</v>
      </c>
      <c r="O3174">
        <v>3</v>
      </c>
      <c r="P3174" t="s">
        <v>655</v>
      </c>
      <c r="Q3174">
        <v>1</v>
      </c>
      <c r="R3174" t="s">
        <v>656</v>
      </c>
      <c r="S3174">
        <v>2</v>
      </c>
      <c r="T3174" t="s">
        <v>661</v>
      </c>
      <c r="U3174">
        <v>8</v>
      </c>
      <c r="V3174">
        <v>2</v>
      </c>
      <c r="W3174">
        <v>120</v>
      </c>
      <c r="X3174">
        <v>2020</v>
      </c>
    </row>
    <row r="3175" spans="1:24" x14ac:dyDescent="0.25">
      <c r="A3175">
        <v>8076</v>
      </c>
      <c r="B3175" t="s">
        <v>74</v>
      </c>
      <c r="C3175">
        <v>40</v>
      </c>
      <c r="D3175" t="s">
        <v>488</v>
      </c>
      <c r="E3175">
        <v>311</v>
      </c>
      <c r="F3175" t="s">
        <v>651</v>
      </c>
      <c r="G3175">
        <v>160</v>
      </c>
      <c r="H3175" t="s">
        <v>697</v>
      </c>
      <c r="I3175">
        <v>11198</v>
      </c>
      <c r="J3175" t="s">
        <v>797</v>
      </c>
      <c r="K3175">
        <v>65</v>
      </c>
      <c r="L3175" t="s">
        <v>2411</v>
      </c>
      <c r="M3175">
        <v>2425</v>
      </c>
      <c r="N3175" t="s">
        <v>654</v>
      </c>
      <c r="O3175">
        <v>3</v>
      </c>
      <c r="P3175" t="s">
        <v>655</v>
      </c>
      <c r="Q3175">
        <v>1</v>
      </c>
      <c r="R3175" t="s">
        <v>656</v>
      </c>
      <c r="S3175">
        <v>2</v>
      </c>
      <c r="T3175" t="s">
        <v>661</v>
      </c>
      <c r="U3175">
        <v>8</v>
      </c>
      <c r="V3175">
        <v>2</v>
      </c>
      <c r="W3175">
        <v>120</v>
      </c>
      <c r="X3175">
        <v>2020</v>
      </c>
    </row>
    <row r="3176" spans="1:24" x14ac:dyDescent="0.25">
      <c r="A3176">
        <v>8075</v>
      </c>
      <c r="B3176" t="s">
        <v>74</v>
      </c>
      <c r="C3176">
        <v>40</v>
      </c>
      <c r="D3176" t="s">
        <v>488</v>
      </c>
      <c r="E3176">
        <v>311</v>
      </c>
      <c r="F3176" t="s">
        <v>651</v>
      </c>
      <c r="G3176">
        <v>160</v>
      </c>
      <c r="H3176" t="s">
        <v>697</v>
      </c>
      <c r="I3176">
        <v>11198</v>
      </c>
      <c r="J3176" t="s">
        <v>767</v>
      </c>
      <c r="K3176">
        <v>44</v>
      </c>
      <c r="L3176" t="s">
        <v>2412</v>
      </c>
      <c r="M3176">
        <v>2424</v>
      </c>
      <c r="N3176" t="s">
        <v>654</v>
      </c>
      <c r="O3176">
        <v>3</v>
      </c>
      <c r="P3176" t="s">
        <v>655</v>
      </c>
      <c r="Q3176">
        <v>1</v>
      </c>
      <c r="R3176" t="s">
        <v>656</v>
      </c>
      <c r="S3176">
        <v>2</v>
      </c>
      <c r="T3176" t="s">
        <v>661</v>
      </c>
      <c r="U3176">
        <v>8</v>
      </c>
      <c r="V3176">
        <v>2</v>
      </c>
      <c r="W3176">
        <v>120</v>
      </c>
      <c r="X3176">
        <v>2020</v>
      </c>
    </row>
    <row r="3177" spans="1:24" x14ac:dyDescent="0.25">
      <c r="A3177">
        <v>8072</v>
      </c>
      <c r="B3177" t="s">
        <v>74</v>
      </c>
      <c r="C3177">
        <v>40</v>
      </c>
      <c r="D3177" t="s">
        <v>460</v>
      </c>
      <c r="E3177">
        <v>310</v>
      </c>
      <c r="F3177" t="s">
        <v>651</v>
      </c>
      <c r="G3177">
        <v>160</v>
      </c>
      <c r="H3177" t="s">
        <v>697</v>
      </c>
      <c r="I3177">
        <v>11198</v>
      </c>
      <c r="J3177" t="s">
        <v>880</v>
      </c>
      <c r="K3177">
        <v>58</v>
      </c>
      <c r="L3177" t="s">
        <v>2413</v>
      </c>
      <c r="M3177">
        <v>2421</v>
      </c>
      <c r="N3177" t="s">
        <v>654</v>
      </c>
      <c r="O3177">
        <v>3</v>
      </c>
      <c r="P3177" t="s">
        <v>655</v>
      </c>
      <c r="Q3177">
        <v>1</v>
      </c>
      <c r="R3177" t="s">
        <v>656</v>
      </c>
      <c r="S3177">
        <v>2</v>
      </c>
      <c r="T3177" t="s">
        <v>661</v>
      </c>
      <c r="U3177">
        <v>8</v>
      </c>
      <c r="V3177">
        <v>2</v>
      </c>
      <c r="W3177">
        <v>120</v>
      </c>
      <c r="X3177">
        <v>2020</v>
      </c>
    </row>
    <row r="3178" spans="1:24" x14ac:dyDescent="0.25">
      <c r="A3178">
        <v>8071</v>
      </c>
      <c r="B3178" t="s">
        <v>74</v>
      </c>
      <c r="C3178">
        <v>40</v>
      </c>
      <c r="D3178" t="s">
        <v>460</v>
      </c>
      <c r="E3178">
        <v>310</v>
      </c>
      <c r="F3178" t="s">
        <v>651</v>
      </c>
      <c r="G3178">
        <v>160</v>
      </c>
      <c r="H3178" t="s">
        <v>697</v>
      </c>
      <c r="I3178">
        <v>11198</v>
      </c>
      <c r="J3178" t="s">
        <v>880</v>
      </c>
      <c r="K3178">
        <v>58</v>
      </c>
      <c r="L3178" t="s">
        <v>2414</v>
      </c>
      <c r="M3178">
        <v>2420</v>
      </c>
      <c r="N3178" t="s">
        <v>654</v>
      </c>
      <c r="O3178">
        <v>3</v>
      </c>
      <c r="P3178" t="s">
        <v>655</v>
      </c>
      <c r="Q3178">
        <v>1</v>
      </c>
      <c r="R3178" t="s">
        <v>656</v>
      </c>
      <c r="S3178">
        <v>2</v>
      </c>
      <c r="T3178" t="s">
        <v>661</v>
      </c>
      <c r="U3178">
        <v>8</v>
      </c>
      <c r="V3178">
        <v>2</v>
      </c>
      <c r="W3178">
        <v>120</v>
      </c>
      <c r="X3178">
        <v>2020</v>
      </c>
    </row>
    <row r="3179" spans="1:24" x14ac:dyDescent="0.25">
      <c r="A3179">
        <v>8070</v>
      </c>
      <c r="B3179" t="s">
        <v>74</v>
      </c>
      <c r="C3179">
        <v>40</v>
      </c>
      <c r="D3179" t="s">
        <v>460</v>
      </c>
      <c r="E3179">
        <v>310</v>
      </c>
      <c r="F3179" t="s">
        <v>651</v>
      </c>
      <c r="G3179">
        <v>160</v>
      </c>
      <c r="H3179" t="s">
        <v>697</v>
      </c>
      <c r="I3179">
        <v>11198</v>
      </c>
      <c r="J3179" t="s">
        <v>880</v>
      </c>
      <c r="K3179">
        <v>58</v>
      </c>
      <c r="L3179" t="s">
        <v>1086</v>
      </c>
      <c r="M3179">
        <v>1823</v>
      </c>
      <c r="N3179" t="s">
        <v>654</v>
      </c>
      <c r="O3179">
        <v>3</v>
      </c>
      <c r="P3179" t="s">
        <v>655</v>
      </c>
      <c r="Q3179">
        <v>1</v>
      </c>
      <c r="R3179" t="s">
        <v>656</v>
      </c>
      <c r="S3179">
        <v>2</v>
      </c>
      <c r="T3179" t="s">
        <v>661</v>
      </c>
      <c r="U3179">
        <v>8</v>
      </c>
      <c r="V3179">
        <v>2</v>
      </c>
      <c r="W3179">
        <v>120</v>
      </c>
      <c r="X3179">
        <v>2020</v>
      </c>
    </row>
    <row r="3180" spans="1:24" x14ac:dyDescent="0.25">
      <c r="A3180">
        <v>8069</v>
      </c>
      <c r="B3180" t="s">
        <v>74</v>
      </c>
      <c r="C3180">
        <v>40</v>
      </c>
      <c r="D3180" t="s">
        <v>402</v>
      </c>
      <c r="E3180">
        <v>309</v>
      </c>
      <c r="F3180" t="s">
        <v>651</v>
      </c>
      <c r="G3180">
        <v>160</v>
      </c>
      <c r="H3180" t="s">
        <v>697</v>
      </c>
      <c r="I3180">
        <v>11198</v>
      </c>
      <c r="J3180" t="s">
        <v>819</v>
      </c>
      <c r="K3180">
        <v>101</v>
      </c>
      <c r="L3180" t="s">
        <v>820</v>
      </c>
      <c r="M3180">
        <v>2419</v>
      </c>
      <c r="N3180" t="s">
        <v>654</v>
      </c>
      <c r="O3180">
        <v>3</v>
      </c>
      <c r="P3180" t="s">
        <v>655</v>
      </c>
      <c r="Q3180">
        <v>1</v>
      </c>
      <c r="R3180" t="s">
        <v>656</v>
      </c>
      <c r="S3180">
        <v>2</v>
      </c>
      <c r="T3180" t="s">
        <v>661</v>
      </c>
      <c r="U3180">
        <v>8</v>
      </c>
      <c r="V3180">
        <v>2</v>
      </c>
      <c r="W3180">
        <v>120</v>
      </c>
      <c r="X3180">
        <v>2020</v>
      </c>
    </row>
    <row r="3181" spans="1:24" x14ac:dyDescent="0.25">
      <c r="A3181">
        <v>8068</v>
      </c>
      <c r="B3181" t="s">
        <v>247</v>
      </c>
      <c r="C3181">
        <v>39</v>
      </c>
      <c r="D3181" t="s">
        <v>477</v>
      </c>
      <c r="E3181">
        <v>301</v>
      </c>
      <c r="F3181" t="s">
        <v>651</v>
      </c>
      <c r="G3181">
        <v>160</v>
      </c>
      <c r="H3181" t="s">
        <v>817</v>
      </c>
      <c r="I3181">
        <v>11010</v>
      </c>
      <c r="J3181" t="s">
        <v>848</v>
      </c>
      <c r="K3181">
        <v>62</v>
      </c>
      <c r="L3181" t="s">
        <v>2415</v>
      </c>
      <c r="M3181">
        <v>2418</v>
      </c>
      <c r="N3181" t="s">
        <v>654</v>
      </c>
      <c r="O3181">
        <v>3</v>
      </c>
      <c r="P3181" t="s">
        <v>655</v>
      </c>
      <c r="Q3181">
        <v>1</v>
      </c>
      <c r="R3181" t="s">
        <v>656</v>
      </c>
      <c r="S3181">
        <v>2</v>
      </c>
      <c r="T3181" t="s">
        <v>661</v>
      </c>
      <c r="U3181">
        <v>8</v>
      </c>
      <c r="V3181">
        <v>2</v>
      </c>
      <c r="W3181">
        <v>120</v>
      </c>
      <c r="X3181">
        <v>2020</v>
      </c>
    </row>
    <row r="3182" spans="1:24" x14ac:dyDescent="0.25">
      <c r="A3182">
        <v>8067</v>
      </c>
      <c r="B3182" t="s">
        <v>247</v>
      </c>
      <c r="C3182">
        <v>39</v>
      </c>
      <c r="D3182" t="s">
        <v>316</v>
      </c>
      <c r="E3182">
        <v>305</v>
      </c>
      <c r="F3182" t="s">
        <v>651</v>
      </c>
      <c r="G3182">
        <v>160</v>
      </c>
      <c r="H3182" t="s">
        <v>817</v>
      </c>
      <c r="I3182">
        <v>11010</v>
      </c>
      <c r="J3182" t="s">
        <v>301</v>
      </c>
      <c r="K3182">
        <v>26</v>
      </c>
      <c r="L3182" t="s">
        <v>2416</v>
      </c>
      <c r="M3182">
        <v>2417</v>
      </c>
      <c r="N3182" t="s">
        <v>654</v>
      </c>
      <c r="O3182">
        <v>3</v>
      </c>
      <c r="P3182" t="s">
        <v>655</v>
      </c>
      <c r="Q3182">
        <v>1</v>
      </c>
      <c r="R3182" t="s">
        <v>656</v>
      </c>
      <c r="S3182">
        <v>2</v>
      </c>
      <c r="T3182" t="s">
        <v>661</v>
      </c>
      <c r="U3182">
        <v>8</v>
      </c>
      <c r="V3182">
        <v>2</v>
      </c>
      <c r="W3182">
        <v>120</v>
      </c>
      <c r="X3182">
        <v>2020</v>
      </c>
    </row>
    <row r="3183" spans="1:24" x14ac:dyDescent="0.25">
      <c r="A3183">
        <v>8066</v>
      </c>
      <c r="B3183" t="s">
        <v>247</v>
      </c>
      <c r="C3183">
        <v>39</v>
      </c>
      <c r="D3183" t="s">
        <v>316</v>
      </c>
      <c r="E3183">
        <v>305</v>
      </c>
      <c r="F3183" t="s">
        <v>651</v>
      </c>
      <c r="G3183">
        <v>160</v>
      </c>
      <c r="H3183" t="s">
        <v>817</v>
      </c>
      <c r="I3183">
        <v>11010</v>
      </c>
      <c r="J3183" t="s">
        <v>301</v>
      </c>
      <c r="K3183">
        <v>26</v>
      </c>
      <c r="L3183" t="s">
        <v>2417</v>
      </c>
      <c r="M3183">
        <v>1577</v>
      </c>
      <c r="N3183" t="s">
        <v>654</v>
      </c>
      <c r="O3183">
        <v>3</v>
      </c>
      <c r="P3183" t="s">
        <v>746</v>
      </c>
      <c r="Q3183">
        <v>2</v>
      </c>
      <c r="R3183" t="s">
        <v>656</v>
      </c>
      <c r="S3183">
        <v>2</v>
      </c>
      <c r="T3183" t="s">
        <v>661</v>
      </c>
      <c r="U3183">
        <v>8</v>
      </c>
      <c r="V3183">
        <v>2</v>
      </c>
      <c r="W3183">
        <v>120</v>
      </c>
      <c r="X3183">
        <v>2020</v>
      </c>
    </row>
    <row r="3184" spans="1:24" x14ac:dyDescent="0.25">
      <c r="A3184">
        <v>8065</v>
      </c>
      <c r="B3184" t="s">
        <v>247</v>
      </c>
      <c r="C3184">
        <v>39</v>
      </c>
      <c r="D3184" t="s">
        <v>316</v>
      </c>
      <c r="E3184">
        <v>305</v>
      </c>
      <c r="F3184" t="s">
        <v>651</v>
      </c>
      <c r="G3184">
        <v>160</v>
      </c>
      <c r="H3184" t="s">
        <v>817</v>
      </c>
      <c r="I3184">
        <v>11010</v>
      </c>
      <c r="J3184" t="s">
        <v>301</v>
      </c>
      <c r="K3184">
        <v>26</v>
      </c>
      <c r="L3184" t="s">
        <v>2417</v>
      </c>
      <c r="M3184">
        <v>1577</v>
      </c>
      <c r="N3184" t="s">
        <v>654</v>
      </c>
      <c r="O3184">
        <v>3</v>
      </c>
      <c r="P3184" t="s">
        <v>655</v>
      </c>
      <c r="Q3184">
        <v>1</v>
      </c>
      <c r="R3184" t="s">
        <v>656</v>
      </c>
      <c r="S3184">
        <v>2</v>
      </c>
      <c r="T3184" t="s">
        <v>661</v>
      </c>
      <c r="U3184">
        <v>8</v>
      </c>
      <c r="V3184">
        <v>2</v>
      </c>
      <c r="W3184">
        <v>120</v>
      </c>
      <c r="X3184">
        <v>2020</v>
      </c>
    </row>
    <row r="3185" spans="1:24" x14ac:dyDescent="0.25">
      <c r="A3185">
        <v>8064</v>
      </c>
      <c r="B3185" t="s">
        <v>247</v>
      </c>
      <c r="C3185">
        <v>39</v>
      </c>
      <c r="D3185" t="s">
        <v>316</v>
      </c>
      <c r="E3185">
        <v>305</v>
      </c>
      <c r="F3185" t="s">
        <v>651</v>
      </c>
      <c r="G3185">
        <v>160</v>
      </c>
      <c r="H3185" t="s">
        <v>817</v>
      </c>
      <c r="I3185">
        <v>11010</v>
      </c>
      <c r="J3185" t="s">
        <v>301</v>
      </c>
      <c r="K3185">
        <v>26</v>
      </c>
      <c r="L3185" t="s">
        <v>2418</v>
      </c>
      <c r="M3185">
        <v>2416</v>
      </c>
      <c r="N3185" t="s">
        <v>654</v>
      </c>
      <c r="O3185">
        <v>3</v>
      </c>
      <c r="P3185" t="s">
        <v>746</v>
      </c>
      <c r="Q3185">
        <v>2</v>
      </c>
      <c r="R3185" t="s">
        <v>656</v>
      </c>
      <c r="S3185">
        <v>2</v>
      </c>
      <c r="T3185" t="s">
        <v>661</v>
      </c>
      <c r="U3185">
        <v>8</v>
      </c>
      <c r="V3185">
        <v>2</v>
      </c>
      <c r="W3185">
        <v>120</v>
      </c>
      <c r="X3185">
        <v>2020</v>
      </c>
    </row>
    <row r="3186" spans="1:24" x14ac:dyDescent="0.25">
      <c r="A3186">
        <v>8063</v>
      </c>
      <c r="B3186" t="s">
        <v>247</v>
      </c>
      <c r="C3186">
        <v>39</v>
      </c>
      <c r="D3186" t="s">
        <v>316</v>
      </c>
      <c r="E3186">
        <v>305</v>
      </c>
      <c r="F3186" t="s">
        <v>651</v>
      </c>
      <c r="G3186">
        <v>160</v>
      </c>
      <c r="H3186" t="s">
        <v>817</v>
      </c>
      <c r="I3186">
        <v>11010</v>
      </c>
      <c r="J3186" t="s">
        <v>301</v>
      </c>
      <c r="K3186">
        <v>26</v>
      </c>
      <c r="L3186" t="s">
        <v>2418</v>
      </c>
      <c r="M3186">
        <v>2416</v>
      </c>
      <c r="N3186" t="s">
        <v>654</v>
      </c>
      <c r="O3186">
        <v>3</v>
      </c>
      <c r="P3186" t="s">
        <v>655</v>
      </c>
      <c r="Q3186">
        <v>1</v>
      </c>
      <c r="R3186" t="s">
        <v>656</v>
      </c>
      <c r="S3186">
        <v>2</v>
      </c>
      <c r="T3186" t="s">
        <v>661</v>
      </c>
      <c r="U3186">
        <v>8</v>
      </c>
      <c r="V3186">
        <v>2</v>
      </c>
      <c r="W3186">
        <v>120</v>
      </c>
      <c r="X3186">
        <v>2020</v>
      </c>
    </row>
    <row r="3187" spans="1:24" x14ac:dyDescent="0.25">
      <c r="A3187">
        <v>8062</v>
      </c>
      <c r="B3187" t="s">
        <v>247</v>
      </c>
      <c r="C3187">
        <v>39</v>
      </c>
      <c r="D3187" t="s">
        <v>316</v>
      </c>
      <c r="E3187">
        <v>305</v>
      </c>
      <c r="F3187" t="s">
        <v>651</v>
      </c>
      <c r="G3187">
        <v>160</v>
      </c>
      <c r="H3187" t="s">
        <v>817</v>
      </c>
      <c r="I3187">
        <v>11010</v>
      </c>
      <c r="J3187" t="s">
        <v>301</v>
      </c>
      <c r="K3187">
        <v>26</v>
      </c>
      <c r="L3187" t="s">
        <v>2007</v>
      </c>
      <c r="M3187">
        <v>2415</v>
      </c>
      <c r="N3187" t="s">
        <v>654</v>
      </c>
      <c r="O3187">
        <v>3</v>
      </c>
      <c r="P3187" t="s">
        <v>746</v>
      </c>
      <c r="Q3187">
        <v>2</v>
      </c>
      <c r="R3187" t="s">
        <v>656</v>
      </c>
      <c r="S3187">
        <v>2</v>
      </c>
      <c r="T3187" t="s">
        <v>661</v>
      </c>
      <c r="U3187">
        <v>8</v>
      </c>
      <c r="V3187">
        <v>2</v>
      </c>
      <c r="W3187">
        <v>120</v>
      </c>
      <c r="X3187">
        <v>2020</v>
      </c>
    </row>
    <row r="3188" spans="1:24" x14ac:dyDescent="0.25">
      <c r="A3188">
        <v>8061</v>
      </c>
      <c r="B3188" t="s">
        <v>247</v>
      </c>
      <c r="C3188">
        <v>39</v>
      </c>
      <c r="D3188" t="s">
        <v>316</v>
      </c>
      <c r="E3188">
        <v>305</v>
      </c>
      <c r="F3188" t="s">
        <v>651</v>
      </c>
      <c r="G3188">
        <v>160</v>
      </c>
      <c r="H3188" t="s">
        <v>817</v>
      </c>
      <c r="I3188">
        <v>11010</v>
      </c>
      <c r="J3188" t="s">
        <v>301</v>
      </c>
      <c r="K3188">
        <v>26</v>
      </c>
      <c r="L3188" t="s">
        <v>2007</v>
      </c>
      <c r="M3188">
        <v>2415</v>
      </c>
      <c r="N3188" t="s">
        <v>654</v>
      </c>
      <c r="O3188">
        <v>3</v>
      </c>
      <c r="P3188" t="s">
        <v>655</v>
      </c>
      <c r="Q3188">
        <v>1</v>
      </c>
      <c r="R3188" t="s">
        <v>656</v>
      </c>
      <c r="S3188">
        <v>2</v>
      </c>
      <c r="T3188" t="s">
        <v>661</v>
      </c>
      <c r="U3188">
        <v>8</v>
      </c>
      <c r="V3188">
        <v>2</v>
      </c>
      <c r="W3188">
        <v>120</v>
      </c>
      <c r="X3188">
        <v>2020</v>
      </c>
    </row>
    <row r="3189" spans="1:24" x14ac:dyDescent="0.25">
      <c r="A3189">
        <v>8059</v>
      </c>
      <c r="B3189" t="s">
        <v>247</v>
      </c>
      <c r="C3189">
        <v>39</v>
      </c>
      <c r="D3189" t="s">
        <v>316</v>
      </c>
      <c r="E3189">
        <v>305</v>
      </c>
      <c r="F3189" t="s">
        <v>651</v>
      </c>
      <c r="G3189">
        <v>160</v>
      </c>
      <c r="H3189" t="s">
        <v>817</v>
      </c>
      <c r="I3189">
        <v>11010</v>
      </c>
      <c r="J3189" t="s">
        <v>807</v>
      </c>
      <c r="K3189">
        <v>25</v>
      </c>
      <c r="L3189" t="s">
        <v>2419</v>
      </c>
      <c r="M3189">
        <v>2413</v>
      </c>
      <c r="N3189" t="s">
        <v>654</v>
      </c>
      <c r="O3189">
        <v>3</v>
      </c>
      <c r="P3189" t="s">
        <v>655</v>
      </c>
      <c r="Q3189">
        <v>1</v>
      </c>
      <c r="R3189" t="s">
        <v>656</v>
      </c>
      <c r="S3189">
        <v>2</v>
      </c>
      <c r="T3189" t="s">
        <v>661</v>
      </c>
      <c r="U3189">
        <v>8</v>
      </c>
      <c r="V3189">
        <v>2</v>
      </c>
      <c r="W3189">
        <v>120</v>
      </c>
      <c r="X3189">
        <v>2020</v>
      </c>
    </row>
    <row r="3190" spans="1:24" x14ac:dyDescent="0.25">
      <c r="A3190">
        <v>8057</v>
      </c>
      <c r="B3190" t="s">
        <v>247</v>
      </c>
      <c r="C3190">
        <v>39</v>
      </c>
      <c r="D3190" t="s">
        <v>316</v>
      </c>
      <c r="E3190">
        <v>305</v>
      </c>
      <c r="F3190" t="s">
        <v>651</v>
      </c>
      <c r="G3190">
        <v>160</v>
      </c>
      <c r="H3190" t="s">
        <v>817</v>
      </c>
      <c r="I3190">
        <v>11010</v>
      </c>
      <c r="J3190" t="s">
        <v>807</v>
      </c>
      <c r="K3190">
        <v>25</v>
      </c>
      <c r="L3190" t="s">
        <v>807</v>
      </c>
      <c r="M3190">
        <v>2412</v>
      </c>
      <c r="N3190" t="s">
        <v>654</v>
      </c>
      <c r="O3190">
        <v>3</v>
      </c>
      <c r="P3190" t="s">
        <v>655</v>
      </c>
      <c r="Q3190">
        <v>1</v>
      </c>
      <c r="R3190" t="s">
        <v>656</v>
      </c>
      <c r="S3190">
        <v>2</v>
      </c>
      <c r="T3190" t="s">
        <v>661</v>
      </c>
      <c r="U3190">
        <v>8</v>
      </c>
      <c r="V3190">
        <v>2</v>
      </c>
      <c r="W3190">
        <v>120</v>
      </c>
      <c r="X3190">
        <v>2020</v>
      </c>
    </row>
    <row r="3191" spans="1:24" x14ac:dyDescent="0.25">
      <c r="A3191">
        <v>8055</v>
      </c>
      <c r="B3191" t="s">
        <v>247</v>
      </c>
      <c r="C3191">
        <v>39</v>
      </c>
      <c r="D3191" t="s">
        <v>316</v>
      </c>
      <c r="E3191">
        <v>305</v>
      </c>
      <c r="F3191" t="s">
        <v>651</v>
      </c>
      <c r="G3191">
        <v>160</v>
      </c>
      <c r="H3191" t="s">
        <v>817</v>
      </c>
      <c r="I3191">
        <v>11010</v>
      </c>
      <c r="J3191" t="s">
        <v>295</v>
      </c>
      <c r="K3191">
        <v>30</v>
      </c>
      <c r="L3191" t="s">
        <v>2420</v>
      </c>
      <c r="M3191">
        <v>2410</v>
      </c>
      <c r="N3191" t="s">
        <v>654</v>
      </c>
      <c r="O3191">
        <v>3</v>
      </c>
      <c r="P3191" t="s">
        <v>655</v>
      </c>
      <c r="Q3191">
        <v>1</v>
      </c>
      <c r="R3191" t="s">
        <v>656</v>
      </c>
      <c r="S3191">
        <v>2</v>
      </c>
      <c r="T3191" t="s">
        <v>661</v>
      </c>
      <c r="U3191">
        <v>8</v>
      </c>
      <c r="V3191">
        <v>2</v>
      </c>
      <c r="W3191">
        <v>120</v>
      </c>
      <c r="X3191">
        <v>2020</v>
      </c>
    </row>
    <row r="3192" spans="1:24" x14ac:dyDescent="0.25">
      <c r="A3192">
        <v>8054</v>
      </c>
      <c r="B3192" t="s">
        <v>247</v>
      </c>
      <c r="C3192">
        <v>39</v>
      </c>
      <c r="D3192" t="s">
        <v>316</v>
      </c>
      <c r="E3192">
        <v>305</v>
      </c>
      <c r="F3192" t="s">
        <v>651</v>
      </c>
      <c r="G3192">
        <v>160</v>
      </c>
      <c r="H3192" t="s">
        <v>817</v>
      </c>
      <c r="I3192">
        <v>11010</v>
      </c>
      <c r="J3192" t="s">
        <v>295</v>
      </c>
      <c r="K3192">
        <v>30</v>
      </c>
      <c r="L3192" t="s">
        <v>1966</v>
      </c>
      <c r="M3192">
        <v>1029</v>
      </c>
      <c r="N3192" t="s">
        <v>654</v>
      </c>
      <c r="O3192">
        <v>3</v>
      </c>
      <c r="P3192" t="s">
        <v>655</v>
      </c>
      <c r="Q3192">
        <v>1</v>
      </c>
      <c r="R3192" t="s">
        <v>656</v>
      </c>
      <c r="S3192">
        <v>2</v>
      </c>
      <c r="T3192" t="s">
        <v>718</v>
      </c>
      <c r="U3192">
        <v>2</v>
      </c>
      <c r="V3192">
        <v>2</v>
      </c>
      <c r="W3192">
        <v>120</v>
      </c>
      <c r="X3192">
        <v>2020</v>
      </c>
    </row>
    <row r="3193" spans="1:24" x14ac:dyDescent="0.25">
      <c r="A3193">
        <v>8053</v>
      </c>
      <c r="B3193" t="s">
        <v>247</v>
      </c>
      <c r="C3193">
        <v>39</v>
      </c>
      <c r="D3193" t="s">
        <v>316</v>
      </c>
      <c r="E3193">
        <v>305</v>
      </c>
      <c r="F3193" t="s">
        <v>651</v>
      </c>
      <c r="G3193">
        <v>160</v>
      </c>
      <c r="H3193" t="s">
        <v>817</v>
      </c>
      <c r="I3193">
        <v>11010</v>
      </c>
      <c r="J3193" t="s">
        <v>295</v>
      </c>
      <c r="K3193">
        <v>30</v>
      </c>
      <c r="L3193" t="s">
        <v>1966</v>
      </c>
      <c r="M3193">
        <v>1029</v>
      </c>
      <c r="N3193" t="s">
        <v>654</v>
      </c>
      <c r="O3193">
        <v>3</v>
      </c>
      <c r="P3193" t="s">
        <v>746</v>
      </c>
      <c r="Q3193">
        <v>2</v>
      </c>
      <c r="R3193" t="s">
        <v>656</v>
      </c>
      <c r="S3193">
        <v>2</v>
      </c>
      <c r="T3193" t="s">
        <v>661</v>
      </c>
      <c r="U3193">
        <v>8</v>
      </c>
      <c r="V3193">
        <v>2</v>
      </c>
      <c r="W3193">
        <v>120</v>
      </c>
      <c r="X3193">
        <v>2020</v>
      </c>
    </row>
    <row r="3194" spans="1:24" x14ac:dyDescent="0.25">
      <c r="A3194">
        <v>8052</v>
      </c>
      <c r="B3194" t="s">
        <v>247</v>
      </c>
      <c r="C3194">
        <v>39</v>
      </c>
      <c r="D3194" t="s">
        <v>316</v>
      </c>
      <c r="E3194">
        <v>305</v>
      </c>
      <c r="F3194" t="s">
        <v>651</v>
      </c>
      <c r="G3194">
        <v>160</v>
      </c>
      <c r="H3194" t="s">
        <v>817</v>
      </c>
      <c r="I3194">
        <v>11010</v>
      </c>
      <c r="J3194" t="s">
        <v>295</v>
      </c>
      <c r="K3194">
        <v>30</v>
      </c>
      <c r="L3194" t="s">
        <v>1966</v>
      </c>
      <c r="M3194">
        <v>1029</v>
      </c>
      <c r="N3194" t="s">
        <v>654</v>
      </c>
      <c r="O3194">
        <v>3</v>
      </c>
      <c r="P3194" t="s">
        <v>655</v>
      </c>
      <c r="Q3194">
        <v>1</v>
      </c>
      <c r="R3194" t="s">
        <v>656</v>
      </c>
      <c r="S3194">
        <v>2</v>
      </c>
      <c r="T3194" t="s">
        <v>661</v>
      </c>
      <c r="U3194">
        <v>8</v>
      </c>
      <c r="V3194">
        <v>2</v>
      </c>
      <c r="W3194">
        <v>120</v>
      </c>
      <c r="X3194">
        <v>2020</v>
      </c>
    </row>
    <row r="3195" spans="1:24" x14ac:dyDescent="0.25">
      <c r="A3195">
        <v>8051</v>
      </c>
      <c r="B3195" t="s">
        <v>247</v>
      </c>
      <c r="C3195">
        <v>39</v>
      </c>
      <c r="D3195" t="s">
        <v>316</v>
      </c>
      <c r="E3195">
        <v>305</v>
      </c>
      <c r="F3195" t="s">
        <v>651</v>
      </c>
      <c r="G3195">
        <v>160</v>
      </c>
      <c r="H3195" t="s">
        <v>817</v>
      </c>
      <c r="I3195">
        <v>11010</v>
      </c>
      <c r="J3195" t="s">
        <v>299</v>
      </c>
      <c r="K3195">
        <v>27</v>
      </c>
      <c r="L3195" t="s">
        <v>1583</v>
      </c>
      <c r="M3195">
        <v>1585</v>
      </c>
      <c r="N3195" t="s">
        <v>654</v>
      </c>
      <c r="O3195">
        <v>3</v>
      </c>
      <c r="P3195" t="s">
        <v>746</v>
      </c>
      <c r="Q3195">
        <v>2</v>
      </c>
      <c r="R3195" t="s">
        <v>656</v>
      </c>
      <c r="S3195">
        <v>2</v>
      </c>
      <c r="T3195" t="s">
        <v>661</v>
      </c>
      <c r="U3195">
        <v>8</v>
      </c>
      <c r="V3195">
        <v>2</v>
      </c>
      <c r="W3195">
        <v>120</v>
      </c>
      <c r="X3195">
        <v>2020</v>
      </c>
    </row>
    <row r="3196" spans="1:24" x14ac:dyDescent="0.25">
      <c r="A3196">
        <v>8050</v>
      </c>
      <c r="B3196" t="s">
        <v>247</v>
      </c>
      <c r="C3196">
        <v>39</v>
      </c>
      <c r="D3196" t="s">
        <v>316</v>
      </c>
      <c r="E3196">
        <v>305</v>
      </c>
      <c r="F3196" t="s">
        <v>651</v>
      </c>
      <c r="G3196">
        <v>160</v>
      </c>
      <c r="H3196" t="s">
        <v>817</v>
      </c>
      <c r="I3196">
        <v>11010</v>
      </c>
      <c r="J3196" t="s">
        <v>299</v>
      </c>
      <c r="K3196">
        <v>27</v>
      </c>
      <c r="L3196" t="s">
        <v>1583</v>
      </c>
      <c r="M3196">
        <v>1585</v>
      </c>
      <c r="N3196" t="s">
        <v>654</v>
      </c>
      <c r="O3196">
        <v>3</v>
      </c>
      <c r="P3196" t="s">
        <v>655</v>
      </c>
      <c r="Q3196">
        <v>1</v>
      </c>
      <c r="R3196" t="s">
        <v>656</v>
      </c>
      <c r="S3196">
        <v>2</v>
      </c>
      <c r="T3196" t="s">
        <v>661</v>
      </c>
      <c r="U3196">
        <v>8</v>
      </c>
      <c r="V3196">
        <v>2</v>
      </c>
      <c r="W3196">
        <v>120</v>
      </c>
      <c r="X3196">
        <v>2020</v>
      </c>
    </row>
    <row r="3197" spans="1:24" x14ac:dyDescent="0.25">
      <c r="A3197">
        <v>8049</v>
      </c>
      <c r="B3197" t="s">
        <v>247</v>
      </c>
      <c r="C3197">
        <v>39</v>
      </c>
      <c r="D3197" t="s">
        <v>489</v>
      </c>
      <c r="E3197">
        <v>304</v>
      </c>
      <c r="F3197" t="s">
        <v>651</v>
      </c>
      <c r="G3197">
        <v>160</v>
      </c>
      <c r="H3197" t="s">
        <v>817</v>
      </c>
      <c r="I3197">
        <v>11010</v>
      </c>
      <c r="J3197" t="s">
        <v>909</v>
      </c>
      <c r="K3197">
        <v>39</v>
      </c>
      <c r="L3197" t="s">
        <v>2421</v>
      </c>
      <c r="M3197">
        <v>2409</v>
      </c>
      <c r="N3197" t="s">
        <v>654</v>
      </c>
      <c r="O3197">
        <v>3</v>
      </c>
      <c r="P3197" t="s">
        <v>655</v>
      </c>
      <c r="Q3197">
        <v>1</v>
      </c>
      <c r="R3197" t="s">
        <v>656</v>
      </c>
      <c r="S3197">
        <v>2</v>
      </c>
      <c r="T3197" t="s">
        <v>661</v>
      </c>
      <c r="U3197">
        <v>8</v>
      </c>
      <c r="V3197">
        <v>1.5</v>
      </c>
      <c r="W3197">
        <v>90</v>
      </c>
      <c r="X3197">
        <v>2020</v>
      </c>
    </row>
    <row r="3198" spans="1:24" x14ac:dyDescent="0.25">
      <c r="A3198">
        <v>8048</v>
      </c>
      <c r="B3198" t="s">
        <v>247</v>
      </c>
      <c r="C3198">
        <v>39</v>
      </c>
      <c r="D3198" t="s">
        <v>489</v>
      </c>
      <c r="E3198">
        <v>304</v>
      </c>
      <c r="F3198" t="s">
        <v>651</v>
      </c>
      <c r="G3198">
        <v>160</v>
      </c>
      <c r="H3198" t="s">
        <v>817</v>
      </c>
      <c r="I3198">
        <v>11010</v>
      </c>
      <c r="J3198" t="s">
        <v>909</v>
      </c>
      <c r="K3198">
        <v>39</v>
      </c>
      <c r="L3198" t="s">
        <v>2422</v>
      </c>
      <c r="M3198">
        <v>2408</v>
      </c>
      <c r="N3198" t="s">
        <v>654</v>
      </c>
      <c r="O3198">
        <v>3</v>
      </c>
      <c r="P3198" t="s">
        <v>655</v>
      </c>
      <c r="Q3198">
        <v>1</v>
      </c>
      <c r="R3198" t="s">
        <v>656</v>
      </c>
      <c r="S3198">
        <v>2</v>
      </c>
      <c r="T3198" t="s">
        <v>661</v>
      </c>
      <c r="U3198">
        <v>8</v>
      </c>
      <c r="V3198">
        <v>1.5</v>
      </c>
      <c r="W3198">
        <v>90</v>
      </c>
      <c r="X3198">
        <v>2020</v>
      </c>
    </row>
    <row r="3199" spans="1:24" x14ac:dyDescent="0.25">
      <c r="A3199">
        <v>8047</v>
      </c>
      <c r="B3199" t="s">
        <v>247</v>
      </c>
      <c r="C3199">
        <v>39</v>
      </c>
      <c r="D3199" t="s">
        <v>489</v>
      </c>
      <c r="E3199">
        <v>304</v>
      </c>
      <c r="F3199" t="s">
        <v>651</v>
      </c>
      <c r="G3199">
        <v>160</v>
      </c>
      <c r="H3199" t="s">
        <v>817</v>
      </c>
      <c r="I3199">
        <v>11010</v>
      </c>
      <c r="J3199" t="s">
        <v>880</v>
      </c>
      <c r="K3199">
        <v>58</v>
      </c>
      <c r="L3199" t="s">
        <v>2423</v>
      </c>
      <c r="M3199">
        <v>2407</v>
      </c>
      <c r="N3199" t="s">
        <v>654</v>
      </c>
      <c r="O3199">
        <v>3</v>
      </c>
      <c r="P3199" t="s">
        <v>655</v>
      </c>
      <c r="Q3199">
        <v>1</v>
      </c>
      <c r="R3199" t="s">
        <v>656</v>
      </c>
      <c r="S3199">
        <v>2</v>
      </c>
      <c r="T3199" t="s">
        <v>661</v>
      </c>
      <c r="U3199">
        <v>8</v>
      </c>
      <c r="V3199">
        <v>2</v>
      </c>
      <c r="W3199">
        <v>120</v>
      </c>
      <c r="X3199">
        <v>2020</v>
      </c>
    </row>
    <row r="3200" spans="1:24" x14ac:dyDescent="0.25">
      <c r="A3200">
        <v>8046</v>
      </c>
      <c r="B3200" t="s">
        <v>247</v>
      </c>
      <c r="C3200">
        <v>39</v>
      </c>
      <c r="D3200" t="s">
        <v>489</v>
      </c>
      <c r="E3200">
        <v>304</v>
      </c>
      <c r="F3200" t="s">
        <v>651</v>
      </c>
      <c r="G3200">
        <v>160</v>
      </c>
      <c r="H3200" t="s">
        <v>817</v>
      </c>
      <c r="I3200">
        <v>11010</v>
      </c>
      <c r="J3200" t="s">
        <v>880</v>
      </c>
      <c r="K3200">
        <v>58</v>
      </c>
      <c r="L3200" t="s">
        <v>2424</v>
      </c>
      <c r="M3200">
        <v>2406</v>
      </c>
      <c r="N3200" t="s">
        <v>654</v>
      </c>
      <c r="O3200">
        <v>3</v>
      </c>
      <c r="P3200" t="s">
        <v>655</v>
      </c>
      <c r="Q3200">
        <v>1</v>
      </c>
      <c r="R3200" t="s">
        <v>656</v>
      </c>
      <c r="S3200">
        <v>2</v>
      </c>
      <c r="T3200" t="s">
        <v>661</v>
      </c>
      <c r="U3200">
        <v>8</v>
      </c>
      <c r="V3200">
        <v>2</v>
      </c>
      <c r="W3200">
        <v>120</v>
      </c>
      <c r="X3200">
        <v>2020</v>
      </c>
    </row>
    <row r="3201" spans="1:24" x14ac:dyDescent="0.25">
      <c r="A3201">
        <v>8045</v>
      </c>
      <c r="B3201" t="s">
        <v>247</v>
      </c>
      <c r="C3201">
        <v>39</v>
      </c>
      <c r="D3201" t="s">
        <v>322</v>
      </c>
      <c r="E3201">
        <v>303</v>
      </c>
      <c r="F3201" t="s">
        <v>651</v>
      </c>
      <c r="G3201">
        <v>160</v>
      </c>
      <c r="H3201" t="s">
        <v>817</v>
      </c>
      <c r="I3201">
        <v>11010</v>
      </c>
      <c r="J3201" t="s">
        <v>839</v>
      </c>
      <c r="K3201">
        <v>89</v>
      </c>
      <c r="L3201" t="s">
        <v>2425</v>
      </c>
      <c r="M3201">
        <v>2405</v>
      </c>
      <c r="N3201" t="s">
        <v>654</v>
      </c>
      <c r="O3201">
        <v>3</v>
      </c>
      <c r="P3201" t="s">
        <v>655</v>
      </c>
      <c r="Q3201">
        <v>1</v>
      </c>
      <c r="R3201" t="s">
        <v>656</v>
      </c>
      <c r="S3201">
        <v>2</v>
      </c>
      <c r="T3201" t="s">
        <v>661</v>
      </c>
      <c r="U3201">
        <v>8</v>
      </c>
      <c r="V3201">
        <v>1</v>
      </c>
      <c r="W3201">
        <v>60</v>
      </c>
      <c r="X3201">
        <v>2020</v>
      </c>
    </row>
    <row r="3202" spans="1:24" x14ac:dyDescent="0.25">
      <c r="A3202">
        <v>8044</v>
      </c>
      <c r="B3202" t="s">
        <v>247</v>
      </c>
      <c r="C3202">
        <v>39</v>
      </c>
      <c r="D3202" t="s">
        <v>322</v>
      </c>
      <c r="E3202">
        <v>303</v>
      </c>
      <c r="F3202" t="s">
        <v>651</v>
      </c>
      <c r="G3202">
        <v>160</v>
      </c>
      <c r="H3202" t="s">
        <v>817</v>
      </c>
      <c r="I3202">
        <v>11010</v>
      </c>
      <c r="J3202" t="s">
        <v>839</v>
      </c>
      <c r="K3202">
        <v>89</v>
      </c>
      <c r="L3202" t="s">
        <v>2426</v>
      </c>
      <c r="M3202">
        <v>2404</v>
      </c>
      <c r="N3202" t="s">
        <v>654</v>
      </c>
      <c r="O3202">
        <v>3</v>
      </c>
      <c r="P3202" t="s">
        <v>655</v>
      </c>
      <c r="Q3202">
        <v>1</v>
      </c>
      <c r="R3202" t="s">
        <v>656</v>
      </c>
      <c r="S3202">
        <v>2</v>
      </c>
      <c r="T3202" t="s">
        <v>661</v>
      </c>
      <c r="U3202">
        <v>8</v>
      </c>
      <c r="V3202">
        <v>1</v>
      </c>
      <c r="W3202">
        <v>60</v>
      </c>
      <c r="X3202">
        <v>2020</v>
      </c>
    </row>
    <row r="3203" spans="1:24" x14ac:dyDescent="0.25">
      <c r="A3203">
        <v>8043</v>
      </c>
      <c r="B3203" t="s">
        <v>247</v>
      </c>
      <c r="C3203">
        <v>39</v>
      </c>
      <c r="D3203" t="s">
        <v>311</v>
      </c>
      <c r="E3203">
        <v>602</v>
      </c>
      <c r="F3203" t="s">
        <v>651</v>
      </c>
      <c r="G3203">
        <v>160</v>
      </c>
      <c r="H3203" t="s">
        <v>817</v>
      </c>
      <c r="I3203">
        <v>11010</v>
      </c>
      <c r="J3203" t="s">
        <v>894</v>
      </c>
      <c r="K3203">
        <v>18</v>
      </c>
      <c r="L3203" t="s">
        <v>2427</v>
      </c>
      <c r="M3203">
        <v>2403</v>
      </c>
      <c r="N3203" t="s">
        <v>654</v>
      </c>
      <c r="O3203">
        <v>3</v>
      </c>
      <c r="P3203" t="s">
        <v>655</v>
      </c>
      <c r="Q3203">
        <v>1</v>
      </c>
      <c r="R3203" t="s">
        <v>656</v>
      </c>
      <c r="S3203">
        <v>2</v>
      </c>
      <c r="T3203" t="s">
        <v>661</v>
      </c>
      <c r="U3203">
        <v>8</v>
      </c>
      <c r="V3203">
        <v>2</v>
      </c>
      <c r="W3203">
        <v>120</v>
      </c>
      <c r="X3203">
        <v>2020</v>
      </c>
    </row>
    <row r="3204" spans="1:24" x14ac:dyDescent="0.25">
      <c r="A3204">
        <v>8042</v>
      </c>
      <c r="B3204" t="s">
        <v>247</v>
      </c>
      <c r="C3204">
        <v>39</v>
      </c>
      <c r="D3204" t="s">
        <v>311</v>
      </c>
      <c r="E3204">
        <v>602</v>
      </c>
      <c r="F3204" t="s">
        <v>651</v>
      </c>
      <c r="G3204">
        <v>160</v>
      </c>
      <c r="H3204" t="s">
        <v>817</v>
      </c>
      <c r="I3204">
        <v>11010</v>
      </c>
      <c r="J3204" t="s">
        <v>894</v>
      </c>
      <c r="K3204">
        <v>18</v>
      </c>
      <c r="L3204" t="s">
        <v>2428</v>
      </c>
      <c r="M3204">
        <v>2402</v>
      </c>
      <c r="N3204" t="s">
        <v>654</v>
      </c>
      <c r="O3204">
        <v>3</v>
      </c>
      <c r="P3204" t="s">
        <v>655</v>
      </c>
      <c r="Q3204">
        <v>1</v>
      </c>
      <c r="R3204" t="s">
        <v>656</v>
      </c>
      <c r="S3204">
        <v>2</v>
      </c>
      <c r="T3204" t="s">
        <v>661</v>
      </c>
      <c r="U3204">
        <v>8</v>
      </c>
      <c r="V3204">
        <v>2</v>
      </c>
      <c r="W3204">
        <v>120</v>
      </c>
      <c r="X3204">
        <v>2020</v>
      </c>
    </row>
    <row r="3205" spans="1:24" x14ac:dyDescent="0.25">
      <c r="A3205">
        <v>8041</v>
      </c>
      <c r="B3205" t="s">
        <v>247</v>
      </c>
      <c r="C3205">
        <v>39</v>
      </c>
      <c r="D3205" t="s">
        <v>311</v>
      </c>
      <c r="E3205">
        <v>602</v>
      </c>
      <c r="F3205" t="s">
        <v>651</v>
      </c>
      <c r="G3205">
        <v>160</v>
      </c>
      <c r="H3205" t="s">
        <v>817</v>
      </c>
      <c r="I3205">
        <v>11010</v>
      </c>
      <c r="J3205" t="s">
        <v>894</v>
      </c>
      <c r="K3205">
        <v>18</v>
      </c>
      <c r="L3205" t="s">
        <v>2429</v>
      </c>
      <c r="M3205">
        <v>2401</v>
      </c>
      <c r="N3205" t="s">
        <v>654</v>
      </c>
      <c r="O3205">
        <v>3</v>
      </c>
      <c r="P3205" t="s">
        <v>655</v>
      </c>
      <c r="Q3205">
        <v>1</v>
      </c>
      <c r="R3205" t="s">
        <v>656</v>
      </c>
      <c r="S3205">
        <v>2</v>
      </c>
      <c r="T3205" t="s">
        <v>661</v>
      </c>
      <c r="U3205">
        <v>8</v>
      </c>
      <c r="V3205">
        <v>2</v>
      </c>
      <c r="W3205">
        <v>120</v>
      </c>
      <c r="X3205">
        <v>2020</v>
      </c>
    </row>
    <row r="3206" spans="1:24" x14ac:dyDescent="0.25">
      <c r="A3206">
        <v>8040</v>
      </c>
      <c r="B3206" t="s">
        <v>247</v>
      </c>
      <c r="C3206">
        <v>39</v>
      </c>
      <c r="D3206" t="s">
        <v>311</v>
      </c>
      <c r="E3206">
        <v>602</v>
      </c>
      <c r="F3206" t="s">
        <v>651</v>
      </c>
      <c r="G3206">
        <v>160</v>
      </c>
      <c r="H3206" t="s">
        <v>817</v>
      </c>
      <c r="I3206">
        <v>11010</v>
      </c>
      <c r="J3206" t="s">
        <v>894</v>
      </c>
      <c r="K3206">
        <v>18</v>
      </c>
      <c r="L3206" t="s">
        <v>2430</v>
      </c>
      <c r="M3206">
        <v>2400</v>
      </c>
      <c r="N3206" t="s">
        <v>654</v>
      </c>
      <c r="O3206">
        <v>3</v>
      </c>
      <c r="P3206" t="s">
        <v>655</v>
      </c>
      <c r="Q3206">
        <v>1</v>
      </c>
      <c r="R3206" t="s">
        <v>656</v>
      </c>
      <c r="S3206">
        <v>2</v>
      </c>
      <c r="T3206" t="s">
        <v>661</v>
      </c>
      <c r="U3206">
        <v>8</v>
      </c>
      <c r="V3206">
        <v>2</v>
      </c>
      <c r="W3206">
        <v>120</v>
      </c>
      <c r="X3206">
        <v>2020</v>
      </c>
    </row>
    <row r="3207" spans="1:24" x14ac:dyDescent="0.25">
      <c r="A3207">
        <v>8039</v>
      </c>
      <c r="B3207" t="s">
        <v>247</v>
      </c>
      <c r="C3207">
        <v>39</v>
      </c>
      <c r="D3207" t="s">
        <v>311</v>
      </c>
      <c r="E3207">
        <v>602</v>
      </c>
      <c r="F3207" t="s">
        <v>651</v>
      </c>
      <c r="G3207">
        <v>160</v>
      </c>
      <c r="H3207" t="s">
        <v>817</v>
      </c>
      <c r="I3207">
        <v>11010</v>
      </c>
      <c r="J3207" t="s">
        <v>894</v>
      </c>
      <c r="K3207">
        <v>18</v>
      </c>
      <c r="L3207" t="s">
        <v>2431</v>
      </c>
      <c r="M3207">
        <v>2399</v>
      </c>
      <c r="N3207" t="s">
        <v>654</v>
      </c>
      <c r="O3207">
        <v>3</v>
      </c>
      <c r="P3207" t="s">
        <v>655</v>
      </c>
      <c r="Q3207">
        <v>1</v>
      </c>
      <c r="R3207" t="s">
        <v>656</v>
      </c>
      <c r="S3207">
        <v>2</v>
      </c>
      <c r="T3207" t="s">
        <v>661</v>
      </c>
      <c r="U3207">
        <v>8</v>
      </c>
      <c r="V3207">
        <v>2</v>
      </c>
      <c r="W3207">
        <v>120</v>
      </c>
      <c r="X3207">
        <v>2020</v>
      </c>
    </row>
    <row r="3208" spans="1:24" x14ac:dyDescent="0.25">
      <c r="A3208">
        <v>8038</v>
      </c>
      <c r="B3208" t="s">
        <v>247</v>
      </c>
      <c r="C3208">
        <v>39</v>
      </c>
      <c r="D3208" t="s">
        <v>311</v>
      </c>
      <c r="E3208">
        <v>602</v>
      </c>
      <c r="F3208" t="s">
        <v>651</v>
      </c>
      <c r="G3208">
        <v>160</v>
      </c>
      <c r="H3208" t="s">
        <v>817</v>
      </c>
      <c r="I3208">
        <v>11010</v>
      </c>
      <c r="J3208" t="s">
        <v>894</v>
      </c>
      <c r="K3208">
        <v>18</v>
      </c>
      <c r="L3208" t="s">
        <v>2432</v>
      </c>
      <c r="M3208">
        <v>2398</v>
      </c>
      <c r="N3208" t="s">
        <v>654</v>
      </c>
      <c r="O3208">
        <v>3</v>
      </c>
      <c r="P3208" t="s">
        <v>655</v>
      </c>
      <c r="Q3208">
        <v>1</v>
      </c>
      <c r="R3208" t="s">
        <v>656</v>
      </c>
      <c r="S3208">
        <v>2</v>
      </c>
      <c r="T3208" t="s">
        <v>661</v>
      </c>
      <c r="U3208">
        <v>8</v>
      </c>
      <c r="V3208">
        <v>2</v>
      </c>
      <c r="W3208">
        <v>120</v>
      </c>
      <c r="X3208">
        <v>2020</v>
      </c>
    </row>
    <row r="3209" spans="1:24" x14ac:dyDescent="0.25">
      <c r="A3209">
        <v>8037</v>
      </c>
      <c r="B3209" t="s">
        <v>247</v>
      </c>
      <c r="C3209">
        <v>39</v>
      </c>
      <c r="D3209" t="s">
        <v>311</v>
      </c>
      <c r="E3209">
        <v>602</v>
      </c>
      <c r="F3209" t="s">
        <v>651</v>
      </c>
      <c r="G3209">
        <v>160</v>
      </c>
      <c r="H3209" t="s">
        <v>817</v>
      </c>
      <c r="I3209">
        <v>11010</v>
      </c>
      <c r="J3209" t="s">
        <v>868</v>
      </c>
      <c r="K3209">
        <v>23</v>
      </c>
      <c r="L3209" t="s">
        <v>2433</v>
      </c>
      <c r="M3209">
        <v>2397</v>
      </c>
      <c r="N3209" t="s">
        <v>654</v>
      </c>
      <c r="O3209">
        <v>3</v>
      </c>
      <c r="P3209" t="s">
        <v>655</v>
      </c>
      <c r="Q3209">
        <v>1</v>
      </c>
      <c r="R3209" t="s">
        <v>656</v>
      </c>
      <c r="S3209">
        <v>2</v>
      </c>
      <c r="T3209" t="s">
        <v>661</v>
      </c>
      <c r="U3209">
        <v>8</v>
      </c>
      <c r="V3209">
        <v>2</v>
      </c>
      <c r="W3209">
        <v>120</v>
      </c>
      <c r="X3209">
        <v>2020</v>
      </c>
    </row>
    <row r="3210" spans="1:24" x14ac:dyDescent="0.25">
      <c r="A3210">
        <v>8036</v>
      </c>
      <c r="B3210" t="s">
        <v>247</v>
      </c>
      <c r="C3210">
        <v>39</v>
      </c>
      <c r="D3210" t="s">
        <v>311</v>
      </c>
      <c r="E3210">
        <v>602</v>
      </c>
      <c r="F3210" t="s">
        <v>651</v>
      </c>
      <c r="G3210">
        <v>160</v>
      </c>
      <c r="H3210" t="s">
        <v>817</v>
      </c>
      <c r="I3210">
        <v>11010</v>
      </c>
      <c r="J3210" t="s">
        <v>868</v>
      </c>
      <c r="K3210">
        <v>23</v>
      </c>
      <c r="L3210" t="s">
        <v>2434</v>
      </c>
      <c r="M3210">
        <v>1294</v>
      </c>
      <c r="N3210" t="s">
        <v>654</v>
      </c>
      <c r="O3210">
        <v>3</v>
      </c>
      <c r="P3210" t="s">
        <v>655</v>
      </c>
      <c r="Q3210">
        <v>1</v>
      </c>
      <c r="R3210" t="s">
        <v>656</v>
      </c>
      <c r="S3210">
        <v>2</v>
      </c>
      <c r="T3210" t="s">
        <v>661</v>
      </c>
      <c r="U3210">
        <v>8</v>
      </c>
      <c r="V3210">
        <v>2</v>
      </c>
      <c r="W3210">
        <v>120</v>
      </c>
      <c r="X3210">
        <v>2020</v>
      </c>
    </row>
    <row r="3211" spans="1:24" x14ac:dyDescent="0.25">
      <c r="A3211">
        <v>8035</v>
      </c>
      <c r="B3211" t="s">
        <v>247</v>
      </c>
      <c r="C3211">
        <v>39</v>
      </c>
      <c r="D3211" t="s">
        <v>311</v>
      </c>
      <c r="E3211">
        <v>602</v>
      </c>
      <c r="F3211" t="s">
        <v>651</v>
      </c>
      <c r="G3211">
        <v>160</v>
      </c>
      <c r="H3211" t="s">
        <v>817</v>
      </c>
      <c r="I3211">
        <v>11010</v>
      </c>
      <c r="J3211" t="s">
        <v>868</v>
      </c>
      <c r="K3211">
        <v>23</v>
      </c>
      <c r="L3211" t="s">
        <v>2435</v>
      </c>
      <c r="M3211">
        <v>2396</v>
      </c>
      <c r="N3211" t="s">
        <v>654</v>
      </c>
      <c r="O3211">
        <v>3</v>
      </c>
      <c r="P3211" t="s">
        <v>655</v>
      </c>
      <c r="Q3211">
        <v>1</v>
      </c>
      <c r="R3211" t="s">
        <v>656</v>
      </c>
      <c r="S3211">
        <v>2</v>
      </c>
      <c r="T3211" t="s">
        <v>661</v>
      </c>
      <c r="U3211">
        <v>8</v>
      </c>
      <c r="V3211">
        <v>2</v>
      </c>
      <c r="W3211">
        <v>120</v>
      </c>
      <c r="X3211">
        <v>2020</v>
      </c>
    </row>
    <row r="3212" spans="1:24" x14ac:dyDescent="0.25">
      <c r="A3212">
        <v>8034</v>
      </c>
      <c r="B3212" t="s">
        <v>247</v>
      </c>
      <c r="C3212">
        <v>39</v>
      </c>
      <c r="D3212" t="s">
        <v>311</v>
      </c>
      <c r="E3212">
        <v>602</v>
      </c>
      <c r="F3212" t="s">
        <v>651</v>
      </c>
      <c r="G3212">
        <v>160</v>
      </c>
      <c r="H3212" t="s">
        <v>817</v>
      </c>
      <c r="I3212">
        <v>11010</v>
      </c>
      <c r="J3212" t="s">
        <v>868</v>
      </c>
      <c r="K3212">
        <v>23</v>
      </c>
      <c r="L3212" t="s">
        <v>2436</v>
      </c>
      <c r="M3212">
        <v>2395</v>
      </c>
      <c r="N3212" t="s">
        <v>654</v>
      </c>
      <c r="O3212">
        <v>3</v>
      </c>
      <c r="P3212" t="s">
        <v>655</v>
      </c>
      <c r="Q3212">
        <v>1</v>
      </c>
      <c r="R3212" t="s">
        <v>656</v>
      </c>
      <c r="S3212">
        <v>2</v>
      </c>
      <c r="T3212" t="s">
        <v>661</v>
      </c>
      <c r="U3212">
        <v>8</v>
      </c>
      <c r="V3212">
        <v>2</v>
      </c>
      <c r="W3212">
        <v>120</v>
      </c>
      <c r="X3212">
        <v>2020</v>
      </c>
    </row>
    <row r="3213" spans="1:24" x14ac:dyDescent="0.25">
      <c r="A3213">
        <v>8033</v>
      </c>
      <c r="B3213" t="s">
        <v>247</v>
      </c>
      <c r="C3213">
        <v>39</v>
      </c>
      <c r="D3213" t="s">
        <v>311</v>
      </c>
      <c r="E3213">
        <v>602</v>
      </c>
      <c r="F3213" t="s">
        <v>651</v>
      </c>
      <c r="G3213">
        <v>160</v>
      </c>
      <c r="H3213" t="s">
        <v>817</v>
      </c>
      <c r="I3213">
        <v>11010</v>
      </c>
      <c r="J3213" t="s">
        <v>868</v>
      </c>
      <c r="K3213">
        <v>23</v>
      </c>
      <c r="L3213" t="s">
        <v>1129</v>
      </c>
      <c r="M3213">
        <v>2094</v>
      </c>
      <c r="N3213" t="s">
        <v>654</v>
      </c>
      <c r="O3213">
        <v>3</v>
      </c>
      <c r="P3213" t="s">
        <v>655</v>
      </c>
      <c r="Q3213">
        <v>1</v>
      </c>
      <c r="R3213" t="s">
        <v>656</v>
      </c>
      <c r="S3213">
        <v>2</v>
      </c>
      <c r="T3213" t="s">
        <v>661</v>
      </c>
      <c r="U3213">
        <v>8</v>
      </c>
      <c r="V3213">
        <v>2</v>
      </c>
      <c r="W3213">
        <v>120</v>
      </c>
      <c r="X3213">
        <v>2020</v>
      </c>
    </row>
    <row r="3214" spans="1:24" x14ac:dyDescent="0.25">
      <c r="A3214">
        <v>8031</v>
      </c>
      <c r="B3214" t="s">
        <v>247</v>
      </c>
      <c r="C3214">
        <v>39</v>
      </c>
      <c r="D3214" t="s">
        <v>311</v>
      </c>
      <c r="E3214">
        <v>602</v>
      </c>
      <c r="F3214" t="s">
        <v>651</v>
      </c>
      <c r="G3214">
        <v>160</v>
      </c>
      <c r="H3214" t="s">
        <v>817</v>
      </c>
      <c r="I3214">
        <v>11010</v>
      </c>
      <c r="J3214" t="s">
        <v>703</v>
      </c>
      <c r="K3214">
        <v>16</v>
      </c>
      <c r="L3214" t="s">
        <v>2437</v>
      </c>
      <c r="M3214">
        <v>2393</v>
      </c>
      <c r="N3214" t="s">
        <v>654</v>
      </c>
      <c r="O3214">
        <v>3</v>
      </c>
      <c r="P3214" t="s">
        <v>655</v>
      </c>
      <c r="Q3214">
        <v>1</v>
      </c>
      <c r="R3214" t="s">
        <v>656</v>
      </c>
      <c r="S3214">
        <v>2</v>
      </c>
      <c r="T3214" t="s">
        <v>661</v>
      </c>
      <c r="U3214">
        <v>8</v>
      </c>
      <c r="V3214">
        <v>2</v>
      </c>
      <c r="W3214">
        <v>120</v>
      </c>
      <c r="X3214">
        <v>2020</v>
      </c>
    </row>
    <row r="3215" spans="1:24" x14ac:dyDescent="0.25">
      <c r="A3215">
        <v>8030</v>
      </c>
      <c r="B3215" t="s">
        <v>247</v>
      </c>
      <c r="C3215">
        <v>39</v>
      </c>
      <c r="D3215" t="s">
        <v>311</v>
      </c>
      <c r="E3215">
        <v>602</v>
      </c>
      <c r="F3215" t="s">
        <v>651</v>
      </c>
      <c r="G3215">
        <v>160</v>
      </c>
      <c r="H3215" t="s">
        <v>817</v>
      </c>
      <c r="I3215">
        <v>11010</v>
      </c>
      <c r="J3215" t="s">
        <v>703</v>
      </c>
      <c r="K3215">
        <v>16</v>
      </c>
      <c r="L3215" t="s">
        <v>2438</v>
      </c>
      <c r="M3215">
        <v>2392</v>
      </c>
      <c r="N3215" t="s">
        <v>654</v>
      </c>
      <c r="O3215">
        <v>3</v>
      </c>
      <c r="P3215" t="s">
        <v>655</v>
      </c>
      <c r="Q3215">
        <v>1</v>
      </c>
      <c r="R3215" t="s">
        <v>656</v>
      </c>
      <c r="S3215">
        <v>2</v>
      </c>
      <c r="T3215" t="s">
        <v>661</v>
      </c>
      <c r="U3215">
        <v>8</v>
      </c>
      <c r="V3215">
        <v>2</v>
      </c>
      <c r="W3215">
        <v>120</v>
      </c>
      <c r="X3215">
        <v>2020</v>
      </c>
    </row>
    <row r="3216" spans="1:24" x14ac:dyDescent="0.25">
      <c r="A3216">
        <v>8029</v>
      </c>
      <c r="B3216" t="s">
        <v>247</v>
      </c>
      <c r="C3216">
        <v>39</v>
      </c>
      <c r="D3216" t="s">
        <v>311</v>
      </c>
      <c r="E3216">
        <v>602</v>
      </c>
      <c r="F3216" t="s">
        <v>651</v>
      </c>
      <c r="G3216">
        <v>160</v>
      </c>
      <c r="H3216" t="s">
        <v>817</v>
      </c>
      <c r="I3216">
        <v>11010</v>
      </c>
      <c r="J3216" t="s">
        <v>703</v>
      </c>
      <c r="K3216">
        <v>16</v>
      </c>
      <c r="L3216" t="s">
        <v>2439</v>
      </c>
      <c r="M3216">
        <v>2391</v>
      </c>
      <c r="N3216" t="s">
        <v>654</v>
      </c>
      <c r="O3216">
        <v>3</v>
      </c>
      <c r="P3216" t="s">
        <v>655</v>
      </c>
      <c r="Q3216">
        <v>1</v>
      </c>
      <c r="R3216" t="s">
        <v>656</v>
      </c>
      <c r="S3216">
        <v>2</v>
      </c>
      <c r="T3216" t="s">
        <v>661</v>
      </c>
      <c r="U3216">
        <v>8</v>
      </c>
      <c r="V3216">
        <v>2</v>
      </c>
      <c r="W3216">
        <v>120</v>
      </c>
      <c r="X3216">
        <v>2020</v>
      </c>
    </row>
    <row r="3217" spans="1:24" x14ac:dyDescent="0.25">
      <c r="A3217">
        <v>8028</v>
      </c>
      <c r="B3217" t="s">
        <v>247</v>
      </c>
      <c r="C3217">
        <v>39</v>
      </c>
      <c r="D3217" t="s">
        <v>311</v>
      </c>
      <c r="E3217">
        <v>602</v>
      </c>
      <c r="F3217" t="s">
        <v>651</v>
      </c>
      <c r="G3217">
        <v>160</v>
      </c>
      <c r="H3217" t="s">
        <v>817</v>
      </c>
      <c r="I3217">
        <v>11010</v>
      </c>
      <c r="J3217" t="s">
        <v>703</v>
      </c>
      <c r="K3217">
        <v>16</v>
      </c>
      <c r="L3217" t="s">
        <v>2440</v>
      </c>
      <c r="M3217">
        <v>2390</v>
      </c>
      <c r="N3217" t="s">
        <v>654</v>
      </c>
      <c r="O3217">
        <v>3</v>
      </c>
      <c r="P3217" t="s">
        <v>655</v>
      </c>
      <c r="Q3217">
        <v>1</v>
      </c>
      <c r="R3217" t="s">
        <v>656</v>
      </c>
      <c r="S3217">
        <v>2</v>
      </c>
      <c r="T3217" t="s">
        <v>661</v>
      </c>
      <c r="U3217">
        <v>8</v>
      </c>
      <c r="V3217">
        <v>2</v>
      </c>
      <c r="W3217">
        <v>120</v>
      </c>
      <c r="X3217">
        <v>2020</v>
      </c>
    </row>
    <row r="3218" spans="1:24" x14ac:dyDescent="0.25">
      <c r="A3218">
        <v>8027</v>
      </c>
      <c r="B3218" t="s">
        <v>247</v>
      </c>
      <c r="C3218">
        <v>39</v>
      </c>
      <c r="D3218" t="s">
        <v>311</v>
      </c>
      <c r="E3218">
        <v>602</v>
      </c>
      <c r="F3218" t="s">
        <v>651</v>
      </c>
      <c r="G3218">
        <v>160</v>
      </c>
      <c r="H3218" t="s">
        <v>817</v>
      </c>
      <c r="I3218">
        <v>11010</v>
      </c>
      <c r="J3218" t="s">
        <v>659</v>
      </c>
      <c r="K3218">
        <v>35</v>
      </c>
      <c r="L3218" t="s">
        <v>2441</v>
      </c>
      <c r="M3218">
        <v>2389</v>
      </c>
      <c r="N3218" t="s">
        <v>654</v>
      </c>
      <c r="O3218">
        <v>3</v>
      </c>
      <c r="P3218" t="s">
        <v>655</v>
      </c>
      <c r="Q3218">
        <v>1</v>
      </c>
      <c r="R3218" t="s">
        <v>656</v>
      </c>
      <c r="S3218">
        <v>2</v>
      </c>
      <c r="T3218" t="s">
        <v>661</v>
      </c>
      <c r="U3218">
        <v>8</v>
      </c>
      <c r="V3218">
        <v>2</v>
      </c>
      <c r="W3218">
        <v>120</v>
      </c>
      <c r="X3218">
        <v>2020</v>
      </c>
    </row>
    <row r="3219" spans="1:24" x14ac:dyDescent="0.25">
      <c r="A3219">
        <v>8024</v>
      </c>
      <c r="B3219" t="s">
        <v>247</v>
      </c>
      <c r="C3219">
        <v>39</v>
      </c>
      <c r="D3219" t="s">
        <v>311</v>
      </c>
      <c r="E3219">
        <v>602</v>
      </c>
      <c r="F3219" t="s">
        <v>651</v>
      </c>
      <c r="G3219">
        <v>160</v>
      </c>
      <c r="H3219" t="s">
        <v>817</v>
      </c>
      <c r="I3219">
        <v>11010</v>
      </c>
      <c r="J3219" t="s">
        <v>802</v>
      </c>
      <c r="K3219">
        <v>12</v>
      </c>
      <c r="L3219" t="s">
        <v>2442</v>
      </c>
      <c r="M3219">
        <v>2386</v>
      </c>
      <c r="N3219" t="s">
        <v>654</v>
      </c>
      <c r="O3219">
        <v>3</v>
      </c>
      <c r="P3219" t="s">
        <v>655</v>
      </c>
      <c r="Q3219">
        <v>1</v>
      </c>
      <c r="R3219" t="s">
        <v>656</v>
      </c>
      <c r="S3219">
        <v>2</v>
      </c>
      <c r="T3219" t="s">
        <v>661</v>
      </c>
      <c r="U3219">
        <v>8</v>
      </c>
      <c r="V3219">
        <v>2</v>
      </c>
      <c r="W3219">
        <v>120</v>
      </c>
      <c r="X3219">
        <v>2020</v>
      </c>
    </row>
    <row r="3220" spans="1:24" x14ac:dyDescent="0.25">
      <c r="A3220">
        <v>8022</v>
      </c>
      <c r="B3220" t="s">
        <v>247</v>
      </c>
      <c r="C3220">
        <v>39</v>
      </c>
      <c r="D3220" t="s">
        <v>311</v>
      </c>
      <c r="E3220">
        <v>602</v>
      </c>
      <c r="F3220" t="s">
        <v>651</v>
      </c>
      <c r="G3220">
        <v>160</v>
      </c>
      <c r="H3220" t="s">
        <v>817</v>
      </c>
      <c r="I3220">
        <v>11010</v>
      </c>
      <c r="J3220" t="s">
        <v>802</v>
      </c>
      <c r="K3220">
        <v>12</v>
      </c>
      <c r="L3220" t="s">
        <v>2443</v>
      </c>
      <c r="M3220">
        <v>2384</v>
      </c>
      <c r="N3220" t="s">
        <v>654</v>
      </c>
      <c r="O3220">
        <v>3</v>
      </c>
      <c r="P3220" t="s">
        <v>655</v>
      </c>
      <c r="Q3220">
        <v>1</v>
      </c>
      <c r="R3220" t="s">
        <v>656</v>
      </c>
      <c r="S3220">
        <v>2</v>
      </c>
      <c r="T3220" t="s">
        <v>661</v>
      </c>
      <c r="U3220">
        <v>8</v>
      </c>
      <c r="V3220">
        <v>2</v>
      </c>
      <c r="W3220">
        <v>120</v>
      </c>
      <c r="X3220">
        <v>2020</v>
      </c>
    </row>
    <row r="3221" spans="1:24" x14ac:dyDescent="0.25">
      <c r="A3221">
        <v>8020</v>
      </c>
      <c r="B3221" t="s">
        <v>247</v>
      </c>
      <c r="C3221">
        <v>39</v>
      </c>
      <c r="D3221" t="s">
        <v>362</v>
      </c>
      <c r="E3221">
        <v>302</v>
      </c>
      <c r="F3221" t="s">
        <v>651</v>
      </c>
      <c r="G3221">
        <v>160</v>
      </c>
      <c r="H3221" t="s">
        <v>817</v>
      </c>
      <c r="I3221">
        <v>11010</v>
      </c>
      <c r="J3221" t="s">
        <v>736</v>
      </c>
      <c r="K3221">
        <v>8</v>
      </c>
      <c r="L3221" t="s">
        <v>2444</v>
      </c>
      <c r="M3221">
        <v>2382</v>
      </c>
      <c r="N3221" t="s">
        <v>654</v>
      </c>
      <c r="O3221">
        <v>3</v>
      </c>
      <c r="P3221" t="s">
        <v>655</v>
      </c>
      <c r="Q3221">
        <v>1</v>
      </c>
      <c r="R3221" t="s">
        <v>656</v>
      </c>
      <c r="S3221">
        <v>2</v>
      </c>
      <c r="T3221" t="s">
        <v>661</v>
      </c>
      <c r="U3221">
        <v>8</v>
      </c>
      <c r="V3221">
        <v>2</v>
      </c>
      <c r="W3221">
        <v>120</v>
      </c>
      <c r="X3221">
        <v>2020</v>
      </c>
    </row>
    <row r="3222" spans="1:24" x14ac:dyDescent="0.25">
      <c r="A3222">
        <v>8017</v>
      </c>
      <c r="B3222" t="s">
        <v>247</v>
      </c>
      <c r="C3222">
        <v>39</v>
      </c>
      <c r="D3222" t="s">
        <v>362</v>
      </c>
      <c r="E3222">
        <v>302</v>
      </c>
      <c r="F3222" t="s">
        <v>651</v>
      </c>
      <c r="G3222">
        <v>160</v>
      </c>
      <c r="H3222" t="s">
        <v>817</v>
      </c>
      <c r="I3222">
        <v>11010</v>
      </c>
      <c r="J3222" t="s">
        <v>831</v>
      </c>
      <c r="K3222">
        <v>5</v>
      </c>
      <c r="L3222" t="s">
        <v>902</v>
      </c>
      <c r="M3222">
        <v>2379</v>
      </c>
      <c r="N3222" t="s">
        <v>654</v>
      </c>
      <c r="O3222">
        <v>3</v>
      </c>
      <c r="P3222" t="s">
        <v>655</v>
      </c>
      <c r="Q3222">
        <v>1</v>
      </c>
      <c r="R3222" t="s">
        <v>656</v>
      </c>
      <c r="S3222">
        <v>2</v>
      </c>
      <c r="T3222" t="s">
        <v>661</v>
      </c>
      <c r="U3222">
        <v>8</v>
      </c>
      <c r="V3222">
        <v>2</v>
      </c>
      <c r="W3222">
        <v>120</v>
      </c>
      <c r="X3222">
        <v>2020</v>
      </c>
    </row>
    <row r="3223" spans="1:24" x14ac:dyDescent="0.25">
      <c r="A3223">
        <v>8016</v>
      </c>
      <c r="B3223" t="s">
        <v>247</v>
      </c>
      <c r="C3223">
        <v>39</v>
      </c>
      <c r="D3223" t="s">
        <v>362</v>
      </c>
      <c r="E3223">
        <v>302</v>
      </c>
      <c r="F3223" t="s">
        <v>651</v>
      </c>
      <c r="G3223">
        <v>160</v>
      </c>
      <c r="H3223" t="s">
        <v>817</v>
      </c>
      <c r="I3223">
        <v>11010</v>
      </c>
      <c r="J3223" t="s">
        <v>676</v>
      </c>
      <c r="K3223">
        <v>4</v>
      </c>
      <c r="L3223" t="s">
        <v>2445</v>
      </c>
      <c r="M3223">
        <v>2378</v>
      </c>
      <c r="N3223" t="s">
        <v>654</v>
      </c>
      <c r="O3223">
        <v>3</v>
      </c>
      <c r="P3223" t="s">
        <v>655</v>
      </c>
      <c r="Q3223">
        <v>1</v>
      </c>
      <c r="R3223" t="s">
        <v>656</v>
      </c>
      <c r="S3223">
        <v>2</v>
      </c>
      <c r="T3223" t="s">
        <v>718</v>
      </c>
      <c r="U3223">
        <v>2</v>
      </c>
      <c r="V3223">
        <v>2</v>
      </c>
      <c r="W3223">
        <v>120</v>
      </c>
      <c r="X3223">
        <v>2020</v>
      </c>
    </row>
    <row r="3224" spans="1:24" x14ac:dyDescent="0.25">
      <c r="A3224">
        <v>8015</v>
      </c>
      <c r="B3224" t="s">
        <v>247</v>
      </c>
      <c r="C3224">
        <v>39</v>
      </c>
      <c r="D3224" t="s">
        <v>362</v>
      </c>
      <c r="E3224">
        <v>302</v>
      </c>
      <c r="F3224" t="s">
        <v>651</v>
      </c>
      <c r="G3224">
        <v>160</v>
      </c>
      <c r="H3224" t="s">
        <v>817</v>
      </c>
      <c r="I3224">
        <v>11010</v>
      </c>
      <c r="J3224" t="s">
        <v>676</v>
      </c>
      <c r="K3224">
        <v>4</v>
      </c>
      <c r="L3224" t="s">
        <v>2446</v>
      </c>
      <c r="M3224">
        <v>2377</v>
      </c>
      <c r="N3224" t="s">
        <v>654</v>
      </c>
      <c r="O3224">
        <v>3</v>
      </c>
      <c r="P3224" t="s">
        <v>655</v>
      </c>
      <c r="Q3224">
        <v>1</v>
      </c>
      <c r="R3224" t="s">
        <v>656</v>
      </c>
      <c r="S3224">
        <v>2</v>
      </c>
      <c r="T3224" t="s">
        <v>661</v>
      </c>
      <c r="U3224">
        <v>8</v>
      </c>
      <c r="V3224">
        <v>2</v>
      </c>
      <c r="W3224">
        <v>120</v>
      </c>
      <c r="X3224">
        <v>2020</v>
      </c>
    </row>
    <row r="3225" spans="1:24" x14ac:dyDescent="0.25">
      <c r="A3225">
        <v>8014</v>
      </c>
      <c r="B3225" t="s">
        <v>247</v>
      </c>
      <c r="C3225">
        <v>39</v>
      </c>
      <c r="D3225" t="s">
        <v>362</v>
      </c>
      <c r="E3225">
        <v>302</v>
      </c>
      <c r="F3225" t="s">
        <v>651</v>
      </c>
      <c r="G3225">
        <v>160</v>
      </c>
      <c r="H3225" t="s">
        <v>817</v>
      </c>
      <c r="I3225">
        <v>11010</v>
      </c>
      <c r="J3225" t="s">
        <v>819</v>
      </c>
      <c r="K3225">
        <v>101</v>
      </c>
      <c r="L3225" t="s">
        <v>1200</v>
      </c>
      <c r="M3225">
        <v>2376</v>
      </c>
      <c r="N3225" t="s">
        <v>654</v>
      </c>
      <c r="O3225">
        <v>3</v>
      </c>
      <c r="P3225" t="s">
        <v>655</v>
      </c>
      <c r="Q3225">
        <v>1</v>
      </c>
      <c r="R3225" t="s">
        <v>656</v>
      </c>
      <c r="S3225">
        <v>2</v>
      </c>
      <c r="T3225" t="s">
        <v>661</v>
      </c>
      <c r="U3225">
        <v>8</v>
      </c>
      <c r="V3225">
        <v>2</v>
      </c>
      <c r="W3225">
        <v>120</v>
      </c>
      <c r="X3225">
        <v>2020</v>
      </c>
    </row>
    <row r="3226" spans="1:24" x14ac:dyDescent="0.25">
      <c r="A3226">
        <v>8013</v>
      </c>
      <c r="B3226" t="s">
        <v>247</v>
      </c>
      <c r="C3226">
        <v>39</v>
      </c>
      <c r="D3226" t="s">
        <v>362</v>
      </c>
      <c r="E3226">
        <v>302</v>
      </c>
      <c r="F3226" t="s">
        <v>651</v>
      </c>
      <c r="G3226">
        <v>160</v>
      </c>
      <c r="H3226" t="s">
        <v>817</v>
      </c>
      <c r="I3226">
        <v>11010</v>
      </c>
      <c r="J3226" t="s">
        <v>819</v>
      </c>
      <c r="K3226">
        <v>101</v>
      </c>
      <c r="L3226" t="s">
        <v>2447</v>
      </c>
      <c r="M3226">
        <v>2375</v>
      </c>
      <c r="N3226" t="s">
        <v>654</v>
      </c>
      <c r="O3226">
        <v>3</v>
      </c>
      <c r="P3226" t="s">
        <v>655</v>
      </c>
      <c r="Q3226">
        <v>1</v>
      </c>
      <c r="R3226" t="s">
        <v>656</v>
      </c>
      <c r="S3226">
        <v>2</v>
      </c>
      <c r="T3226" t="s">
        <v>661</v>
      </c>
      <c r="U3226">
        <v>8</v>
      </c>
      <c r="V3226">
        <v>2</v>
      </c>
      <c r="W3226">
        <v>120</v>
      </c>
      <c r="X3226">
        <v>2020</v>
      </c>
    </row>
    <row r="3227" spans="1:24" x14ac:dyDescent="0.25">
      <c r="A3227">
        <v>8012</v>
      </c>
      <c r="B3227" t="s">
        <v>247</v>
      </c>
      <c r="C3227">
        <v>39</v>
      </c>
      <c r="D3227" t="s">
        <v>316</v>
      </c>
      <c r="E3227">
        <v>305</v>
      </c>
      <c r="F3227" t="s">
        <v>651</v>
      </c>
      <c r="G3227">
        <v>160</v>
      </c>
      <c r="H3227" t="s">
        <v>817</v>
      </c>
      <c r="I3227">
        <v>11010</v>
      </c>
      <c r="J3227" t="s">
        <v>296</v>
      </c>
      <c r="K3227">
        <v>97</v>
      </c>
      <c r="L3227" t="s">
        <v>2448</v>
      </c>
      <c r="M3227">
        <v>2374</v>
      </c>
      <c r="N3227" t="s">
        <v>654</v>
      </c>
      <c r="O3227">
        <v>3</v>
      </c>
      <c r="P3227" t="s">
        <v>655</v>
      </c>
      <c r="Q3227">
        <v>1</v>
      </c>
      <c r="R3227" t="s">
        <v>656</v>
      </c>
      <c r="S3227">
        <v>2</v>
      </c>
      <c r="T3227" t="s">
        <v>661</v>
      </c>
      <c r="U3227">
        <v>8</v>
      </c>
      <c r="V3227">
        <v>2</v>
      </c>
      <c r="W3227">
        <v>120</v>
      </c>
      <c r="X3227">
        <v>2020</v>
      </c>
    </row>
    <row r="3228" spans="1:24" x14ac:dyDescent="0.25">
      <c r="A3228">
        <v>8011</v>
      </c>
      <c r="B3228" t="s">
        <v>247</v>
      </c>
      <c r="C3228">
        <v>39</v>
      </c>
      <c r="D3228" t="s">
        <v>316</v>
      </c>
      <c r="E3228">
        <v>305</v>
      </c>
      <c r="F3228" t="s">
        <v>651</v>
      </c>
      <c r="G3228">
        <v>160</v>
      </c>
      <c r="H3228" t="s">
        <v>817</v>
      </c>
      <c r="I3228">
        <v>11010</v>
      </c>
      <c r="J3228" t="s">
        <v>296</v>
      </c>
      <c r="K3228">
        <v>97</v>
      </c>
      <c r="L3228" t="s">
        <v>296</v>
      </c>
      <c r="M3228">
        <v>989</v>
      </c>
      <c r="N3228" t="s">
        <v>654</v>
      </c>
      <c r="O3228">
        <v>3</v>
      </c>
      <c r="P3228" t="s">
        <v>655</v>
      </c>
      <c r="Q3228">
        <v>1</v>
      </c>
      <c r="R3228" t="s">
        <v>656</v>
      </c>
      <c r="S3228">
        <v>2</v>
      </c>
      <c r="T3228" t="s">
        <v>661</v>
      </c>
      <c r="U3228">
        <v>8</v>
      </c>
      <c r="V3228">
        <v>2</v>
      </c>
      <c r="W3228">
        <v>120</v>
      </c>
      <c r="X3228">
        <v>2020</v>
      </c>
    </row>
    <row r="3229" spans="1:24" x14ac:dyDescent="0.25">
      <c r="A3229">
        <v>8009</v>
      </c>
      <c r="B3229" t="s">
        <v>247</v>
      </c>
      <c r="C3229">
        <v>39</v>
      </c>
      <c r="D3229" t="s">
        <v>362</v>
      </c>
      <c r="E3229">
        <v>302</v>
      </c>
      <c r="F3229" t="s">
        <v>651</v>
      </c>
      <c r="G3229">
        <v>160</v>
      </c>
      <c r="H3229" t="s">
        <v>817</v>
      </c>
      <c r="I3229">
        <v>11010</v>
      </c>
      <c r="J3229" t="s">
        <v>885</v>
      </c>
      <c r="K3229">
        <v>1</v>
      </c>
      <c r="L3229" t="s">
        <v>2449</v>
      </c>
      <c r="M3229">
        <v>2373</v>
      </c>
      <c r="N3229" t="s">
        <v>654</v>
      </c>
      <c r="O3229">
        <v>3</v>
      </c>
      <c r="P3229" t="s">
        <v>655</v>
      </c>
      <c r="Q3229">
        <v>1</v>
      </c>
      <c r="R3229" t="s">
        <v>656</v>
      </c>
      <c r="S3229">
        <v>2</v>
      </c>
      <c r="T3229" t="s">
        <v>661</v>
      </c>
      <c r="U3229">
        <v>8</v>
      </c>
      <c r="V3229">
        <v>2</v>
      </c>
      <c r="W3229">
        <v>120</v>
      </c>
      <c r="X3229">
        <v>2020</v>
      </c>
    </row>
    <row r="3230" spans="1:24" x14ac:dyDescent="0.25">
      <c r="A3230">
        <v>8008</v>
      </c>
      <c r="B3230" t="s">
        <v>247</v>
      </c>
      <c r="C3230">
        <v>39</v>
      </c>
      <c r="D3230" t="s">
        <v>477</v>
      </c>
      <c r="E3230">
        <v>301</v>
      </c>
      <c r="F3230" t="s">
        <v>651</v>
      </c>
      <c r="G3230">
        <v>160</v>
      </c>
      <c r="H3230" t="s">
        <v>817</v>
      </c>
      <c r="I3230">
        <v>11010</v>
      </c>
      <c r="J3230" t="s">
        <v>767</v>
      </c>
      <c r="K3230">
        <v>44</v>
      </c>
      <c r="L3230" t="s">
        <v>2450</v>
      </c>
      <c r="M3230">
        <v>2372</v>
      </c>
      <c r="N3230" t="s">
        <v>654</v>
      </c>
      <c r="O3230">
        <v>3</v>
      </c>
      <c r="P3230" t="s">
        <v>655</v>
      </c>
      <c r="Q3230">
        <v>1</v>
      </c>
      <c r="R3230" t="s">
        <v>656</v>
      </c>
      <c r="S3230">
        <v>2</v>
      </c>
      <c r="T3230" t="s">
        <v>661</v>
      </c>
      <c r="U3230">
        <v>8</v>
      </c>
      <c r="V3230">
        <v>2</v>
      </c>
      <c r="W3230">
        <v>120</v>
      </c>
      <c r="X3230">
        <v>2020</v>
      </c>
    </row>
    <row r="3231" spans="1:24" x14ac:dyDescent="0.25">
      <c r="A3231">
        <v>8007</v>
      </c>
      <c r="B3231" t="s">
        <v>247</v>
      </c>
      <c r="C3231">
        <v>39</v>
      </c>
      <c r="D3231" t="s">
        <v>477</v>
      </c>
      <c r="E3231">
        <v>301</v>
      </c>
      <c r="F3231" t="s">
        <v>651</v>
      </c>
      <c r="G3231">
        <v>160</v>
      </c>
      <c r="H3231" t="s">
        <v>817</v>
      </c>
      <c r="I3231">
        <v>11010</v>
      </c>
      <c r="J3231" t="s">
        <v>767</v>
      </c>
      <c r="K3231">
        <v>44</v>
      </c>
      <c r="L3231" t="s">
        <v>2451</v>
      </c>
      <c r="M3231">
        <v>2371</v>
      </c>
      <c r="N3231" t="s">
        <v>654</v>
      </c>
      <c r="O3231">
        <v>3</v>
      </c>
      <c r="P3231" t="s">
        <v>655</v>
      </c>
      <c r="Q3231">
        <v>1</v>
      </c>
      <c r="R3231" t="s">
        <v>656</v>
      </c>
      <c r="S3231">
        <v>2</v>
      </c>
      <c r="T3231" t="s">
        <v>718</v>
      </c>
      <c r="U3231">
        <v>2</v>
      </c>
      <c r="V3231">
        <v>2</v>
      </c>
      <c r="W3231">
        <v>120</v>
      </c>
      <c r="X3231">
        <v>2020</v>
      </c>
    </row>
    <row r="3232" spans="1:24" x14ac:dyDescent="0.25">
      <c r="A3232">
        <v>8006</v>
      </c>
      <c r="B3232" t="s">
        <v>247</v>
      </c>
      <c r="C3232">
        <v>39</v>
      </c>
      <c r="D3232" t="s">
        <v>477</v>
      </c>
      <c r="E3232">
        <v>301</v>
      </c>
      <c r="F3232" t="s">
        <v>651</v>
      </c>
      <c r="G3232">
        <v>160</v>
      </c>
      <c r="H3232" t="s">
        <v>817</v>
      </c>
      <c r="I3232">
        <v>11010</v>
      </c>
      <c r="J3232" t="s">
        <v>767</v>
      </c>
      <c r="K3232">
        <v>44</v>
      </c>
      <c r="L3232" t="s">
        <v>2452</v>
      </c>
      <c r="M3232">
        <v>2370</v>
      </c>
      <c r="N3232" t="s">
        <v>654</v>
      </c>
      <c r="O3232">
        <v>3</v>
      </c>
      <c r="P3232" t="s">
        <v>655</v>
      </c>
      <c r="Q3232">
        <v>1</v>
      </c>
      <c r="R3232" t="s">
        <v>656</v>
      </c>
      <c r="S3232">
        <v>2</v>
      </c>
      <c r="T3232" t="s">
        <v>718</v>
      </c>
      <c r="U3232">
        <v>2</v>
      </c>
      <c r="V3232">
        <v>2</v>
      </c>
      <c r="W3232">
        <v>120</v>
      </c>
      <c r="X3232">
        <v>2020</v>
      </c>
    </row>
    <row r="3233" spans="1:24" x14ac:dyDescent="0.25">
      <c r="A3233">
        <v>8005</v>
      </c>
      <c r="B3233" t="s">
        <v>247</v>
      </c>
      <c r="C3233">
        <v>39</v>
      </c>
      <c r="D3233" t="s">
        <v>477</v>
      </c>
      <c r="E3233">
        <v>301</v>
      </c>
      <c r="F3233" t="s">
        <v>651</v>
      </c>
      <c r="G3233">
        <v>160</v>
      </c>
      <c r="H3233" t="s">
        <v>817</v>
      </c>
      <c r="I3233">
        <v>11010</v>
      </c>
      <c r="J3233" t="s">
        <v>730</v>
      </c>
      <c r="K3233">
        <v>66</v>
      </c>
      <c r="L3233" t="s">
        <v>2453</v>
      </c>
      <c r="M3233">
        <v>2369</v>
      </c>
      <c r="N3233" t="s">
        <v>654</v>
      </c>
      <c r="O3233">
        <v>3</v>
      </c>
      <c r="P3233" t="s">
        <v>655</v>
      </c>
      <c r="Q3233">
        <v>1</v>
      </c>
      <c r="R3233" t="s">
        <v>656</v>
      </c>
      <c r="S3233">
        <v>2</v>
      </c>
      <c r="T3233" t="s">
        <v>661</v>
      </c>
      <c r="U3233">
        <v>8</v>
      </c>
      <c r="V3233">
        <v>1.5</v>
      </c>
      <c r="W3233">
        <v>90</v>
      </c>
      <c r="X3233">
        <v>2020</v>
      </c>
    </row>
    <row r="3234" spans="1:24" x14ac:dyDescent="0.25">
      <c r="A3234">
        <v>8004</v>
      </c>
      <c r="B3234" t="s">
        <v>247</v>
      </c>
      <c r="C3234">
        <v>39</v>
      </c>
      <c r="D3234" t="s">
        <v>477</v>
      </c>
      <c r="E3234">
        <v>301</v>
      </c>
      <c r="F3234" t="s">
        <v>651</v>
      </c>
      <c r="G3234">
        <v>160</v>
      </c>
      <c r="H3234" t="s">
        <v>817</v>
      </c>
      <c r="I3234">
        <v>11010</v>
      </c>
      <c r="J3234" t="s">
        <v>730</v>
      </c>
      <c r="K3234">
        <v>66</v>
      </c>
      <c r="L3234" t="s">
        <v>2454</v>
      </c>
      <c r="M3234">
        <v>2368</v>
      </c>
      <c r="N3234" t="s">
        <v>654</v>
      </c>
      <c r="O3234">
        <v>3</v>
      </c>
      <c r="P3234" t="s">
        <v>655</v>
      </c>
      <c r="Q3234">
        <v>1</v>
      </c>
      <c r="R3234" t="s">
        <v>656</v>
      </c>
      <c r="S3234">
        <v>2</v>
      </c>
      <c r="T3234" t="s">
        <v>661</v>
      </c>
      <c r="U3234">
        <v>8</v>
      </c>
      <c r="V3234">
        <v>2</v>
      </c>
      <c r="W3234">
        <v>120</v>
      </c>
      <c r="X3234">
        <v>2020</v>
      </c>
    </row>
    <row r="3235" spans="1:24" x14ac:dyDescent="0.25">
      <c r="A3235">
        <v>8003</v>
      </c>
      <c r="B3235" t="s">
        <v>247</v>
      </c>
      <c r="C3235">
        <v>39</v>
      </c>
      <c r="D3235" t="s">
        <v>477</v>
      </c>
      <c r="E3235">
        <v>301</v>
      </c>
      <c r="F3235" t="s">
        <v>651</v>
      </c>
      <c r="G3235">
        <v>160</v>
      </c>
      <c r="H3235" t="s">
        <v>817</v>
      </c>
      <c r="I3235">
        <v>11010</v>
      </c>
      <c r="J3235" t="s">
        <v>730</v>
      </c>
      <c r="K3235">
        <v>66</v>
      </c>
      <c r="L3235" t="s">
        <v>2455</v>
      </c>
      <c r="M3235">
        <v>2367</v>
      </c>
      <c r="N3235" t="s">
        <v>654</v>
      </c>
      <c r="O3235">
        <v>3</v>
      </c>
      <c r="P3235" t="s">
        <v>655</v>
      </c>
      <c r="Q3235">
        <v>1</v>
      </c>
      <c r="R3235" t="s">
        <v>656</v>
      </c>
      <c r="S3235">
        <v>2</v>
      </c>
      <c r="T3235" t="s">
        <v>718</v>
      </c>
      <c r="U3235">
        <v>2</v>
      </c>
      <c r="V3235">
        <v>2</v>
      </c>
      <c r="W3235">
        <v>120</v>
      </c>
      <c r="X3235">
        <v>2020</v>
      </c>
    </row>
    <row r="3236" spans="1:24" x14ac:dyDescent="0.25">
      <c r="A3236">
        <v>8002</v>
      </c>
      <c r="B3236" t="s">
        <v>247</v>
      </c>
      <c r="C3236">
        <v>39</v>
      </c>
      <c r="D3236" t="s">
        <v>477</v>
      </c>
      <c r="E3236">
        <v>301</v>
      </c>
      <c r="F3236" t="s">
        <v>651</v>
      </c>
      <c r="G3236">
        <v>160</v>
      </c>
      <c r="H3236" t="s">
        <v>817</v>
      </c>
      <c r="I3236">
        <v>11010</v>
      </c>
      <c r="J3236" t="s">
        <v>730</v>
      </c>
      <c r="K3236">
        <v>66</v>
      </c>
      <c r="L3236" t="s">
        <v>2456</v>
      </c>
      <c r="M3236">
        <v>977</v>
      </c>
      <c r="N3236" t="s">
        <v>654</v>
      </c>
      <c r="O3236">
        <v>3</v>
      </c>
      <c r="P3236" t="s">
        <v>655</v>
      </c>
      <c r="Q3236">
        <v>1</v>
      </c>
      <c r="R3236" t="s">
        <v>656</v>
      </c>
      <c r="S3236">
        <v>2</v>
      </c>
      <c r="T3236" t="s">
        <v>661</v>
      </c>
      <c r="U3236">
        <v>8</v>
      </c>
      <c r="V3236">
        <v>2</v>
      </c>
      <c r="W3236">
        <v>120</v>
      </c>
      <c r="X3236">
        <v>2020</v>
      </c>
    </row>
    <row r="3237" spans="1:24" x14ac:dyDescent="0.25">
      <c r="A3237">
        <v>8001</v>
      </c>
      <c r="B3237" t="s">
        <v>247</v>
      </c>
      <c r="C3237">
        <v>39</v>
      </c>
      <c r="D3237" t="s">
        <v>477</v>
      </c>
      <c r="E3237">
        <v>301</v>
      </c>
      <c r="F3237" t="s">
        <v>651</v>
      </c>
      <c r="G3237">
        <v>160</v>
      </c>
      <c r="H3237" t="s">
        <v>817</v>
      </c>
      <c r="I3237">
        <v>11010</v>
      </c>
      <c r="J3237" t="s">
        <v>730</v>
      </c>
      <c r="K3237">
        <v>66</v>
      </c>
      <c r="L3237" t="s">
        <v>2457</v>
      </c>
      <c r="M3237">
        <v>2366</v>
      </c>
      <c r="N3237" t="s">
        <v>654</v>
      </c>
      <c r="O3237">
        <v>3</v>
      </c>
      <c r="P3237" t="s">
        <v>655</v>
      </c>
      <c r="Q3237">
        <v>1</v>
      </c>
      <c r="R3237" t="s">
        <v>656</v>
      </c>
      <c r="S3237">
        <v>2</v>
      </c>
      <c r="T3237" t="s">
        <v>718</v>
      </c>
      <c r="U3237">
        <v>2</v>
      </c>
      <c r="V3237">
        <v>2</v>
      </c>
      <c r="W3237">
        <v>120</v>
      </c>
      <c r="X3237">
        <v>2020</v>
      </c>
    </row>
    <row r="3238" spans="1:24" x14ac:dyDescent="0.25">
      <c r="A3238">
        <v>8000</v>
      </c>
      <c r="B3238" t="s">
        <v>247</v>
      </c>
      <c r="C3238">
        <v>39</v>
      </c>
      <c r="D3238" t="s">
        <v>477</v>
      </c>
      <c r="E3238">
        <v>301</v>
      </c>
      <c r="F3238" t="s">
        <v>651</v>
      </c>
      <c r="G3238">
        <v>160</v>
      </c>
      <c r="H3238" t="s">
        <v>817</v>
      </c>
      <c r="I3238">
        <v>11010</v>
      </c>
      <c r="J3238" t="s">
        <v>730</v>
      </c>
      <c r="K3238">
        <v>66</v>
      </c>
      <c r="L3238" t="s">
        <v>2458</v>
      </c>
      <c r="M3238">
        <v>2365</v>
      </c>
      <c r="N3238" t="s">
        <v>654</v>
      </c>
      <c r="O3238">
        <v>3</v>
      </c>
      <c r="P3238" t="s">
        <v>655</v>
      </c>
      <c r="Q3238">
        <v>1</v>
      </c>
      <c r="R3238" t="s">
        <v>656</v>
      </c>
      <c r="S3238">
        <v>2</v>
      </c>
      <c r="T3238" t="s">
        <v>718</v>
      </c>
      <c r="U3238">
        <v>2</v>
      </c>
      <c r="V3238">
        <v>2</v>
      </c>
      <c r="W3238">
        <v>120</v>
      </c>
      <c r="X3238">
        <v>2020</v>
      </c>
    </row>
    <row r="3239" spans="1:24" x14ac:dyDescent="0.25">
      <c r="A3239">
        <v>7999</v>
      </c>
      <c r="B3239" t="s">
        <v>247</v>
      </c>
      <c r="C3239">
        <v>39</v>
      </c>
      <c r="D3239" t="s">
        <v>477</v>
      </c>
      <c r="E3239">
        <v>301</v>
      </c>
      <c r="F3239" t="s">
        <v>651</v>
      </c>
      <c r="G3239">
        <v>160</v>
      </c>
      <c r="H3239" t="s">
        <v>817</v>
      </c>
      <c r="I3239">
        <v>11010</v>
      </c>
      <c r="J3239" t="s">
        <v>730</v>
      </c>
      <c r="K3239">
        <v>66</v>
      </c>
      <c r="L3239" t="s">
        <v>2459</v>
      </c>
      <c r="M3239">
        <v>1398</v>
      </c>
      <c r="N3239" t="s">
        <v>654</v>
      </c>
      <c r="O3239">
        <v>3</v>
      </c>
      <c r="P3239" t="s">
        <v>655</v>
      </c>
      <c r="Q3239">
        <v>1</v>
      </c>
      <c r="R3239" t="s">
        <v>656</v>
      </c>
      <c r="S3239">
        <v>2</v>
      </c>
      <c r="T3239" t="s">
        <v>661</v>
      </c>
      <c r="U3239">
        <v>8</v>
      </c>
      <c r="V3239">
        <v>2</v>
      </c>
      <c r="W3239">
        <v>120</v>
      </c>
      <c r="X3239">
        <v>2020</v>
      </c>
    </row>
    <row r="3240" spans="1:24" x14ac:dyDescent="0.25">
      <c r="A3240">
        <v>7998</v>
      </c>
      <c r="B3240" t="s">
        <v>247</v>
      </c>
      <c r="C3240">
        <v>39</v>
      </c>
      <c r="D3240" t="s">
        <v>477</v>
      </c>
      <c r="E3240">
        <v>301</v>
      </c>
      <c r="F3240" t="s">
        <v>651</v>
      </c>
      <c r="G3240">
        <v>160</v>
      </c>
      <c r="H3240" t="s">
        <v>817</v>
      </c>
      <c r="I3240">
        <v>11010</v>
      </c>
      <c r="J3240" t="s">
        <v>730</v>
      </c>
      <c r="K3240">
        <v>66</v>
      </c>
      <c r="L3240" t="s">
        <v>2460</v>
      </c>
      <c r="M3240">
        <v>2364</v>
      </c>
      <c r="N3240" t="s">
        <v>654</v>
      </c>
      <c r="O3240">
        <v>3</v>
      </c>
      <c r="P3240" t="s">
        <v>655</v>
      </c>
      <c r="Q3240">
        <v>1</v>
      </c>
      <c r="R3240" t="s">
        <v>656</v>
      </c>
      <c r="S3240">
        <v>2</v>
      </c>
      <c r="T3240" t="s">
        <v>718</v>
      </c>
      <c r="U3240">
        <v>2</v>
      </c>
      <c r="V3240">
        <v>2</v>
      </c>
      <c r="W3240">
        <v>120</v>
      </c>
      <c r="X3240">
        <v>2020</v>
      </c>
    </row>
    <row r="3241" spans="1:24" x14ac:dyDescent="0.25">
      <c r="A3241">
        <v>7997</v>
      </c>
      <c r="B3241" t="s">
        <v>247</v>
      </c>
      <c r="C3241">
        <v>39</v>
      </c>
      <c r="D3241" t="s">
        <v>477</v>
      </c>
      <c r="E3241">
        <v>301</v>
      </c>
      <c r="F3241" t="s">
        <v>651</v>
      </c>
      <c r="G3241">
        <v>160</v>
      </c>
      <c r="H3241" t="s">
        <v>817</v>
      </c>
      <c r="I3241">
        <v>11010</v>
      </c>
      <c r="J3241" t="s">
        <v>730</v>
      </c>
      <c r="K3241">
        <v>66</v>
      </c>
      <c r="L3241" t="s">
        <v>2461</v>
      </c>
      <c r="M3241">
        <v>2363</v>
      </c>
      <c r="N3241" t="s">
        <v>654</v>
      </c>
      <c r="O3241">
        <v>3</v>
      </c>
      <c r="P3241" t="s">
        <v>655</v>
      </c>
      <c r="Q3241">
        <v>1</v>
      </c>
      <c r="R3241" t="s">
        <v>656</v>
      </c>
      <c r="S3241">
        <v>2</v>
      </c>
      <c r="T3241" t="s">
        <v>661</v>
      </c>
      <c r="U3241">
        <v>8</v>
      </c>
      <c r="V3241">
        <v>2</v>
      </c>
      <c r="W3241">
        <v>120</v>
      </c>
      <c r="X3241">
        <v>2020</v>
      </c>
    </row>
    <row r="3242" spans="1:24" x14ac:dyDescent="0.25">
      <c r="A3242">
        <v>7996</v>
      </c>
      <c r="B3242" t="s">
        <v>247</v>
      </c>
      <c r="C3242">
        <v>39</v>
      </c>
      <c r="D3242" t="s">
        <v>477</v>
      </c>
      <c r="E3242">
        <v>301</v>
      </c>
      <c r="F3242" t="s">
        <v>651</v>
      </c>
      <c r="G3242">
        <v>160</v>
      </c>
      <c r="H3242" t="s">
        <v>817</v>
      </c>
      <c r="I3242">
        <v>11010</v>
      </c>
      <c r="J3242" t="s">
        <v>693</v>
      </c>
      <c r="K3242">
        <v>56</v>
      </c>
      <c r="L3242" t="s">
        <v>2462</v>
      </c>
      <c r="M3242">
        <v>2362</v>
      </c>
      <c r="N3242" t="s">
        <v>654</v>
      </c>
      <c r="O3242">
        <v>3</v>
      </c>
      <c r="P3242" t="s">
        <v>655</v>
      </c>
      <c r="Q3242">
        <v>1</v>
      </c>
      <c r="R3242" t="s">
        <v>656</v>
      </c>
      <c r="S3242">
        <v>2</v>
      </c>
      <c r="T3242" t="s">
        <v>661</v>
      </c>
      <c r="U3242">
        <v>8</v>
      </c>
      <c r="V3242">
        <v>2</v>
      </c>
      <c r="W3242">
        <v>120</v>
      </c>
      <c r="X3242">
        <v>2020</v>
      </c>
    </row>
    <row r="3243" spans="1:24" x14ac:dyDescent="0.25">
      <c r="A3243">
        <v>7995</v>
      </c>
      <c r="B3243" t="s">
        <v>247</v>
      </c>
      <c r="C3243">
        <v>39</v>
      </c>
      <c r="D3243" t="s">
        <v>477</v>
      </c>
      <c r="E3243">
        <v>301</v>
      </c>
      <c r="F3243" t="s">
        <v>651</v>
      </c>
      <c r="G3243">
        <v>160</v>
      </c>
      <c r="H3243" t="s">
        <v>817</v>
      </c>
      <c r="I3243">
        <v>11010</v>
      </c>
      <c r="J3243" t="s">
        <v>693</v>
      </c>
      <c r="K3243">
        <v>56</v>
      </c>
      <c r="L3243" t="s">
        <v>2463</v>
      </c>
      <c r="M3243">
        <v>2361</v>
      </c>
      <c r="N3243" t="s">
        <v>654</v>
      </c>
      <c r="O3243">
        <v>3</v>
      </c>
      <c r="P3243" t="s">
        <v>655</v>
      </c>
      <c r="Q3243">
        <v>1</v>
      </c>
      <c r="R3243" t="s">
        <v>656</v>
      </c>
      <c r="S3243">
        <v>2</v>
      </c>
      <c r="T3243" t="s">
        <v>718</v>
      </c>
      <c r="U3243">
        <v>2</v>
      </c>
      <c r="V3243">
        <v>2</v>
      </c>
      <c r="W3243">
        <v>120</v>
      </c>
      <c r="X3243">
        <v>2020</v>
      </c>
    </row>
    <row r="3244" spans="1:24" x14ac:dyDescent="0.25">
      <c r="A3244">
        <v>7994</v>
      </c>
      <c r="B3244" t="s">
        <v>247</v>
      </c>
      <c r="C3244">
        <v>39</v>
      </c>
      <c r="D3244" t="s">
        <v>477</v>
      </c>
      <c r="E3244">
        <v>301</v>
      </c>
      <c r="F3244" t="s">
        <v>651</v>
      </c>
      <c r="G3244">
        <v>160</v>
      </c>
      <c r="H3244" t="s">
        <v>817</v>
      </c>
      <c r="I3244">
        <v>11010</v>
      </c>
      <c r="J3244" t="s">
        <v>693</v>
      </c>
      <c r="K3244">
        <v>56</v>
      </c>
      <c r="L3244" t="s">
        <v>2464</v>
      </c>
      <c r="M3244">
        <v>2360</v>
      </c>
      <c r="N3244" t="s">
        <v>654</v>
      </c>
      <c r="O3244">
        <v>3</v>
      </c>
      <c r="P3244" t="s">
        <v>655</v>
      </c>
      <c r="Q3244">
        <v>1</v>
      </c>
      <c r="R3244" t="s">
        <v>656</v>
      </c>
      <c r="S3244">
        <v>2</v>
      </c>
      <c r="T3244" t="s">
        <v>661</v>
      </c>
      <c r="U3244">
        <v>8</v>
      </c>
      <c r="V3244">
        <v>2</v>
      </c>
      <c r="W3244">
        <v>120</v>
      </c>
      <c r="X3244">
        <v>2020</v>
      </c>
    </row>
    <row r="3245" spans="1:24" x14ac:dyDescent="0.25">
      <c r="A3245">
        <v>7993</v>
      </c>
      <c r="B3245" t="s">
        <v>247</v>
      </c>
      <c r="C3245">
        <v>39</v>
      </c>
      <c r="D3245" t="s">
        <v>477</v>
      </c>
      <c r="E3245">
        <v>301</v>
      </c>
      <c r="F3245" t="s">
        <v>651</v>
      </c>
      <c r="G3245">
        <v>160</v>
      </c>
      <c r="H3245" t="s">
        <v>817</v>
      </c>
      <c r="I3245">
        <v>11010</v>
      </c>
      <c r="J3245" t="s">
        <v>693</v>
      </c>
      <c r="K3245">
        <v>56</v>
      </c>
      <c r="L3245" t="s">
        <v>2465</v>
      </c>
      <c r="M3245">
        <v>2359</v>
      </c>
      <c r="N3245" t="s">
        <v>654</v>
      </c>
      <c r="O3245">
        <v>3</v>
      </c>
      <c r="P3245" t="s">
        <v>655</v>
      </c>
      <c r="Q3245">
        <v>1</v>
      </c>
      <c r="R3245" t="s">
        <v>656</v>
      </c>
      <c r="S3245">
        <v>2</v>
      </c>
      <c r="T3245" t="s">
        <v>718</v>
      </c>
      <c r="U3245">
        <v>2</v>
      </c>
      <c r="V3245">
        <v>2</v>
      </c>
      <c r="W3245">
        <v>120</v>
      </c>
      <c r="X3245">
        <v>2020</v>
      </c>
    </row>
    <row r="3246" spans="1:24" x14ac:dyDescent="0.25">
      <c r="A3246">
        <v>7992</v>
      </c>
      <c r="B3246" t="s">
        <v>247</v>
      </c>
      <c r="C3246">
        <v>39</v>
      </c>
      <c r="D3246" t="s">
        <v>477</v>
      </c>
      <c r="E3246">
        <v>301</v>
      </c>
      <c r="F3246" t="s">
        <v>651</v>
      </c>
      <c r="G3246">
        <v>160</v>
      </c>
      <c r="H3246" t="s">
        <v>817</v>
      </c>
      <c r="I3246">
        <v>11010</v>
      </c>
      <c r="J3246" t="s">
        <v>693</v>
      </c>
      <c r="K3246">
        <v>56</v>
      </c>
      <c r="L3246" t="s">
        <v>2466</v>
      </c>
      <c r="M3246">
        <v>2358</v>
      </c>
      <c r="N3246" t="s">
        <v>654</v>
      </c>
      <c r="O3246">
        <v>3</v>
      </c>
      <c r="P3246" t="s">
        <v>655</v>
      </c>
      <c r="Q3246">
        <v>1</v>
      </c>
      <c r="R3246" t="s">
        <v>656</v>
      </c>
      <c r="S3246">
        <v>2</v>
      </c>
      <c r="T3246" t="s">
        <v>661</v>
      </c>
      <c r="U3246">
        <v>8</v>
      </c>
      <c r="V3246">
        <v>2</v>
      </c>
      <c r="W3246">
        <v>120</v>
      </c>
      <c r="X3246">
        <v>2020</v>
      </c>
    </row>
    <row r="3247" spans="1:24" x14ac:dyDescent="0.25">
      <c r="A3247">
        <v>7991</v>
      </c>
      <c r="B3247" t="s">
        <v>247</v>
      </c>
      <c r="C3247">
        <v>39</v>
      </c>
      <c r="D3247" t="s">
        <v>477</v>
      </c>
      <c r="E3247">
        <v>301</v>
      </c>
      <c r="F3247" t="s">
        <v>651</v>
      </c>
      <c r="G3247">
        <v>160</v>
      </c>
      <c r="H3247" t="s">
        <v>817</v>
      </c>
      <c r="I3247">
        <v>11010</v>
      </c>
      <c r="J3247" t="s">
        <v>693</v>
      </c>
      <c r="K3247">
        <v>56</v>
      </c>
      <c r="L3247" t="s">
        <v>2467</v>
      </c>
      <c r="M3247">
        <v>2357</v>
      </c>
      <c r="N3247" t="s">
        <v>654</v>
      </c>
      <c r="O3247">
        <v>3</v>
      </c>
      <c r="P3247" t="s">
        <v>655</v>
      </c>
      <c r="Q3247">
        <v>1</v>
      </c>
      <c r="R3247" t="s">
        <v>656</v>
      </c>
      <c r="S3247">
        <v>2</v>
      </c>
      <c r="T3247" t="s">
        <v>718</v>
      </c>
      <c r="U3247">
        <v>2</v>
      </c>
      <c r="V3247">
        <v>2</v>
      </c>
      <c r="W3247">
        <v>120</v>
      </c>
      <c r="X3247">
        <v>2020</v>
      </c>
    </row>
    <row r="3248" spans="1:24" x14ac:dyDescent="0.25">
      <c r="A3248">
        <v>7990</v>
      </c>
      <c r="B3248" t="s">
        <v>247</v>
      </c>
      <c r="C3248">
        <v>39</v>
      </c>
      <c r="D3248" t="s">
        <v>477</v>
      </c>
      <c r="E3248">
        <v>301</v>
      </c>
      <c r="F3248" t="s">
        <v>651</v>
      </c>
      <c r="G3248">
        <v>160</v>
      </c>
      <c r="H3248" t="s">
        <v>817</v>
      </c>
      <c r="I3248">
        <v>11010</v>
      </c>
      <c r="J3248" t="s">
        <v>693</v>
      </c>
      <c r="K3248">
        <v>56</v>
      </c>
      <c r="L3248" t="s">
        <v>2468</v>
      </c>
      <c r="M3248">
        <v>645</v>
      </c>
      <c r="N3248" t="s">
        <v>654</v>
      </c>
      <c r="O3248">
        <v>3</v>
      </c>
      <c r="P3248" t="s">
        <v>655</v>
      </c>
      <c r="Q3248">
        <v>1</v>
      </c>
      <c r="R3248" t="s">
        <v>656</v>
      </c>
      <c r="S3248">
        <v>2</v>
      </c>
      <c r="T3248" t="s">
        <v>661</v>
      </c>
      <c r="U3248">
        <v>8</v>
      </c>
      <c r="V3248">
        <v>2</v>
      </c>
      <c r="W3248">
        <v>120</v>
      </c>
      <c r="X3248">
        <v>2020</v>
      </c>
    </row>
    <row r="3249" spans="1:24" x14ac:dyDescent="0.25">
      <c r="A3249">
        <v>7989</v>
      </c>
      <c r="B3249" t="s">
        <v>247</v>
      </c>
      <c r="C3249">
        <v>39</v>
      </c>
      <c r="D3249" t="s">
        <v>477</v>
      </c>
      <c r="E3249">
        <v>301</v>
      </c>
      <c r="F3249" t="s">
        <v>651</v>
      </c>
      <c r="G3249">
        <v>160</v>
      </c>
      <c r="H3249" t="s">
        <v>817</v>
      </c>
      <c r="I3249">
        <v>11010</v>
      </c>
      <c r="J3249" t="s">
        <v>693</v>
      </c>
      <c r="K3249">
        <v>56</v>
      </c>
      <c r="L3249" t="s">
        <v>2469</v>
      </c>
      <c r="M3249">
        <v>2356</v>
      </c>
      <c r="N3249" t="s">
        <v>654</v>
      </c>
      <c r="O3249">
        <v>3</v>
      </c>
      <c r="P3249" t="s">
        <v>655</v>
      </c>
      <c r="Q3249">
        <v>1</v>
      </c>
      <c r="R3249" t="s">
        <v>656</v>
      </c>
      <c r="S3249">
        <v>2</v>
      </c>
      <c r="T3249" t="s">
        <v>661</v>
      </c>
      <c r="U3249">
        <v>8</v>
      </c>
      <c r="V3249">
        <v>1.5</v>
      </c>
      <c r="W3249">
        <v>90</v>
      </c>
      <c r="X3249">
        <v>2020</v>
      </c>
    </row>
    <row r="3250" spans="1:24" x14ac:dyDescent="0.25">
      <c r="A3250">
        <v>7988</v>
      </c>
      <c r="B3250" t="s">
        <v>247</v>
      </c>
      <c r="C3250">
        <v>39</v>
      </c>
      <c r="D3250" t="s">
        <v>477</v>
      </c>
      <c r="E3250">
        <v>301</v>
      </c>
      <c r="F3250" t="s">
        <v>651</v>
      </c>
      <c r="G3250">
        <v>160</v>
      </c>
      <c r="H3250" t="s">
        <v>817</v>
      </c>
      <c r="I3250">
        <v>11010</v>
      </c>
      <c r="J3250" t="s">
        <v>693</v>
      </c>
      <c r="K3250">
        <v>56</v>
      </c>
      <c r="L3250" t="s">
        <v>2470</v>
      </c>
      <c r="M3250">
        <v>2355</v>
      </c>
      <c r="N3250" t="s">
        <v>654</v>
      </c>
      <c r="O3250">
        <v>3</v>
      </c>
      <c r="P3250" t="s">
        <v>655</v>
      </c>
      <c r="Q3250">
        <v>1</v>
      </c>
      <c r="R3250" t="s">
        <v>656</v>
      </c>
      <c r="S3250">
        <v>2</v>
      </c>
      <c r="T3250" t="s">
        <v>718</v>
      </c>
      <c r="U3250">
        <v>2</v>
      </c>
      <c r="V3250">
        <v>2</v>
      </c>
      <c r="W3250">
        <v>120</v>
      </c>
      <c r="X3250">
        <v>2020</v>
      </c>
    </row>
    <row r="3251" spans="1:24" x14ac:dyDescent="0.25">
      <c r="A3251">
        <v>7987</v>
      </c>
      <c r="B3251" t="s">
        <v>247</v>
      </c>
      <c r="C3251">
        <v>39</v>
      </c>
      <c r="D3251" t="s">
        <v>477</v>
      </c>
      <c r="E3251">
        <v>301</v>
      </c>
      <c r="F3251" t="s">
        <v>651</v>
      </c>
      <c r="G3251">
        <v>160</v>
      </c>
      <c r="H3251" t="s">
        <v>817</v>
      </c>
      <c r="I3251">
        <v>11010</v>
      </c>
      <c r="J3251" t="s">
        <v>693</v>
      </c>
      <c r="K3251">
        <v>56</v>
      </c>
      <c r="L3251" t="s">
        <v>2471</v>
      </c>
      <c r="M3251">
        <v>2354</v>
      </c>
      <c r="N3251" t="s">
        <v>654</v>
      </c>
      <c r="O3251">
        <v>3</v>
      </c>
      <c r="P3251" t="s">
        <v>655</v>
      </c>
      <c r="Q3251">
        <v>1</v>
      </c>
      <c r="R3251" t="s">
        <v>656</v>
      </c>
      <c r="S3251">
        <v>2</v>
      </c>
      <c r="T3251" t="s">
        <v>661</v>
      </c>
      <c r="U3251">
        <v>8</v>
      </c>
      <c r="V3251">
        <v>1.5</v>
      </c>
      <c r="W3251">
        <v>90</v>
      </c>
      <c r="X3251">
        <v>2020</v>
      </c>
    </row>
    <row r="3252" spans="1:24" x14ac:dyDescent="0.25">
      <c r="A3252">
        <v>7986</v>
      </c>
      <c r="B3252" t="s">
        <v>247</v>
      </c>
      <c r="C3252">
        <v>39</v>
      </c>
      <c r="D3252" t="s">
        <v>477</v>
      </c>
      <c r="E3252">
        <v>301</v>
      </c>
      <c r="F3252" t="s">
        <v>651</v>
      </c>
      <c r="G3252">
        <v>160</v>
      </c>
      <c r="H3252" t="s">
        <v>2472</v>
      </c>
      <c r="I3252">
        <v>11012</v>
      </c>
      <c r="J3252" t="s">
        <v>1055</v>
      </c>
      <c r="K3252">
        <v>69</v>
      </c>
      <c r="L3252" t="s">
        <v>2473</v>
      </c>
      <c r="M3252">
        <v>2353</v>
      </c>
      <c r="N3252" t="s">
        <v>654</v>
      </c>
      <c r="O3252">
        <v>3</v>
      </c>
      <c r="P3252" t="s">
        <v>655</v>
      </c>
      <c r="Q3252">
        <v>1</v>
      </c>
      <c r="R3252" t="s">
        <v>656</v>
      </c>
      <c r="S3252">
        <v>2</v>
      </c>
      <c r="T3252" t="s">
        <v>661</v>
      </c>
      <c r="U3252">
        <v>8</v>
      </c>
      <c r="V3252">
        <v>2</v>
      </c>
      <c r="W3252">
        <v>120</v>
      </c>
      <c r="X3252">
        <v>2020</v>
      </c>
    </row>
    <row r="3253" spans="1:24" x14ac:dyDescent="0.25">
      <c r="A3253">
        <v>7985</v>
      </c>
      <c r="B3253" t="s">
        <v>247</v>
      </c>
      <c r="C3253">
        <v>39</v>
      </c>
      <c r="D3253" t="s">
        <v>477</v>
      </c>
      <c r="E3253">
        <v>301</v>
      </c>
      <c r="F3253" t="s">
        <v>651</v>
      </c>
      <c r="G3253">
        <v>160</v>
      </c>
      <c r="H3253" t="s">
        <v>817</v>
      </c>
      <c r="I3253">
        <v>11010</v>
      </c>
      <c r="J3253" t="s">
        <v>714</v>
      </c>
      <c r="K3253">
        <v>52</v>
      </c>
      <c r="L3253" t="s">
        <v>2474</v>
      </c>
      <c r="M3253">
        <v>2352</v>
      </c>
      <c r="N3253" t="s">
        <v>654</v>
      </c>
      <c r="O3253">
        <v>3</v>
      </c>
      <c r="P3253" t="s">
        <v>655</v>
      </c>
      <c r="Q3253">
        <v>1</v>
      </c>
      <c r="R3253" t="s">
        <v>656</v>
      </c>
      <c r="S3253">
        <v>2</v>
      </c>
      <c r="T3253" t="s">
        <v>661</v>
      </c>
      <c r="U3253">
        <v>8</v>
      </c>
      <c r="V3253">
        <v>2</v>
      </c>
      <c r="W3253">
        <v>120</v>
      </c>
      <c r="X3253">
        <v>2020</v>
      </c>
    </row>
    <row r="3254" spans="1:24" x14ac:dyDescent="0.25">
      <c r="A3254">
        <v>7984</v>
      </c>
      <c r="B3254" t="s">
        <v>247</v>
      </c>
      <c r="C3254">
        <v>39</v>
      </c>
      <c r="D3254" t="s">
        <v>490</v>
      </c>
      <c r="E3254">
        <v>299</v>
      </c>
      <c r="F3254" t="s">
        <v>651</v>
      </c>
      <c r="G3254">
        <v>160</v>
      </c>
      <c r="H3254" t="s">
        <v>817</v>
      </c>
      <c r="I3254">
        <v>11010</v>
      </c>
      <c r="J3254" t="s">
        <v>663</v>
      </c>
      <c r="K3254">
        <v>99</v>
      </c>
      <c r="L3254" t="s">
        <v>2475</v>
      </c>
      <c r="M3254">
        <v>2351</v>
      </c>
      <c r="N3254" t="s">
        <v>654</v>
      </c>
      <c r="O3254">
        <v>3</v>
      </c>
      <c r="P3254" t="s">
        <v>655</v>
      </c>
      <c r="Q3254">
        <v>1</v>
      </c>
      <c r="R3254" t="s">
        <v>656</v>
      </c>
      <c r="S3254">
        <v>2</v>
      </c>
      <c r="T3254" t="s">
        <v>769</v>
      </c>
      <c r="U3254">
        <v>3</v>
      </c>
      <c r="V3254">
        <v>2</v>
      </c>
      <c r="W3254">
        <v>120</v>
      </c>
      <c r="X3254">
        <v>2020</v>
      </c>
    </row>
    <row r="3255" spans="1:24" x14ac:dyDescent="0.25">
      <c r="A3255">
        <v>7983</v>
      </c>
      <c r="B3255" t="s">
        <v>247</v>
      </c>
      <c r="C3255">
        <v>39</v>
      </c>
      <c r="D3255" t="s">
        <v>490</v>
      </c>
      <c r="E3255">
        <v>299</v>
      </c>
      <c r="F3255" t="s">
        <v>651</v>
      </c>
      <c r="G3255">
        <v>160</v>
      </c>
      <c r="H3255" t="s">
        <v>817</v>
      </c>
      <c r="I3255">
        <v>11010</v>
      </c>
      <c r="J3255" t="s">
        <v>663</v>
      </c>
      <c r="K3255">
        <v>99</v>
      </c>
      <c r="L3255" t="s">
        <v>2476</v>
      </c>
      <c r="M3255">
        <v>2350</v>
      </c>
      <c r="N3255" t="s">
        <v>654</v>
      </c>
      <c r="O3255">
        <v>3</v>
      </c>
      <c r="P3255" t="s">
        <v>655</v>
      </c>
      <c r="Q3255">
        <v>1</v>
      </c>
      <c r="R3255" t="s">
        <v>656</v>
      </c>
      <c r="S3255">
        <v>2</v>
      </c>
      <c r="T3255" t="s">
        <v>769</v>
      </c>
      <c r="U3255">
        <v>3</v>
      </c>
      <c r="V3255">
        <v>2</v>
      </c>
      <c r="W3255">
        <v>120</v>
      </c>
      <c r="X3255">
        <v>2020</v>
      </c>
    </row>
    <row r="3256" spans="1:24" x14ac:dyDescent="0.25">
      <c r="A3256">
        <v>7982</v>
      </c>
      <c r="B3256" t="s">
        <v>247</v>
      </c>
      <c r="C3256">
        <v>39</v>
      </c>
      <c r="D3256" t="s">
        <v>490</v>
      </c>
      <c r="E3256">
        <v>299</v>
      </c>
      <c r="F3256" t="s">
        <v>651</v>
      </c>
      <c r="G3256">
        <v>160</v>
      </c>
      <c r="H3256" t="s">
        <v>817</v>
      </c>
      <c r="I3256">
        <v>11010</v>
      </c>
      <c r="J3256" t="s">
        <v>663</v>
      </c>
      <c r="K3256">
        <v>99</v>
      </c>
      <c r="L3256" t="s">
        <v>2477</v>
      </c>
      <c r="M3256">
        <v>2349</v>
      </c>
      <c r="N3256" t="s">
        <v>654</v>
      </c>
      <c r="O3256">
        <v>3</v>
      </c>
      <c r="P3256" t="s">
        <v>655</v>
      </c>
      <c r="Q3256">
        <v>1</v>
      </c>
      <c r="R3256" t="s">
        <v>656</v>
      </c>
      <c r="S3256">
        <v>2</v>
      </c>
      <c r="T3256" t="s">
        <v>729</v>
      </c>
      <c r="U3256">
        <v>4</v>
      </c>
      <c r="V3256">
        <v>2</v>
      </c>
      <c r="W3256">
        <v>120</v>
      </c>
      <c r="X3256">
        <v>2020</v>
      </c>
    </row>
    <row r="3257" spans="1:24" x14ac:dyDescent="0.25">
      <c r="A3257">
        <v>7981</v>
      </c>
      <c r="B3257" t="s">
        <v>247</v>
      </c>
      <c r="C3257">
        <v>39</v>
      </c>
      <c r="D3257" t="s">
        <v>490</v>
      </c>
      <c r="E3257">
        <v>299</v>
      </c>
      <c r="F3257" t="s">
        <v>651</v>
      </c>
      <c r="G3257">
        <v>160</v>
      </c>
      <c r="H3257" t="s">
        <v>817</v>
      </c>
      <c r="I3257">
        <v>11010</v>
      </c>
      <c r="J3257" t="s">
        <v>663</v>
      </c>
      <c r="K3257">
        <v>99</v>
      </c>
      <c r="L3257" t="s">
        <v>2478</v>
      </c>
      <c r="M3257">
        <v>2348</v>
      </c>
      <c r="N3257" t="s">
        <v>654</v>
      </c>
      <c r="O3257">
        <v>3</v>
      </c>
      <c r="P3257" t="s">
        <v>655</v>
      </c>
      <c r="Q3257">
        <v>1</v>
      </c>
      <c r="R3257" t="s">
        <v>656</v>
      </c>
      <c r="S3257">
        <v>2</v>
      </c>
      <c r="T3257" t="s">
        <v>729</v>
      </c>
      <c r="U3257">
        <v>4</v>
      </c>
      <c r="V3257">
        <v>2</v>
      </c>
      <c r="W3257">
        <v>120</v>
      </c>
      <c r="X3257">
        <v>2020</v>
      </c>
    </row>
    <row r="3258" spans="1:24" x14ac:dyDescent="0.25">
      <c r="A3258">
        <v>7980</v>
      </c>
      <c r="B3258" t="s">
        <v>247</v>
      </c>
      <c r="C3258">
        <v>39</v>
      </c>
      <c r="D3258" t="s">
        <v>490</v>
      </c>
      <c r="E3258">
        <v>299</v>
      </c>
      <c r="F3258" t="s">
        <v>651</v>
      </c>
      <c r="G3258">
        <v>160</v>
      </c>
      <c r="H3258" t="s">
        <v>817</v>
      </c>
      <c r="I3258">
        <v>11010</v>
      </c>
      <c r="J3258" t="s">
        <v>663</v>
      </c>
      <c r="K3258">
        <v>99</v>
      </c>
      <c r="L3258" t="s">
        <v>2479</v>
      </c>
      <c r="M3258">
        <v>2347</v>
      </c>
      <c r="N3258" t="s">
        <v>654</v>
      </c>
      <c r="O3258">
        <v>3</v>
      </c>
      <c r="P3258" t="s">
        <v>655</v>
      </c>
      <c r="Q3258">
        <v>1</v>
      </c>
      <c r="R3258" t="s">
        <v>656</v>
      </c>
      <c r="S3258">
        <v>2</v>
      </c>
      <c r="T3258" t="s">
        <v>718</v>
      </c>
      <c r="U3258">
        <v>2</v>
      </c>
      <c r="V3258">
        <v>2</v>
      </c>
      <c r="W3258">
        <v>120</v>
      </c>
      <c r="X3258">
        <v>2020</v>
      </c>
    </row>
    <row r="3259" spans="1:24" x14ac:dyDescent="0.25">
      <c r="A3259">
        <v>7979</v>
      </c>
      <c r="B3259" t="s">
        <v>247</v>
      </c>
      <c r="C3259">
        <v>39</v>
      </c>
      <c r="D3259" t="s">
        <v>490</v>
      </c>
      <c r="E3259">
        <v>299</v>
      </c>
      <c r="F3259" t="s">
        <v>651</v>
      </c>
      <c r="G3259">
        <v>160</v>
      </c>
      <c r="H3259" t="s">
        <v>817</v>
      </c>
      <c r="I3259">
        <v>11010</v>
      </c>
      <c r="J3259" t="s">
        <v>663</v>
      </c>
      <c r="K3259">
        <v>99</v>
      </c>
      <c r="L3259" t="s">
        <v>2480</v>
      </c>
      <c r="M3259">
        <v>2346</v>
      </c>
      <c r="N3259" t="s">
        <v>654</v>
      </c>
      <c r="O3259">
        <v>3</v>
      </c>
      <c r="P3259" t="s">
        <v>655</v>
      </c>
      <c r="Q3259">
        <v>1</v>
      </c>
      <c r="R3259" t="s">
        <v>656</v>
      </c>
      <c r="S3259">
        <v>2</v>
      </c>
      <c r="T3259" t="s">
        <v>718</v>
      </c>
      <c r="U3259">
        <v>2</v>
      </c>
      <c r="V3259">
        <v>2</v>
      </c>
      <c r="W3259">
        <v>120</v>
      </c>
      <c r="X3259">
        <v>2020</v>
      </c>
    </row>
    <row r="3260" spans="1:24" x14ac:dyDescent="0.25">
      <c r="A3260">
        <v>7978</v>
      </c>
      <c r="B3260" t="s">
        <v>247</v>
      </c>
      <c r="C3260">
        <v>39</v>
      </c>
      <c r="D3260" t="s">
        <v>490</v>
      </c>
      <c r="E3260">
        <v>299</v>
      </c>
      <c r="F3260" t="s">
        <v>651</v>
      </c>
      <c r="G3260">
        <v>160</v>
      </c>
      <c r="H3260" t="s">
        <v>817</v>
      </c>
      <c r="I3260">
        <v>11010</v>
      </c>
      <c r="J3260" t="s">
        <v>663</v>
      </c>
      <c r="K3260">
        <v>99</v>
      </c>
      <c r="L3260" t="s">
        <v>2481</v>
      </c>
      <c r="M3260">
        <v>2345</v>
      </c>
      <c r="N3260" t="s">
        <v>654</v>
      </c>
      <c r="O3260">
        <v>3</v>
      </c>
      <c r="P3260" t="s">
        <v>655</v>
      </c>
      <c r="Q3260">
        <v>1</v>
      </c>
      <c r="R3260" t="s">
        <v>656</v>
      </c>
      <c r="S3260">
        <v>2</v>
      </c>
      <c r="T3260" t="s">
        <v>661</v>
      </c>
      <c r="U3260">
        <v>8</v>
      </c>
      <c r="V3260">
        <v>2</v>
      </c>
      <c r="W3260">
        <v>120</v>
      </c>
      <c r="X3260">
        <v>2020</v>
      </c>
    </row>
    <row r="3261" spans="1:24" x14ac:dyDescent="0.25">
      <c r="A3261">
        <v>7977</v>
      </c>
      <c r="B3261" t="s">
        <v>247</v>
      </c>
      <c r="C3261">
        <v>39</v>
      </c>
      <c r="D3261" t="s">
        <v>490</v>
      </c>
      <c r="E3261">
        <v>299</v>
      </c>
      <c r="F3261" t="s">
        <v>651</v>
      </c>
      <c r="G3261">
        <v>160</v>
      </c>
      <c r="H3261" t="s">
        <v>817</v>
      </c>
      <c r="I3261">
        <v>11010</v>
      </c>
      <c r="J3261" t="s">
        <v>663</v>
      </c>
      <c r="K3261">
        <v>99</v>
      </c>
      <c r="L3261" t="s">
        <v>2482</v>
      </c>
      <c r="M3261">
        <v>2344</v>
      </c>
      <c r="N3261" t="s">
        <v>654</v>
      </c>
      <c r="O3261">
        <v>3</v>
      </c>
      <c r="P3261" t="s">
        <v>655</v>
      </c>
      <c r="Q3261">
        <v>1</v>
      </c>
      <c r="R3261" t="s">
        <v>656</v>
      </c>
      <c r="S3261">
        <v>2</v>
      </c>
      <c r="T3261" t="s">
        <v>661</v>
      </c>
      <c r="U3261">
        <v>8</v>
      </c>
      <c r="V3261">
        <v>2</v>
      </c>
      <c r="W3261">
        <v>120</v>
      </c>
      <c r="X3261">
        <v>2020</v>
      </c>
    </row>
    <row r="3262" spans="1:24" x14ac:dyDescent="0.25">
      <c r="A3262">
        <v>7976</v>
      </c>
      <c r="B3262" t="s">
        <v>247</v>
      </c>
      <c r="C3262">
        <v>39</v>
      </c>
      <c r="D3262" t="s">
        <v>490</v>
      </c>
      <c r="E3262">
        <v>299</v>
      </c>
      <c r="F3262" t="s">
        <v>651</v>
      </c>
      <c r="G3262">
        <v>160</v>
      </c>
      <c r="H3262" t="s">
        <v>817</v>
      </c>
      <c r="I3262">
        <v>11010</v>
      </c>
      <c r="J3262" t="s">
        <v>663</v>
      </c>
      <c r="K3262">
        <v>99</v>
      </c>
      <c r="L3262" t="s">
        <v>2483</v>
      </c>
      <c r="M3262">
        <v>2343</v>
      </c>
      <c r="N3262" t="s">
        <v>654</v>
      </c>
      <c r="O3262">
        <v>3</v>
      </c>
      <c r="P3262" t="s">
        <v>655</v>
      </c>
      <c r="Q3262">
        <v>1</v>
      </c>
      <c r="R3262" t="s">
        <v>656</v>
      </c>
      <c r="S3262">
        <v>2</v>
      </c>
      <c r="T3262" t="s">
        <v>661</v>
      </c>
      <c r="U3262">
        <v>8</v>
      </c>
      <c r="V3262">
        <v>2</v>
      </c>
      <c r="W3262">
        <v>120</v>
      </c>
      <c r="X3262">
        <v>2020</v>
      </c>
    </row>
    <row r="3263" spans="1:24" x14ac:dyDescent="0.25">
      <c r="A3263">
        <v>7975</v>
      </c>
      <c r="B3263" t="s">
        <v>247</v>
      </c>
      <c r="C3263">
        <v>39</v>
      </c>
      <c r="D3263" t="s">
        <v>490</v>
      </c>
      <c r="E3263">
        <v>299</v>
      </c>
      <c r="F3263" t="s">
        <v>651</v>
      </c>
      <c r="G3263">
        <v>160</v>
      </c>
      <c r="H3263" t="s">
        <v>817</v>
      </c>
      <c r="I3263">
        <v>11010</v>
      </c>
      <c r="J3263" t="s">
        <v>663</v>
      </c>
      <c r="K3263">
        <v>99</v>
      </c>
      <c r="L3263" t="s">
        <v>2484</v>
      </c>
      <c r="M3263">
        <v>2342</v>
      </c>
      <c r="N3263" t="s">
        <v>654</v>
      </c>
      <c r="O3263">
        <v>3</v>
      </c>
      <c r="P3263" t="s">
        <v>655</v>
      </c>
      <c r="Q3263">
        <v>1</v>
      </c>
      <c r="R3263" t="s">
        <v>656</v>
      </c>
      <c r="S3263">
        <v>2</v>
      </c>
      <c r="T3263" t="s">
        <v>661</v>
      </c>
      <c r="U3263">
        <v>8</v>
      </c>
      <c r="V3263">
        <v>2</v>
      </c>
      <c r="W3263">
        <v>120</v>
      </c>
      <c r="X3263">
        <v>2020</v>
      </c>
    </row>
    <row r="3264" spans="1:24" x14ac:dyDescent="0.25">
      <c r="A3264">
        <v>7974</v>
      </c>
      <c r="B3264" t="s">
        <v>247</v>
      </c>
      <c r="C3264">
        <v>39</v>
      </c>
      <c r="D3264" t="s">
        <v>490</v>
      </c>
      <c r="E3264">
        <v>299</v>
      </c>
      <c r="F3264" t="s">
        <v>651</v>
      </c>
      <c r="G3264">
        <v>160</v>
      </c>
      <c r="H3264" t="s">
        <v>817</v>
      </c>
      <c r="I3264">
        <v>11010</v>
      </c>
      <c r="J3264" t="s">
        <v>663</v>
      </c>
      <c r="K3264">
        <v>99</v>
      </c>
      <c r="L3264" t="s">
        <v>2485</v>
      </c>
      <c r="M3264">
        <v>2341</v>
      </c>
      <c r="N3264" t="s">
        <v>654</v>
      </c>
      <c r="O3264">
        <v>3</v>
      </c>
      <c r="P3264" t="s">
        <v>655</v>
      </c>
      <c r="Q3264">
        <v>1</v>
      </c>
      <c r="R3264" t="s">
        <v>656</v>
      </c>
      <c r="S3264">
        <v>2</v>
      </c>
      <c r="T3264" t="s">
        <v>718</v>
      </c>
      <c r="U3264">
        <v>2</v>
      </c>
      <c r="V3264">
        <v>2</v>
      </c>
      <c r="W3264">
        <v>120</v>
      </c>
      <c r="X3264">
        <v>2020</v>
      </c>
    </row>
    <row r="3265" spans="1:24" x14ac:dyDescent="0.25">
      <c r="A3265">
        <v>7973</v>
      </c>
      <c r="B3265" t="s">
        <v>247</v>
      </c>
      <c r="C3265">
        <v>39</v>
      </c>
      <c r="D3265" t="s">
        <v>490</v>
      </c>
      <c r="E3265">
        <v>299</v>
      </c>
      <c r="F3265" t="s">
        <v>651</v>
      </c>
      <c r="G3265">
        <v>160</v>
      </c>
      <c r="H3265" t="s">
        <v>817</v>
      </c>
      <c r="I3265">
        <v>11010</v>
      </c>
      <c r="J3265" t="s">
        <v>663</v>
      </c>
      <c r="K3265">
        <v>99</v>
      </c>
      <c r="L3265" t="s">
        <v>2486</v>
      </c>
      <c r="M3265">
        <v>2340</v>
      </c>
      <c r="N3265" t="s">
        <v>654</v>
      </c>
      <c r="O3265">
        <v>3</v>
      </c>
      <c r="P3265" t="s">
        <v>655</v>
      </c>
      <c r="Q3265">
        <v>1</v>
      </c>
      <c r="R3265" t="s">
        <v>656</v>
      </c>
      <c r="S3265">
        <v>2</v>
      </c>
      <c r="T3265" t="s">
        <v>729</v>
      </c>
      <c r="U3265">
        <v>4</v>
      </c>
      <c r="V3265">
        <v>2</v>
      </c>
      <c r="W3265">
        <v>120</v>
      </c>
      <c r="X3265">
        <v>2020</v>
      </c>
    </row>
    <row r="3266" spans="1:24" x14ac:dyDescent="0.25">
      <c r="A3266">
        <v>7972</v>
      </c>
      <c r="B3266" t="s">
        <v>247</v>
      </c>
      <c r="C3266">
        <v>39</v>
      </c>
      <c r="D3266" t="s">
        <v>490</v>
      </c>
      <c r="E3266">
        <v>299</v>
      </c>
      <c r="F3266" t="s">
        <v>651</v>
      </c>
      <c r="G3266">
        <v>160</v>
      </c>
      <c r="H3266" t="s">
        <v>817</v>
      </c>
      <c r="I3266">
        <v>11010</v>
      </c>
      <c r="J3266" t="s">
        <v>663</v>
      </c>
      <c r="K3266">
        <v>99</v>
      </c>
      <c r="L3266" t="s">
        <v>2487</v>
      </c>
      <c r="M3266">
        <v>2339</v>
      </c>
      <c r="N3266" t="s">
        <v>654</v>
      </c>
      <c r="O3266">
        <v>3</v>
      </c>
      <c r="P3266" t="s">
        <v>655</v>
      </c>
      <c r="Q3266">
        <v>1</v>
      </c>
      <c r="R3266" t="s">
        <v>656</v>
      </c>
      <c r="S3266">
        <v>2</v>
      </c>
      <c r="T3266" t="s">
        <v>718</v>
      </c>
      <c r="U3266">
        <v>2</v>
      </c>
      <c r="V3266">
        <v>2</v>
      </c>
      <c r="W3266">
        <v>120</v>
      </c>
      <c r="X3266">
        <v>2020</v>
      </c>
    </row>
    <row r="3267" spans="1:24" x14ac:dyDescent="0.25">
      <c r="A3267">
        <v>7971</v>
      </c>
      <c r="B3267" t="s">
        <v>247</v>
      </c>
      <c r="C3267">
        <v>39</v>
      </c>
      <c r="D3267" t="s">
        <v>490</v>
      </c>
      <c r="E3267">
        <v>299</v>
      </c>
      <c r="F3267" t="s">
        <v>651</v>
      </c>
      <c r="G3267">
        <v>160</v>
      </c>
      <c r="H3267" t="s">
        <v>817</v>
      </c>
      <c r="I3267">
        <v>11010</v>
      </c>
      <c r="J3267" t="s">
        <v>663</v>
      </c>
      <c r="K3267">
        <v>99</v>
      </c>
      <c r="L3267" t="s">
        <v>2487</v>
      </c>
      <c r="M3267">
        <v>2339</v>
      </c>
      <c r="N3267" t="s">
        <v>654</v>
      </c>
      <c r="O3267">
        <v>3</v>
      </c>
      <c r="P3267" t="s">
        <v>655</v>
      </c>
      <c r="Q3267">
        <v>1</v>
      </c>
      <c r="R3267" t="s">
        <v>656</v>
      </c>
      <c r="S3267">
        <v>2</v>
      </c>
      <c r="T3267" t="s">
        <v>769</v>
      </c>
      <c r="U3267">
        <v>3</v>
      </c>
      <c r="V3267">
        <v>2</v>
      </c>
      <c r="W3267">
        <v>120</v>
      </c>
      <c r="X3267">
        <v>2020</v>
      </c>
    </row>
    <row r="3268" spans="1:24" x14ac:dyDescent="0.25">
      <c r="A3268">
        <v>7970</v>
      </c>
      <c r="B3268" t="s">
        <v>247</v>
      </c>
      <c r="C3268">
        <v>39</v>
      </c>
      <c r="D3268" t="s">
        <v>490</v>
      </c>
      <c r="E3268">
        <v>299</v>
      </c>
      <c r="F3268" t="s">
        <v>651</v>
      </c>
      <c r="G3268">
        <v>160</v>
      </c>
      <c r="H3268" t="s">
        <v>817</v>
      </c>
      <c r="I3268">
        <v>11010</v>
      </c>
      <c r="J3268" t="s">
        <v>663</v>
      </c>
      <c r="K3268">
        <v>99</v>
      </c>
      <c r="L3268" t="s">
        <v>2487</v>
      </c>
      <c r="M3268">
        <v>2339</v>
      </c>
      <c r="N3268" t="s">
        <v>654</v>
      </c>
      <c r="O3268">
        <v>3</v>
      </c>
      <c r="P3268" t="s">
        <v>655</v>
      </c>
      <c r="Q3268">
        <v>1</v>
      </c>
      <c r="R3268" t="s">
        <v>656</v>
      </c>
      <c r="S3268">
        <v>2</v>
      </c>
      <c r="T3268" t="s">
        <v>729</v>
      </c>
      <c r="U3268">
        <v>4</v>
      </c>
      <c r="V3268">
        <v>2</v>
      </c>
      <c r="W3268">
        <v>120</v>
      </c>
      <c r="X3268">
        <v>2020</v>
      </c>
    </row>
    <row r="3269" spans="1:24" x14ac:dyDescent="0.25">
      <c r="A3269">
        <v>7969</v>
      </c>
      <c r="B3269" t="s">
        <v>247</v>
      </c>
      <c r="C3269">
        <v>39</v>
      </c>
      <c r="D3269" t="s">
        <v>311</v>
      </c>
      <c r="E3269">
        <v>602</v>
      </c>
      <c r="F3269" t="s">
        <v>651</v>
      </c>
      <c r="G3269">
        <v>160</v>
      </c>
      <c r="H3269" t="s">
        <v>817</v>
      </c>
      <c r="I3269">
        <v>11010</v>
      </c>
      <c r="J3269" t="s">
        <v>691</v>
      </c>
      <c r="K3269">
        <v>21</v>
      </c>
      <c r="L3269" t="s">
        <v>2488</v>
      </c>
      <c r="M3269">
        <v>2338</v>
      </c>
      <c r="N3269" t="s">
        <v>654</v>
      </c>
      <c r="O3269">
        <v>3</v>
      </c>
      <c r="P3269" t="s">
        <v>655</v>
      </c>
      <c r="Q3269">
        <v>1</v>
      </c>
      <c r="R3269" t="s">
        <v>656</v>
      </c>
      <c r="S3269">
        <v>2</v>
      </c>
      <c r="T3269" t="s">
        <v>661</v>
      </c>
      <c r="U3269">
        <v>8</v>
      </c>
      <c r="V3269">
        <v>2</v>
      </c>
      <c r="W3269">
        <v>120</v>
      </c>
      <c r="X3269">
        <v>2020</v>
      </c>
    </row>
    <row r="3270" spans="1:24" x14ac:dyDescent="0.25">
      <c r="A3270">
        <v>7968</v>
      </c>
      <c r="B3270" t="s">
        <v>247</v>
      </c>
      <c r="C3270">
        <v>39</v>
      </c>
      <c r="D3270" t="s">
        <v>311</v>
      </c>
      <c r="E3270">
        <v>602</v>
      </c>
      <c r="F3270" t="s">
        <v>651</v>
      </c>
      <c r="G3270">
        <v>160</v>
      </c>
      <c r="H3270" t="s">
        <v>817</v>
      </c>
      <c r="I3270">
        <v>11010</v>
      </c>
      <c r="J3270" t="s">
        <v>691</v>
      </c>
      <c r="K3270">
        <v>21</v>
      </c>
      <c r="L3270" t="s">
        <v>2176</v>
      </c>
      <c r="M3270">
        <v>859</v>
      </c>
      <c r="N3270" t="s">
        <v>654</v>
      </c>
      <c r="O3270">
        <v>3</v>
      </c>
      <c r="P3270" t="s">
        <v>655</v>
      </c>
      <c r="Q3270">
        <v>1</v>
      </c>
      <c r="R3270" t="s">
        <v>656</v>
      </c>
      <c r="S3270">
        <v>2</v>
      </c>
      <c r="T3270" t="s">
        <v>661</v>
      </c>
      <c r="U3270">
        <v>8</v>
      </c>
      <c r="V3270">
        <v>2</v>
      </c>
      <c r="W3270">
        <v>120</v>
      </c>
      <c r="X3270">
        <v>2020</v>
      </c>
    </row>
    <row r="3271" spans="1:24" x14ac:dyDescent="0.25">
      <c r="A3271">
        <v>7967</v>
      </c>
      <c r="B3271" t="s">
        <v>247</v>
      </c>
      <c r="C3271">
        <v>39</v>
      </c>
      <c r="D3271" t="s">
        <v>311</v>
      </c>
      <c r="E3271">
        <v>602</v>
      </c>
      <c r="F3271" t="s">
        <v>651</v>
      </c>
      <c r="G3271">
        <v>160</v>
      </c>
      <c r="H3271" t="s">
        <v>817</v>
      </c>
      <c r="I3271">
        <v>11010</v>
      </c>
      <c r="J3271" t="s">
        <v>691</v>
      </c>
      <c r="K3271">
        <v>21</v>
      </c>
      <c r="L3271" t="s">
        <v>2489</v>
      </c>
      <c r="M3271">
        <v>2337</v>
      </c>
      <c r="N3271" t="s">
        <v>654</v>
      </c>
      <c r="O3271">
        <v>3</v>
      </c>
      <c r="P3271" t="s">
        <v>655</v>
      </c>
      <c r="Q3271">
        <v>1</v>
      </c>
      <c r="R3271" t="s">
        <v>656</v>
      </c>
      <c r="S3271">
        <v>2</v>
      </c>
      <c r="T3271" t="s">
        <v>661</v>
      </c>
      <c r="U3271">
        <v>8</v>
      </c>
      <c r="V3271">
        <v>2</v>
      </c>
      <c r="W3271">
        <v>120</v>
      </c>
      <c r="X3271">
        <v>2020</v>
      </c>
    </row>
    <row r="3272" spans="1:24" x14ac:dyDescent="0.25">
      <c r="A3272">
        <v>7966</v>
      </c>
      <c r="B3272" t="s">
        <v>247</v>
      </c>
      <c r="C3272">
        <v>39</v>
      </c>
      <c r="D3272" t="s">
        <v>490</v>
      </c>
      <c r="E3272">
        <v>299</v>
      </c>
      <c r="F3272" t="s">
        <v>651</v>
      </c>
      <c r="G3272">
        <v>160</v>
      </c>
      <c r="H3272" t="s">
        <v>817</v>
      </c>
      <c r="I3272">
        <v>11010</v>
      </c>
      <c r="J3272" t="s">
        <v>691</v>
      </c>
      <c r="K3272">
        <v>21</v>
      </c>
      <c r="L3272" t="s">
        <v>2490</v>
      </c>
      <c r="M3272">
        <v>2336</v>
      </c>
      <c r="N3272" t="s">
        <v>654</v>
      </c>
      <c r="O3272">
        <v>3</v>
      </c>
      <c r="P3272" t="s">
        <v>655</v>
      </c>
      <c r="Q3272">
        <v>1</v>
      </c>
      <c r="R3272" t="s">
        <v>656</v>
      </c>
      <c r="S3272">
        <v>2</v>
      </c>
      <c r="T3272" t="s">
        <v>661</v>
      </c>
      <c r="U3272">
        <v>8</v>
      </c>
      <c r="V3272">
        <v>2</v>
      </c>
      <c r="W3272">
        <v>120</v>
      </c>
      <c r="X3272">
        <v>2020</v>
      </c>
    </row>
    <row r="3273" spans="1:24" x14ac:dyDescent="0.25">
      <c r="A3273">
        <v>7965</v>
      </c>
      <c r="B3273" t="s">
        <v>247</v>
      </c>
      <c r="C3273">
        <v>39</v>
      </c>
      <c r="D3273" t="s">
        <v>490</v>
      </c>
      <c r="E3273">
        <v>299</v>
      </c>
      <c r="F3273" t="s">
        <v>651</v>
      </c>
      <c r="G3273">
        <v>160</v>
      </c>
      <c r="H3273" t="s">
        <v>817</v>
      </c>
      <c r="I3273">
        <v>11010</v>
      </c>
      <c r="J3273" t="s">
        <v>679</v>
      </c>
      <c r="K3273">
        <v>32</v>
      </c>
      <c r="L3273" t="s">
        <v>2491</v>
      </c>
      <c r="M3273">
        <v>2335</v>
      </c>
      <c r="N3273" t="s">
        <v>654</v>
      </c>
      <c r="O3273">
        <v>3</v>
      </c>
      <c r="P3273" t="s">
        <v>655</v>
      </c>
      <c r="Q3273">
        <v>1</v>
      </c>
      <c r="R3273" t="s">
        <v>656</v>
      </c>
      <c r="S3273">
        <v>2</v>
      </c>
      <c r="T3273" t="s">
        <v>661</v>
      </c>
      <c r="U3273">
        <v>8</v>
      </c>
      <c r="V3273">
        <v>2</v>
      </c>
      <c r="W3273">
        <v>120</v>
      </c>
      <c r="X3273">
        <v>2020</v>
      </c>
    </row>
    <row r="3274" spans="1:24" x14ac:dyDescent="0.25">
      <c r="A3274">
        <v>7964</v>
      </c>
      <c r="B3274" t="s">
        <v>247</v>
      </c>
      <c r="C3274">
        <v>39</v>
      </c>
      <c r="D3274" t="s">
        <v>490</v>
      </c>
      <c r="E3274">
        <v>299</v>
      </c>
      <c r="F3274" t="s">
        <v>651</v>
      </c>
      <c r="G3274">
        <v>160</v>
      </c>
      <c r="H3274" t="s">
        <v>817</v>
      </c>
      <c r="I3274">
        <v>11010</v>
      </c>
      <c r="J3274" t="s">
        <v>679</v>
      </c>
      <c r="K3274">
        <v>32</v>
      </c>
      <c r="L3274" t="s">
        <v>2492</v>
      </c>
      <c r="M3274">
        <v>2334</v>
      </c>
      <c r="N3274" t="s">
        <v>654</v>
      </c>
      <c r="O3274">
        <v>3</v>
      </c>
      <c r="P3274" t="s">
        <v>655</v>
      </c>
      <c r="Q3274">
        <v>1</v>
      </c>
      <c r="R3274" t="s">
        <v>656</v>
      </c>
      <c r="S3274">
        <v>2</v>
      </c>
      <c r="T3274" t="s">
        <v>661</v>
      </c>
      <c r="U3274">
        <v>8</v>
      </c>
      <c r="V3274">
        <v>2</v>
      </c>
      <c r="W3274">
        <v>120</v>
      </c>
      <c r="X3274">
        <v>2020</v>
      </c>
    </row>
    <row r="3275" spans="1:24" x14ac:dyDescent="0.25">
      <c r="A3275">
        <v>7963</v>
      </c>
      <c r="B3275" t="s">
        <v>247</v>
      </c>
      <c r="C3275">
        <v>39</v>
      </c>
      <c r="D3275" t="s">
        <v>11</v>
      </c>
      <c r="E3275">
        <v>298</v>
      </c>
      <c r="F3275" t="s">
        <v>651</v>
      </c>
      <c r="G3275">
        <v>160</v>
      </c>
      <c r="H3275" t="s">
        <v>817</v>
      </c>
      <c r="I3275">
        <v>11010</v>
      </c>
      <c r="J3275" t="s">
        <v>682</v>
      </c>
      <c r="K3275">
        <v>20</v>
      </c>
      <c r="L3275" t="s">
        <v>2358</v>
      </c>
      <c r="M3275">
        <v>985</v>
      </c>
      <c r="N3275" t="s">
        <v>654</v>
      </c>
      <c r="O3275">
        <v>3</v>
      </c>
      <c r="P3275" t="s">
        <v>746</v>
      </c>
      <c r="Q3275">
        <v>2</v>
      </c>
      <c r="R3275" t="s">
        <v>656</v>
      </c>
      <c r="S3275">
        <v>2</v>
      </c>
      <c r="T3275" t="s">
        <v>661</v>
      </c>
      <c r="U3275">
        <v>8</v>
      </c>
      <c r="V3275">
        <v>2</v>
      </c>
      <c r="W3275">
        <v>120</v>
      </c>
      <c r="X3275">
        <v>2020</v>
      </c>
    </row>
    <row r="3276" spans="1:24" x14ac:dyDescent="0.25">
      <c r="A3276">
        <v>7962</v>
      </c>
      <c r="B3276" t="s">
        <v>247</v>
      </c>
      <c r="C3276">
        <v>39</v>
      </c>
      <c r="D3276" t="s">
        <v>11</v>
      </c>
      <c r="E3276">
        <v>298</v>
      </c>
      <c r="F3276" t="s">
        <v>651</v>
      </c>
      <c r="G3276">
        <v>160</v>
      </c>
      <c r="H3276" t="s">
        <v>817</v>
      </c>
      <c r="I3276">
        <v>11010</v>
      </c>
      <c r="J3276" t="s">
        <v>682</v>
      </c>
      <c r="K3276">
        <v>20</v>
      </c>
      <c r="L3276" t="s">
        <v>2358</v>
      </c>
      <c r="M3276">
        <v>985</v>
      </c>
      <c r="N3276" t="s">
        <v>654</v>
      </c>
      <c r="O3276">
        <v>3</v>
      </c>
      <c r="P3276" t="s">
        <v>655</v>
      </c>
      <c r="Q3276">
        <v>1</v>
      </c>
      <c r="R3276" t="s">
        <v>656</v>
      </c>
      <c r="S3276">
        <v>2</v>
      </c>
      <c r="T3276" t="s">
        <v>661</v>
      </c>
      <c r="U3276">
        <v>8</v>
      </c>
      <c r="V3276">
        <v>2</v>
      </c>
      <c r="W3276">
        <v>120</v>
      </c>
      <c r="X3276">
        <v>2020</v>
      </c>
    </row>
    <row r="3277" spans="1:24" x14ac:dyDescent="0.25">
      <c r="A3277">
        <v>7961</v>
      </c>
      <c r="B3277" t="s">
        <v>247</v>
      </c>
      <c r="C3277">
        <v>39</v>
      </c>
      <c r="D3277" t="s">
        <v>11</v>
      </c>
      <c r="E3277">
        <v>298</v>
      </c>
      <c r="F3277" t="s">
        <v>651</v>
      </c>
      <c r="G3277">
        <v>160</v>
      </c>
      <c r="H3277" t="s">
        <v>817</v>
      </c>
      <c r="I3277">
        <v>11010</v>
      </c>
      <c r="J3277" t="s">
        <v>682</v>
      </c>
      <c r="K3277">
        <v>20</v>
      </c>
      <c r="L3277" t="s">
        <v>1061</v>
      </c>
      <c r="M3277">
        <v>2333</v>
      </c>
      <c r="N3277" t="s">
        <v>654</v>
      </c>
      <c r="O3277">
        <v>3</v>
      </c>
      <c r="P3277" t="s">
        <v>655</v>
      </c>
      <c r="Q3277">
        <v>1</v>
      </c>
      <c r="R3277" t="s">
        <v>656</v>
      </c>
      <c r="S3277">
        <v>2</v>
      </c>
      <c r="T3277" t="s">
        <v>661</v>
      </c>
      <c r="U3277">
        <v>8</v>
      </c>
      <c r="V3277">
        <v>2</v>
      </c>
      <c r="W3277">
        <v>120</v>
      </c>
      <c r="X3277">
        <v>2020</v>
      </c>
    </row>
    <row r="3278" spans="1:24" x14ac:dyDescent="0.25">
      <c r="A3278">
        <v>7960</v>
      </c>
      <c r="B3278" t="s">
        <v>247</v>
      </c>
      <c r="C3278">
        <v>39</v>
      </c>
      <c r="D3278" t="s">
        <v>11</v>
      </c>
      <c r="E3278">
        <v>298</v>
      </c>
      <c r="F3278" t="s">
        <v>651</v>
      </c>
      <c r="G3278">
        <v>160</v>
      </c>
      <c r="H3278" t="s">
        <v>817</v>
      </c>
      <c r="I3278">
        <v>11010</v>
      </c>
      <c r="J3278" t="s">
        <v>65</v>
      </c>
      <c r="K3278">
        <v>15</v>
      </c>
      <c r="L3278" t="s">
        <v>898</v>
      </c>
      <c r="M3278">
        <v>806</v>
      </c>
      <c r="N3278" t="s">
        <v>654</v>
      </c>
      <c r="O3278">
        <v>3</v>
      </c>
      <c r="P3278" t="s">
        <v>655</v>
      </c>
      <c r="Q3278">
        <v>1</v>
      </c>
      <c r="R3278" t="s">
        <v>656</v>
      </c>
      <c r="S3278">
        <v>2</v>
      </c>
      <c r="T3278" t="s">
        <v>661</v>
      </c>
      <c r="U3278">
        <v>8</v>
      </c>
      <c r="V3278">
        <v>1</v>
      </c>
      <c r="W3278">
        <v>60</v>
      </c>
      <c r="X3278">
        <v>2020</v>
      </c>
    </row>
    <row r="3279" spans="1:24" x14ac:dyDescent="0.25">
      <c r="A3279">
        <v>7959</v>
      </c>
      <c r="B3279" t="s">
        <v>247</v>
      </c>
      <c r="C3279">
        <v>39</v>
      </c>
      <c r="D3279" t="s">
        <v>11</v>
      </c>
      <c r="E3279">
        <v>298</v>
      </c>
      <c r="F3279" t="s">
        <v>651</v>
      </c>
      <c r="G3279">
        <v>160</v>
      </c>
      <c r="H3279" t="s">
        <v>817</v>
      </c>
      <c r="I3279">
        <v>11010</v>
      </c>
      <c r="J3279" t="s">
        <v>65</v>
      </c>
      <c r="K3279">
        <v>15</v>
      </c>
      <c r="L3279" t="s">
        <v>1127</v>
      </c>
      <c r="M3279">
        <v>2003</v>
      </c>
      <c r="N3279" t="s">
        <v>654</v>
      </c>
      <c r="O3279">
        <v>3</v>
      </c>
      <c r="P3279" t="s">
        <v>655</v>
      </c>
      <c r="Q3279">
        <v>1</v>
      </c>
      <c r="R3279" t="s">
        <v>656</v>
      </c>
      <c r="S3279">
        <v>2</v>
      </c>
      <c r="T3279" t="s">
        <v>661</v>
      </c>
      <c r="U3279">
        <v>8</v>
      </c>
      <c r="V3279">
        <v>1</v>
      </c>
      <c r="W3279">
        <v>60</v>
      </c>
      <c r="X3279">
        <v>2020</v>
      </c>
    </row>
    <row r="3280" spans="1:24" x14ac:dyDescent="0.25">
      <c r="A3280">
        <v>7958</v>
      </c>
      <c r="B3280" t="s">
        <v>247</v>
      </c>
      <c r="C3280">
        <v>39</v>
      </c>
      <c r="D3280" t="s">
        <v>11</v>
      </c>
      <c r="E3280">
        <v>298</v>
      </c>
      <c r="F3280" t="s">
        <v>651</v>
      </c>
      <c r="G3280">
        <v>160</v>
      </c>
      <c r="H3280" t="s">
        <v>817</v>
      </c>
      <c r="I3280">
        <v>11010</v>
      </c>
      <c r="J3280" t="s">
        <v>65</v>
      </c>
      <c r="K3280">
        <v>15</v>
      </c>
      <c r="L3280" t="s">
        <v>2493</v>
      </c>
      <c r="M3280">
        <v>2332</v>
      </c>
      <c r="N3280" t="s">
        <v>654</v>
      </c>
      <c r="O3280">
        <v>3</v>
      </c>
      <c r="P3280" t="s">
        <v>655</v>
      </c>
      <c r="Q3280">
        <v>1</v>
      </c>
      <c r="R3280" t="s">
        <v>656</v>
      </c>
      <c r="S3280">
        <v>2</v>
      </c>
      <c r="T3280" t="s">
        <v>661</v>
      </c>
      <c r="U3280">
        <v>8</v>
      </c>
      <c r="V3280">
        <v>1</v>
      </c>
      <c r="W3280">
        <v>60</v>
      </c>
      <c r="X3280">
        <v>2020</v>
      </c>
    </row>
    <row r="3281" spans="1:24" x14ac:dyDescent="0.25">
      <c r="A3281">
        <v>7957</v>
      </c>
      <c r="B3281" t="s">
        <v>247</v>
      </c>
      <c r="C3281">
        <v>39</v>
      </c>
      <c r="D3281" t="s">
        <v>11</v>
      </c>
      <c r="E3281">
        <v>298</v>
      </c>
      <c r="F3281" t="s">
        <v>651</v>
      </c>
      <c r="G3281">
        <v>160</v>
      </c>
      <c r="H3281" t="s">
        <v>817</v>
      </c>
      <c r="I3281">
        <v>11010</v>
      </c>
      <c r="J3281" t="s">
        <v>65</v>
      </c>
      <c r="K3281">
        <v>15</v>
      </c>
      <c r="L3281" t="s">
        <v>2494</v>
      </c>
      <c r="M3281">
        <v>2331</v>
      </c>
      <c r="N3281" t="s">
        <v>654</v>
      </c>
      <c r="O3281">
        <v>3</v>
      </c>
      <c r="P3281" t="s">
        <v>746</v>
      </c>
      <c r="Q3281">
        <v>2</v>
      </c>
      <c r="R3281" t="s">
        <v>656</v>
      </c>
      <c r="S3281">
        <v>2</v>
      </c>
      <c r="T3281" t="s">
        <v>661</v>
      </c>
      <c r="U3281">
        <v>8</v>
      </c>
      <c r="V3281">
        <v>1</v>
      </c>
      <c r="W3281">
        <v>60</v>
      </c>
      <c r="X3281">
        <v>2020</v>
      </c>
    </row>
    <row r="3282" spans="1:24" x14ac:dyDescent="0.25">
      <c r="A3282">
        <v>7956</v>
      </c>
      <c r="B3282" t="s">
        <v>247</v>
      </c>
      <c r="C3282">
        <v>39</v>
      </c>
      <c r="D3282" t="s">
        <v>11</v>
      </c>
      <c r="E3282">
        <v>298</v>
      </c>
      <c r="F3282" t="s">
        <v>651</v>
      </c>
      <c r="G3282">
        <v>160</v>
      </c>
      <c r="H3282" t="s">
        <v>817</v>
      </c>
      <c r="I3282">
        <v>11010</v>
      </c>
      <c r="J3282" t="s">
        <v>65</v>
      </c>
      <c r="K3282">
        <v>15</v>
      </c>
      <c r="L3282" t="s">
        <v>2494</v>
      </c>
      <c r="M3282">
        <v>2331</v>
      </c>
      <c r="N3282" t="s">
        <v>654</v>
      </c>
      <c r="O3282">
        <v>3</v>
      </c>
      <c r="P3282" t="s">
        <v>655</v>
      </c>
      <c r="Q3282">
        <v>1</v>
      </c>
      <c r="R3282" t="s">
        <v>656</v>
      </c>
      <c r="S3282">
        <v>2</v>
      </c>
      <c r="T3282" t="s">
        <v>661</v>
      </c>
      <c r="U3282">
        <v>8</v>
      </c>
      <c r="V3282">
        <v>1</v>
      </c>
      <c r="W3282">
        <v>60</v>
      </c>
      <c r="X3282">
        <v>2020</v>
      </c>
    </row>
    <row r="3283" spans="1:24" x14ac:dyDescent="0.25">
      <c r="A3283">
        <v>7955</v>
      </c>
      <c r="B3283" t="s">
        <v>247</v>
      </c>
      <c r="C3283">
        <v>39</v>
      </c>
      <c r="D3283" t="s">
        <v>374</v>
      </c>
      <c r="E3283">
        <v>297</v>
      </c>
      <c r="F3283" t="s">
        <v>651</v>
      </c>
      <c r="G3283">
        <v>160</v>
      </c>
      <c r="H3283" t="s">
        <v>817</v>
      </c>
      <c r="I3283">
        <v>11010</v>
      </c>
      <c r="J3283" t="s">
        <v>864</v>
      </c>
      <c r="K3283">
        <v>14</v>
      </c>
      <c r="L3283" t="s">
        <v>2495</v>
      </c>
      <c r="M3283">
        <v>1189</v>
      </c>
      <c r="N3283" t="s">
        <v>654</v>
      </c>
      <c r="O3283">
        <v>3</v>
      </c>
      <c r="P3283" t="s">
        <v>655</v>
      </c>
      <c r="Q3283">
        <v>1</v>
      </c>
      <c r="R3283" t="s">
        <v>656</v>
      </c>
      <c r="S3283">
        <v>2</v>
      </c>
      <c r="T3283" t="s">
        <v>729</v>
      </c>
      <c r="U3283">
        <v>4</v>
      </c>
      <c r="V3283">
        <v>2</v>
      </c>
      <c r="W3283">
        <v>120</v>
      </c>
      <c r="X3283">
        <v>2020</v>
      </c>
    </row>
    <row r="3284" spans="1:24" x14ac:dyDescent="0.25">
      <c r="A3284">
        <v>7954</v>
      </c>
      <c r="B3284" t="s">
        <v>247</v>
      </c>
      <c r="C3284">
        <v>39</v>
      </c>
      <c r="D3284" t="s">
        <v>374</v>
      </c>
      <c r="E3284">
        <v>297</v>
      </c>
      <c r="F3284" t="s">
        <v>651</v>
      </c>
      <c r="G3284">
        <v>160</v>
      </c>
      <c r="H3284" t="s">
        <v>817</v>
      </c>
      <c r="I3284">
        <v>11010</v>
      </c>
      <c r="J3284" t="s">
        <v>864</v>
      </c>
      <c r="K3284">
        <v>14</v>
      </c>
      <c r="L3284" t="s">
        <v>2496</v>
      </c>
      <c r="M3284">
        <v>2330</v>
      </c>
      <c r="N3284" t="s">
        <v>654</v>
      </c>
      <c r="O3284">
        <v>3</v>
      </c>
      <c r="P3284" t="s">
        <v>655</v>
      </c>
      <c r="Q3284">
        <v>1</v>
      </c>
      <c r="R3284" t="s">
        <v>656</v>
      </c>
      <c r="S3284">
        <v>2</v>
      </c>
      <c r="T3284" t="s">
        <v>661</v>
      </c>
      <c r="U3284">
        <v>8</v>
      </c>
      <c r="V3284">
        <v>2</v>
      </c>
      <c r="W3284">
        <v>120</v>
      </c>
      <c r="X3284">
        <v>2020</v>
      </c>
    </row>
    <row r="3285" spans="1:24" x14ac:dyDescent="0.25">
      <c r="A3285">
        <v>7953</v>
      </c>
      <c r="B3285" t="s">
        <v>247</v>
      </c>
      <c r="C3285">
        <v>39</v>
      </c>
      <c r="D3285" t="s">
        <v>374</v>
      </c>
      <c r="E3285">
        <v>297</v>
      </c>
      <c r="F3285" t="s">
        <v>651</v>
      </c>
      <c r="G3285">
        <v>160</v>
      </c>
      <c r="H3285" t="s">
        <v>817</v>
      </c>
      <c r="I3285">
        <v>11010</v>
      </c>
      <c r="J3285" t="s">
        <v>864</v>
      </c>
      <c r="K3285">
        <v>14</v>
      </c>
      <c r="L3285" t="s">
        <v>2497</v>
      </c>
      <c r="M3285">
        <v>2329</v>
      </c>
      <c r="N3285" t="s">
        <v>654</v>
      </c>
      <c r="O3285">
        <v>3</v>
      </c>
      <c r="P3285" t="s">
        <v>655</v>
      </c>
      <c r="Q3285">
        <v>1</v>
      </c>
      <c r="R3285" t="s">
        <v>656</v>
      </c>
      <c r="S3285">
        <v>2</v>
      </c>
      <c r="T3285" t="s">
        <v>661</v>
      </c>
      <c r="U3285">
        <v>8</v>
      </c>
      <c r="V3285">
        <v>2</v>
      </c>
      <c r="W3285">
        <v>120</v>
      </c>
      <c r="X3285">
        <v>2020</v>
      </c>
    </row>
    <row r="3286" spans="1:24" x14ac:dyDescent="0.25">
      <c r="A3286">
        <v>7952</v>
      </c>
      <c r="B3286" t="s">
        <v>247</v>
      </c>
      <c r="C3286">
        <v>39</v>
      </c>
      <c r="D3286" t="s">
        <v>374</v>
      </c>
      <c r="E3286">
        <v>297</v>
      </c>
      <c r="F3286" t="s">
        <v>651</v>
      </c>
      <c r="G3286">
        <v>160</v>
      </c>
      <c r="H3286" t="s">
        <v>817</v>
      </c>
      <c r="I3286">
        <v>11010</v>
      </c>
      <c r="J3286" t="s">
        <v>864</v>
      </c>
      <c r="K3286">
        <v>14</v>
      </c>
      <c r="L3286" t="s">
        <v>2498</v>
      </c>
      <c r="M3286">
        <v>2328</v>
      </c>
      <c r="N3286" t="s">
        <v>654</v>
      </c>
      <c r="O3286">
        <v>3</v>
      </c>
      <c r="P3286" t="s">
        <v>655</v>
      </c>
      <c r="Q3286">
        <v>1</v>
      </c>
      <c r="R3286" t="s">
        <v>656</v>
      </c>
      <c r="S3286">
        <v>2</v>
      </c>
      <c r="T3286" t="s">
        <v>661</v>
      </c>
      <c r="U3286">
        <v>8</v>
      </c>
      <c r="V3286">
        <v>2</v>
      </c>
      <c r="W3286">
        <v>120</v>
      </c>
      <c r="X3286">
        <v>2020</v>
      </c>
    </row>
    <row r="3287" spans="1:24" x14ac:dyDescent="0.25">
      <c r="A3287">
        <v>7951</v>
      </c>
      <c r="B3287" t="s">
        <v>247</v>
      </c>
      <c r="C3287">
        <v>39</v>
      </c>
      <c r="D3287" t="s">
        <v>374</v>
      </c>
      <c r="E3287">
        <v>297</v>
      </c>
      <c r="F3287" t="s">
        <v>651</v>
      </c>
      <c r="G3287">
        <v>160</v>
      </c>
      <c r="H3287" t="s">
        <v>817</v>
      </c>
      <c r="I3287">
        <v>11010</v>
      </c>
      <c r="J3287" t="s">
        <v>864</v>
      </c>
      <c r="K3287">
        <v>14</v>
      </c>
      <c r="L3287" t="s">
        <v>2499</v>
      </c>
      <c r="M3287">
        <v>2327</v>
      </c>
      <c r="N3287" t="s">
        <v>654</v>
      </c>
      <c r="O3287">
        <v>3</v>
      </c>
      <c r="P3287" t="s">
        <v>655</v>
      </c>
      <c r="Q3287">
        <v>1</v>
      </c>
      <c r="R3287" t="s">
        <v>656</v>
      </c>
      <c r="S3287">
        <v>2</v>
      </c>
      <c r="T3287" t="s">
        <v>661</v>
      </c>
      <c r="U3287">
        <v>8</v>
      </c>
      <c r="V3287">
        <v>2</v>
      </c>
      <c r="W3287">
        <v>120</v>
      </c>
      <c r="X3287">
        <v>2020</v>
      </c>
    </row>
    <row r="3288" spans="1:24" x14ac:dyDescent="0.25">
      <c r="A3288">
        <v>7950</v>
      </c>
      <c r="B3288" t="s">
        <v>247</v>
      </c>
      <c r="C3288">
        <v>39</v>
      </c>
      <c r="D3288" t="s">
        <v>374</v>
      </c>
      <c r="E3288">
        <v>297</v>
      </c>
      <c r="F3288" t="s">
        <v>651</v>
      </c>
      <c r="G3288">
        <v>160</v>
      </c>
      <c r="H3288" t="s">
        <v>817</v>
      </c>
      <c r="I3288">
        <v>11010</v>
      </c>
      <c r="J3288" t="s">
        <v>864</v>
      </c>
      <c r="K3288">
        <v>14</v>
      </c>
      <c r="L3288" t="s">
        <v>2500</v>
      </c>
      <c r="M3288">
        <v>2326</v>
      </c>
      <c r="N3288" t="s">
        <v>654</v>
      </c>
      <c r="O3288">
        <v>3</v>
      </c>
      <c r="P3288" t="s">
        <v>655</v>
      </c>
      <c r="Q3288">
        <v>1</v>
      </c>
      <c r="R3288" t="s">
        <v>656</v>
      </c>
      <c r="S3288">
        <v>2</v>
      </c>
      <c r="T3288" t="s">
        <v>661</v>
      </c>
      <c r="U3288">
        <v>8</v>
      </c>
      <c r="V3288">
        <v>2</v>
      </c>
      <c r="W3288">
        <v>120</v>
      </c>
      <c r="X3288">
        <v>2020</v>
      </c>
    </row>
    <row r="3289" spans="1:24" x14ac:dyDescent="0.25">
      <c r="A3289">
        <v>7949</v>
      </c>
      <c r="B3289" t="s">
        <v>247</v>
      </c>
      <c r="C3289">
        <v>39</v>
      </c>
      <c r="D3289" t="s">
        <v>374</v>
      </c>
      <c r="E3289">
        <v>297</v>
      </c>
      <c r="F3289" t="s">
        <v>651</v>
      </c>
      <c r="G3289">
        <v>160</v>
      </c>
      <c r="H3289" t="s">
        <v>817</v>
      </c>
      <c r="I3289">
        <v>11010</v>
      </c>
      <c r="J3289" t="s">
        <v>864</v>
      </c>
      <c r="K3289">
        <v>14</v>
      </c>
      <c r="L3289" t="s">
        <v>2501</v>
      </c>
      <c r="M3289">
        <v>2325</v>
      </c>
      <c r="N3289" t="s">
        <v>654</v>
      </c>
      <c r="O3289">
        <v>3</v>
      </c>
      <c r="P3289" t="s">
        <v>655</v>
      </c>
      <c r="Q3289">
        <v>1</v>
      </c>
      <c r="R3289" t="s">
        <v>656</v>
      </c>
      <c r="S3289">
        <v>2</v>
      </c>
      <c r="T3289" t="s">
        <v>661</v>
      </c>
      <c r="U3289">
        <v>8</v>
      </c>
      <c r="V3289">
        <v>2</v>
      </c>
      <c r="W3289">
        <v>120</v>
      </c>
      <c r="X3289">
        <v>2020</v>
      </c>
    </row>
    <row r="3290" spans="1:24" x14ac:dyDescent="0.25">
      <c r="A3290">
        <v>7948</v>
      </c>
      <c r="B3290" t="s">
        <v>247</v>
      </c>
      <c r="C3290">
        <v>39</v>
      </c>
      <c r="D3290" t="s">
        <v>374</v>
      </c>
      <c r="E3290">
        <v>297</v>
      </c>
      <c r="F3290" t="s">
        <v>651</v>
      </c>
      <c r="G3290">
        <v>160</v>
      </c>
      <c r="H3290" t="s">
        <v>817</v>
      </c>
      <c r="I3290">
        <v>11010</v>
      </c>
      <c r="J3290" t="s">
        <v>864</v>
      </c>
      <c r="K3290">
        <v>14</v>
      </c>
      <c r="L3290" t="s">
        <v>2502</v>
      </c>
      <c r="M3290">
        <v>1191</v>
      </c>
      <c r="N3290" t="s">
        <v>654</v>
      </c>
      <c r="O3290">
        <v>3</v>
      </c>
      <c r="P3290" t="s">
        <v>655</v>
      </c>
      <c r="Q3290">
        <v>1</v>
      </c>
      <c r="R3290" t="s">
        <v>656</v>
      </c>
      <c r="S3290">
        <v>2</v>
      </c>
      <c r="T3290" t="s">
        <v>661</v>
      </c>
      <c r="U3290">
        <v>8</v>
      </c>
      <c r="V3290">
        <v>2</v>
      </c>
      <c r="W3290">
        <v>120</v>
      </c>
      <c r="X3290">
        <v>2020</v>
      </c>
    </row>
    <row r="3291" spans="1:24" x14ac:dyDescent="0.25">
      <c r="A3291">
        <v>7947</v>
      </c>
      <c r="B3291" t="s">
        <v>247</v>
      </c>
      <c r="C3291">
        <v>39</v>
      </c>
      <c r="D3291" t="s">
        <v>374</v>
      </c>
      <c r="E3291">
        <v>297</v>
      </c>
      <c r="F3291" t="s">
        <v>651</v>
      </c>
      <c r="G3291">
        <v>160</v>
      </c>
      <c r="H3291" t="s">
        <v>817</v>
      </c>
      <c r="I3291">
        <v>11010</v>
      </c>
      <c r="J3291" t="s">
        <v>864</v>
      </c>
      <c r="K3291">
        <v>14</v>
      </c>
      <c r="L3291" t="s">
        <v>2503</v>
      </c>
      <c r="M3291">
        <v>1625</v>
      </c>
      <c r="N3291" t="s">
        <v>654</v>
      </c>
      <c r="O3291">
        <v>3</v>
      </c>
      <c r="P3291" t="s">
        <v>655</v>
      </c>
      <c r="Q3291">
        <v>1</v>
      </c>
      <c r="R3291" t="s">
        <v>656</v>
      </c>
      <c r="S3291">
        <v>2</v>
      </c>
      <c r="T3291" t="s">
        <v>661</v>
      </c>
      <c r="U3291">
        <v>8</v>
      </c>
      <c r="V3291">
        <v>2</v>
      </c>
      <c r="W3291">
        <v>120</v>
      </c>
      <c r="X3291">
        <v>2020</v>
      </c>
    </row>
    <row r="3292" spans="1:24" x14ac:dyDescent="0.25">
      <c r="A3292">
        <v>7946</v>
      </c>
      <c r="B3292" t="s">
        <v>247</v>
      </c>
      <c r="C3292">
        <v>39</v>
      </c>
      <c r="D3292" t="s">
        <v>374</v>
      </c>
      <c r="E3292">
        <v>297</v>
      </c>
      <c r="F3292" t="s">
        <v>651</v>
      </c>
      <c r="G3292">
        <v>160</v>
      </c>
      <c r="H3292" t="s">
        <v>817</v>
      </c>
      <c r="I3292">
        <v>11010</v>
      </c>
      <c r="J3292" t="s">
        <v>864</v>
      </c>
      <c r="K3292">
        <v>14</v>
      </c>
      <c r="L3292" t="s">
        <v>2504</v>
      </c>
      <c r="M3292">
        <v>1190</v>
      </c>
      <c r="N3292" t="s">
        <v>654</v>
      </c>
      <c r="O3292">
        <v>3</v>
      </c>
      <c r="P3292" t="s">
        <v>655</v>
      </c>
      <c r="Q3292">
        <v>1</v>
      </c>
      <c r="R3292" t="s">
        <v>656</v>
      </c>
      <c r="S3292">
        <v>2</v>
      </c>
      <c r="T3292" t="s">
        <v>661</v>
      </c>
      <c r="U3292">
        <v>8</v>
      </c>
      <c r="V3292">
        <v>2</v>
      </c>
      <c r="W3292">
        <v>120</v>
      </c>
      <c r="X3292">
        <v>2020</v>
      </c>
    </row>
    <row r="3293" spans="1:24" x14ac:dyDescent="0.25">
      <c r="A3293">
        <v>7945</v>
      </c>
      <c r="B3293" t="s">
        <v>249</v>
      </c>
      <c r="C3293">
        <v>38</v>
      </c>
      <c r="D3293" t="s">
        <v>330</v>
      </c>
      <c r="E3293">
        <v>635</v>
      </c>
      <c r="F3293" t="s">
        <v>651</v>
      </c>
      <c r="G3293">
        <v>160</v>
      </c>
      <c r="H3293" t="s">
        <v>2505</v>
      </c>
      <c r="I3293">
        <v>3946</v>
      </c>
      <c r="J3293" t="s">
        <v>864</v>
      </c>
      <c r="K3293">
        <v>14</v>
      </c>
      <c r="L3293" t="s">
        <v>2506</v>
      </c>
      <c r="M3293">
        <v>2324</v>
      </c>
      <c r="N3293" t="s">
        <v>654</v>
      </c>
      <c r="O3293">
        <v>3</v>
      </c>
      <c r="P3293" t="s">
        <v>655</v>
      </c>
      <c r="Q3293">
        <v>1</v>
      </c>
      <c r="R3293" t="s">
        <v>656</v>
      </c>
      <c r="S3293">
        <v>2</v>
      </c>
      <c r="T3293" t="s">
        <v>661</v>
      </c>
      <c r="U3293">
        <v>8</v>
      </c>
      <c r="V3293">
        <v>2</v>
      </c>
      <c r="W3293">
        <v>120</v>
      </c>
      <c r="X3293">
        <v>2020</v>
      </c>
    </row>
    <row r="3294" spans="1:24" x14ac:dyDescent="0.25">
      <c r="A3294">
        <v>7943</v>
      </c>
      <c r="B3294" t="s">
        <v>249</v>
      </c>
      <c r="C3294">
        <v>38</v>
      </c>
      <c r="D3294" t="s">
        <v>330</v>
      </c>
      <c r="E3294">
        <v>635</v>
      </c>
      <c r="F3294" t="s">
        <v>651</v>
      </c>
      <c r="G3294">
        <v>160</v>
      </c>
      <c r="H3294" t="s">
        <v>713</v>
      </c>
      <c r="I3294">
        <v>3939</v>
      </c>
      <c r="J3294" t="s">
        <v>682</v>
      </c>
      <c r="K3294">
        <v>20</v>
      </c>
      <c r="L3294" t="s">
        <v>2358</v>
      </c>
      <c r="M3294">
        <v>985</v>
      </c>
      <c r="N3294" t="s">
        <v>654</v>
      </c>
      <c r="O3294">
        <v>3</v>
      </c>
      <c r="P3294" t="s">
        <v>655</v>
      </c>
      <c r="Q3294">
        <v>1</v>
      </c>
      <c r="R3294" t="s">
        <v>656</v>
      </c>
      <c r="S3294">
        <v>2</v>
      </c>
      <c r="T3294" t="s">
        <v>661</v>
      </c>
      <c r="U3294">
        <v>8</v>
      </c>
      <c r="V3294">
        <v>2</v>
      </c>
      <c r="W3294">
        <v>120</v>
      </c>
      <c r="X3294">
        <v>2020</v>
      </c>
    </row>
    <row r="3295" spans="1:24" x14ac:dyDescent="0.25">
      <c r="A3295">
        <v>7941</v>
      </c>
      <c r="B3295" t="s">
        <v>249</v>
      </c>
      <c r="C3295">
        <v>38</v>
      </c>
      <c r="D3295" t="s">
        <v>316</v>
      </c>
      <c r="E3295">
        <v>596</v>
      </c>
      <c r="F3295" t="s">
        <v>651</v>
      </c>
      <c r="G3295">
        <v>160</v>
      </c>
      <c r="H3295" t="s">
        <v>713</v>
      </c>
      <c r="I3295">
        <v>3939</v>
      </c>
      <c r="J3295" t="s">
        <v>299</v>
      </c>
      <c r="K3295">
        <v>27</v>
      </c>
      <c r="L3295" t="s">
        <v>2507</v>
      </c>
      <c r="M3295">
        <v>2322</v>
      </c>
      <c r="N3295" t="s">
        <v>654</v>
      </c>
      <c r="O3295">
        <v>3</v>
      </c>
      <c r="P3295" t="s">
        <v>655</v>
      </c>
      <c r="Q3295">
        <v>1</v>
      </c>
      <c r="R3295" t="s">
        <v>656</v>
      </c>
      <c r="S3295">
        <v>2</v>
      </c>
      <c r="T3295" t="s">
        <v>661</v>
      </c>
      <c r="U3295">
        <v>8</v>
      </c>
      <c r="V3295">
        <v>2</v>
      </c>
      <c r="W3295">
        <v>120</v>
      </c>
      <c r="X3295">
        <v>2020</v>
      </c>
    </row>
    <row r="3296" spans="1:24" x14ac:dyDescent="0.25">
      <c r="A3296">
        <v>7940</v>
      </c>
      <c r="B3296" t="s">
        <v>249</v>
      </c>
      <c r="C3296">
        <v>38</v>
      </c>
      <c r="D3296" t="s">
        <v>316</v>
      </c>
      <c r="E3296">
        <v>596</v>
      </c>
      <c r="F3296" t="s">
        <v>651</v>
      </c>
      <c r="G3296">
        <v>160</v>
      </c>
      <c r="H3296" t="s">
        <v>713</v>
      </c>
      <c r="I3296">
        <v>3939</v>
      </c>
      <c r="J3296" t="s">
        <v>301</v>
      </c>
      <c r="K3296">
        <v>26</v>
      </c>
      <c r="L3296" t="s">
        <v>1912</v>
      </c>
      <c r="M3296">
        <v>1579</v>
      </c>
      <c r="N3296" t="s">
        <v>654</v>
      </c>
      <c r="O3296">
        <v>3</v>
      </c>
      <c r="P3296" t="s">
        <v>655</v>
      </c>
      <c r="Q3296">
        <v>1</v>
      </c>
      <c r="R3296" t="s">
        <v>656</v>
      </c>
      <c r="S3296">
        <v>2</v>
      </c>
      <c r="T3296" t="s">
        <v>661</v>
      </c>
      <c r="U3296">
        <v>8</v>
      </c>
      <c r="V3296">
        <v>2</v>
      </c>
      <c r="W3296">
        <v>120</v>
      </c>
      <c r="X3296">
        <v>2020</v>
      </c>
    </row>
    <row r="3297" spans="1:24" x14ac:dyDescent="0.25">
      <c r="A3297">
        <v>7939</v>
      </c>
      <c r="B3297" t="s">
        <v>249</v>
      </c>
      <c r="C3297">
        <v>38</v>
      </c>
      <c r="D3297" t="s">
        <v>316</v>
      </c>
      <c r="E3297">
        <v>596</v>
      </c>
      <c r="F3297" t="s">
        <v>651</v>
      </c>
      <c r="G3297">
        <v>160</v>
      </c>
      <c r="H3297" t="s">
        <v>713</v>
      </c>
      <c r="I3297">
        <v>3939</v>
      </c>
      <c r="J3297" t="s">
        <v>294</v>
      </c>
      <c r="K3297">
        <v>31</v>
      </c>
      <c r="L3297" t="s">
        <v>1960</v>
      </c>
      <c r="M3297">
        <v>1039</v>
      </c>
      <c r="N3297" t="s">
        <v>654</v>
      </c>
      <c r="O3297">
        <v>3</v>
      </c>
      <c r="P3297" t="s">
        <v>655</v>
      </c>
      <c r="Q3297">
        <v>1</v>
      </c>
      <c r="R3297" t="s">
        <v>656</v>
      </c>
      <c r="S3297">
        <v>2</v>
      </c>
      <c r="T3297" t="s">
        <v>661</v>
      </c>
      <c r="U3297">
        <v>8</v>
      </c>
      <c r="V3297">
        <v>2</v>
      </c>
      <c r="W3297">
        <v>120</v>
      </c>
      <c r="X3297">
        <v>2020</v>
      </c>
    </row>
    <row r="3298" spans="1:24" x14ac:dyDescent="0.25">
      <c r="A3298">
        <v>7938</v>
      </c>
      <c r="B3298" t="s">
        <v>249</v>
      </c>
      <c r="C3298">
        <v>38</v>
      </c>
      <c r="D3298" t="s">
        <v>356</v>
      </c>
      <c r="E3298">
        <v>599</v>
      </c>
      <c r="F3298" t="s">
        <v>651</v>
      </c>
      <c r="G3298">
        <v>160</v>
      </c>
      <c r="H3298" t="s">
        <v>713</v>
      </c>
      <c r="I3298">
        <v>3939</v>
      </c>
      <c r="J3298" t="s">
        <v>714</v>
      </c>
      <c r="K3298">
        <v>52</v>
      </c>
      <c r="L3298" t="s">
        <v>2508</v>
      </c>
      <c r="M3298">
        <v>2321</v>
      </c>
      <c r="N3298" t="s">
        <v>654</v>
      </c>
      <c r="O3298">
        <v>3</v>
      </c>
      <c r="P3298" t="s">
        <v>655</v>
      </c>
      <c r="Q3298">
        <v>1</v>
      </c>
      <c r="R3298" t="s">
        <v>656</v>
      </c>
      <c r="S3298">
        <v>2</v>
      </c>
      <c r="T3298" t="s">
        <v>661</v>
      </c>
      <c r="U3298">
        <v>8</v>
      </c>
      <c r="V3298">
        <v>2</v>
      </c>
      <c r="W3298">
        <v>120</v>
      </c>
      <c r="X3298">
        <v>2020</v>
      </c>
    </row>
    <row r="3299" spans="1:24" x14ac:dyDescent="0.25">
      <c r="A3299">
        <v>7934</v>
      </c>
      <c r="B3299" t="s">
        <v>249</v>
      </c>
      <c r="C3299">
        <v>38</v>
      </c>
      <c r="D3299" t="s">
        <v>356</v>
      </c>
      <c r="E3299">
        <v>599</v>
      </c>
      <c r="F3299" t="s">
        <v>651</v>
      </c>
      <c r="G3299">
        <v>160</v>
      </c>
      <c r="H3299" t="s">
        <v>713</v>
      </c>
      <c r="I3299">
        <v>3939</v>
      </c>
      <c r="J3299" t="s">
        <v>1236</v>
      </c>
      <c r="K3299">
        <v>60</v>
      </c>
      <c r="L3299" t="s">
        <v>2509</v>
      </c>
      <c r="M3299">
        <v>2319</v>
      </c>
      <c r="N3299" t="s">
        <v>654</v>
      </c>
      <c r="O3299">
        <v>3</v>
      </c>
      <c r="P3299" t="s">
        <v>655</v>
      </c>
      <c r="Q3299">
        <v>1</v>
      </c>
      <c r="R3299" t="s">
        <v>656</v>
      </c>
      <c r="S3299">
        <v>2</v>
      </c>
      <c r="T3299" t="s">
        <v>661</v>
      </c>
      <c r="U3299">
        <v>8</v>
      </c>
      <c r="V3299">
        <v>2</v>
      </c>
      <c r="W3299">
        <v>120</v>
      </c>
      <c r="X3299">
        <v>2020</v>
      </c>
    </row>
    <row r="3300" spans="1:24" x14ac:dyDescent="0.25">
      <c r="A3300">
        <v>7932</v>
      </c>
      <c r="B3300" t="s">
        <v>249</v>
      </c>
      <c r="C3300">
        <v>38</v>
      </c>
      <c r="D3300" t="s">
        <v>356</v>
      </c>
      <c r="E3300">
        <v>599</v>
      </c>
      <c r="F3300" t="s">
        <v>651</v>
      </c>
      <c r="G3300">
        <v>160</v>
      </c>
      <c r="H3300" t="s">
        <v>713</v>
      </c>
      <c r="I3300">
        <v>3939</v>
      </c>
      <c r="J3300" t="s">
        <v>693</v>
      </c>
      <c r="K3300">
        <v>56</v>
      </c>
      <c r="L3300" t="s">
        <v>2510</v>
      </c>
      <c r="M3300">
        <v>2317</v>
      </c>
      <c r="N3300" t="s">
        <v>654</v>
      </c>
      <c r="O3300">
        <v>3</v>
      </c>
      <c r="P3300" t="s">
        <v>655</v>
      </c>
      <c r="Q3300">
        <v>1</v>
      </c>
      <c r="R3300" t="s">
        <v>656</v>
      </c>
      <c r="S3300">
        <v>2</v>
      </c>
      <c r="T3300" t="s">
        <v>661</v>
      </c>
      <c r="U3300">
        <v>8</v>
      </c>
      <c r="V3300">
        <v>2</v>
      </c>
      <c r="W3300">
        <v>120</v>
      </c>
      <c r="X3300">
        <v>2020</v>
      </c>
    </row>
    <row r="3301" spans="1:24" x14ac:dyDescent="0.25">
      <c r="A3301">
        <v>7930</v>
      </c>
      <c r="B3301" t="s">
        <v>242</v>
      </c>
      <c r="C3301">
        <v>37</v>
      </c>
      <c r="D3301" t="s">
        <v>316</v>
      </c>
      <c r="E3301">
        <v>293</v>
      </c>
      <c r="F3301" t="s">
        <v>651</v>
      </c>
      <c r="G3301">
        <v>160</v>
      </c>
      <c r="H3301" t="s">
        <v>821</v>
      </c>
      <c r="I3301">
        <v>10029</v>
      </c>
      <c r="J3301" t="s">
        <v>296</v>
      </c>
      <c r="K3301">
        <v>97</v>
      </c>
      <c r="L3301" t="s">
        <v>2511</v>
      </c>
      <c r="M3301">
        <v>2315</v>
      </c>
      <c r="N3301" t="s">
        <v>654</v>
      </c>
      <c r="O3301">
        <v>3</v>
      </c>
      <c r="P3301" t="s">
        <v>655</v>
      </c>
      <c r="Q3301">
        <v>1</v>
      </c>
      <c r="R3301" t="s">
        <v>656</v>
      </c>
      <c r="S3301">
        <v>2</v>
      </c>
      <c r="T3301" t="s">
        <v>661</v>
      </c>
      <c r="U3301">
        <v>8</v>
      </c>
      <c r="V3301">
        <v>2</v>
      </c>
      <c r="W3301">
        <v>120</v>
      </c>
      <c r="X3301">
        <v>2020</v>
      </c>
    </row>
    <row r="3302" spans="1:24" x14ac:dyDescent="0.25">
      <c r="A3302">
        <v>7929</v>
      </c>
      <c r="B3302" t="s">
        <v>242</v>
      </c>
      <c r="C3302">
        <v>37</v>
      </c>
      <c r="D3302" t="s">
        <v>316</v>
      </c>
      <c r="E3302">
        <v>293</v>
      </c>
      <c r="F3302" t="s">
        <v>651</v>
      </c>
      <c r="G3302">
        <v>160</v>
      </c>
      <c r="H3302" t="s">
        <v>821</v>
      </c>
      <c r="I3302">
        <v>10029</v>
      </c>
      <c r="J3302" t="s">
        <v>301</v>
      </c>
      <c r="K3302">
        <v>26</v>
      </c>
      <c r="L3302" t="s">
        <v>2512</v>
      </c>
      <c r="M3302">
        <v>2314</v>
      </c>
      <c r="N3302" t="s">
        <v>654</v>
      </c>
      <c r="O3302">
        <v>3</v>
      </c>
      <c r="P3302" t="s">
        <v>655</v>
      </c>
      <c r="Q3302">
        <v>1</v>
      </c>
      <c r="R3302" t="s">
        <v>656</v>
      </c>
      <c r="S3302">
        <v>2</v>
      </c>
      <c r="T3302" t="s">
        <v>661</v>
      </c>
      <c r="U3302">
        <v>8</v>
      </c>
      <c r="V3302">
        <v>2</v>
      </c>
      <c r="W3302">
        <v>120</v>
      </c>
      <c r="X3302">
        <v>2020</v>
      </c>
    </row>
    <row r="3303" spans="1:24" x14ac:dyDescent="0.25">
      <c r="A3303">
        <v>7928</v>
      </c>
      <c r="B3303" t="s">
        <v>242</v>
      </c>
      <c r="C3303">
        <v>37</v>
      </c>
      <c r="D3303" t="s">
        <v>316</v>
      </c>
      <c r="E3303">
        <v>293</v>
      </c>
      <c r="F3303" t="s">
        <v>651</v>
      </c>
      <c r="G3303">
        <v>160</v>
      </c>
      <c r="H3303" t="s">
        <v>821</v>
      </c>
      <c r="I3303">
        <v>10029</v>
      </c>
      <c r="J3303" t="s">
        <v>301</v>
      </c>
      <c r="K3303">
        <v>26</v>
      </c>
      <c r="L3303" t="s">
        <v>2513</v>
      </c>
      <c r="M3303">
        <v>2313</v>
      </c>
      <c r="N3303" t="s">
        <v>654</v>
      </c>
      <c r="O3303">
        <v>3</v>
      </c>
      <c r="P3303" t="s">
        <v>655</v>
      </c>
      <c r="Q3303">
        <v>1</v>
      </c>
      <c r="R3303" t="s">
        <v>656</v>
      </c>
      <c r="S3303">
        <v>2</v>
      </c>
      <c r="T3303" t="s">
        <v>661</v>
      </c>
      <c r="U3303">
        <v>8</v>
      </c>
      <c r="V3303">
        <v>2</v>
      </c>
      <c r="W3303">
        <v>120</v>
      </c>
      <c r="X3303">
        <v>2020</v>
      </c>
    </row>
    <row r="3304" spans="1:24" x14ac:dyDescent="0.25">
      <c r="A3304">
        <v>7927</v>
      </c>
      <c r="B3304" t="s">
        <v>242</v>
      </c>
      <c r="C3304">
        <v>37</v>
      </c>
      <c r="D3304" t="s">
        <v>316</v>
      </c>
      <c r="E3304">
        <v>293</v>
      </c>
      <c r="F3304" t="s">
        <v>651</v>
      </c>
      <c r="G3304">
        <v>160</v>
      </c>
      <c r="H3304" t="s">
        <v>821</v>
      </c>
      <c r="I3304">
        <v>10029</v>
      </c>
      <c r="J3304" t="s">
        <v>301</v>
      </c>
      <c r="K3304">
        <v>26</v>
      </c>
      <c r="L3304" t="s">
        <v>2514</v>
      </c>
      <c r="M3304">
        <v>2312</v>
      </c>
      <c r="N3304" t="s">
        <v>654</v>
      </c>
      <c r="O3304">
        <v>3</v>
      </c>
      <c r="P3304" t="s">
        <v>655</v>
      </c>
      <c r="Q3304">
        <v>1</v>
      </c>
      <c r="R3304" t="s">
        <v>656</v>
      </c>
      <c r="S3304">
        <v>2</v>
      </c>
      <c r="T3304" t="s">
        <v>661</v>
      </c>
      <c r="U3304">
        <v>8</v>
      </c>
      <c r="V3304">
        <v>2</v>
      </c>
      <c r="W3304">
        <v>120</v>
      </c>
      <c r="X3304">
        <v>2020</v>
      </c>
    </row>
    <row r="3305" spans="1:24" x14ac:dyDescent="0.25">
      <c r="A3305">
        <v>7926</v>
      </c>
      <c r="B3305" t="s">
        <v>242</v>
      </c>
      <c r="C3305">
        <v>37</v>
      </c>
      <c r="D3305" t="s">
        <v>316</v>
      </c>
      <c r="E3305">
        <v>293</v>
      </c>
      <c r="F3305" t="s">
        <v>651</v>
      </c>
      <c r="G3305">
        <v>160</v>
      </c>
      <c r="H3305" t="s">
        <v>821</v>
      </c>
      <c r="I3305">
        <v>10029</v>
      </c>
      <c r="J3305" t="s">
        <v>295</v>
      </c>
      <c r="K3305">
        <v>30</v>
      </c>
      <c r="L3305" t="s">
        <v>2515</v>
      </c>
      <c r="M3305">
        <v>2311</v>
      </c>
      <c r="N3305" t="s">
        <v>654</v>
      </c>
      <c r="O3305">
        <v>3</v>
      </c>
      <c r="P3305" t="s">
        <v>655</v>
      </c>
      <c r="Q3305">
        <v>1</v>
      </c>
      <c r="R3305" t="s">
        <v>656</v>
      </c>
      <c r="S3305">
        <v>2</v>
      </c>
      <c r="T3305" t="s">
        <v>661</v>
      </c>
      <c r="U3305">
        <v>8</v>
      </c>
      <c r="V3305">
        <v>2</v>
      </c>
      <c r="W3305">
        <v>120</v>
      </c>
      <c r="X3305">
        <v>2020</v>
      </c>
    </row>
    <row r="3306" spans="1:24" x14ac:dyDescent="0.25">
      <c r="A3306">
        <v>7925</v>
      </c>
      <c r="B3306" t="s">
        <v>242</v>
      </c>
      <c r="C3306">
        <v>37</v>
      </c>
      <c r="D3306" t="s">
        <v>316</v>
      </c>
      <c r="E3306">
        <v>293</v>
      </c>
      <c r="F3306" t="s">
        <v>651</v>
      </c>
      <c r="G3306">
        <v>160</v>
      </c>
      <c r="H3306" t="s">
        <v>821</v>
      </c>
      <c r="I3306">
        <v>10029</v>
      </c>
      <c r="J3306" t="s">
        <v>295</v>
      </c>
      <c r="K3306">
        <v>30</v>
      </c>
      <c r="L3306" t="s">
        <v>2516</v>
      </c>
      <c r="M3306">
        <v>2310</v>
      </c>
      <c r="N3306" t="s">
        <v>654</v>
      </c>
      <c r="O3306">
        <v>3</v>
      </c>
      <c r="P3306" t="s">
        <v>655</v>
      </c>
      <c r="Q3306">
        <v>1</v>
      </c>
      <c r="R3306" t="s">
        <v>656</v>
      </c>
      <c r="S3306">
        <v>2</v>
      </c>
      <c r="T3306" t="s">
        <v>661</v>
      </c>
      <c r="U3306">
        <v>8</v>
      </c>
      <c r="V3306">
        <v>2</v>
      </c>
      <c r="W3306">
        <v>120</v>
      </c>
      <c r="X3306">
        <v>2020</v>
      </c>
    </row>
    <row r="3307" spans="1:24" x14ac:dyDescent="0.25">
      <c r="A3307">
        <v>7924</v>
      </c>
      <c r="B3307" t="s">
        <v>242</v>
      </c>
      <c r="C3307">
        <v>37</v>
      </c>
      <c r="D3307" t="s">
        <v>316</v>
      </c>
      <c r="E3307">
        <v>293</v>
      </c>
      <c r="F3307" t="s">
        <v>651</v>
      </c>
      <c r="G3307">
        <v>160</v>
      </c>
      <c r="H3307" t="s">
        <v>821</v>
      </c>
      <c r="I3307">
        <v>10029</v>
      </c>
      <c r="J3307" t="s">
        <v>295</v>
      </c>
      <c r="K3307">
        <v>30</v>
      </c>
      <c r="L3307" t="s">
        <v>2517</v>
      </c>
      <c r="M3307">
        <v>1117</v>
      </c>
      <c r="N3307" t="s">
        <v>654</v>
      </c>
      <c r="O3307">
        <v>3</v>
      </c>
      <c r="P3307" t="s">
        <v>655</v>
      </c>
      <c r="Q3307">
        <v>1</v>
      </c>
      <c r="R3307" t="s">
        <v>656</v>
      </c>
      <c r="S3307">
        <v>2</v>
      </c>
      <c r="T3307" t="s">
        <v>661</v>
      </c>
      <c r="U3307">
        <v>8</v>
      </c>
      <c r="V3307">
        <v>2</v>
      </c>
      <c r="W3307">
        <v>120</v>
      </c>
      <c r="X3307">
        <v>2020</v>
      </c>
    </row>
    <row r="3308" spans="1:24" x14ac:dyDescent="0.25">
      <c r="A3308">
        <v>7923</v>
      </c>
      <c r="B3308" t="s">
        <v>242</v>
      </c>
      <c r="C3308">
        <v>37</v>
      </c>
      <c r="D3308" t="s">
        <v>491</v>
      </c>
      <c r="E3308">
        <v>294</v>
      </c>
      <c r="F3308" t="s">
        <v>651</v>
      </c>
      <c r="G3308">
        <v>160</v>
      </c>
      <c r="H3308" t="s">
        <v>821</v>
      </c>
      <c r="I3308">
        <v>10029</v>
      </c>
      <c r="J3308" t="s">
        <v>676</v>
      </c>
      <c r="K3308">
        <v>4</v>
      </c>
      <c r="L3308" t="s">
        <v>2518</v>
      </c>
      <c r="M3308">
        <v>2309</v>
      </c>
      <c r="N3308" t="s">
        <v>654</v>
      </c>
      <c r="O3308">
        <v>3</v>
      </c>
      <c r="P3308" t="s">
        <v>655</v>
      </c>
      <c r="Q3308">
        <v>1</v>
      </c>
      <c r="R3308" t="s">
        <v>656</v>
      </c>
      <c r="S3308">
        <v>2</v>
      </c>
      <c r="T3308" t="s">
        <v>661</v>
      </c>
      <c r="U3308">
        <v>8</v>
      </c>
      <c r="V3308">
        <v>2</v>
      </c>
      <c r="W3308">
        <v>120</v>
      </c>
      <c r="X3308">
        <v>2020</v>
      </c>
    </row>
    <row r="3309" spans="1:24" x14ac:dyDescent="0.25">
      <c r="A3309">
        <v>7921</v>
      </c>
      <c r="B3309" t="s">
        <v>242</v>
      </c>
      <c r="C3309">
        <v>37</v>
      </c>
      <c r="D3309" t="s">
        <v>491</v>
      </c>
      <c r="E3309">
        <v>294</v>
      </c>
      <c r="F3309" t="s">
        <v>651</v>
      </c>
      <c r="G3309">
        <v>160</v>
      </c>
      <c r="H3309" t="s">
        <v>821</v>
      </c>
      <c r="I3309">
        <v>10029</v>
      </c>
      <c r="J3309" t="s">
        <v>684</v>
      </c>
      <c r="K3309">
        <v>22</v>
      </c>
      <c r="L3309" t="s">
        <v>2519</v>
      </c>
      <c r="M3309">
        <v>2307</v>
      </c>
      <c r="N3309" t="s">
        <v>654</v>
      </c>
      <c r="O3309">
        <v>3</v>
      </c>
      <c r="P3309" t="s">
        <v>655</v>
      </c>
      <c r="Q3309">
        <v>1</v>
      </c>
      <c r="R3309" t="s">
        <v>656</v>
      </c>
      <c r="S3309">
        <v>2</v>
      </c>
      <c r="T3309" t="s">
        <v>661</v>
      </c>
      <c r="U3309">
        <v>8</v>
      </c>
      <c r="V3309">
        <v>2</v>
      </c>
      <c r="W3309">
        <v>120</v>
      </c>
      <c r="X3309">
        <v>2020</v>
      </c>
    </row>
    <row r="3310" spans="1:24" x14ac:dyDescent="0.25">
      <c r="A3310">
        <v>7920</v>
      </c>
      <c r="B3310" t="s">
        <v>242</v>
      </c>
      <c r="C3310">
        <v>37</v>
      </c>
      <c r="D3310" t="s">
        <v>491</v>
      </c>
      <c r="E3310">
        <v>294</v>
      </c>
      <c r="F3310" t="s">
        <v>651</v>
      </c>
      <c r="G3310">
        <v>160</v>
      </c>
      <c r="H3310" t="s">
        <v>821</v>
      </c>
      <c r="I3310">
        <v>10029</v>
      </c>
      <c r="J3310" t="s">
        <v>684</v>
      </c>
      <c r="K3310">
        <v>22</v>
      </c>
      <c r="L3310" t="s">
        <v>2520</v>
      </c>
      <c r="M3310">
        <v>937</v>
      </c>
      <c r="N3310" t="s">
        <v>654</v>
      </c>
      <c r="O3310">
        <v>3</v>
      </c>
      <c r="P3310" t="s">
        <v>655</v>
      </c>
      <c r="Q3310">
        <v>1</v>
      </c>
      <c r="R3310" t="s">
        <v>656</v>
      </c>
      <c r="S3310">
        <v>2</v>
      </c>
      <c r="T3310" t="s">
        <v>661</v>
      </c>
      <c r="U3310">
        <v>8</v>
      </c>
      <c r="V3310">
        <v>2</v>
      </c>
      <c r="W3310">
        <v>120</v>
      </c>
      <c r="X3310">
        <v>2020</v>
      </c>
    </row>
    <row r="3311" spans="1:24" x14ac:dyDescent="0.25">
      <c r="A3311">
        <v>7919</v>
      </c>
      <c r="B3311" t="s">
        <v>242</v>
      </c>
      <c r="C3311">
        <v>37</v>
      </c>
      <c r="D3311" t="s">
        <v>491</v>
      </c>
      <c r="E3311">
        <v>294</v>
      </c>
      <c r="F3311" t="s">
        <v>651</v>
      </c>
      <c r="G3311">
        <v>160</v>
      </c>
      <c r="H3311" t="s">
        <v>821</v>
      </c>
      <c r="I3311">
        <v>10029</v>
      </c>
      <c r="J3311" t="s">
        <v>682</v>
      </c>
      <c r="K3311">
        <v>20</v>
      </c>
      <c r="L3311" t="s">
        <v>2521</v>
      </c>
      <c r="M3311">
        <v>983</v>
      </c>
      <c r="N3311" t="s">
        <v>654</v>
      </c>
      <c r="O3311">
        <v>3</v>
      </c>
      <c r="P3311" t="s">
        <v>655</v>
      </c>
      <c r="Q3311">
        <v>1</v>
      </c>
      <c r="R3311" t="s">
        <v>656</v>
      </c>
      <c r="S3311">
        <v>2</v>
      </c>
      <c r="T3311" t="s">
        <v>661</v>
      </c>
      <c r="U3311">
        <v>8</v>
      </c>
      <c r="V3311">
        <v>2</v>
      </c>
      <c r="W3311">
        <v>120</v>
      </c>
      <c r="X3311">
        <v>2020</v>
      </c>
    </row>
    <row r="3312" spans="1:24" x14ac:dyDescent="0.25">
      <c r="A3312">
        <v>7918</v>
      </c>
      <c r="B3312" t="s">
        <v>242</v>
      </c>
      <c r="C3312">
        <v>37</v>
      </c>
      <c r="D3312" t="s">
        <v>491</v>
      </c>
      <c r="E3312">
        <v>294</v>
      </c>
      <c r="F3312" t="s">
        <v>651</v>
      </c>
      <c r="G3312">
        <v>160</v>
      </c>
      <c r="H3312" t="s">
        <v>821</v>
      </c>
      <c r="I3312">
        <v>10029</v>
      </c>
      <c r="J3312" t="s">
        <v>663</v>
      </c>
      <c r="K3312">
        <v>99</v>
      </c>
      <c r="L3312" t="s">
        <v>2522</v>
      </c>
      <c r="M3312">
        <v>2306</v>
      </c>
      <c r="N3312" t="s">
        <v>654</v>
      </c>
      <c r="O3312">
        <v>3</v>
      </c>
      <c r="P3312" t="s">
        <v>655</v>
      </c>
      <c r="Q3312">
        <v>1</v>
      </c>
      <c r="R3312" t="s">
        <v>656</v>
      </c>
      <c r="S3312">
        <v>2</v>
      </c>
      <c r="T3312" t="s">
        <v>661</v>
      </c>
      <c r="U3312">
        <v>8</v>
      </c>
      <c r="V3312">
        <v>2</v>
      </c>
      <c r="W3312">
        <v>120</v>
      </c>
      <c r="X3312">
        <v>2020</v>
      </c>
    </row>
    <row r="3313" spans="1:24" x14ac:dyDescent="0.25">
      <c r="A3313">
        <v>7917</v>
      </c>
      <c r="B3313" t="s">
        <v>242</v>
      </c>
      <c r="C3313">
        <v>37</v>
      </c>
      <c r="D3313" t="s">
        <v>491</v>
      </c>
      <c r="E3313">
        <v>294</v>
      </c>
      <c r="F3313" t="s">
        <v>651</v>
      </c>
      <c r="G3313">
        <v>160</v>
      </c>
      <c r="H3313" t="s">
        <v>821</v>
      </c>
      <c r="I3313">
        <v>10029</v>
      </c>
      <c r="J3313" t="s">
        <v>663</v>
      </c>
      <c r="K3313">
        <v>99</v>
      </c>
      <c r="L3313" t="s">
        <v>2523</v>
      </c>
      <c r="M3313">
        <v>2305</v>
      </c>
      <c r="N3313" t="s">
        <v>654</v>
      </c>
      <c r="O3313">
        <v>3</v>
      </c>
      <c r="P3313" t="s">
        <v>655</v>
      </c>
      <c r="Q3313">
        <v>1</v>
      </c>
      <c r="R3313" t="s">
        <v>656</v>
      </c>
      <c r="S3313">
        <v>2</v>
      </c>
      <c r="T3313" t="s">
        <v>661</v>
      </c>
      <c r="U3313">
        <v>8</v>
      </c>
      <c r="V3313">
        <v>2</v>
      </c>
      <c r="W3313">
        <v>120</v>
      </c>
      <c r="X3313">
        <v>2020</v>
      </c>
    </row>
    <row r="3314" spans="1:24" x14ac:dyDescent="0.25">
      <c r="A3314">
        <v>7916</v>
      </c>
      <c r="B3314" t="s">
        <v>242</v>
      </c>
      <c r="C3314">
        <v>37</v>
      </c>
      <c r="D3314" t="s">
        <v>492</v>
      </c>
      <c r="E3314">
        <v>292</v>
      </c>
      <c r="F3314" t="s">
        <v>651</v>
      </c>
      <c r="G3314">
        <v>160</v>
      </c>
      <c r="H3314" t="s">
        <v>821</v>
      </c>
      <c r="I3314">
        <v>10029</v>
      </c>
      <c r="J3314" t="s">
        <v>848</v>
      </c>
      <c r="K3314">
        <v>62</v>
      </c>
      <c r="L3314" t="s">
        <v>2524</v>
      </c>
      <c r="M3314">
        <v>2304</v>
      </c>
      <c r="N3314" t="s">
        <v>654</v>
      </c>
      <c r="O3314">
        <v>3</v>
      </c>
      <c r="P3314" t="s">
        <v>655</v>
      </c>
      <c r="Q3314">
        <v>1</v>
      </c>
      <c r="R3314" t="s">
        <v>656</v>
      </c>
      <c r="S3314">
        <v>2</v>
      </c>
      <c r="T3314" t="s">
        <v>661</v>
      </c>
      <c r="U3314">
        <v>8</v>
      </c>
      <c r="V3314">
        <v>2</v>
      </c>
      <c r="W3314">
        <v>120</v>
      </c>
      <c r="X3314">
        <v>2020</v>
      </c>
    </row>
    <row r="3315" spans="1:24" x14ac:dyDescent="0.25">
      <c r="A3315">
        <v>7915</v>
      </c>
      <c r="B3315" t="s">
        <v>242</v>
      </c>
      <c r="C3315">
        <v>37</v>
      </c>
      <c r="D3315" t="s">
        <v>492</v>
      </c>
      <c r="E3315">
        <v>292</v>
      </c>
      <c r="F3315" t="s">
        <v>651</v>
      </c>
      <c r="G3315">
        <v>160</v>
      </c>
      <c r="H3315" t="s">
        <v>821</v>
      </c>
      <c r="I3315">
        <v>10029</v>
      </c>
      <c r="J3315" t="s">
        <v>848</v>
      </c>
      <c r="K3315">
        <v>62</v>
      </c>
      <c r="L3315" t="s">
        <v>2525</v>
      </c>
      <c r="M3315">
        <v>2303</v>
      </c>
      <c r="N3315" t="s">
        <v>654</v>
      </c>
      <c r="O3315">
        <v>3</v>
      </c>
      <c r="P3315" t="s">
        <v>655</v>
      </c>
      <c r="Q3315">
        <v>1</v>
      </c>
      <c r="R3315" t="s">
        <v>656</v>
      </c>
      <c r="S3315">
        <v>2</v>
      </c>
      <c r="T3315" t="s">
        <v>661</v>
      </c>
      <c r="U3315">
        <v>8</v>
      </c>
      <c r="V3315">
        <v>1.5</v>
      </c>
      <c r="W3315">
        <v>90</v>
      </c>
      <c r="X3315">
        <v>2020</v>
      </c>
    </row>
    <row r="3316" spans="1:24" x14ac:dyDescent="0.25">
      <c r="A3316">
        <v>7914</v>
      </c>
      <c r="B3316" t="s">
        <v>242</v>
      </c>
      <c r="C3316">
        <v>37</v>
      </c>
      <c r="D3316" t="s">
        <v>492</v>
      </c>
      <c r="E3316">
        <v>292</v>
      </c>
      <c r="F3316" t="s">
        <v>651</v>
      </c>
      <c r="G3316">
        <v>160</v>
      </c>
      <c r="H3316" t="s">
        <v>821</v>
      </c>
      <c r="I3316">
        <v>10029</v>
      </c>
      <c r="J3316" t="s">
        <v>742</v>
      </c>
      <c r="K3316">
        <v>48</v>
      </c>
      <c r="L3316" t="s">
        <v>2526</v>
      </c>
      <c r="M3316">
        <v>2302</v>
      </c>
      <c r="N3316" t="s">
        <v>654</v>
      </c>
      <c r="O3316">
        <v>3</v>
      </c>
      <c r="P3316" t="s">
        <v>655</v>
      </c>
      <c r="Q3316">
        <v>1</v>
      </c>
      <c r="R3316" t="s">
        <v>656</v>
      </c>
      <c r="S3316">
        <v>2</v>
      </c>
      <c r="T3316" t="s">
        <v>661</v>
      </c>
      <c r="U3316">
        <v>8</v>
      </c>
      <c r="V3316">
        <v>1.5</v>
      </c>
      <c r="W3316">
        <v>90</v>
      </c>
      <c r="X3316">
        <v>2020</v>
      </c>
    </row>
    <row r="3317" spans="1:24" x14ac:dyDescent="0.25">
      <c r="A3317">
        <v>7913</v>
      </c>
      <c r="B3317" t="s">
        <v>242</v>
      </c>
      <c r="C3317">
        <v>37</v>
      </c>
      <c r="D3317" t="s">
        <v>492</v>
      </c>
      <c r="E3317">
        <v>292</v>
      </c>
      <c r="F3317" t="s">
        <v>651</v>
      </c>
      <c r="G3317">
        <v>160</v>
      </c>
      <c r="H3317" t="s">
        <v>821</v>
      </c>
      <c r="I3317">
        <v>10029</v>
      </c>
      <c r="J3317" t="s">
        <v>742</v>
      </c>
      <c r="K3317">
        <v>48</v>
      </c>
      <c r="L3317" t="s">
        <v>2527</v>
      </c>
      <c r="M3317">
        <v>2301</v>
      </c>
      <c r="N3317" t="s">
        <v>654</v>
      </c>
      <c r="O3317">
        <v>3</v>
      </c>
      <c r="P3317" t="s">
        <v>655</v>
      </c>
      <c r="Q3317">
        <v>1</v>
      </c>
      <c r="R3317" t="s">
        <v>656</v>
      </c>
      <c r="S3317">
        <v>2</v>
      </c>
      <c r="T3317" t="s">
        <v>661</v>
      </c>
      <c r="U3317">
        <v>8</v>
      </c>
      <c r="V3317">
        <v>1.5</v>
      </c>
      <c r="W3317">
        <v>90</v>
      </c>
      <c r="X3317">
        <v>2020</v>
      </c>
    </row>
    <row r="3318" spans="1:24" x14ac:dyDescent="0.25">
      <c r="A3318">
        <v>7912</v>
      </c>
      <c r="B3318" t="s">
        <v>242</v>
      </c>
      <c r="C3318">
        <v>37</v>
      </c>
      <c r="D3318" t="s">
        <v>493</v>
      </c>
      <c r="E3318">
        <v>291</v>
      </c>
      <c r="F3318" t="s">
        <v>651</v>
      </c>
      <c r="G3318">
        <v>160</v>
      </c>
      <c r="H3318" t="s">
        <v>821</v>
      </c>
      <c r="I3318">
        <v>10029</v>
      </c>
      <c r="J3318" t="s">
        <v>1738</v>
      </c>
      <c r="K3318">
        <v>55</v>
      </c>
      <c r="L3318" t="s">
        <v>2528</v>
      </c>
      <c r="M3318">
        <v>2300</v>
      </c>
      <c r="N3318" t="s">
        <v>654</v>
      </c>
      <c r="O3318">
        <v>3</v>
      </c>
      <c r="P3318" t="s">
        <v>655</v>
      </c>
      <c r="Q3318">
        <v>1</v>
      </c>
      <c r="R3318" t="s">
        <v>656</v>
      </c>
      <c r="S3318">
        <v>2</v>
      </c>
      <c r="T3318" t="s">
        <v>661</v>
      </c>
      <c r="U3318">
        <v>8</v>
      </c>
      <c r="V3318">
        <v>1.5</v>
      </c>
      <c r="W3318">
        <v>90</v>
      </c>
      <c r="X3318">
        <v>2020</v>
      </c>
    </row>
    <row r="3319" spans="1:24" x14ac:dyDescent="0.25">
      <c r="A3319">
        <v>7911</v>
      </c>
      <c r="B3319" t="s">
        <v>242</v>
      </c>
      <c r="C3319">
        <v>37</v>
      </c>
      <c r="D3319" t="s">
        <v>493</v>
      </c>
      <c r="E3319">
        <v>291</v>
      </c>
      <c r="F3319" t="s">
        <v>651</v>
      </c>
      <c r="G3319">
        <v>160</v>
      </c>
      <c r="H3319" t="s">
        <v>821</v>
      </c>
      <c r="I3319">
        <v>10029</v>
      </c>
      <c r="J3319" t="s">
        <v>1055</v>
      </c>
      <c r="K3319">
        <v>69</v>
      </c>
      <c r="L3319" t="s">
        <v>2529</v>
      </c>
      <c r="M3319">
        <v>2299</v>
      </c>
      <c r="N3319" t="s">
        <v>654</v>
      </c>
      <c r="O3319">
        <v>3</v>
      </c>
      <c r="P3319" t="s">
        <v>655</v>
      </c>
      <c r="Q3319">
        <v>1</v>
      </c>
      <c r="R3319" t="s">
        <v>656</v>
      </c>
      <c r="S3319">
        <v>2</v>
      </c>
      <c r="T3319" t="s">
        <v>661</v>
      </c>
      <c r="U3319">
        <v>8</v>
      </c>
      <c r="V3319">
        <v>1.5</v>
      </c>
      <c r="W3319">
        <v>90</v>
      </c>
      <c r="X3319">
        <v>2020</v>
      </c>
    </row>
    <row r="3320" spans="1:24" x14ac:dyDescent="0.25">
      <c r="A3320">
        <v>7910</v>
      </c>
      <c r="B3320" t="s">
        <v>242</v>
      </c>
      <c r="C3320">
        <v>37</v>
      </c>
      <c r="D3320" t="s">
        <v>493</v>
      </c>
      <c r="E3320">
        <v>291</v>
      </c>
      <c r="F3320" t="s">
        <v>651</v>
      </c>
      <c r="G3320">
        <v>160</v>
      </c>
      <c r="H3320" t="s">
        <v>821</v>
      </c>
      <c r="I3320">
        <v>10029</v>
      </c>
      <c r="J3320" t="s">
        <v>1055</v>
      </c>
      <c r="K3320">
        <v>69</v>
      </c>
      <c r="L3320" t="s">
        <v>2530</v>
      </c>
      <c r="M3320">
        <v>2298</v>
      </c>
      <c r="N3320" t="s">
        <v>654</v>
      </c>
      <c r="O3320">
        <v>3</v>
      </c>
      <c r="P3320" t="s">
        <v>655</v>
      </c>
      <c r="Q3320">
        <v>1</v>
      </c>
      <c r="R3320" t="s">
        <v>656</v>
      </c>
      <c r="S3320">
        <v>2</v>
      </c>
      <c r="T3320" t="s">
        <v>718</v>
      </c>
      <c r="U3320">
        <v>2</v>
      </c>
      <c r="V3320">
        <v>2</v>
      </c>
      <c r="W3320">
        <v>120</v>
      </c>
      <c r="X3320">
        <v>2020</v>
      </c>
    </row>
    <row r="3321" spans="1:24" x14ac:dyDescent="0.25">
      <c r="A3321">
        <v>7909</v>
      </c>
      <c r="B3321" t="s">
        <v>242</v>
      </c>
      <c r="C3321">
        <v>37</v>
      </c>
      <c r="D3321" t="s">
        <v>493</v>
      </c>
      <c r="E3321">
        <v>291</v>
      </c>
      <c r="F3321" t="s">
        <v>651</v>
      </c>
      <c r="G3321">
        <v>160</v>
      </c>
      <c r="H3321" t="s">
        <v>821</v>
      </c>
      <c r="I3321">
        <v>10029</v>
      </c>
      <c r="J3321" t="s">
        <v>1055</v>
      </c>
      <c r="K3321">
        <v>69</v>
      </c>
      <c r="L3321" t="s">
        <v>2531</v>
      </c>
      <c r="M3321">
        <v>2297</v>
      </c>
      <c r="N3321" t="s">
        <v>654</v>
      </c>
      <c r="O3321">
        <v>3</v>
      </c>
      <c r="P3321" t="s">
        <v>655</v>
      </c>
      <c r="Q3321">
        <v>1</v>
      </c>
      <c r="R3321" t="s">
        <v>656</v>
      </c>
      <c r="S3321">
        <v>2</v>
      </c>
      <c r="T3321" t="s">
        <v>661</v>
      </c>
      <c r="U3321">
        <v>8</v>
      </c>
      <c r="V3321">
        <v>1.5</v>
      </c>
      <c r="W3321">
        <v>90</v>
      </c>
      <c r="X3321">
        <v>2020</v>
      </c>
    </row>
    <row r="3322" spans="1:24" x14ac:dyDescent="0.25">
      <c r="A3322">
        <v>7908</v>
      </c>
      <c r="B3322" t="s">
        <v>242</v>
      </c>
      <c r="C3322">
        <v>37</v>
      </c>
      <c r="D3322" t="s">
        <v>493</v>
      </c>
      <c r="E3322">
        <v>291</v>
      </c>
      <c r="F3322" t="s">
        <v>651</v>
      </c>
      <c r="G3322">
        <v>160</v>
      </c>
      <c r="H3322" t="s">
        <v>821</v>
      </c>
      <c r="I3322">
        <v>10029</v>
      </c>
      <c r="J3322" t="s">
        <v>1055</v>
      </c>
      <c r="K3322">
        <v>69</v>
      </c>
      <c r="L3322" t="s">
        <v>2532</v>
      </c>
      <c r="M3322">
        <v>2296</v>
      </c>
      <c r="N3322" t="s">
        <v>654</v>
      </c>
      <c r="O3322">
        <v>3</v>
      </c>
      <c r="P3322" t="s">
        <v>655</v>
      </c>
      <c r="Q3322">
        <v>1</v>
      </c>
      <c r="R3322" t="s">
        <v>656</v>
      </c>
      <c r="S3322">
        <v>2</v>
      </c>
      <c r="T3322" t="s">
        <v>661</v>
      </c>
      <c r="U3322">
        <v>8</v>
      </c>
      <c r="V3322">
        <v>1.5</v>
      </c>
      <c r="W3322">
        <v>90</v>
      </c>
      <c r="X3322">
        <v>2020</v>
      </c>
    </row>
    <row r="3323" spans="1:24" x14ac:dyDescent="0.25">
      <c r="A3323">
        <v>7907</v>
      </c>
      <c r="B3323" t="s">
        <v>242</v>
      </c>
      <c r="C3323">
        <v>37</v>
      </c>
      <c r="D3323" t="s">
        <v>493</v>
      </c>
      <c r="E3323">
        <v>291</v>
      </c>
      <c r="F3323" t="s">
        <v>651</v>
      </c>
      <c r="G3323">
        <v>160</v>
      </c>
      <c r="H3323" t="s">
        <v>821</v>
      </c>
      <c r="I3323">
        <v>10029</v>
      </c>
      <c r="J3323" t="s">
        <v>1055</v>
      </c>
      <c r="K3323">
        <v>69</v>
      </c>
      <c r="L3323" t="s">
        <v>2533</v>
      </c>
      <c r="M3323">
        <v>2295</v>
      </c>
      <c r="N3323" t="s">
        <v>654</v>
      </c>
      <c r="O3323">
        <v>3</v>
      </c>
      <c r="P3323" t="s">
        <v>655</v>
      </c>
      <c r="Q3323">
        <v>1</v>
      </c>
      <c r="R3323" t="s">
        <v>656</v>
      </c>
      <c r="S3323">
        <v>2</v>
      </c>
      <c r="T3323" t="s">
        <v>661</v>
      </c>
      <c r="U3323">
        <v>8</v>
      </c>
      <c r="V3323">
        <v>1.5</v>
      </c>
      <c r="W3323">
        <v>90</v>
      </c>
      <c r="X3323">
        <v>2020</v>
      </c>
    </row>
    <row r="3324" spans="1:24" x14ac:dyDescent="0.25">
      <c r="A3324">
        <v>7906</v>
      </c>
      <c r="B3324" t="s">
        <v>242</v>
      </c>
      <c r="C3324">
        <v>37</v>
      </c>
      <c r="D3324" t="s">
        <v>493</v>
      </c>
      <c r="E3324">
        <v>291</v>
      </c>
      <c r="F3324" t="s">
        <v>651</v>
      </c>
      <c r="G3324">
        <v>160</v>
      </c>
      <c r="H3324" t="s">
        <v>821</v>
      </c>
      <c r="I3324">
        <v>10029</v>
      </c>
      <c r="J3324" t="s">
        <v>1055</v>
      </c>
      <c r="K3324">
        <v>69</v>
      </c>
      <c r="L3324" t="s">
        <v>2534</v>
      </c>
      <c r="M3324">
        <v>2294</v>
      </c>
      <c r="N3324" t="s">
        <v>654</v>
      </c>
      <c r="O3324">
        <v>3</v>
      </c>
      <c r="P3324" t="s">
        <v>655</v>
      </c>
      <c r="Q3324">
        <v>1</v>
      </c>
      <c r="R3324" t="s">
        <v>656</v>
      </c>
      <c r="S3324">
        <v>2</v>
      </c>
      <c r="T3324" t="s">
        <v>661</v>
      </c>
      <c r="U3324">
        <v>8</v>
      </c>
      <c r="V3324">
        <v>1.5</v>
      </c>
      <c r="W3324">
        <v>90</v>
      </c>
      <c r="X3324">
        <v>2020</v>
      </c>
    </row>
    <row r="3325" spans="1:24" x14ac:dyDescent="0.25">
      <c r="A3325">
        <v>7905</v>
      </c>
      <c r="B3325" t="s">
        <v>242</v>
      </c>
      <c r="C3325">
        <v>37</v>
      </c>
      <c r="D3325" t="s">
        <v>494</v>
      </c>
      <c r="E3325">
        <v>290</v>
      </c>
      <c r="F3325" t="s">
        <v>651</v>
      </c>
      <c r="G3325">
        <v>160</v>
      </c>
      <c r="H3325" t="s">
        <v>821</v>
      </c>
      <c r="I3325">
        <v>10029</v>
      </c>
      <c r="J3325" t="s">
        <v>797</v>
      </c>
      <c r="K3325">
        <v>65</v>
      </c>
      <c r="L3325" t="s">
        <v>2535</v>
      </c>
      <c r="M3325">
        <v>2293</v>
      </c>
      <c r="N3325" t="s">
        <v>654</v>
      </c>
      <c r="O3325">
        <v>3</v>
      </c>
      <c r="P3325" t="s">
        <v>655</v>
      </c>
      <c r="Q3325">
        <v>1</v>
      </c>
      <c r="R3325" t="s">
        <v>656</v>
      </c>
      <c r="S3325">
        <v>2</v>
      </c>
      <c r="T3325" t="s">
        <v>661</v>
      </c>
      <c r="U3325">
        <v>8</v>
      </c>
      <c r="V3325">
        <v>1.5</v>
      </c>
      <c r="W3325">
        <v>90</v>
      </c>
      <c r="X3325">
        <v>2020</v>
      </c>
    </row>
    <row r="3326" spans="1:24" x14ac:dyDescent="0.25">
      <c r="A3326">
        <v>7904</v>
      </c>
      <c r="B3326" t="s">
        <v>242</v>
      </c>
      <c r="C3326">
        <v>37</v>
      </c>
      <c r="D3326" t="s">
        <v>494</v>
      </c>
      <c r="E3326">
        <v>290</v>
      </c>
      <c r="F3326" t="s">
        <v>651</v>
      </c>
      <c r="G3326">
        <v>160</v>
      </c>
      <c r="H3326" t="s">
        <v>821</v>
      </c>
      <c r="I3326">
        <v>10029</v>
      </c>
      <c r="J3326" t="s">
        <v>730</v>
      </c>
      <c r="K3326">
        <v>66</v>
      </c>
      <c r="L3326" t="s">
        <v>2536</v>
      </c>
      <c r="M3326">
        <v>2292</v>
      </c>
      <c r="N3326" t="s">
        <v>654</v>
      </c>
      <c r="O3326">
        <v>3</v>
      </c>
      <c r="P3326" t="s">
        <v>655</v>
      </c>
      <c r="Q3326">
        <v>1</v>
      </c>
      <c r="R3326" t="s">
        <v>656</v>
      </c>
      <c r="S3326">
        <v>2</v>
      </c>
      <c r="T3326" t="s">
        <v>661</v>
      </c>
      <c r="U3326">
        <v>8</v>
      </c>
      <c r="V3326">
        <v>1.5</v>
      </c>
      <c r="W3326">
        <v>90</v>
      </c>
      <c r="X3326">
        <v>2020</v>
      </c>
    </row>
    <row r="3327" spans="1:24" x14ac:dyDescent="0.25">
      <c r="A3327">
        <v>7903</v>
      </c>
      <c r="B3327" t="s">
        <v>242</v>
      </c>
      <c r="C3327">
        <v>37</v>
      </c>
      <c r="D3327" t="s">
        <v>494</v>
      </c>
      <c r="E3327">
        <v>290</v>
      </c>
      <c r="F3327" t="s">
        <v>651</v>
      </c>
      <c r="G3327">
        <v>160</v>
      </c>
      <c r="H3327" t="s">
        <v>821</v>
      </c>
      <c r="I3327">
        <v>10029</v>
      </c>
      <c r="J3327" t="s">
        <v>730</v>
      </c>
      <c r="K3327">
        <v>66</v>
      </c>
      <c r="L3327" t="s">
        <v>2537</v>
      </c>
      <c r="M3327">
        <v>2291</v>
      </c>
      <c r="N3327" t="s">
        <v>654</v>
      </c>
      <c r="O3327">
        <v>3</v>
      </c>
      <c r="P3327" t="s">
        <v>655</v>
      </c>
      <c r="Q3327">
        <v>1</v>
      </c>
      <c r="R3327" t="s">
        <v>656</v>
      </c>
      <c r="S3327">
        <v>2</v>
      </c>
      <c r="T3327" t="s">
        <v>661</v>
      </c>
      <c r="U3327">
        <v>8</v>
      </c>
      <c r="V3327">
        <v>1.5</v>
      </c>
      <c r="W3327">
        <v>90</v>
      </c>
      <c r="X3327">
        <v>2020</v>
      </c>
    </row>
    <row r="3328" spans="1:24" x14ac:dyDescent="0.25">
      <c r="A3328">
        <v>7902</v>
      </c>
      <c r="B3328" t="s">
        <v>242</v>
      </c>
      <c r="C3328">
        <v>37</v>
      </c>
      <c r="D3328" t="s">
        <v>494</v>
      </c>
      <c r="E3328">
        <v>290</v>
      </c>
      <c r="F3328" t="s">
        <v>651</v>
      </c>
      <c r="G3328">
        <v>160</v>
      </c>
      <c r="H3328" t="s">
        <v>821</v>
      </c>
      <c r="I3328">
        <v>10029</v>
      </c>
      <c r="J3328" t="s">
        <v>738</v>
      </c>
      <c r="K3328">
        <v>61</v>
      </c>
      <c r="L3328" t="s">
        <v>2538</v>
      </c>
      <c r="M3328">
        <v>2290</v>
      </c>
      <c r="N3328" t="s">
        <v>654</v>
      </c>
      <c r="O3328">
        <v>3</v>
      </c>
      <c r="P3328" t="s">
        <v>655</v>
      </c>
      <c r="Q3328">
        <v>1</v>
      </c>
      <c r="R3328" t="s">
        <v>656</v>
      </c>
      <c r="S3328">
        <v>2</v>
      </c>
      <c r="T3328" t="s">
        <v>661</v>
      </c>
      <c r="U3328">
        <v>8</v>
      </c>
      <c r="V3328">
        <v>1.5</v>
      </c>
      <c r="W3328">
        <v>90</v>
      </c>
      <c r="X3328">
        <v>2020</v>
      </c>
    </row>
    <row r="3329" spans="1:24" x14ac:dyDescent="0.25">
      <c r="A3329">
        <v>7901</v>
      </c>
      <c r="B3329" t="s">
        <v>242</v>
      </c>
      <c r="C3329">
        <v>37</v>
      </c>
      <c r="D3329" t="s">
        <v>494</v>
      </c>
      <c r="E3329">
        <v>290</v>
      </c>
      <c r="F3329" t="s">
        <v>651</v>
      </c>
      <c r="G3329">
        <v>160</v>
      </c>
      <c r="H3329" t="s">
        <v>821</v>
      </c>
      <c r="I3329">
        <v>10029</v>
      </c>
      <c r="J3329" t="s">
        <v>738</v>
      </c>
      <c r="K3329">
        <v>61</v>
      </c>
      <c r="L3329" t="s">
        <v>2539</v>
      </c>
      <c r="M3329">
        <v>2289</v>
      </c>
      <c r="N3329" t="s">
        <v>654</v>
      </c>
      <c r="O3329">
        <v>3</v>
      </c>
      <c r="P3329" t="s">
        <v>655</v>
      </c>
      <c r="Q3329">
        <v>1</v>
      </c>
      <c r="R3329" t="s">
        <v>656</v>
      </c>
      <c r="S3329">
        <v>2</v>
      </c>
      <c r="T3329" t="s">
        <v>661</v>
      </c>
      <c r="U3329">
        <v>8</v>
      </c>
      <c r="V3329">
        <v>1.5</v>
      </c>
      <c r="W3329">
        <v>90</v>
      </c>
      <c r="X3329">
        <v>2020</v>
      </c>
    </row>
    <row r="3330" spans="1:24" x14ac:dyDescent="0.25">
      <c r="A3330">
        <v>7900</v>
      </c>
      <c r="B3330" t="s">
        <v>242</v>
      </c>
      <c r="C3330">
        <v>37</v>
      </c>
      <c r="D3330" t="s">
        <v>494</v>
      </c>
      <c r="E3330">
        <v>290</v>
      </c>
      <c r="F3330" t="s">
        <v>651</v>
      </c>
      <c r="G3330">
        <v>160</v>
      </c>
      <c r="H3330" t="s">
        <v>821</v>
      </c>
      <c r="I3330">
        <v>10029</v>
      </c>
      <c r="J3330" t="s">
        <v>738</v>
      </c>
      <c r="K3330">
        <v>61</v>
      </c>
      <c r="L3330" t="s">
        <v>2540</v>
      </c>
      <c r="M3330">
        <v>2288</v>
      </c>
      <c r="N3330" t="s">
        <v>654</v>
      </c>
      <c r="O3330">
        <v>3</v>
      </c>
      <c r="P3330" t="s">
        <v>655</v>
      </c>
      <c r="Q3330">
        <v>1</v>
      </c>
      <c r="R3330" t="s">
        <v>656</v>
      </c>
      <c r="S3330">
        <v>2</v>
      </c>
      <c r="T3330" t="s">
        <v>661</v>
      </c>
      <c r="U3330">
        <v>8</v>
      </c>
      <c r="V3330">
        <v>1.5</v>
      </c>
      <c r="W3330">
        <v>90</v>
      </c>
      <c r="X3330">
        <v>2020</v>
      </c>
    </row>
    <row r="3331" spans="1:24" x14ac:dyDescent="0.25">
      <c r="A3331">
        <v>7899</v>
      </c>
      <c r="B3331" t="s">
        <v>242</v>
      </c>
      <c r="C3331">
        <v>37</v>
      </c>
      <c r="D3331" t="s">
        <v>494</v>
      </c>
      <c r="E3331">
        <v>290</v>
      </c>
      <c r="F3331" t="s">
        <v>651</v>
      </c>
      <c r="G3331">
        <v>160</v>
      </c>
      <c r="H3331" t="s">
        <v>821</v>
      </c>
      <c r="I3331">
        <v>10029</v>
      </c>
      <c r="J3331" t="s">
        <v>738</v>
      </c>
      <c r="K3331">
        <v>61</v>
      </c>
      <c r="L3331" t="s">
        <v>2541</v>
      </c>
      <c r="M3331">
        <v>2287</v>
      </c>
      <c r="N3331" t="s">
        <v>654</v>
      </c>
      <c r="O3331">
        <v>3</v>
      </c>
      <c r="P3331" t="s">
        <v>655</v>
      </c>
      <c r="Q3331">
        <v>1</v>
      </c>
      <c r="R3331" t="s">
        <v>656</v>
      </c>
      <c r="S3331">
        <v>2</v>
      </c>
      <c r="T3331" t="s">
        <v>661</v>
      </c>
      <c r="U3331">
        <v>8</v>
      </c>
      <c r="V3331">
        <v>1.5</v>
      </c>
      <c r="W3331">
        <v>90</v>
      </c>
      <c r="X3331">
        <v>2020</v>
      </c>
    </row>
    <row r="3332" spans="1:24" x14ac:dyDescent="0.25">
      <c r="A3332">
        <v>7850</v>
      </c>
      <c r="B3332" t="s">
        <v>69</v>
      </c>
      <c r="C3332">
        <v>36</v>
      </c>
      <c r="D3332" t="s">
        <v>496</v>
      </c>
      <c r="E3332">
        <v>281</v>
      </c>
      <c r="F3332" t="s">
        <v>651</v>
      </c>
      <c r="G3332">
        <v>160</v>
      </c>
      <c r="H3332" t="s">
        <v>732</v>
      </c>
      <c r="I3332">
        <v>1000</v>
      </c>
      <c r="J3332" t="s">
        <v>693</v>
      </c>
      <c r="K3332">
        <v>56</v>
      </c>
      <c r="L3332" t="s">
        <v>2542</v>
      </c>
      <c r="M3332">
        <v>2245</v>
      </c>
      <c r="N3332" t="s">
        <v>654</v>
      </c>
      <c r="O3332">
        <v>3</v>
      </c>
      <c r="P3332" t="s">
        <v>655</v>
      </c>
      <c r="Q3332">
        <v>1</v>
      </c>
      <c r="R3332" t="s">
        <v>656</v>
      </c>
      <c r="S3332">
        <v>2</v>
      </c>
      <c r="T3332" t="s">
        <v>769</v>
      </c>
      <c r="U3332">
        <v>3</v>
      </c>
      <c r="V3332">
        <v>1.5</v>
      </c>
      <c r="W3332">
        <v>90</v>
      </c>
      <c r="X3332">
        <v>2020</v>
      </c>
    </row>
    <row r="3333" spans="1:24" x14ac:dyDescent="0.25">
      <c r="A3333">
        <v>7849</v>
      </c>
      <c r="B3333" t="s">
        <v>69</v>
      </c>
      <c r="C3333">
        <v>36</v>
      </c>
      <c r="D3333" t="s">
        <v>496</v>
      </c>
      <c r="E3333">
        <v>281</v>
      </c>
      <c r="F3333" t="s">
        <v>651</v>
      </c>
      <c r="G3333">
        <v>160</v>
      </c>
      <c r="H3333" t="s">
        <v>732</v>
      </c>
      <c r="I3333">
        <v>1000</v>
      </c>
      <c r="J3333" t="s">
        <v>693</v>
      </c>
      <c r="K3333">
        <v>56</v>
      </c>
      <c r="L3333" t="s">
        <v>2543</v>
      </c>
      <c r="M3333">
        <v>2244</v>
      </c>
      <c r="N3333" t="s">
        <v>654</v>
      </c>
      <c r="O3333">
        <v>3</v>
      </c>
      <c r="P3333" t="s">
        <v>655</v>
      </c>
      <c r="Q3333">
        <v>1</v>
      </c>
      <c r="R3333" t="s">
        <v>656</v>
      </c>
      <c r="S3333">
        <v>2</v>
      </c>
      <c r="T3333" t="s">
        <v>661</v>
      </c>
      <c r="U3333">
        <v>8</v>
      </c>
      <c r="V3333">
        <v>2</v>
      </c>
      <c r="W3333">
        <v>120</v>
      </c>
      <c r="X3333">
        <v>2020</v>
      </c>
    </row>
    <row r="3334" spans="1:24" x14ac:dyDescent="0.25">
      <c r="A3334">
        <v>7845</v>
      </c>
      <c r="B3334" t="s">
        <v>69</v>
      </c>
      <c r="C3334">
        <v>36</v>
      </c>
      <c r="D3334" t="s">
        <v>496</v>
      </c>
      <c r="E3334">
        <v>281</v>
      </c>
      <c r="F3334" t="s">
        <v>651</v>
      </c>
      <c r="G3334">
        <v>160</v>
      </c>
      <c r="H3334" t="s">
        <v>732</v>
      </c>
      <c r="I3334">
        <v>1000</v>
      </c>
      <c r="J3334" t="s">
        <v>707</v>
      </c>
      <c r="K3334">
        <v>59</v>
      </c>
      <c r="L3334" t="s">
        <v>2544</v>
      </c>
      <c r="M3334">
        <v>2240</v>
      </c>
      <c r="N3334" t="s">
        <v>654</v>
      </c>
      <c r="O3334">
        <v>3</v>
      </c>
      <c r="P3334" t="s">
        <v>655</v>
      </c>
      <c r="Q3334">
        <v>1</v>
      </c>
      <c r="R3334" t="s">
        <v>656</v>
      </c>
      <c r="S3334">
        <v>2</v>
      </c>
      <c r="T3334" t="s">
        <v>718</v>
      </c>
      <c r="U3334">
        <v>2</v>
      </c>
      <c r="V3334">
        <v>2</v>
      </c>
      <c r="W3334">
        <v>120</v>
      </c>
      <c r="X3334">
        <v>2020</v>
      </c>
    </row>
    <row r="3335" spans="1:24" x14ac:dyDescent="0.25">
      <c r="A3335">
        <v>7844</v>
      </c>
      <c r="B3335" t="s">
        <v>69</v>
      </c>
      <c r="C3335">
        <v>36</v>
      </c>
      <c r="D3335" t="s">
        <v>496</v>
      </c>
      <c r="E3335">
        <v>281</v>
      </c>
      <c r="F3335" t="s">
        <v>651</v>
      </c>
      <c r="G3335">
        <v>160</v>
      </c>
      <c r="H3335" t="s">
        <v>732</v>
      </c>
      <c r="I3335">
        <v>1000</v>
      </c>
      <c r="J3335" t="s">
        <v>707</v>
      </c>
      <c r="K3335">
        <v>59</v>
      </c>
      <c r="L3335" t="s">
        <v>2545</v>
      </c>
      <c r="M3335">
        <v>1956</v>
      </c>
      <c r="N3335" t="s">
        <v>654</v>
      </c>
      <c r="O3335">
        <v>3</v>
      </c>
      <c r="P3335" t="s">
        <v>655</v>
      </c>
      <c r="Q3335">
        <v>1</v>
      </c>
      <c r="R3335" t="s">
        <v>656</v>
      </c>
      <c r="S3335">
        <v>2</v>
      </c>
      <c r="T3335" t="s">
        <v>661</v>
      </c>
      <c r="U3335">
        <v>8</v>
      </c>
      <c r="V3335">
        <v>2</v>
      </c>
      <c r="W3335">
        <v>120</v>
      </c>
      <c r="X3335">
        <v>2020</v>
      </c>
    </row>
    <row r="3336" spans="1:24" x14ac:dyDescent="0.25">
      <c r="A3336">
        <v>7827</v>
      </c>
      <c r="B3336" t="s">
        <v>138</v>
      </c>
      <c r="C3336">
        <v>35</v>
      </c>
      <c r="D3336" t="s">
        <v>362</v>
      </c>
      <c r="E3336">
        <v>278</v>
      </c>
      <c r="F3336" t="s">
        <v>651</v>
      </c>
      <c r="G3336">
        <v>160</v>
      </c>
      <c r="H3336" t="s">
        <v>1054</v>
      </c>
      <c r="I3336">
        <v>7022</v>
      </c>
      <c r="J3336" t="s">
        <v>703</v>
      </c>
      <c r="K3336">
        <v>16</v>
      </c>
      <c r="L3336" t="s">
        <v>2546</v>
      </c>
      <c r="M3336">
        <v>2225</v>
      </c>
      <c r="N3336" t="s">
        <v>654</v>
      </c>
      <c r="O3336">
        <v>3</v>
      </c>
      <c r="P3336" t="s">
        <v>655</v>
      </c>
      <c r="Q3336">
        <v>1</v>
      </c>
      <c r="R3336" t="s">
        <v>656</v>
      </c>
      <c r="S3336">
        <v>2</v>
      </c>
      <c r="T3336" t="s">
        <v>661</v>
      </c>
      <c r="U3336">
        <v>8</v>
      </c>
      <c r="V3336">
        <v>2</v>
      </c>
      <c r="W3336">
        <v>120</v>
      </c>
      <c r="X3336">
        <v>2020</v>
      </c>
    </row>
    <row r="3337" spans="1:24" x14ac:dyDescent="0.25">
      <c r="A3337">
        <v>7826</v>
      </c>
      <c r="B3337" t="s">
        <v>138</v>
      </c>
      <c r="C3337">
        <v>35</v>
      </c>
      <c r="D3337" t="s">
        <v>362</v>
      </c>
      <c r="E3337">
        <v>278</v>
      </c>
      <c r="F3337" t="s">
        <v>651</v>
      </c>
      <c r="G3337">
        <v>160</v>
      </c>
      <c r="H3337" t="s">
        <v>1054</v>
      </c>
      <c r="I3337">
        <v>7022</v>
      </c>
      <c r="J3337" t="s">
        <v>299</v>
      </c>
      <c r="K3337">
        <v>27</v>
      </c>
      <c r="L3337" t="s">
        <v>2346</v>
      </c>
      <c r="M3337">
        <v>1882</v>
      </c>
      <c r="N3337" t="s">
        <v>654</v>
      </c>
      <c r="O3337">
        <v>3</v>
      </c>
      <c r="P3337" t="s">
        <v>655</v>
      </c>
      <c r="Q3337">
        <v>1</v>
      </c>
      <c r="R3337" t="s">
        <v>656</v>
      </c>
      <c r="S3337">
        <v>2</v>
      </c>
      <c r="T3337" t="s">
        <v>661</v>
      </c>
      <c r="U3337">
        <v>8</v>
      </c>
      <c r="V3337">
        <v>2</v>
      </c>
      <c r="W3337">
        <v>120</v>
      </c>
      <c r="X3337">
        <v>2020</v>
      </c>
    </row>
    <row r="3338" spans="1:24" x14ac:dyDescent="0.25">
      <c r="A3338">
        <v>7824</v>
      </c>
      <c r="B3338" t="s">
        <v>138</v>
      </c>
      <c r="C3338">
        <v>35</v>
      </c>
      <c r="D3338" t="s">
        <v>362</v>
      </c>
      <c r="E3338">
        <v>278</v>
      </c>
      <c r="F3338" t="s">
        <v>651</v>
      </c>
      <c r="G3338">
        <v>160</v>
      </c>
      <c r="H3338" t="s">
        <v>1054</v>
      </c>
      <c r="I3338">
        <v>7022</v>
      </c>
      <c r="J3338" t="s">
        <v>807</v>
      </c>
      <c r="K3338">
        <v>25</v>
      </c>
      <c r="L3338" t="s">
        <v>1986</v>
      </c>
      <c r="M3338">
        <v>2224</v>
      </c>
      <c r="N3338" t="s">
        <v>654</v>
      </c>
      <c r="O3338">
        <v>3</v>
      </c>
      <c r="P3338" t="s">
        <v>655</v>
      </c>
      <c r="Q3338">
        <v>1</v>
      </c>
      <c r="R3338" t="s">
        <v>656</v>
      </c>
      <c r="S3338">
        <v>2</v>
      </c>
      <c r="T3338" t="s">
        <v>661</v>
      </c>
      <c r="U3338">
        <v>8</v>
      </c>
      <c r="V3338">
        <v>2</v>
      </c>
      <c r="W3338">
        <v>120</v>
      </c>
      <c r="X3338">
        <v>2020</v>
      </c>
    </row>
    <row r="3339" spans="1:24" x14ac:dyDescent="0.25">
      <c r="A3339">
        <v>7823</v>
      </c>
      <c r="B3339" t="s">
        <v>138</v>
      </c>
      <c r="C3339">
        <v>35</v>
      </c>
      <c r="D3339" t="s">
        <v>362</v>
      </c>
      <c r="E3339">
        <v>278</v>
      </c>
      <c r="F3339" t="s">
        <v>651</v>
      </c>
      <c r="G3339">
        <v>160</v>
      </c>
      <c r="H3339" t="s">
        <v>1054</v>
      </c>
      <c r="I3339">
        <v>7022</v>
      </c>
      <c r="J3339" t="s">
        <v>295</v>
      </c>
      <c r="K3339">
        <v>30</v>
      </c>
      <c r="L3339" t="s">
        <v>2547</v>
      </c>
      <c r="M3339">
        <v>2223</v>
      </c>
      <c r="N3339" t="s">
        <v>654</v>
      </c>
      <c r="O3339">
        <v>3</v>
      </c>
      <c r="P3339" t="s">
        <v>655</v>
      </c>
      <c r="Q3339">
        <v>1</v>
      </c>
      <c r="R3339" t="s">
        <v>656</v>
      </c>
      <c r="S3339">
        <v>2</v>
      </c>
      <c r="T3339" t="s">
        <v>661</v>
      </c>
      <c r="U3339">
        <v>8</v>
      </c>
      <c r="V3339">
        <v>2</v>
      </c>
      <c r="W3339">
        <v>120</v>
      </c>
      <c r="X3339">
        <v>2020</v>
      </c>
    </row>
    <row r="3340" spans="1:24" x14ac:dyDescent="0.25">
      <c r="A3340">
        <v>7822</v>
      </c>
      <c r="B3340" t="s">
        <v>138</v>
      </c>
      <c r="C3340">
        <v>35</v>
      </c>
      <c r="D3340" t="s">
        <v>362</v>
      </c>
      <c r="E3340">
        <v>278</v>
      </c>
      <c r="F3340" t="s">
        <v>651</v>
      </c>
      <c r="G3340">
        <v>160</v>
      </c>
      <c r="H3340" t="s">
        <v>1054</v>
      </c>
      <c r="I3340">
        <v>7022</v>
      </c>
      <c r="J3340" t="s">
        <v>295</v>
      </c>
      <c r="K3340">
        <v>30</v>
      </c>
      <c r="L3340" t="s">
        <v>1955</v>
      </c>
      <c r="M3340">
        <v>917</v>
      </c>
      <c r="N3340" t="s">
        <v>654</v>
      </c>
      <c r="O3340">
        <v>3</v>
      </c>
      <c r="P3340" t="s">
        <v>655</v>
      </c>
      <c r="Q3340">
        <v>1</v>
      </c>
      <c r="R3340" t="s">
        <v>656</v>
      </c>
      <c r="S3340">
        <v>2</v>
      </c>
      <c r="T3340" t="s">
        <v>661</v>
      </c>
      <c r="U3340">
        <v>8</v>
      </c>
      <c r="V3340">
        <v>2</v>
      </c>
      <c r="W3340">
        <v>120</v>
      </c>
      <c r="X3340">
        <v>2020</v>
      </c>
    </row>
    <row r="3341" spans="1:24" x14ac:dyDescent="0.25">
      <c r="A3341">
        <v>7821</v>
      </c>
      <c r="B3341" t="s">
        <v>138</v>
      </c>
      <c r="C3341">
        <v>35</v>
      </c>
      <c r="D3341" t="s">
        <v>494</v>
      </c>
      <c r="E3341">
        <v>277</v>
      </c>
      <c r="F3341" t="s">
        <v>651</v>
      </c>
      <c r="G3341">
        <v>160</v>
      </c>
      <c r="H3341" t="s">
        <v>1054</v>
      </c>
      <c r="I3341">
        <v>7022</v>
      </c>
      <c r="J3341" t="s">
        <v>738</v>
      </c>
      <c r="K3341">
        <v>61</v>
      </c>
      <c r="L3341" t="s">
        <v>2548</v>
      </c>
      <c r="M3341">
        <v>2222</v>
      </c>
      <c r="N3341" t="s">
        <v>654</v>
      </c>
      <c r="O3341">
        <v>3</v>
      </c>
      <c r="P3341" t="s">
        <v>655</v>
      </c>
      <c r="Q3341">
        <v>1</v>
      </c>
      <c r="R3341" t="s">
        <v>656</v>
      </c>
      <c r="S3341">
        <v>2</v>
      </c>
      <c r="T3341" t="s">
        <v>661</v>
      </c>
      <c r="U3341">
        <v>8</v>
      </c>
      <c r="V3341">
        <v>2</v>
      </c>
      <c r="W3341">
        <v>120</v>
      </c>
      <c r="X3341">
        <v>2020</v>
      </c>
    </row>
    <row r="3342" spans="1:24" x14ac:dyDescent="0.25">
      <c r="A3342">
        <v>7820</v>
      </c>
      <c r="B3342" t="s">
        <v>138</v>
      </c>
      <c r="C3342">
        <v>35</v>
      </c>
      <c r="D3342" t="s">
        <v>494</v>
      </c>
      <c r="E3342">
        <v>277</v>
      </c>
      <c r="F3342" t="s">
        <v>651</v>
      </c>
      <c r="G3342">
        <v>160</v>
      </c>
      <c r="H3342" t="s">
        <v>1054</v>
      </c>
      <c r="I3342">
        <v>7022</v>
      </c>
      <c r="J3342" t="s">
        <v>738</v>
      </c>
      <c r="K3342">
        <v>61</v>
      </c>
      <c r="L3342" t="s">
        <v>2549</v>
      </c>
      <c r="M3342">
        <v>2221</v>
      </c>
      <c r="N3342" t="s">
        <v>654</v>
      </c>
      <c r="O3342">
        <v>3</v>
      </c>
      <c r="P3342" t="s">
        <v>655</v>
      </c>
      <c r="Q3342">
        <v>1</v>
      </c>
      <c r="R3342" t="s">
        <v>656</v>
      </c>
      <c r="S3342">
        <v>2</v>
      </c>
      <c r="T3342" t="s">
        <v>661</v>
      </c>
      <c r="U3342">
        <v>8</v>
      </c>
      <c r="V3342">
        <v>2</v>
      </c>
      <c r="W3342">
        <v>120</v>
      </c>
      <c r="X3342">
        <v>2020</v>
      </c>
    </row>
    <row r="3343" spans="1:24" x14ac:dyDescent="0.25">
      <c r="A3343">
        <v>7819</v>
      </c>
      <c r="B3343" t="s">
        <v>138</v>
      </c>
      <c r="C3343">
        <v>35</v>
      </c>
      <c r="D3343" t="s">
        <v>494</v>
      </c>
      <c r="E3343">
        <v>277</v>
      </c>
      <c r="F3343" t="s">
        <v>651</v>
      </c>
      <c r="G3343">
        <v>160</v>
      </c>
      <c r="H3343" t="s">
        <v>1054</v>
      </c>
      <c r="I3343">
        <v>7022</v>
      </c>
      <c r="J3343" t="s">
        <v>714</v>
      </c>
      <c r="K3343">
        <v>52</v>
      </c>
      <c r="L3343" t="s">
        <v>2550</v>
      </c>
      <c r="M3343">
        <v>2220</v>
      </c>
      <c r="N3343" t="s">
        <v>654</v>
      </c>
      <c r="O3343">
        <v>3</v>
      </c>
      <c r="P3343" t="s">
        <v>655</v>
      </c>
      <c r="Q3343">
        <v>1</v>
      </c>
      <c r="R3343" t="s">
        <v>656</v>
      </c>
      <c r="S3343">
        <v>2</v>
      </c>
      <c r="T3343" t="s">
        <v>661</v>
      </c>
      <c r="U3343">
        <v>8</v>
      </c>
      <c r="V3343">
        <v>2</v>
      </c>
      <c r="W3343">
        <v>120</v>
      </c>
      <c r="X3343">
        <v>2020</v>
      </c>
    </row>
    <row r="3344" spans="1:24" x14ac:dyDescent="0.25">
      <c r="A3344">
        <v>7818</v>
      </c>
      <c r="B3344" t="s">
        <v>138</v>
      </c>
      <c r="C3344">
        <v>35</v>
      </c>
      <c r="D3344" t="s">
        <v>494</v>
      </c>
      <c r="E3344">
        <v>277</v>
      </c>
      <c r="F3344" t="s">
        <v>651</v>
      </c>
      <c r="G3344">
        <v>160</v>
      </c>
      <c r="H3344" t="s">
        <v>1054</v>
      </c>
      <c r="I3344">
        <v>7022</v>
      </c>
      <c r="J3344" t="s">
        <v>714</v>
      </c>
      <c r="K3344">
        <v>52</v>
      </c>
      <c r="L3344" t="s">
        <v>2551</v>
      </c>
      <c r="M3344">
        <v>2219</v>
      </c>
      <c r="N3344" t="s">
        <v>654</v>
      </c>
      <c r="O3344">
        <v>3</v>
      </c>
      <c r="P3344" t="s">
        <v>655</v>
      </c>
      <c r="Q3344">
        <v>1</v>
      </c>
      <c r="R3344" t="s">
        <v>656</v>
      </c>
      <c r="S3344">
        <v>2</v>
      </c>
      <c r="T3344" t="s">
        <v>661</v>
      </c>
      <c r="U3344">
        <v>8</v>
      </c>
      <c r="V3344">
        <v>2</v>
      </c>
      <c r="W3344">
        <v>120</v>
      </c>
      <c r="X3344">
        <v>2020</v>
      </c>
    </row>
    <row r="3345" spans="1:24" x14ac:dyDescent="0.25">
      <c r="A3345">
        <v>7817</v>
      </c>
      <c r="B3345" t="s">
        <v>138</v>
      </c>
      <c r="C3345">
        <v>35</v>
      </c>
      <c r="D3345" t="s">
        <v>494</v>
      </c>
      <c r="E3345">
        <v>277</v>
      </c>
      <c r="F3345" t="s">
        <v>651</v>
      </c>
      <c r="G3345">
        <v>160</v>
      </c>
      <c r="H3345" t="s">
        <v>1054</v>
      </c>
      <c r="I3345">
        <v>7022</v>
      </c>
      <c r="J3345" t="s">
        <v>797</v>
      </c>
      <c r="K3345">
        <v>65</v>
      </c>
      <c r="L3345" t="s">
        <v>2552</v>
      </c>
      <c r="M3345">
        <v>2218</v>
      </c>
      <c r="N3345" t="s">
        <v>654</v>
      </c>
      <c r="O3345">
        <v>3</v>
      </c>
      <c r="P3345" t="s">
        <v>655</v>
      </c>
      <c r="Q3345">
        <v>1</v>
      </c>
      <c r="R3345" t="s">
        <v>656</v>
      </c>
      <c r="S3345">
        <v>2</v>
      </c>
      <c r="T3345" t="s">
        <v>661</v>
      </c>
      <c r="U3345">
        <v>8</v>
      </c>
      <c r="V3345">
        <v>2</v>
      </c>
      <c r="W3345">
        <v>120</v>
      </c>
      <c r="X3345">
        <v>2020</v>
      </c>
    </row>
    <row r="3346" spans="1:24" x14ac:dyDescent="0.25">
      <c r="A3346">
        <v>7816</v>
      </c>
      <c r="B3346" t="s">
        <v>138</v>
      </c>
      <c r="C3346">
        <v>35</v>
      </c>
      <c r="D3346" t="s">
        <v>494</v>
      </c>
      <c r="E3346">
        <v>277</v>
      </c>
      <c r="F3346" t="s">
        <v>651</v>
      </c>
      <c r="G3346">
        <v>160</v>
      </c>
      <c r="H3346" t="s">
        <v>1054</v>
      </c>
      <c r="I3346">
        <v>7022</v>
      </c>
      <c r="J3346" t="s">
        <v>767</v>
      </c>
      <c r="K3346">
        <v>44</v>
      </c>
      <c r="L3346" t="s">
        <v>2553</v>
      </c>
      <c r="M3346">
        <v>2217</v>
      </c>
      <c r="N3346" t="s">
        <v>654</v>
      </c>
      <c r="O3346">
        <v>3</v>
      </c>
      <c r="P3346" t="s">
        <v>655</v>
      </c>
      <c r="Q3346">
        <v>1</v>
      </c>
      <c r="R3346" t="s">
        <v>656</v>
      </c>
      <c r="S3346">
        <v>2</v>
      </c>
      <c r="T3346" t="s">
        <v>661</v>
      </c>
      <c r="U3346">
        <v>8</v>
      </c>
      <c r="V3346">
        <v>2</v>
      </c>
      <c r="W3346">
        <v>120</v>
      </c>
      <c r="X3346">
        <v>2020</v>
      </c>
    </row>
    <row r="3347" spans="1:24" x14ac:dyDescent="0.25">
      <c r="A3347">
        <v>7815</v>
      </c>
      <c r="B3347" t="s">
        <v>138</v>
      </c>
      <c r="C3347">
        <v>35</v>
      </c>
      <c r="D3347" t="s">
        <v>497</v>
      </c>
      <c r="E3347">
        <v>276</v>
      </c>
      <c r="F3347" t="s">
        <v>651</v>
      </c>
      <c r="G3347">
        <v>160</v>
      </c>
      <c r="H3347" t="s">
        <v>1054</v>
      </c>
      <c r="I3347">
        <v>7022</v>
      </c>
      <c r="J3347" t="s">
        <v>730</v>
      </c>
      <c r="K3347">
        <v>66</v>
      </c>
      <c r="L3347" t="s">
        <v>2554</v>
      </c>
      <c r="M3347">
        <v>2216</v>
      </c>
      <c r="N3347" t="s">
        <v>654</v>
      </c>
      <c r="O3347">
        <v>3</v>
      </c>
      <c r="P3347" t="s">
        <v>655</v>
      </c>
      <c r="Q3347">
        <v>1</v>
      </c>
      <c r="R3347" t="s">
        <v>656</v>
      </c>
      <c r="S3347">
        <v>2</v>
      </c>
      <c r="T3347" t="s">
        <v>661</v>
      </c>
      <c r="U3347">
        <v>8</v>
      </c>
      <c r="V3347">
        <v>2</v>
      </c>
      <c r="W3347">
        <v>120</v>
      </c>
      <c r="X3347">
        <v>2020</v>
      </c>
    </row>
    <row r="3348" spans="1:24" x14ac:dyDescent="0.25">
      <c r="A3348">
        <v>7814</v>
      </c>
      <c r="B3348" t="s">
        <v>138</v>
      </c>
      <c r="C3348">
        <v>35</v>
      </c>
      <c r="D3348" t="s">
        <v>497</v>
      </c>
      <c r="E3348">
        <v>276</v>
      </c>
      <c r="F3348" t="s">
        <v>651</v>
      </c>
      <c r="G3348">
        <v>160</v>
      </c>
      <c r="H3348" t="s">
        <v>1054</v>
      </c>
      <c r="I3348">
        <v>7022</v>
      </c>
      <c r="J3348" t="s">
        <v>848</v>
      </c>
      <c r="K3348">
        <v>62</v>
      </c>
      <c r="L3348" t="s">
        <v>2555</v>
      </c>
      <c r="M3348">
        <v>1218</v>
      </c>
      <c r="N3348" t="s">
        <v>654</v>
      </c>
      <c r="O3348">
        <v>3</v>
      </c>
      <c r="P3348" t="s">
        <v>655</v>
      </c>
      <c r="Q3348">
        <v>1</v>
      </c>
      <c r="R3348" t="s">
        <v>656</v>
      </c>
      <c r="S3348">
        <v>2</v>
      </c>
      <c r="T3348" t="s">
        <v>661</v>
      </c>
      <c r="U3348">
        <v>8</v>
      </c>
      <c r="V3348">
        <v>2</v>
      </c>
      <c r="W3348">
        <v>120</v>
      </c>
      <c r="X3348">
        <v>2020</v>
      </c>
    </row>
    <row r="3349" spans="1:24" x14ac:dyDescent="0.25">
      <c r="A3349">
        <v>7811</v>
      </c>
      <c r="B3349" t="s">
        <v>138</v>
      </c>
      <c r="C3349">
        <v>35</v>
      </c>
      <c r="D3349" t="s">
        <v>497</v>
      </c>
      <c r="E3349">
        <v>276</v>
      </c>
      <c r="F3349" t="s">
        <v>651</v>
      </c>
      <c r="G3349">
        <v>160</v>
      </c>
      <c r="H3349" t="s">
        <v>1054</v>
      </c>
      <c r="I3349">
        <v>7022</v>
      </c>
      <c r="J3349" t="s">
        <v>1055</v>
      </c>
      <c r="K3349">
        <v>69</v>
      </c>
      <c r="L3349" t="s">
        <v>2556</v>
      </c>
      <c r="M3349">
        <v>2213</v>
      </c>
      <c r="N3349" t="s">
        <v>654</v>
      </c>
      <c r="O3349">
        <v>3</v>
      </c>
      <c r="P3349" t="s">
        <v>655</v>
      </c>
      <c r="Q3349">
        <v>1</v>
      </c>
      <c r="R3349" t="s">
        <v>656</v>
      </c>
      <c r="S3349">
        <v>2</v>
      </c>
      <c r="T3349" t="s">
        <v>661</v>
      </c>
      <c r="U3349">
        <v>8</v>
      </c>
      <c r="V3349">
        <v>2</v>
      </c>
      <c r="W3349">
        <v>120</v>
      </c>
      <c r="X3349">
        <v>2020</v>
      </c>
    </row>
    <row r="3350" spans="1:24" x14ac:dyDescent="0.25">
      <c r="A3350">
        <v>7810</v>
      </c>
      <c r="B3350" t="s">
        <v>138</v>
      </c>
      <c r="C3350">
        <v>35</v>
      </c>
      <c r="D3350" t="s">
        <v>497</v>
      </c>
      <c r="E3350">
        <v>276</v>
      </c>
      <c r="F3350" t="s">
        <v>651</v>
      </c>
      <c r="G3350">
        <v>160</v>
      </c>
      <c r="H3350" t="s">
        <v>1054</v>
      </c>
      <c r="I3350">
        <v>7022</v>
      </c>
      <c r="J3350" t="s">
        <v>1055</v>
      </c>
      <c r="K3350">
        <v>69</v>
      </c>
      <c r="L3350" t="s">
        <v>2557</v>
      </c>
      <c r="M3350">
        <v>2212</v>
      </c>
      <c r="N3350" t="s">
        <v>654</v>
      </c>
      <c r="O3350">
        <v>3</v>
      </c>
      <c r="P3350" t="s">
        <v>655</v>
      </c>
      <c r="Q3350">
        <v>1</v>
      </c>
      <c r="R3350" t="s">
        <v>656</v>
      </c>
      <c r="S3350">
        <v>2</v>
      </c>
      <c r="T3350" t="s">
        <v>661</v>
      </c>
      <c r="U3350">
        <v>8</v>
      </c>
      <c r="V3350">
        <v>2</v>
      </c>
      <c r="W3350">
        <v>120</v>
      </c>
      <c r="X3350">
        <v>2020</v>
      </c>
    </row>
    <row r="3351" spans="1:24" x14ac:dyDescent="0.25">
      <c r="A3351">
        <v>7809</v>
      </c>
      <c r="B3351" t="s">
        <v>140</v>
      </c>
      <c r="C3351">
        <v>34</v>
      </c>
      <c r="D3351" t="s">
        <v>503</v>
      </c>
      <c r="E3351">
        <v>263</v>
      </c>
      <c r="F3351" t="s">
        <v>651</v>
      </c>
      <c r="G3351">
        <v>160</v>
      </c>
      <c r="H3351" t="s">
        <v>652</v>
      </c>
      <c r="I3351">
        <v>2094</v>
      </c>
      <c r="J3351" t="s">
        <v>707</v>
      </c>
      <c r="K3351">
        <v>59</v>
      </c>
      <c r="L3351" t="s">
        <v>2558</v>
      </c>
      <c r="M3351">
        <v>2211</v>
      </c>
      <c r="N3351" t="s">
        <v>654</v>
      </c>
      <c r="O3351">
        <v>3</v>
      </c>
      <c r="P3351" t="s">
        <v>655</v>
      </c>
      <c r="Q3351">
        <v>1</v>
      </c>
      <c r="R3351" t="s">
        <v>656</v>
      </c>
      <c r="S3351">
        <v>2</v>
      </c>
      <c r="T3351" t="s">
        <v>661</v>
      </c>
      <c r="U3351">
        <v>8</v>
      </c>
      <c r="V3351">
        <v>2</v>
      </c>
      <c r="W3351">
        <v>120</v>
      </c>
      <c r="X3351">
        <v>2020</v>
      </c>
    </row>
    <row r="3352" spans="1:24" x14ac:dyDescent="0.25">
      <c r="A3352">
        <v>7808</v>
      </c>
      <c r="B3352" t="s">
        <v>140</v>
      </c>
      <c r="C3352">
        <v>34</v>
      </c>
      <c r="D3352" t="s">
        <v>505</v>
      </c>
      <c r="E3352">
        <v>258</v>
      </c>
      <c r="F3352" t="s">
        <v>651</v>
      </c>
      <c r="G3352">
        <v>160</v>
      </c>
      <c r="H3352" t="s">
        <v>652</v>
      </c>
      <c r="I3352">
        <v>2094</v>
      </c>
      <c r="J3352" t="s">
        <v>1022</v>
      </c>
      <c r="K3352">
        <v>85</v>
      </c>
      <c r="L3352" t="s">
        <v>2559</v>
      </c>
      <c r="M3352">
        <v>2210</v>
      </c>
      <c r="N3352" t="s">
        <v>654</v>
      </c>
      <c r="O3352">
        <v>3</v>
      </c>
      <c r="P3352" t="s">
        <v>655</v>
      </c>
      <c r="Q3352">
        <v>1</v>
      </c>
      <c r="R3352" t="s">
        <v>656</v>
      </c>
      <c r="S3352">
        <v>2</v>
      </c>
      <c r="T3352" t="s">
        <v>661</v>
      </c>
      <c r="U3352">
        <v>8</v>
      </c>
      <c r="V3352">
        <v>2</v>
      </c>
      <c r="W3352">
        <v>120</v>
      </c>
      <c r="X3352">
        <v>2020</v>
      </c>
    </row>
    <row r="3353" spans="1:24" x14ac:dyDescent="0.25">
      <c r="A3353">
        <v>7807</v>
      </c>
      <c r="B3353" t="s">
        <v>140</v>
      </c>
      <c r="C3353">
        <v>34</v>
      </c>
      <c r="D3353" t="s">
        <v>498</v>
      </c>
      <c r="E3353">
        <v>274</v>
      </c>
      <c r="F3353" t="s">
        <v>651</v>
      </c>
      <c r="G3353">
        <v>160</v>
      </c>
      <c r="H3353" t="s">
        <v>652</v>
      </c>
      <c r="I3353">
        <v>2094</v>
      </c>
      <c r="J3353" t="s">
        <v>864</v>
      </c>
      <c r="K3353">
        <v>14</v>
      </c>
      <c r="L3353" t="s">
        <v>2560</v>
      </c>
      <c r="M3353">
        <v>2209</v>
      </c>
      <c r="N3353" t="s">
        <v>654</v>
      </c>
      <c r="O3353">
        <v>3</v>
      </c>
      <c r="P3353" t="s">
        <v>655</v>
      </c>
      <c r="Q3353">
        <v>1</v>
      </c>
      <c r="R3353" t="s">
        <v>656</v>
      </c>
      <c r="S3353">
        <v>2</v>
      </c>
      <c r="T3353" t="s">
        <v>661</v>
      </c>
      <c r="U3353">
        <v>8</v>
      </c>
      <c r="V3353">
        <v>2</v>
      </c>
      <c r="W3353">
        <v>120</v>
      </c>
      <c r="X3353">
        <v>2020</v>
      </c>
    </row>
    <row r="3354" spans="1:24" x14ac:dyDescent="0.25">
      <c r="A3354">
        <v>7806</v>
      </c>
      <c r="B3354" t="s">
        <v>140</v>
      </c>
      <c r="C3354">
        <v>34</v>
      </c>
      <c r="D3354" t="s">
        <v>498</v>
      </c>
      <c r="E3354">
        <v>274</v>
      </c>
      <c r="F3354" t="s">
        <v>651</v>
      </c>
      <c r="G3354">
        <v>160</v>
      </c>
      <c r="H3354" t="s">
        <v>652</v>
      </c>
      <c r="I3354">
        <v>2094</v>
      </c>
      <c r="J3354" t="s">
        <v>864</v>
      </c>
      <c r="K3354">
        <v>14</v>
      </c>
      <c r="L3354" t="s">
        <v>2561</v>
      </c>
      <c r="M3354">
        <v>2208</v>
      </c>
      <c r="N3354" t="s">
        <v>654</v>
      </c>
      <c r="O3354">
        <v>3</v>
      </c>
      <c r="P3354" t="s">
        <v>655</v>
      </c>
      <c r="Q3354">
        <v>1</v>
      </c>
      <c r="R3354" t="s">
        <v>656</v>
      </c>
      <c r="S3354">
        <v>2</v>
      </c>
      <c r="T3354" t="s">
        <v>661</v>
      </c>
      <c r="U3354">
        <v>8</v>
      </c>
      <c r="V3354">
        <v>2</v>
      </c>
      <c r="W3354">
        <v>120</v>
      </c>
      <c r="X3354">
        <v>2020</v>
      </c>
    </row>
    <row r="3355" spans="1:24" x14ac:dyDescent="0.25">
      <c r="A3355">
        <v>7804</v>
      </c>
      <c r="B3355" t="s">
        <v>140</v>
      </c>
      <c r="C3355">
        <v>34</v>
      </c>
      <c r="D3355" t="s">
        <v>499</v>
      </c>
      <c r="E3355">
        <v>273</v>
      </c>
      <c r="F3355" t="s">
        <v>651</v>
      </c>
      <c r="G3355">
        <v>160</v>
      </c>
      <c r="H3355" t="s">
        <v>652</v>
      </c>
      <c r="I3355">
        <v>2094</v>
      </c>
      <c r="J3355" t="s">
        <v>684</v>
      </c>
      <c r="K3355">
        <v>22</v>
      </c>
      <c r="L3355" t="s">
        <v>2562</v>
      </c>
      <c r="M3355">
        <v>2206</v>
      </c>
      <c r="N3355" t="s">
        <v>654</v>
      </c>
      <c r="O3355">
        <v>3</v>
      </c>
      <c r="P3355" t="s">
        <v>655</v>
      </c>
      <c r="Q3355">
        <v>1</v>
      </c>
      <c r="R3355" t="s">
        <v>656</v>
      </c>
      <c r="S3355">
        <v>2</v>
      </c>
      <c r="T3355" t="s">
        <v>661</v>
      </c>
      <c r="U3355">
        <v>8</v>
      </c>
      <c r="V3355">
        <v>2</v>
      </c>
      <c r="W3355">
        <v>120</v>
      </c>
      <c r="X3355">
        <v>2020</v>
      </c>
    </row>
    <row r="3356" spans="1:24" x14ac:dyDescent="0.25">
      <c r="A3356">
        <v>7803</v>
      </c>
      <c r="B3356" t="s">
        <v>140</v>
      </c>
      <c r="C3356">
        <v>34</v>
      </c>
      <c r="D3356" t="s">
        <v>499</v>
      </c>
      <c r="E3356">
        <v>273</v>
      </c>
      <c r="F3356" t="s">
        <v>651</v>
      </c>
      <c r="G3356">
        <v>160</v>
      </c>
      <c r="H3356" t="s">
        <v>652</v>
      </c>
      <c r="I3356">
        <v>2094</v>
      </c>
      <c r="J3356" t="s">
        <v>868</v>
      </c>
      <c r="K3356">
        <v>23</v>
      </c>
      <c r="L3356" t="s">
        <v>2434</v>
      </c>
      <c r="M3356">
        <v>1294</v>
      </c>
      <c r="N3356" t="s">
        <v>654</v>
      </c>
      <c r="O3356">
        <v>3</v>
      </c>
      <c r="P3356" t="s">
        <v>655</v>
      </c>
      <c r="Q3356">
        <v>1</v>
      </c>
      <c r="R3356" t="s">
        <v>656</v>
      </c>
      <c r="S3356">
        <v>2</v>
      </c>
      <c r="T3356" t="s">
        <v>661</v>
      </c>
      <c r="U3356">
        <v>8</v>
      </c>
      <c r="V3356">
        <v>2</v>
      </c>
      <c r="W3356">
        <v>120</v>
      </c>
      <c r="X3356">
        <v>2020</v>
      </c>
    </row>
    <row r="3357" spans="1:24" x14ac:dyDescent="0.25">
      <c r="A3357">
        <v>7802</v>
      </c>
      <c r="B3357" t="s">
        <v>140</v>
      </c>
      <c r="C3357">
        <v>34</v>
      </c>
      <c r="D3357" t="s">
        <v>499</v>
      </c>
      <c r="E3357">
        <v>273</v>
      </c>
      <c r="F3357" t="s">
        <v>651</v>
      </c>
      <c r="G3357">
        <v>160</v>
      </c>
      <c r="H3357" t="s">
        <v>652</v>
      </c>
      <c r="I3357">
        <v>2094</v>
      </c>
      <c r="J3357" t="s">
        <v>868</v>
      </c>
      <c r="K3357">
        <v>23</v>
      </c>
      <c r="L3357" t="s">
        <v>2563</v>
      </c>
      <c r="M3357">
        <v>1292</v>
      </c>
      <c r="N3357" t="s">
        <v>654</v>
      </c>
      <c r="O3357">
        <v>3</v>
      </c>
      <c r="P3357" t="s">
        <v>655</v>
      </c>
      <c r="Q3357">
        <v>1</v>
      </c>
      <c r="R3357" t="s">
        <v>656</v>
      </c>
      <c r="S3357">
        <v>2</v>
      </c>
      <c r="T3357" t="s">
        <v>661</v>
      </c>
      <c r="U3357">
        <v>8</v>
      </c>
      <c r="V3357">
        <v>2</v>
      </c>
      <c r="W3357">
        <v>120</v>
      </c>
      <c r="X3357">
        <v>2020</v>
      </c>
    </row>
    <row r="3358" spans="1:24" x14ac:dyDescent="0.25">
      <c r="A3358">
        <v>7800</v>
      </c>
      <c r="B3358" t="s">
        <v>140</v>
      </c>
      <c r="C3358">
        <v>34</v>
      </c>
      <c r="D3358" t="s">
        <v>499</v>
      </c>
      <c r="E3358">
        <v>273</v>
      </c>
      <c r="F3358" t="s">
        <v>651</v>
      </c>
      <c r="G3358">
        <v>160</v>
      </c>
      <c r="H3358" t="s">
        <v>652</v>
      </c>
      <c r="I3358">
        <v>2094</v>
      </c>
      <c r="J3358" t="s">
        <v>703</v>
      </c>
      <c r="K3358">
        <v>16</v>
      </c>
      <c r="L3358" t="s">
        <v>2564</v>
      </c>
      <c r="M3358">
        <v>2204</v>
      </c>
      <c r="N3358" t="s">
        <v>654</v>
      </c>
      <c r="O3358">
        <v>3</v>
      </c>
      <c r="P3358" t="s">
        <v>655</v>
      </c>
      <c r="Q3358">
        <v>1</v>
      </c>
      <c r="R3358" t="s">
        <v>656</v>
      </c>
      <c r="S3358">
        <v>2</v>
      </c>
      <c r="T3358" t="s">
        <v>661</v>
      </c>
      <c r="U3358">
        <v>8</v>
      </c>
      <c r="V3358">
        <v>2</v>
      </c>
      <c r="W3358">
        <v>120</v>
      </c>
      <c r="X3358">
        <v>2020</v>
      </c>
    </row>
    <row r="3359" spans="1:24" x14ac:dyDescent="0.25">
      <c r="A3359">
        <v>7796</v>
      </c>
      <c r="B3359" t="s">
        <v>140</v>
      </c>
      <c r="C3359">
        <v>34</v>
      </c>
      <c r="D3359" t="s">
        <v>316</v>
      </c>
      <c r="E3359">
        <v>270</v>
      </c>
      <c r="F3359" t="s">
        <v>651</v>
      </c>
      <c r="G3359">
        <v>160</v>
      </c>
      <c r="H3359" t="s">
        <v>652</v>
      </c>
      <c r="I3359">
        <v>2094</v>
      </c>
      <c r="J3359" t="s">
        <v>294</v>
      </c>
      <c r="K3359">
        <v>31</v>
      </c>
      <c r="L3359" t="s">
        <v>1960</v>
      </c>
      <c r="M3359">
        <v>1039</v>
      </c>
      <c r="N3359" t="s">
        <v>654</v>
      </c>
      <c r="O3359">
        <v>3</v>
      </c>
      <c r="P3359" t="s">
        <v>655</v>
      </c>
      <c r="Q3359">
        <v>1</v>
      </c>
      <c r="R3359" t="s">
        <v>656</v>
      </c>
      <c r="S3359">
        <v>2</v>
      </c>
      <c r="T3359" t="s">
        <v>661</v>
      </c>
      <c r="U3359">
        <v>8</v>
      </c>
      <c r="V3359">
        <v>2</v>
      </c>
      <c r="W3359">
        <v>120</v>
      </c>
      <c r="X3359">
        <v>2020</v>
      </c>
    </row>
    <row r="3360" spans="1:24" x14ac:dyDescent="0.25">
      <c r="A3360">
        <v>7794</v>
      </c>
      <c r="B3360" t="s">
        <v>140</v>
      </c>
      <c r="C3360">
        <v>34</v>
      </c>
      <c r="D3360" t="s">
        <v>316</v>
      </c>
      <c r="E3360">
        <v>270</v>
      </c>
      <c r="F3360" t="s">
        <v>651</v>
      </c>
      <c r="G3360">
        <v>160</v>
      </c>
      <c r="H3360" t="s">
        <v>652</v>
      </c>
      <c r="I3360">
        <v>2094</v>
      </c>
      <c r="J3360" t="s">
        <v>295</v>
      </c>
      <c r="K3360">
        <v>30</v>
      </c>
      <c r="L3360" t="s">
        <v>1939</v>
      </c>
      <c r="M3360">
        <v>1791</v>
      </c>
      <c r="N3360" t="s">
        <v>654</v>
      </c>
      <c r="O3360">
        <v>3</v>
      </c>
      <c r="P3360" t="s">
        <v>655</v>
      </c>
      <c r="Q3360">
        <v>1</v>
      </c>
      <c r="R3360" t="s">
        <v>656</v>
      </c>
      <c r="S3360">
        <v>2</v>
      </c>
      <c r="T3360" t="s">
        <v>661</v>
      </c>
      <c r="U3360">
        <v>8</v>
      </c>
      <c r="V3360">
        <v>2</v>
      </c>
      <c r="W3360">
        <v>120</v>
      </c>
      <c r="X3360">
        <v>2020</v>
      </c>
    </row>
    <row r="3361" spans="1:24" x14ac:dyDescent="0.25">
      <c r="A3361">
        <v>7793</v>
      </c>
      <c r="B3361" t="s">
        <v>140</v>
      </c>
      <c r="C3361">
        <v>34</v>
      </c>
      <c r="D3361" t="s">
        <v>316</v>
      </c>
      <c r="E3361">
        <v>270</v>
      </c>
      <c r="F3361" t="s">
        <v>651</v>
      </c>
      <c r="G3361">
        <v>160</v>
      </c>
      <c r="H3361" t="s">
        <v>652</v>
      </c>
      <c r="I3361">
        <v>2094</v>
      </c>
      <c r="J3361" t="s">
        <v>807</v>
      </c>
      <c r="K3361">
        <v>25</v>
      </c>
      <c r="L3361" t="s">
        <v>2086</v>
      </c>
      <c r="M3361">
        <v>2200</v>
      </c>
      <c r="N3361" t="s">
        <v>654</v>
      </c>
      <c r="O3361">
        <v>3</v>
      </c>
      <c r="P3361" t="s">
        <v>655</v>
      </c>
      <c r="Q3361">
        <v>1</v>
      </c>
      <c r="R3361" t="s">
        <v>656</v>
      </c>
      <c r="S3361">
        <v>2</v>
      </c>
      <c r="T3361" t="s">
        <v>661</v>
      </c>
      <c r="U3361">
        <v>8</v>
      </c>
      <c r="V3361">
        <v>2</v>
      </c>
      <c r="W3361">
        <v>120</v>
      </c>
      <c r="X3361">
        <v>2020</v>
      </c>
    </row>
    <row r="3362" spans="1:24" x14ac:dyDescent="0.25">
      <c r="A3362">
        <v>7792</v>
      </c>
      <c r="B3362" t="s">
        <v>140</v>
      </c>
      <c r="C3362">
        <v>34</v>
      </c>
      <c r="D3362" t="s">
        <v>316</v>
      </c>
      <c r="E3362">
        <v>270</v>
      </c>
      <c r="F3362" t="s">
        <v>651</v>
      </c>
      <c r="G3362">
        <v>160</v>
      </c>
      <c r="H3362" t="s">
        <v>652</v>
      </c>
      <c r="I3362">
        <v>2094</v>
      </c>
      <c r="J3362" t="s">
        <v>955</v>
      </c>
      <c r="K3362">
        <v>29</v>
      </c>
      <c r="L3362" t="s">
        <v>2565</v>
      </c>
      <c r="M3362">
        <v>2199</v>
      </c>
      <c r="N3362" t="s">
        <v>654</v>
      </c>
      <c r="O3362">
        <v>3</v>
      </c>
      <c r="P3362" t="s">
        <v>655</v>
      </c>
      <c r="Q3362">
        <v>1</v>
      </c>
      <c r="R3362" t="s">
        <v>656</v>
      </c>
      <c r="S3362">
        <v>2</v>
      </c>
      <c r="T3362" t="s">
        <v>661</v>
      </c>
      <c r="U3362">
        <v>8</v>
      </c>
      <c r="V3362">
        <v>2</v>
      </c>
      <c r="W3362">
        <v>120</v>
      </c>
      <c r="X3362">
        <v>2020</v>
      </c>
    </row>
    <row r="3363" spans="1:24" x14ac:dyDescent="0.25">
      <c r="A3363">
        <v>7791</v>
      </c>
      <c r="B3363" t="s">
        <v>140</v>
      </c>
      <c r="C3363">
        <v>34</v>
      </c>
      <c r="D3363" t="s">
        <v>316</v>
      </c>
      <c r="E3363">
        <v>270</v>
      </c>
      <c r="F3363" t="s">
        <v>651</v>
      </c>
      <c r="G3363">
        <v>160</v>
      </c>
      <c r="H3363" t="s">
        <v>652</v>
      </c>
      <c r="I3363">
        <v>2094</v>
      </c>
      <c r="J3363" t="s">
        <v>955</v>
      </c>
      <c r="K3363">
        <v>29</v>
      </c>
      <c r="L3363" t="s">
        <v>2088</v>
      </c>
      <c r="M3363">
        <v>2198</v>
      </c>
      <c r="N3363" t="s">
        <v>654</v>
      </c>
      <c r="O3363">
        <v>3</v>
      </c>
      <c r="P3363" t="s">
        <v>655</v>
      </c>
      <c r="Q3363">
        <v>1</v>
      </c>
      <c r="R3363" t="s">
        <v>656</v>
      </c>
      <c r="S3363">
        <v>2</v>
      </c>
      <c r="T3363" t="s">
        <v>661</v>
      </c>
      <c r="U3363">
        <v>8</v>
      </c>
      <c r="V3363">
        <v>2</v>
      </c>
      <c r="W3363">
        <v>120</v>
      </c>
      <c r="X3363">
        <v>2020</v>
      </c>
    </row>
    <row r="3364" spans="1:24" x14ac:dyDescent="0.25">
      <c r="A3364">
        <v>7790</v>
      </c>
      <c r="B3364" t="s">
        <v>140</v>
      </c>
      <c r="C3364">
        <v>34</v>
      </c>
      <c r="D3364" t="s">
        <v>316</v>
      </c>
      <c r="E3364">
        <v>270</v>
      </c>
      <c r="F3364" t="s">
        <v>651</v>
      </c>
      <c r="G3364">
        <v>160</v>
      </c>
      <c r="H3364" t="s">
        <v>652</v>
      </c>
      <c r="I3364">
        <v>2094</v>
      </c>
      <c r="J3364" t="s">
        <v>299</v>
      </c>
      <c r="K3364">
        <v>27</v>
      </c>
      <c r="L3364" t="s">
        <v>2566</v>
      </c>
      <c r="M3364">
        <v>2197</v>
      </c>
      <c r="N3364" t="s">
        <v>654</v>
      </c>
      <c r="O3364">
        <v>3</v>
      </c>
      <c r="P3364" t="s">
        <v>655</v>
      </c>
      <c r="Q3364">
        <v>1</v>
      </c>
      <c r="R3364" t="s">
        <v>656</v>
      </c>
      <c r="S3364">
        <v>2</v>
      </c>
      <c r="T3364" t="s">
        <v>661</v>
      </c>
      <c r="U3364">
        <v>8</v>
      </c>
      <c r="V3364">
        <v>2</v>
      </c>
      <c r="W3364">
        <v>120</v>
      </c>
      <c r="X3364">
        <v>2020</v>
      </c>
    </row>
    <row r="3365" spans="1:24" x14ac:dyDescent="0.25">
      <c r="A3365">
        <v>7789</v>
      </c>
      <c r="B3365" t="s">
        <v>140</v>
      </c>
      <c r="C3365">
        <v>34</v>
      </c>
      <c r="D3365" t="s">
        <v>316</v>
      </c>
      <c r="E3365">
        <v>270</v>
      </c>
      <c r="F3365" t="s">
        <v>651</v>
      </c>
      <c r="G3365">
        <v>160</v>
      </c>
      <c r="H3365" t="s">
        <v>652</v>
      </c>
      <c r="I3365">
        <v>2094</v>
      </c>
      <c r="J3365" t="s">
        <v>301</v>
      </c>
      <c r="K3365">
        <v>26</v>
      </c>
      <c r="L3365" t="s">
        <v>2567</v>
      </c>
      <c r="M3365">
        <v>2196</v>
      </c>
      <c r="N3365" t="s">
        <v>654</v>
      </c>
      <c r="O3365">
        <v>3</v>
      </c>
      <c r="P3365" t="s">
        <v>655</v>
      </c>
      <c r="Q3365">
        <v>1</v>
      </c>
      <c r="R3365" t="s">
        <v>656</v>
      </c>
      <c r="S3365">
        <v>2</v>
      </c>
      <c r="T3365" t="s">
        <v>661</v>
      </c>
      <c r="U3365">
        <v>8</v>
      </c>
      <c r="V3365">
        <v>2</v>
      </c>
      <c r="W3365">
        <v>120</v>
      </c>
      <c r="X3365">
        <v>2020</v>
      </c>
    </row>
    <row r="3366" spans="1:24" x14ac:dyDescent="0.25">
      <c r="A3366">
        <v>7788</v>
      </c>
      <c r="B3366" t="s">
        <v>140</v>
      </c>
      <c r="C3366">
        <v>34</v>
      </c>
      <c r="D3366" t="s">
        <v>316</v>
      </c>
      <c r="E3366">
        <v>270</v>
      </c>
      <c r="F3366" t="s">
        <v>651</v>
      </c>
      <c r="G3366">
        <v>160</v>
      </c>
      <c r="H3366" t="s">
        <v>652</v>
      </c>
      <c r="I3366">
        <v>2094</v>
      </c>
      <c r="J3366" t="s">
        <v>301</v>
      </c>
      <c r="K3366">
        <v>26</v>
      </c>
      <c r="L3366" t="s">
        <v>2568</v>
      </c>
      <c r="M3366">
        <v>2195</v>
      </c>
      <c r="N3366" t="s">
        <v>654</v>
      </c>
      <c r="O3366">
        <v>3</v>
      </c>
      <c r="P3366" t="s">
        <v>655</v>
      </c>
      <c r="Q3366">
        <v>1</v>
      </c>
      <c r="R3366" t="s">
        <v>656</v>
      </c>
      <c r="S3366">
        <v>2</v>
      </c>
      <c r="T3366" t="s">
        <v>661</v>
      </c>
      <c r="U3366">
        <v>8</v>
      </c>
      <c r="V3366">
        <v>2</v>
      </c>
      <c r="W3366">
        <v>120</v>
      </c>
      <c r="X3366">
        <v>2020</v>
      </c>
    </row>
    <row r="3367" spans="1:24" x14ac:dyDescent="0.25">
      <c r="A3367">
        <v>7787</v>
      </c>
      <c r="B3367" t="s">
        <v>140</v>
      </c>
      <c r="C3367">
        <v>34</v>
      </c>
      <c r="D3367" t="s">
        <v>500</v>
      </c>
      <c r="E3367">
        <v>269</v>
      </c>
      <c r="F3367" t="s">
        <v>651</v>
      </c>
      <c r="G3367">
        <v>160</v>
      </c>
      <c r="H3367" t="s">
        <v>652</v>
      </c>
      <c r="I3367">
        <v>2094</v>
      </c>
      <c r="J3367" t="s">
        <v>676</v>
      </c>
      <c r="K3367">
        <v>4</v>
      </c>
      <c r="L3367" t="s">
        <v>2569</v>
      </c>
      <c r="M3367">
        <v>1431</v>
      </c>
      <c r="N3367" t="s">
        <v>654</v>
      </c>
      <c r="O3367">
        <v>3</v>
      </c>
      <c r="P3367" t="s">
        <v>655</v>
      </c>
      <c r="Q3367">
        <v>1</v>
      </c>
      <c r="R3367" t="s">
        <v>656</v>
      </c>
      <c r="S3367">
        <v>2</v>
      </c>
      <c r="T3367" t="s">
        <v>661</v>
      </c>
      <c r="U3367">
        <v>8</v>
      </c>
      <c r="V3367">
        <v>2</v>
      </c>
      <c r="W3367">
        <v>120</v>
      </c>
      <c r="X3367">
        <v>2020</v>
      </c>
    </row>
    <row r="3368" spans="1:24" x14ac:dyDescent="0.25">
      <c r="A3368">
        <v>7785</v>
      </c>
      <c r="B3368" t="s">
        <v>140</v>
      </c>
      <c r="C3368">
        <v>34</v>
      </c>
      <c r="D3368" t="s">
        <v>500</v>
      </c>
      <c r="E3368">
        <v>269</v>
      </c>
      <c r="F3368" t="s">
        <v>651</v>
      </c>
      <c r="G3368">
        <v>160</v>
      </c>
      <c r="H3368" t="s">
        <v>652</v>
      </c>
      <c r="I3368">
        <v>2094</v>
      </c>
      <c r="J3368" t="s">
        <v>885</v>
      </c>
      <c r="K3368">
        <v>1</v>
      </c>
      <c r="L3368" t="s">
        <v>901</v>
      </c>
      <c r="M3368">
        <v>1244</v>
      </c>
      <c r="N3368" t="s">
        <v>654</v>
      </c>
      <c r="O3368">
        <v>3</v>
      </c>
      <c r="P3368" t="s">
        <v>655</v>
      </c>
      <c r="Q3368">
        <v>1</v>
      </c>
      <c r="R3368" t="s">
        <v>656</v>
      </c>
      <c r="S3368">
        <v>2</v>
      </c>
      <c r="T3368" t="s">
        <v>661</v>
      </c>
      <c r="U3368">
        <v>8</v>
      </c>
      <c r="V3368">
        <v>2</v>
      </c>
      <c r="W3368">
        <v>120</v>
      </c>
      <c r="X3368">
        <v>2020</v>
      </c>
    </row>
    <row r="3369" spans="1:24" x14ac:dyDescent="0.25">
      <c r="A3369">
        <v>7782</v>
      </c>
      <c r="B3369" t="s">
        <v>140</v>
      </c>
      <c r="C3369">
        <v>34</v>
      </c>
      <c r="D3369" t="s">
        <v>500</v>
      </c>
      <c r="E3369">
        <v>269</v>
      </c>
      <c r="F3369" t="s">
        <v>651</v>
      </c>
      <c r="G3369">
        <v>160</v>
      </c>
      <c r="H3369" t="s">
        <v>652</v>
      </c>
      <c r="I3369">
        <v>2094</v>
      </c>
      <c r="J3369" t="s">
        <v>726</v>
      </c>
      <c r="K3369">
        <v>2</v>
      </c>
      <c r="L3369" t="s">
        <v>2570</v>
      </c>
      <c r="M3369">
        <v>2191</v>
      </c>
      <c r="N3369" t="s">
        <v>654</v>
      </c>
      <c r="O3369">
        <v>3</v>
      </c>
      <c r="P3369" t="s">
        <v>655</v>
      </c>
      <c r="Q3369">
        <v>1</v>
      </c>
      <c r="R3369" t="s">
        <v>656</v>
      </c>
      <c r="S3369">
        <v>2</v>
      </c>
      <c r="T3369" t="s">
        <v>661</v>
      </c>
      <c r="U3369">
        <v>8</v>
      </c>
      <c r="V3369">
        <v>2</v>
      </c>
      <c r="W3369">
        <v>120</v>
      </c>
      <c r="X3369">
        <v>2020</v>
      </c>
    </row>
    <row r="3370" spans="1:24" x14ac:dyDescent="0.25">
      <c r="A3370">
        <v>7780</v>
      </c>
      <c r="B3370" t="s">
        <v>140</v>
      </c>
      <c r="C3370">
        <v>34</v>
      </c>
      <c r="D3370" t="s">
        <v>500</v>
      </c>
      <c r="E3370">
        <v>269</v>
      </c>
      <c r="F3370" t="s">
        <v>651</v>
      </c>
      <c r="G3370">
        <v>160</v>
      </c>
      <c r="H3370" t="s">
        <v>652</v>
      </c>
      <c r="I3370">
        <v>2094</v>
      </c>
      <c r="J3370" t="s">
        <v>897</v>
      </c>
      <c r="K3370">
        <v>3</v>
      </c>
      <c r="L3370" t="s">
        <v>2571</v>
      </c>
      <c r="M3370">
        <v>2190</v>
      </c>
      <c r="N3370" t="s">
        <v>654</v>
      </c>
      <c r="O3370">
        <v>3</v>
      </c>
      <c r="P3370" t="s">
        <v>655</v>
      </c>
      <c r="Q3370">
        <v>1</v>
      </c>
      <c r="R3370" t="s">
        <v>656</v>
      </c>
      <c r="S3370">
        <v>2</v>
      </c>
      <c r="T3370" t="s">
        <v>661</v>
      </c>
      <c r="U3370">
        <v>8</v>
      </c>
      <c r="V3370">
        <v>2</v>
      </c>
      <c r="W3370">
        <v>120</v>
      </c>
      <c r="X3370">
        <v>2020</v>
      </c>
    </row>
    <row r="3371" spans="1:24" x14ac:dyDescent="0.25">
      <c r="A3371">
        <v>7779</v>
      </c>
      <c r="B3371" t="s">
        <v>140</v>
      </c>
      <c r="C3371">
        <v>34</v>
      </c>
      <c r="D3371" t="s">
        <v>500</v>
      </c>
      <c r="E3371">
        <v>269</v>
      </c>
      <c r="F3371" t="s">
        <v>651</v>
      </c>
      <c r="G3371">
        <v>160</v>
      </c>
      <c r="H3371" t="s">
        <v>652</v>
      </c>
      <c r="I3371">
        <v>2094</v>
      </c>
      <c r="J3371" t="s">
        <v>831</v>
      </c>
      <c r="K3371">
        <v>5</v>
      </c>
      <c r="L3371" t="s">
        <v>2572</v>
      </c>
      <c r="M3371">
        <v>2189</v>
      </c>
      <c r="N3371" t="s">
        <v>654</v>
      </c>
      <c r="O3371">
        <v>3</v>
      </c>
      <c r="P3371" t="s">
        <v>655</v>
      </c>
      <c r="Q3371">
        <v>1</v>
      </c>
      <c r="R3371" t="s">
        <v>656</v>
      </c>
      <c r="S3371">
        <v>2</v>
      </c>
      <c r="T3371" t="s">
        <v>661</v>
      </c>
      <c r="U3371">
        <v>8</v>
      </c>
      <c r="V3371">
        <v>2</v>
      </c>
      <c r="W3371">
        <v>120</v>
      </c>
      <c r="X3371">
        <v>2020</v>
      </c>
    </row>
    <row r="3372" spans="1:24" x14ac:dyDescent="0.25">
      <c r="A3372">
        <v>7777</v>
      </c>
      <c r="B3372" t="s">
        <v>140</v>
      </c>
      <c r="C3372">
        <v>34</v>
      </c>
      <c r="D3372" t="s">
        <v>501</v>
      </c>
      <c r="E3372">
        <v>268</v>
      </c>
      <c r="F3372" t="s">
        <v>651</v>
      </c>
      <c r="G3372">
        <v>160</v>
      </c>
      <c r="H3372" t="s">
        <v>652</v>
      </c>
      <c r="I3372">
        <v>2094</v>
      </c>
      <c r="J3372" t="s">
        <v>880</v>
      </c>
      <c r="K3372">
        <v>58</v>
      </c>
      <c r="L3372" t="s">
        <v>2573</v>
      </c>
      <c r="M3372">
        <v>2187</v>
      </c>
      <c r="N3372" t="s">
        <v>654</v>
      </c>
      <c r="O3372">
        <v>3</v>
      </c>
      <c r="P3372" t="s">
        <v>655</v>
      </c>
      <c r="Q3372">
        <v>1</v>
      </c>
      <c r="R3372" t="s">
        <v>656</v>
      </c>
      <c r="S3372">
        <v>2</v>
      </c>
      <c r="T3372" t="s">
        <v>661</v>
      </c>
      <c r="U3372">
        <v>8</v>
      </c>
      <c r="V3372">
        <v>2</v>
      </c>
      <c r="W3372">
        <v>120</v>
      </c>
      <c r="X3372">
        <v>2020</v>
      </c>
    </row>
    <row r="3373" spans="1:24" x14ac:dyDescent="0.25">
      <c r="A3373">
        <v>7776</v>
      </c>
      <c r="B3373" t="s">
        <v>140</v>
      </c>
      <c r="C3373">
        <v>34</v>
      </c>
      <c r="D3373" t="s">
        <v>501</v>
      </c>
      <c r="E3373">
        <v>268</v>
      </c>
      <c r="F3373" t="s">
        <v>651</v>
      </c>
      <c r="G3373">
        <v>160</v>
      </c>
      <c r="H3373" t="s">
        <v>652</v>
      </c>
      <c r="I3373">
        <v>2094</v>
      </c>
      <c r="J3373" t="s">
        <v>848</v>
      </c>
      <c r="K3373">
        <v>62</v>
      </c>
      <c r="L3373" t="s">
        <v>2574</v>
      </c>
      <c r="M3373">
        <v>2186</v>
      </c>
      <c r="N3373" t="s">
        <v>654</v>
      </c>
      <c r="O3373">
        <v>3</v>
      </c>
      <c r="P3373" t="s">
        <v>655</v>
      </c>
      <c r="Q3373">
        <v>1</v>
      </c>
      <c r="R3373" t="s">
        <v>656</v>
      </c>
      <c r="S3373">
        <v>2</v>
      </c>
      <c r="T3373" t="s">
        <v>661</v>
      </c>
      <c r="U3373">
        <v>8</v>
      </c>
      <c r="V3373">
        <v>2</v>
      </c>
      <c r="W3373">
        <v>120</v>
      </c>
      <c r="X3373">
        <v>2020</v>
      </c>
    </row>
    <row r="3374" spans="1:24" x14ac:dyDescent="0.25">
      <c r="A3374">
        <v>7775</v>
      </c>
      <c r="B3374" t="s">
        <v>140</v>
      </c>
      <c r="C3374">
        <v>34</v>
      </c>
      <c r="D3374" t="s">
        <v>501</v>
      </c>
      <c r="E3374">
        <v>268</v>
      </c>
      <c r="F3374" t="s">
        <v>651</v>
      </c>
      <c r="G3374">
        <v>160</v>
      </c>
      <c r="H3374" t="s">
        <v>652</v>
      </c>
      <c r="I3374">
        <v>2094</v>
      </c>
      <c r="J3374" t="s">
        <v>848</v>
      </c>
      <c r="K3374">
        <v>62</v>
      </c>
      <c r="L3374" t="s">
        <v>2575</v>
      </c>
      <c r="M3374">
        <v>2185</v>
      </c>
      <c r="N3374" t="s">
        <v>654</v>
      </c>
      <c r="O3374">
        <v>3</v>
      </c>
      <c r="P3374" t="s">
        <v>655</v>
      </c>
      <c r="Q3374">
        <v>1</v>
      </c>
      <c r="R3374" t="s">
        <v>656</v>
      </c>
      <c r="S3374">
        <v>2</v>
      </c>
      <c r="T3374" t="s">
        <v>661</v>
      </c>
      <c r="U3374">
        <v>8</v>
      </c>
      <c r="V3374">
        <v>2</v>
      </c>
      <c r="W3374">
        <v>120</v>
      </c>
      <c r="X3374">
        <v>2020</v>
      </c>
    </row>
    <row r="3375" spans="1:24" x14ac:dyDescent="0.25">
      <c r="A3375">
        <v>7771</v>
      </c>
      <c r="B3375" t="s">
        <v>140</v>
      </c>
      <c r="C3375">
        <v>34</v>
      </c>
      <c r="D3375" t="s">
        <v>501</v>
      </c>
      <c r="E3375">
        <v>268</v>
      </c>
      <c r="F3375" t="s">
        <v>651</v>
      </c>
      <c r="G3375">
        <v>160</v>
      </c>
      <c r="H3375" t="s">
        <v>652</v>
      </c>
      <c r="I3375">
        <v>2094</v>
      </c>
      <c r="J3375" t="s">
        <v>678</v>
      </c>
      <c r="K3375">
        <v>41</v>
      </c>
      <c r="L3375" t="s">
        <v>2576</v>
      </c>
      <c r="M3375">
        <v>2181</v>
      </c>
      <c r="N3375" t="s">
        <v>654</v>
      </c>
      <c r="O3375">
        <v>3</v>
      </c>
      <c r="P3375" t="s">
        <v>655</v>
      </c>
      <c r="Q3375">
        <v>1</v>
      </c>
      <c r="R3375" t="s">
        <v>656</v>
      </c>
      <c r="S3375">
        <v>2</v>
      </c>
      <c r="T3375" t="s">
        <v>661</v>
      </c>
      <c r="U3375">
        <v>8</v>
      </c>
      <c r="V3375">
        <v>2</v>
      </c>
      <c r="W3375">
        <v>120</v>
      </c>
      <c r="X3375">
        <v>2020</v>
      </c>
    </row>
    <row r="3376" spans="1:24" x14ac:dyDescent="0.25">
      <c r="A3376">
        <v>7770</v>
      </c>
      <c r="B3376" t="s">
        <v>140</v>
      </c>
      <c r="C3376">
        <v>34</v>
      </c>
      <c r="D3376" t="s">
        <v>501</v>
      </c>
      <c r="E3376">
        <v>268</v>
      </c>
      <c r="F3376" t="s">
        <v>651</v>
      </c>
      <c r="G3376">
        <v>160</v>
      </c>
      <c r="H3376" t="s">
        <v>652</v>
      </c>
      <c r="I3376">
        <v>2094</v>
      </c>
      <c r="J3376" t="s">
        <v>794</v>
      </c>
      <c r="K3376">
        <v>40</v>
      </c>
      <c r="L3376" t="s">
        <v>2577</v>
      </c>
      <c r="M3376">
        <v>2180</v>
      </c>
      <c r="N3376" t="s">
        <v>654</v>
      </c>
      <c r="O3376">
        <v>3</v>
      </c>
      <c r="P3376" t="s">
        <v>655</v>
      </c>
      <c r="Q3376">
        <v>1</v>
      </c>
      <c r="R3376" t="s">
        <v>656</v>
      </c>
      <c r="S3376">
        <v>2</v>
      </c>
      <c r="T3376" t="s">
        <v>661</v>
      </c>
      <c r="U3376">
        <v>8</v>
      </c>
      <c r="V3376">
        <v>2</v>
      </c>
      <c r="W3376">
        <v>120</v>
      </c>
      <c r="X3376">
        <v>2020</v>
      </c>
    </row>
    <row r="3377" spans="1:24" x14ac:dyDescent="0.25">
      <c r="A3377">
        <v>7769</v>
      </c>
      <c r="B3377" t="s">
        <v>140</v>
      </c>
      <c r="C3377">
        <v>34</v>
      </c>
      <c r="D3377" t="s">
        <v>501</v>
      </c>
      <c r="E3377">
        <v>268</v>
      </c>
      <c r="F3377" t="s">
        <v>651</v>
      </c>
      <c r="G3377">
        <v>160</v>
      </c>
      <c r="H3377" t="s">
        <v>652</v>
      </c>
      <c r="I3377">
        <v>2094</v>
      </c>
      <c r="J3377" t="s">
        <v>909</v>
      </c>
      <c r="K3377">
        <v>39</v>
      </c>
      <c r="L3377" t="s">
        <v>2578</v>
      </c>
      <c r="M3377">
        <v>2179</v>
      </c>
      <c r="N3377" t="s">
        <v>654</v>
      </c>
      <c r="O3377">
        <v>3</v>
      </c>
      <c r="P3377" t="s">
        <v>655</v>
      </c>
      <c r="Q3377">
        <v>1</v>
      </c>
      <c r="R3377" t="s">
        <v>656</v>
      </c>
      <c r="S3377">
        <v>2</v>
      </c>
      <c r="T3377" t="s">
        <v>661</v>
      </c>
      <c r="U3377">
        <v>8</v>
      </c>
      <c r="V3377">
        <v>2</v>
      </c>
      <c r="W3377">
        <v>120</v>
      </c>
      <c r="X3377">
        <v>2020</v>
      </c>
    </row>
    <row r="3378" spans="1:24" x14ac:dyDescent="0.25">
      <c r="A3378">
        <v>7768</v>
      </c>
      <c r="B3378" t="s">
        <v>140</v>
      </c>
      <c r="C3378">
        <v>34</v>
      </c>
      <c r="D3378" t="s">
        <v>502</v>
      </c>
      <c r="E3378">
        <v>266</v>
      </c>
      <c r="F3378" t="s">
        <v>651</v>
      </c>
      <c r="G3378">
        <v>160</v>
      </c>
      <c r="H3378" t="s">
        <v>652</v>
      </c>
      <c r="I3378">
        <v>2094</v>
      </c>
      <c r="J3378" t="s">
        <v>839</v>
      </c>
      <c r="K3378">
        <v>89</v>
      </c>
      <c r="L3378" t="s">
        <v>1747</v>
      </c>
      <c r="M3378">
        <v>1032</v>
      </c>
      <c r="N3378" t="s">
        <v>654</v>
      </c>
      <c r="O3378">
        <v>3</v>
      </c>
      <c r="P3378" t="s">
        <v>655</v>
      </c>
      <c r="Q3378">
        <v>1</v>
      </c>
      <c r="R3378" t="s">
        <v>656</v>
      </c>
      <c r="S3378">
        <v>2</v>
      </c>
      <c r="T3378" t="s">
        <v>661</v>
      </c>
      <c r="U3378">
        <v>8</v>
      </c>
      <c r="V3378">
        <v>2</v>
      </c>
      <c r="W3378">
        <v>120</v>
      </c>
      <c r="X3378">
        <v>2020</v>
      </c>
    </row>
    <row r="3379" spans="1:24" x14ac:dyDescent="0.25">
      <c r="A3379">
        <v>7767</v>
      </c>
      <c r="B3379" t="s">
        <v>140</v>
      </c>
      <c r="C3379">
        <v>34</v>
      </c>
      <c r="D3379" t="s">
        <v>502</v>
      </c>
      <c r="E3379">
        <v>266</v>
      </c>
      <c r="F3379" t="s">
        <v>651</v>
      </c>
      <c r="G3379">
        <v>160</v>
      </c>
      <c r="H3379" t="s">
        <v>652</v>
      </c>
      <c r="I3379">
        <v>2094</v>
      </c>
      <c r="J3379" t="s">
        <v>839</v>
      </c>
      <c r="K3379">
        <v>89</v>
      </c>
      <c r="L3379" t="s">
        <v>2579</v>
      </c>
      <c r="M3379">
        <v>2178</v>
      </c>
      <c r="N3379" t="s">
        <v>654</v>
      </c>
      <c r="O3379">
        <v>3</v>
      </c>
      <c r="P3379" t="s">
        <v>655</v>
      </c>
      <c r="Q3379">
        <v>1</v>
      </c>
      <c r="R3379" t="s">
        <v>656</v>
      </c>
      <c r="S3379">
        <v>2</v>
      </c>
      <c r="T3379" t="s">
        <v>661</v>
      </c>
      <c r="U3379">
        <v>8</v>
      </c>
      <c r="V3379">
        <v>2</v>
      </c>
      <c r="W3379">
        <v>120</v>
      </c>
      <c r="X3379">
        <v>2020</v>
      </c>
    </row>
    <row r="3380" spans="1:24" x14ac:dyDescent="0.25">
      <c r="A3380">
        <v>7766</v>
      </c>
      <c r="B3380" t="s">
        <v>140</v>
      </c>
      <c r="C3380">
        <v>34</v>
      </c>
      <c r="D3380" t="s">
        <v>426</v>
      </c>
      <c r="E3380">
        <v>265</v>
      </c>
      <c r="F3380" t="s">
        <v>651</v>
      </c>
      <c r="G3380">
        <v>160</v>
      </c>
      <c r="H3380" t="s">
        <v>652</v>
      </c>
      <c r="I3380">
        <v>2094</v>
      </c>
      <c r="J3380" t="s">
        <v>663</v>
      </c>
      <c r="K3380">
        <v>99</v>
      </c>
      <c r="L3380" t="s">
        <v>2580</v>
      </c>
      <c r="M3380">
        <v>2177</v>
      </c>
      <c r="N3380" t="s">
        <v>654</v>
      </c>
      <c r="O3380">
        <v>3</v>
      </c>
      <c r="P3380" t="s">
        <v>655</v>
      </c>
      <c r="Q3380">
        <v>1</v>
      </c>
      <c r="R3380" t="s">
        <v>656</v>
      </c>
      <c r="S3380">
        <v>2</v>
      </c>
      <c r="T3380" t="s">
        <v>1009</v>
      </c>
      <c r="U3380">
        <v>35</v>
      </c>
      <c r="V3380">
        <v>2</v>
      </c>
      <c r="W3380">
        <v>120</v>
      </c>
      <c r="X3380">
        <v>2020</v>
      </c>
    </row>
    <row r="3381" spans="1:24" x14ac:dyDescent="0.25">
      <c r="A3381">
        <v>7765</v>
      </c>
      <c r="B3381" t="s">
        <v>140</v>
      </c>
      <c r="C3381">
        <v>34</v>
      </c>
      <c r="D3381" t="s">
        <v>426</v>
      </c>
      <c r="E3381">
        <v>265</v>
      </c>
      <c r="F3381" t="s">
        <v>651</v>
      </c>
      <c r="G3381">
        <v>160</v>
      </c>
      <c r="H3381" t="s">
        <v>652</v>
      </c>
      <c r="I3381">
        <v>2094</v>
      </c>
      <c r="J3381" t="s">
        <v>663</v>
      </c>
      <c r="K3381">
        <v>99</v>
      </c>
      <c r="L3381" t="s">
        <v>2581</v>
      </c>
      <c r="M3381">
        <v>2176</v>
      </c>
      <c r="N3381" t="s">
        <v>654</v>
      </c>
      <c r="O3381">
        <v>3</v>
      </c>
      <c r="P3381" t="s">
        <v>655</v>
      </c>
      <c r="Q3381">
        <v>1</v>
      </c>
      <c r="R3381" t="s">
        <v>656</v>
      </c>
      <c r="S3381">
        <v>2</v>
      </c>
      <c r="T3381" t="s">
        <v>661</v>
      </c>
      <c r="U3381">
        <v>8</v>
      </c>
      <c r="V3381">
        <v>2</v>
      </c>
      <c r="W3381">
        <v>120</v>
      </c>
      <c r="X3381">
        <v>2020</v>
      </c>
    </row>
    <row r="3382" spans="1:24" x14ac:dyDescent="0.25">
      <c r="A3382">
        <v>7764</v>
      </c>
      <c r="B3382" t="s">
        <v>140</v>
      </c>
      <c r="C3382">
        <v>34</v>
      </c>
      <c r="D3382" t="s">
        <v>426</v>
      </c>
      <c r="E3382">
        <v>265</v>
      </c>
      <c r="F3382" t="s">
        <v>651</v>
      </c>
      <c r="G3382">
        <v>160</v>
      </c>
      <c r="H3382" t="s">
        <v>652</v>
      </c>
      <c r="I3382">
        <v>2094</v>
      </c>
      <c r="J3382" t="s">
        <v>663</v>
      </c>
      <c r="K3382">
        <v>99</v>
      </c>
      <c r="L3382" t="s">
        <v>2582</v>
      </c>
      <c r="M3382">
        <v>2175</v>
      </c>
      <c r="N3382" t="s">
        <v>654</v>
      </c>
      <c r="O3382">
        <v>3</v>
      </c>
      <c r="P3382" t="s">
        <v>655</v>
      </c>
      <c r="Q3382">
        <v>1</v>
      </c>
      <c r="R3382" t="s">
        <v>656</v>
      </c>
      <c r="S3382">
        <v>2</v>
      </c>
      <c r="T3382" t="s">
        <v>661</v>
      </c>
      <c r="U3382">
        <v>8</v>
      </c>
      <c r="V3382">
        <v>2</v>
      </c>
      <c r="W3382">
        <v>120</v>
      </c>
      <c r="X3382">
        <v>2020</v>
      </c>
    </row>
    <row r="3383" spans="1:24" x14ac:dyDescent="0.25">
      <c r="A3383">
        <v>7763</v>
      </c>
      <c r="B3383" t="s">
        <v>140</v>
      </c>
      <c r="C3383">
        <v>34</v>
      </c>
      <c r="D3383" t="s">
        <v>357</v>
      </c>
      <c r="E3383">
        <v>595</v>
      </c>
      <c r="F3383" t="s">
        <v>651</v>
      </c>
      <c r="G3383">
        <v>160</v>
      </c>
      <c r="H3383" t="s">
        <v>652</v>
      </c>
      <c r="I3383">
        <v>2094</v>
      </c>
      <c r="J3383" t="s">
        <v>894</v>
      </c>
      <c r="K3383">
        <v>18</v>
      </c>
      <c r="L3383" t="s">
        <v>2583</v>
      </c>
      <c r="M3383">
        <v>2174</v>
      </c>
      <c r="N3383" t="s">
        <v>654</v>
      </c>
      <c r="O3383">
        <v>3</v>
      </c>
      <c r="P3383" t="s">
        <v>655</v>
      </c>
      <c r="Q3383">
        <v>1</v>
      </c>
      <c r="R3383" t="s">
        <v>656</v>
      </c>
      <c r="S3383">
        <v>2</v>
      </c>
      <c r="T3383" t="s">
        <v>661</v>
      </c>
      <c r="U3383">
        <v>8</v>
      </c>
      <c r="V3383">
        <v>2</v>
      </c>
      <c r="W3383">
        <v>120</v>
      </c>
      <c r="X3383">
        <v>2020</v>
      </c>
    </row>
    <row r="3384" spans="1:24" x14ac:dyDescent="0.25">
      <c r="A3384">
        <v>7762</v>
      </c>
      <c r="B3384" t="s">
        <v>140</v>
      </c>
      <c r="C3384">
        <v>34</v>
      </c>
      <c r="D3384" t="s">
        <v>357</v>
      </c>
      <c r="E3384">
        <v>595</v>
      </c>
      <c r="F3384" t="s">
        <v>651</v>
      </c>
      <c r="G3384">
        <v>160</v>
      </c>
      <c r="H3384" t="s">
        <v>652</v>
      </c>
      <c r="I3384">
        <v>2094</v>
      </c>
      <c r="J3384" t="s">
        <v>756</v>
      </c>
      <c r="K3384">
        <v>19</v>
      </c>
      <c r="L3384" t="s">
        <v>2584</v>
      </c>
      <c r="M3384">
        <v>1146</v>
      </c>
      <c r="N3384" t="s">
        <v>654</v>
      </c>
      <c r="O3384">
        <v>3</v>
      </c>
      <c r="P3384" t="s">
        <v>655</v>
      </c>
      <c r="Q3384">
        <v>1</v>
      </c>
      <c r="R3384" t="s">
        <v>656</v>
      </c>
      <c r="S3384">
        <v>2</v>
      </c>
      <c r="T3384" t="s">
        <v>661</v>
      </c>
      <c r="U3384">
        <v>8</v>
      </c>
      <c r="V3384">
        <v>2</v>
      </c>
      <c r="W3384">
        <v>120</v>
      </c>
      <c r="X3384">
        <v>2020</v>
      </c>
    </row>
    <row r="3385" spans="1:24" x14ac:dyDescent="0.25">
      <c r="A3385">
        <v>7760</v>
      </c>
      <c r="B3385" t="s">
        <v>140</v>
      </c>
      <c r="C3385">
        <v>34</v>
      </c>
      <c r="D3385" t="s">
        <v>357</v>
      </c>
      <c r="E3385">
        <v>595</v>
      </c>
      <c r="F3385" t="s">
        <v>651</v>
      </c>
      <c r="G3385">
        <v>160</v>
      </c>
      <c r="H3385" t="s">
        <v>652</v>
      </c>
      <c r="I3385">
        <v>2094</v>
      </c>
      <c r="J3385" t="s">
        <v>756</v>
      </c>
      <c r="K3385">
        <v>19</v>
      </c>
      <c r="L3385" t="s">
        <v>2403</v>
      </c>
      <c r="M3385">
        <v>855</v>
      </c>
      <c r="N3385" t="s">
        <v>654</v>
      </c>
      <c r="O3385">
        <v>3</v>
      </c>
      <c r="P3385" t="s">
        <v>655</v>
      </c>
      <c r="Q3385">
        <v>1</v>
      </c>
      <c r="R3385" t="s">
        <v>656</v>
      </c>
      <c r="S3385">
        <v>2</v>
      </c>
      <c r="T3385" t="s">
        <v>718</v>
      </c>
      <c r="U3385">
        <v>2</v>
      </c>
      <c r="V3385">
        <v>2</v>
      </c>
      <c r="W3385">
        <v>120</v>
      </c>
      <c r="X3385">
        <v>2020</v>
      </c>
    </row>
    <row r="3386" spans="1:24" x14ac:dyDescent="0.25">
      <c r="A3386">
        <v>7759</v>
      </c>
      <c r="B3386" t="s">
        <v>140</v>
      </c>
      <c r="C3386">
        <v>34</v>
      </c>
      <c r="D3386" t="s">
        <v>357</v>
      </c>
      <c r="E3386">
        <v>595</v>
      </c>
      <c r="F3386" t="s">
        <v>651</v>
      </c>
      <c r="G3386">
        <v>160</v>
      </c>
      <c r="H3386" t="s">
        <v>652</v>
      </c>
      <c r="I3386">
        <v>2094</v>
      </c>
      <c r="J3386" t="s">
        <v>756</v>
      </c>
      <c r="K3386">
        <v>19</v>
      </c>
      <c r="L3386" t="s">
        <v>2585</v>
      </c>
      <c r="M3386">
        <v>2173</v>
      </c>
      <c r="N3386" t="s">
        <v>654</v>
      </c>
      <c r="O3386">
        <v>3</v>
      </c>
      <c r="P3386" t="s">
        <v>655</v>
      </c>
      <c r="Q3386">
        <v>1</v>
      </c>
      <c r="R3386" t="s">
        <v>656</v>
      </c>
      <c r="S3386">
        <v>2</v>
      </c>
      <c r="T3386" t="s">
        <v>661</v>
      </c>
      <c r="U3386">
        <v>8</v>
      </c>
      <c r="V3386">
        <v>2</v>
      </c>
      <c r="W3386">
        <v>120</v>
      </c>
      <c r="X3386">
        <v>2020</v>
      </c>
    </row>
    <row r="3387" spans="1:24" x14ac:dyDescent="0.25">
      <c r="A3387">
        <v>7758</v>
      </c>
      <c r="B3387" t="s">
        <v>140</v>
      </c>
      <c r="C3387">
        <v>34</v>
      </c>
      <c r="D3387" t="s">
        <v>357</v>
      </c>
      <c r="E3387">
        <v>595</v>
      </c>
      <c r="F3387" t="s">
        <v>651</v>
      </c>
      <c r="G3387">
        <v>160</v>
      </c>
      <c r="H3387" t="s">
        <v>652</v>
      </c>
      <c r="I3387">
        <v>2094</v>
      </c>
      <c r="J3387" t="s">
        <v>756</v>
      </c>
      <c r="K3387">
        <v>19</v>
      </c>
      <c r="L3387" t="s">
        <v>2586</v>
      </c>
      <c r="M3387">
        <v>2172</v>
      </c>
      <c r="N3387" t="s">
        <v>654</v>
      </c>
      <c r="O3387">
        <v>3</v>
      </c>
      <c r="P3387" t="s">
        <v>655</v>
      </c>
      <c r="Q3387">
        <v>1</v>
      </c>
      <c r="R3387" t="s">
        <v>656</v>
      </c>
      <c r="S3387">
        <v>2</v>
      </c>
      <c r="T3387" t="s">
        <v>661</v>
      </c>
      <c r="U3387">
        <v>8</v>
      </c>
      <c r="V3387">
        <v>2</v>
      </c>
      <c r="W3387">
        <v>120</v>
      </c>
      <c r="X3387">
        <v>2020</v>
      </c>
    </row>
    <row r="3388" spans="1:24" x14ac:dyDescent="0.25">
      <c r="A3388">
        <v>7757</v>
      </c>
      <c r="B3388" t="s">
        <v>140</v>
      </c>
      <c r="C3388">
        <v>34</v>
      </c>
      <c r="D3388" t="s">
        <v>357</v>
      </c>
      <c r="E3388">
        <v>595</v>
      </c>
      <c r="F3388" t="s">
        <v>651</v>
      </c>
      <c r="G3388">
        <v>160</v>
      </c>
      <c r="H3388" t="s">
        <v>652</v>
      </c>
      <c r="I3388">
        <v>2094</v>
      </c>
      <c r="J3388" t="s">
        <v>802</v>
      </c>
      <c r="K3388">
        <v>12</v>
      </c>
      <c r="L3388" t="s">
        <v>2587</v>
      </c>
      <c r="M3388">
        <v>2171</v>
      </c>
      <c r="N3388" t="s">
        <v>654</v>
      </c>
      <c r="O3388">
        <v>3</v>
      </c>
      <c r="P3388" t="s">
        <v>655</v>
      </c>
      <c r="Q3388">
        <v>1</v>
      </c>
      <c r="R3388" t="s">
        <v>656</v>
      </c>
      <c r="S3388">
        <v>2</v>
      </c>
      <c r="T3388" t="s">
        <v>661</v>
      </c>
      <c r="U3388">
        <v>8</v>
      </c>
      <c r="V3388">
        <v>2</v>
      </c>
      <c r="W3388">
        <v>120</v>
      </c>
      <c r="X3388">
        <v>2020</v>
      </c>
    </row>
    <row r="3389" spans="1:24" x14ac:dyDescent="0.25">
      <c r="A3389">
        <v>7753</v>
      </c>
      <c r="B3389" t="s">
        <v>140</v>
      </c>
      <c r="C3389">
        <v>34</v>
      </c>
      <c r="D3389" t="s">
        <v>503</v>
      </c>
      <c r="E3389">
        <v>263</v>
      </c>
      <c r="F3389" t="s">
        <v>651</v>
      </c>
      <c r="G3389">
        <v>160</v>
      </c>
      <c r="H3389" t="s">
        <v>652</v>
      </c>
      <c r="I3389">
        <v>2094</v>
      </c>
      <c r="J3389" t="s">
        <v>716</v>
      </c>
      <c r="K3389">
        <v>68</v>
      </c>
      <c r="L3389" t="s">
        <v>818</v>
      </c>
      <c r="M3389">
        <v>2167</v>
      </c>
      <c r="N3389" t="s">
        <v>654</v>
      </c>
      <c r="O3389">
        <v>3</v>
      </c>
      <c r="P3389" t="s">
        <v>655</v>
      </c>
      <c r="Q3389">
        <v>1</v>
      </c>
      <c r="R3389" t="s">
        <v>656</v>
      </c>
      <c r="S3389">
        <v>2</v>
      </c>
      <c r="T3389" t="s">
        <v>718</v>
      </c>
      <c r="U3389">
        <v>2</v>
      </c>
      <c r="V3389">
        <v>2</v>
      </c>
      <c r="W3389">
        <v>120</v>
      </c>
      <c r="X3389">
        <v>2020</v>
      </c>
    </row>
    <row r="3390" spans="1:24" x14ac:dyDescent="0.25">
      <c r="A3390">
        <v>7751</v>
      </c>
      <c r="B3390" t="s">
        <v>140</v>
      </c>
      <c r="C3390">
        <v>34</v>
      </c>
      <c r="D3390" t="s">
        <v>501</v>
      </c>
      <c r="E3390">
        <v>268</v>
      </c>
      <c r="F3390" t="s">
        <v>651</v>
      </c>
      <c r="G3390">
        <v>160</v>
      </c>
      <c r="H3390" t="s">
        <v>652</v>
      </c>
      <c r="I3390">
        <v>2094</v>
      </c>
      <c r="J3390" t="s">
        <v>730</v>
      </c>
      <c r="K3390">
        <v>66</v>
      </c>
      <c r="L3390" t="s">
        <v>2588</v>
      </c>
      <c r="M3390">
        <v>2165</v>
      </c>
      <c r="N3390" t="s">
        <v>654</v>
      </c>
      <c r="O3390">
        <v>3</v>
      </c>
      <c r="P3390" t="s">
        <v>655</v>
      </c>
      <c r="Q3390">
        <v>1</v>
      </c>
      <c r="R3390" t="s">
        <v>656</v>
      </c>
      <c r="S3390">
        <v>2</v>
      </c>
      <c r="T3390" t="s">
        <v>661</v>
      </c>
      <c r="U3390">
        <v>8</v>
      </c>
      <c r="V3390">
        <v>2</v>
      </c>
      <c r="W3390">
        <v>120</v>
      </c>
      <c r="X3390">
        <v>2020</v>
      </c>
    </row>
    <row r="3391" spans="1:24" x14ac:dyDescent="0.25">
      <c r="A3391">
        <v>7748</v>
      </c>
      <c r="B3391" t="s">
        <v>140</v>
      </c>
      <c r="C3391">
        <v>34</v>
      </c>
      <c r="D3391" t="s">
        <v>503</v>
      </c>
      <c r="E3391">
        <v>263</v>
      </c>
      <c r="F3391" t="s">
        <v>651</v>
      </c>
      <c r="G3391">
        <v>160</v>
      </c>
      <c r="H3391" t="s">
        <v>652</v>
      </c>
      <c r="I3391">
        <v>2094</v>
      </c>
      <c r="J3391" t="s">
        <v>730</v>
      </c>
      <c r="K3391">
        <v>66</v>
      </c>
      <c r="L3391" t="s">
        <v>2589</v>
      </c>
      <c r="M3391">
        <v>2162</v>
      </c>
      <c r="N3391" t="s">
        <v>654</v>
      </c>
      <c r="O3391">
        <v>3</v>
      </c>
      <c r="P3391" t="s">
        <v>655</v>
      </c>
      <c r="Q3391">
        <v>1</v>
      </c>
      <c r="R3391" t="s">
        <v>656</v>
      </c>
      <c r="S3391">
        <v>2</v>
      </c>
      <c r="T3391" t="s">
        <v>661</v>
      </c>
      <c r="U3391">
        <v>8</v>
      </c>
      <c r="V3391">
        <v>2</v>
      </c>
      <c r="W3391">
        <v>120</v>
      </c>
      <c r="X3391">
        <v>2020</v>
      </c>
    </row>
    <row r="3392" spans="1:24" x14ac:dyDescent="0.25">
      <c r="A3392">
        <v>7747</v>
      </c>
      <c r="B3392" t="s">
        <v>140</v>
      </c>
      <c r="C3392">
        <v>34</v>
      </c>
      <c r="D3392" t="s">
        <v>358</v>
      </c>
      <c r="E3392">
        <v>594</v>
      </c>
      <c r="F3392" t="s">
        <v>651</v>
      </c>
      <c r="G3392">
        <v>160</v>
      </c>
      <c r="H3392" t="s">
        <v>652</v>
      </c>
      <c r="I3392">
        <v>2094</v>
      </c>
      <c r="J3392" t="s">
        <v>730</v>
      </c>
      <c r="K3392">
        <v>66</v>
      </c>
      <c r="L3392" t="s">
        <v>2590</v>
      </c>
      <c r="M3392">
        <v>2161</v>
      </c>
      <c r="N3392" t="s">
        <v>654</v>
      </c>
      <c r="O3392">
        <v>3</v>
      </c>
      <c r="P3392" t="s">
        <v>655</v>
      </c>
      <c r="Q3392">
        <v>1</v>
      </c>
      <c r="R3392" t="s">
        <v>656</v>
      </c>
      <c r="S3392">
        <v>2</v>
      </c>
      <c r="T3392" t="s">
        <v>661</v>
      </c>
      <c r="U3392">
        <v>8</v>
      </c>
      <c r="V3392">
        <v>2</v>
      </c>
      <c r="W3392">
        <v>120</v>
      </c>
      <c r="X3392">
        <v>2020</v>
      </c>
    </row>
    <row r="3393" spans="1:24" x14ac:dyDescent="0.25">
      <c r="A3393">
        <v>7746</v>
      </c>
      <c r="B3393" t="s">
        <v>140</v>
      </c>
      <c r="C3393">
        <v>34</v>
      </c>
      <c r="D3393" t="s">
        <v>504</v>
      </c>
      <c r="E3393">
        <v>262</v>
      </c>
      <c r="F3393" t="s">
        <v>651</v>
      </c>
      <c r="G3393">
        <v>160</v>
      </c>
      <c r="H3393" t="s">
        <v>652</v>
      </c>
      <c r="I3393">
        <v>2094</v>
      </c>
      <c r="J3393" t="s">
        <v>730</v>
      </c>
      <c r="K3393">
        <v>66</v>
      </c>
      <c r="L3393" t="s">
        <v>2591</v>
      </c>
      <c r="M3393">
        <v>2160</v>
      </c>
      <c r="N3393" t="s">
        <v>654</v>
      </c>
      <c r="O3393">
        <v>3</v>
      </c>
      <c r="P3393" t="s">
        <v>655</v>
      </c>
      <c r="Q3393">
        <v>1</v>
      </c>
      <c r="R3393" t="s">
        <v>656</v>
      </c>
      <c r="S3393">
        <v>2</v>
      </c>
      <c r="T3393" t="s">
        <v>661</v>
      </c>
      <c r="U3393">
        <v>8</v>
      </c>
      <c r="V3393">
        <v>2</v>
      </c>
      <c r="W3393">
        <v>120</v>
      </c>
      <c r="X3393">
        <v>2020</v>
      </c>
    </row>
    <row r="3394" spans="1:24" x14ac:dyDescent="0.25">
      <c r="A3394">
        <v>7744</v>
      </c>
      <c r="B3394" t="s">
        <v>140</v>
      </c>
      <c r="C3394">
        <v>34</v>
      </c>
      <c r="D3394" t="s">
        <v>503</v>
      </c>
      <c r="E3394">
        <v>263</v>
      </c>
      <c r="F3394" t="s">
        <v>651</v>
      </c>
      <c r="G3394">
        <v>160</v>
      </c>
      <c r="H3394" t="s">
        <v>652</v>
      </c>
      <c r="I3394">
        <v>2094</v>
      </c>
      <c r="J3394" t="s">
        <v>693</v>
      </c>
      <c r="K3394">
        <v>56</v>
      </c>
      <c r="L3394" t="s">
        <v>2592</v>
      </c>
      <c r="M3394">
        <v>2158</v>
      </c>
      <c r="N3394" t="s">
        <v>654</v>
      </c>
      <c r="O3394">
        <v>3</v>
      </c>
      <c r="P3394" t="s">
        <v>655</v>
      </c>
      <c r="Q3394">
        <v>1</v>
      </c>
      <c r="R3394" t="s">
        <v>656</v>
      </c>
      <c r="S3394">
        <v>2</v>
      </c>
      <c r="T3394" t="s">
        <v>661</v>
      </c>
      <c r="U3394">
        <v>8</v>
      </c>
      <c r="V3394">
        <v>2</v>
      </c>
      <c r="W3394">
        <v>120</v>
      </c>
      <c r="X3394">
        <v>2020</v>
      </c>
    </row>
    <row r="3395" spans="1:24" x14ac:dyDescent="0.25">
      <c r="A3395">
        <v>7742</v>
      </c>
      <c r="B3395" t="s">
        <v>140</v>
      </c>
      <c r="C3395">
        <v>34</v>
      </c>
      <c r="D3395" t="s">
        <v>358</v>
      </c>
      <c r="E3395">
        <v>594</v>
      </c>
      <c r="F3395" t="s">
        <v>651</v>
      </c>
      <c r="G3395">
        <v>160</v>
      </c>
      <c r="H3395" t="s">
        <v>652</v>
      </c>
      <c r="I3395">
        <v>2094</v>
      </c>
      <c r="J3395" t="s">
        <v>695</v>
      </c>
      <c r="K3395">
        <v>54</v>
      </c>
      <c r="L3395" t="s">
        <v>2354</v>
      </c>
      <c r="M3395">
        <v>1947</v>
      </c>
      <c r="N3395" t="s">
        <v>654</v>
      </c>
      <c r="O3395">
        <v>3</v>
      </c>
      <c r="P3395" t="s">
        <v>655</v>
      </c>
      <c r="Q3395">
        <v>1</v>
      </c>
      <c r="R3395" t="s">
        <v>656</v>
      </c>
      <c r="S3395">
        <v>2</v>
      </c>
      <c r="T3395" t="s">
        <v>661</v>
      </c>
      <c r="U3395">
        <v>8</v>
      </c>
      <c r="V3395">
        <v>2</v>
      </c>
      <c r="W3395">
        <v>120</v>
      </c>
      <c r="X3395">
        <v>2020</v>
      </c>
    </row>
    <row r="3396" spans="1:24" x14ac:dyDescent="0.25">
      <c r="A3396">
        <v>7741</v>
      </c>
      <c r="B3396" t="s">
        <v>140</v>
      </c>
      <c r="C3396">
        <v>34</v>
      </c>
      <c r="D3396" t="s">
        <v>358</v>
      </c>
      <c r="E3396">
        <v>594</v>
      </c>
      <c r="F3396" t="s">
        <v>651</v>
      </c>
      <c r="G3396">
        <v>160</v>
      </c>
      <c r="H3396" t="s">
        <v>652</v>
      </c>
      <c r="I3396">
        <v>2094</v>
      </c>
      <c r="J3396" t="s">
        <v>695</v>
      </c>
      <c r="K3396">
        <v>54</v>
      </c>
      <c r="L3396" t="s">
        <v>2593</v>
      </c>
      <c r="M3396">
        <v>1366</v>
      </c>
      <c r="N3396" t="s">
        <v>654</v>
      </c>
      <c r="O3396">
        <v>3</v>
      </c>
      <c r="P3396" t="s">
        <v>655</v>
      </c>
      <c r="Q3396">
        <v>1</v>
      </c>
      <c r="R3396" t="s">
        <v>656</v>
      </c>
      <c r="S3396">
        <v>2</v>
      </c>
      <c r="T3396" t="s">
        <v>661</v>
      </c>
      <c r="U3396">
        <v>8</v>
      </c>
      <c r="V3396">
        <v>2</v>
      </c>
      <c r="W3396">
        <v>120</v>
      </c>
      <c r="X3396">
        <v>2020</v>
      </c>
    </row>
    <row r="3397" spans="1:24" x14ac:dyDescent="0.25">
      <c r="A3397">
        <v>7740</v>
      </c>
      <c r="B3397" t="s">
        <v>140</v>
      </c>
      <c r="C3397">
        <v>34</v>
      </c>
      <c r="D3397" t="s">
        <v>504</v>
      </c>
      <c r="E3397">
        <v>262</v>
      </c>
      <c r="F3397" t="s">
        <v>651</v>
      </c>
      <c r="G3397">
        <v>160</v>
      </c>
      <c r="H3397" t="s">
        <v>652</v>
      </c>
      <c r="I3397">
        <v>2094</v>
      </c>
      <c r="J3397" t="s">
        <v>714</v>
      </c>
      <c r="K3397">
        <v>52</v>
      </c>
      <c r="L3397" t="s">
        <v>2594</v>
      </c>
      <c r="M3397">
        <v>2156</v>
      </c>
      <c r="N3397" t="s">
        <v>654</v>
      </c>
      <c r="O3397">
        <v>3</v>
      </c>
      <c r="P3397" t="s">
        <v>655</v>
      </c>
      <c r="Q3397">
        <v>1</v>
      </c>
      <c r="R3397" t="s">
        <v>656</v>
      </c>
      <c r="S3397">
        <v>2</v>
      </c>
      <c r="T3397" t="s">
        <v>661</v>
      </c>
      <c r="U3397">
        <v>8</v>
      </c>
      <c r="V3397">
        <v>2</v>
      </c>
      <c r="W3397">
        <v>120</v>
      </c>
      <c r="X3397">
        <v>2020</v>
      </c>
    </row>
    <row r="3398" spans="1:24" x14ac:dyDescent="0.25">
      <c r="A3398">
        <v>7737</v>
      </c>
      <c r="B3398" t="s">
        <v>140</v>
      </c>
      <c r="C3398">
        <v>34</v>
      </c>
      <c r="D3398" t="s">
        <v>504</v>
      </c>
      <c r="E3398">
        <v>262</v>
      </c>
      <c r="F3398" t="s">
        <v>651</v>
      </c>
      <c r="G3398">
        <v>160</v>
      </c>
      <c r="H3398" t="s">
        <v>652</v>
      </c>
      <c r="I3398">
        <v>2094</v>
      </c>
      <c r="J3398" t="s">
        <v>710</v>
      </c>
      <c r="K3398">
        <v>53</v>
      </c>
      <c r="L3398" t="s">
        <v>2595</v>
      </c>
      <c r="M3398">
        <v>2153</v>
      </c>
      <c r="N3398" t="s">
        <v>654</v>
      </c>
      <c r="O3398">
        <v>3</v>
      </c>
      <c r="P3398" t="s">
        <v>655</v>
      </c>
      <c r="Q3398">
        <v>1</v>
      </c>
      <c r="R3398" t="s">
        <v>656</v>
      </c>
      <c r="S3398">
        <v>2</v>
      </c>
      <c r="T3398" t="s">
        <v>661</v>
      </c>
      <c r="U3398">
        <v>8</v>
      </c>
      <c r="V3398">
        <v>2</v>
      </c>
      <c r="W3398">
        <v>120</v>
      </c>
      <c r="X3398">
        <v>2020</v>
      </c>
    </row>
    <row r="3399" spans="1:24" x14ac:dyDescent="0.25">
      <c r="A3399">
        <v>7735</v>
      </c>
      <c r="B3399" t="s">
        <v>140</v>
      </c>
      <c r="C3399">
        <v>34</v>
      </c>
      <c r="D3399" t="s">
        <v>504</v>
      </c>
      <c r="E3399">
        <v>262</v>
      </c>
      <c r="F3399" t="s">
        <v>651</v>
      </c>
      <c r="G3399">
        <v>160</v>
      </c>
      <c r="H3399" t="s">
        <v>652</v>
      </c>
      <c r="I3399">
        <v>2094</v>
      </c>
      <c r="J3399" t="s">
        <v>797</v>
      </c>
      <c r="K3399">
        <v>65</v>
      </c>
      <c r="L3399" t="s">
        <v>2596</v>
      </c>
      <c r="M3399">
        <v>2152</v>
      </c>
      <c r="N3399" t="s">
        <v>654</v>
      </c>
      <c r="O3399">
        <v>3</v>
      </c>
      <c r="P3399" t="s">
        <v>655</v>
      </c>
      <c r="Q3399">
        <v>1</v>
      </c>
      <c r="R3399" t="s">
        <v>656</v>
      </c>
      <c r="S3399">
        <v>2</v>
      </c>
      <c r="T3399" t="s">
        <v>661</v>
      </c>
      <c r="U3399">
        <v>8</v>
      </c>
      <c r="V3399">
        <v>2</v>
      </c>
      <c r="W3399">
        <v>120</v>
      </c>
      <c r="X3399">
        <v>2020</v>
      </c>
    </row>
    <row r="3400" spans="1:24" x14ac:dyDescent="0.25">
      <c r="A3400">
        <v>7732</v>
      </c>
      <c r="B3400" t="s">
        <v>140</v>
      </c>
      <c r="C3400">
        <v>34</v>
      </c>
      <c r="D3400" t="s">
        <v>504</v>
      </c>
      <c r="E3400">
        <v>262</v>
      </c>
      <c r="F3400" t="s">
        <v>651</v>
      </c>
      <c r="G3400">
        <v>160</v>
      </c>
      <c r="H3400" t="s">
        <v>652</v>
      </c>
      <c r="I3400">
        <v>2094</v>
      </c>
      <c r="J3400" t="s">
        <v>767</v>
      </c>
      <c r="K3400">
        <v>44</v>
      </c>
      <c r="L3400" t="s">
        <v>1713</v>
      </c>
      <c r="M3400">
        <v>543</v>
      </c>
      <c r="N3400" t="s">
        <v>654</v>
      </c>
      <c r="O3400">
        <v>3</v>
      </c>
      <c r="P3400" t="s">
        <v>655</v>
      </c>
      <c r="Q3400">
        <v>1</v>
      </c>
      <c r="R3400" t="s">
        <v>656</v>
      </c>
      <c r="S3400">
        <v>2</v>
      </c>
      <c r="T3400" t="s">
        <v>661</v>
      </c>
      <c r="U3400">
        <v>8</v>
      </c>
      <c r="V3400">
        <v>2</v>
      </c>
      <c r="W3400">
        <v>120</v>
      </c>
      <c r="X3400">
        <v>2020</v>
      </c>
    </row>
    <row r="3401" spans="1:24" x14ac:dyDescent="0.25">
      <c r="A3401">
        <v>7729</v>
      </c>
      <c r="B3401" t="s">
        <v>140</v>
      </c>
      <c r="C3401">
        <v>34</v>
      </c>
      <c r="D3401" t="s">
        <v>359</v>
      </c>
      <c r="E3401">
        <v>593</v>
      </c>
      <c r="F3401" t="s">
        <v>651</v>
      </c>
      <c r="G3401">
        <v>160</v>
      </c>
      <c r="H3401" t="s">
        <v>652</v>
      </c>
      <c r="I3401">
        <v>2094</v>
      </c>
      <c r="J3401" t="s">
        <v>792</v>
      </c>
      <c r="K3401">
        <v>6</v>
      </c>
      <c r="L3401" t="s">
        <v>2597</v>
      </c>
      <c r="M3401">
        <v>2147</v>
      </c>
      <c r="N3401" t="s">
        <v>654</v>
      </c>
      <c r="O3401">
        <v>3</v>
      </c>
      <c r="P3401" t="s">
        <v>655</v>
      </c>
      <c r="Q3401">
        <v>1</v>
      </c>
      <c r="R3401" t="s">
        <v>656</v>
      </c>
      <c r="S3401">
        <v>2</v>
      </c>
      <c r="T3401" t="s">
        <v>718</v>
      </c>
      <c r="U3401">
        <v>2</v>
      </c>
      <c r="V3401">
        <v>2</v>
      </c>
      <c r="W3401">
        <v>120</v>
      </c>
      <c r="X3401">
        <v>2020</v>
      </c>
    </row>
    <row r="3402" spans="1:24" x14ac:dyDescent="0.25">
      <c r="A3402">
        <v>7728</v>
      </c>
      <c r="B3402" t="s">
        <v>140</v>
      </c>
      <c r="C3402">
        <v>34</v>
      </c>
      <c r="D3402" t="s">
        <v>359</v>
      </c>
      <c r="E3402">
        <v>593</v>
      </c>
      <c r="F3402" t="s">
        <v>651</v>
      </c>
      <c r="G3402">
        <v>160</v>
      </c>
      <c r="H3402" t="s">
        <v>652</v>
      </c>
      <c r="I3402">
        <v>2094</v>
      </c>
      <c r="J3402" t="s">
        <v>792</v>
      </c>
      <c r="K3402">
        <v>6</v>
      </c>
      <c r="L3402" t="s">
        <v>2598</v>
      </c>
      <c r="M3402">
        <v>2146</v>
      </c>
      <c r="N3402" t="s">
        <v>654</v>
      </c>
      <c r="O3402">
        <v>3</v>
      </c>
      <c r="P3402" t="s">
        <v>655</v>
      </c>
      <c r="Q3402">
        <v>1</v>
      </c>
      <c r="R3402" t="s">
        <v>656</v>
      </c>
      <c r="S3402">
        <v>2</v>
      </c>
      <c r="T3402" t="s">
        <v>661</v>
      </c>
      <c r="U3402">
        <v>8</v>
      </c>
      <c r="V3402">
        <v>2</v>
      </c>
      <c r="W3402">
        <v>120</v>
      </c>
      <c r="X3402">
        <v>2020</v>
      </c>
    </row>
    <row r="3403" spans="1:24" x14ac:dyDescent="0.25">
      <c r="A3403">
        <v>7727</v>
      </c>
      <c r="B3403" t="s">
        <v>140</v>
      </c>
      <c r="C3403">
        <v>34</v>
      </c>
      <c r="D3403" t="s">
        <v>359</v>
      </c>
      <c r="E3403">
        <v>593</v>
      </c>
      <c r="F3403" t="s">
        <v>651</v>
      </c>
      <c r="G3403">
        <v>160</v>
      </c>
      <c r="H3403" t="s">
        <v>652</v>
      </c>
      <c r="I3403">
        <v>2094</v>
      </c>
      <c r="J3403" t="s">
        <v>792</v>
      </c>
      <c r="K3403">
        <v>6</v>
      </c>
      <c r="L3403" t="s">
        <v>2599</v>
      </c>
      <c r="M3403">
        <v>2145</v>
      </c>
      <c r="N3403" t="s">
        <v>654</v>
      </c>
      <c r="O3403">
        <v>3</v>
      </c>
      <c r="P3403" t="s">
        <v>655</v>
      </c>
      <c r="Q3403">
        <v>1</v>
      </c>
      <c r="R3403" t="s">
        <v>656</v>
      </c>
      <c r="S3403">
        <v>2</v>
      </c>
      <c r="T3403" t="s">
        <v>661</v>
      </c>
      <c r="U3403">
        <v>8</v>
      </c>
      <c r="V3403">
        <v>2</v>
      </c>
      <c r="W3403">
        <v>120</v>
      </c>
      <c r="X3403">
        <v>2020</v>
      </c>
    </row>
    <row r="3404" spans="1:24" x14ac:dyDescent="0.25">
      <c r="A3404">
        <v>7725</v>
      </c>
      <c r="B3404" t="s">
        <v>140</v>
      </c>
      <c r="C3404">
        <v>34</v>
      </c>
      <c r="D3404" t="s">
        <v>359</v>
      </c>
      <c r="E3404">
        <v>593</v>
      </c>
      <c r="F3404" t="s">
        <v>651</v>
      </c>
      <c r="G3404">
        <v>160</v>
      </c>
      <c r="H3404" t="s">
        <v>652</v>
      </c>
      <c r="I3404">
        <v>2094</v>
      </c>
      <c r="J3404" t="s">
        <v>819</v>
      </c>
      <c r="K3404">
        <v>101</v>
      </c>
      <c r="L3404" t="s">
        <v>2600</v>
      </c>
      <c r="M3404">
        <v>2143</v>
      </c>
      <c r="N3404" t="s">
        <v>654</v>
      </c>
      <c r="O3404">
        <v>3</v>
      </c>
      <c r="P3404" t="s">
        <v>655</v>
      </c>
      <c r="Q3404">
        <v>1</v>
      </c>
      <c r="R3404" t="s">
        <v>656</v>
      </c>
      <c r="S3404">
        <v>2</v>
      </c>
      <c r="T3404" t="s">
        <v>661</v>
      </c>
      <c r="U3404">
        <v>8</v>
      </c>
      <c r="V3404">
        <v>2</v>
      </c>
      <c r="W3404">
        <v>120</v>
      </c>
      <c r="X3404">
        <v>2020</v>
      </c>
    </row>
    <row r="3405" spans="1:24" x14ac:dyDescent="0.25">
      <c r="A3405">
        <v>7724</v>
      </c>
      <c r="B3405" t="s">
        <v>140</v>
      </c>
      <c r="C3405">
        <v>34</v>
      </c>
      <c r="D3405" t="s">
        <v>359</v>
      </c>
      <c r="E3405">
        <v>593</v>
      </c>
      <c r="F3405" t="s">
        <v>651</v>
      </c>
      <c r="G3405">
        <v>160</v>
      </c>
      <c r="H3405" t="s">
        <v>652</v>
      </c>
      <c r="I3405">
        <v>2094</v>
      </c>
      <c r="J3405" t="s">
        <v>819</v>
      </c>
      <c r="K3405">
        <v>101</v>
      </c>
      <c r="L3405" t="s">
        <v>2063</v>
      </c>
      <c r="M3405">
        <v>2142</v>
      </c>
      <c r="N3405" t="s">
        <v>654</v>
      </c>
      <c r="O3405">
        <v>3</v>
      </c>
      <c r="P3405" t="s">
        <v>655</v>
      </c>
      <c r="Q3405">
        <v>1</v>
      </c>
      <c r="R3405" t="s">
        <v>656</v>
      </c>
      <c r="S3405">
        <v>2</v>
      </c>
      <c r="T3405" t="s">
        <v>661</v>
      </c>
      <c r="U3405">
        <v>8</v>
      </c>
      <c r="V3405">
        <v>2</v>
      </c>
      <c r="W3405">
        <v>120</v>
      </c>
      <c r="X3405">
        <v>2020</v>
      </c>
    </row>
    <row r="3406" spans="1:24" x14ac:dyDescent="0.25">
      <c r="A3406">
        <v>7723</v>
      </c>
      <c r="B3406" t="s">
        <v>140</v>
      </c>
      <c r="C3406">
        <v>34</v>
      </c>
      <c r="D3406" t="s">
        <v>11</v>
      </c>
      <c r="E3406">
        <v>271</v>
      </c>
      <c r="F3406" t="s">
        <v>651</v>
      </c>
      <c r="G3406">
        <v>160</v>
      </c>
      <c r="H3406" t="s">
        <v>652</v>
      </c>
      <c r="I3406">
        <v>2094</v>
      </c>
      <c r="J3406" t="s">
        <v>682</v>
      </c>
      <c r="K3406">
        <v>20</v>
      </c>
      <c r="L3406" t="s">
        <v>904</v>
      </c>
      <c r="M3406">
        <v>1606</v>
      </c>
      <c r="N3406" t="s">
        <v>654</v>
      </c>
      <c r="O3406">
        <v>3</v>
      </c>
      <c r="P3406" t="s">
        <v>655</v>
      </c>
      <c r="Q3406">
        <v>1</v>
      </c>
      <c r="R3406" t="s">
        <v>656</v>
      </c>
      <c r="S3406">
        <v>2</v>
      </c>
      <c r="T3406" t="s">
        <v>661</v>
      </c>
      <c r="U3406">
        <v>8</v>
      </c>
      <c r="V3406">
        <v>2</v>
      </c>
      <c r="W3406">
        <v>120</v>
      </c>
      <c r="X3406">
        <v>2020</v>
      </c>
    </row>
    <row r="3407" spans="1:24" x14ac:dyDescent="0.25">
      <c r="A3407">
        <v>7722</v>
      </c>
      <c r="B3407" t="s">
        <v>140</v>
      </c>
      <c r="C3407">
        <v>34</v>
      </c>
      <c r="D3407" t="s">
        <v>11</v>
      </c>
      <c r="E3407">
        <v>271</v>
      </c>
      <c r="F3407" t="s">
        <v>651</v>
      </c>
      <c r="G3407">
        <v>160</v>
      </c>
      <c r="H3407" t="s">
        <v>652</v>
      </c>
      <c r="I3407">
        <v>2094</v>
      </c>
      <c r="J3407" t="s">
        <v>65</v>
      </c>
      <c r="K3407">
        <v>15</v>
      </c>
      <c r="L3407" t="s">
        <v>2601</v>
      </c>
      <c r="M3407">
        <v>2141</v>
      </c>
      <c r="N3407" t="s">
        <v>654</v>
      </c>
      <c r="O3407">
        <v>3</v>
      </c>
      <c r="P3407" t="s">
        <v>655</v>
      </c>
      <c r="Q3407">
        <v>1</v>
      </c>
      <c r="R3407" t="s">
        <v>656</v>
      </c>
      <c r="S3407">
        <v>2</v>
      </c>
      <c r="T3407" t="s">
        <v>661</v>
      </c>
      <c r="U3407">
        <v>8</v>
      </c>
      <c r="V3407">
        <v>1</v>
      </c>
      <c r="W3407">
        <v>60</v>
      </c>
      <c r="X3407">
        <v>2020</v>
      </c>
    </row>
    <row r="3408" spans="1:24" x14ac:dyDescent="0.25">
      <c r="A3408">
        <v>7721</v>
      </c>
      <c r="B3408" t="s">
        <v>140</v>
      </c>
      <c r="C3408">
        <v>34</v>
      </c>
      <c r="D3408" t="s">
        <v>11</v>
      </c>
      <c r="E3408">
        <v>271</v>
      </c>
      <c r="F3408" t="s">
        <v>651</v>
      </c>
      <c r="G3408">
        <v>160</v>
      </c>
      <c r="H3408" t="s">
        <v>652</v>
      </c>
      <c r="I3408">
        <v>2094</v>
      </c>
      <c r="J3408" t="s">
        <v>65</v>
      </c>
      <c r="K3408">
        <v>15</v>
      </c>
      <c r="L3408" t="s">
        <v>2602</v>
      </c>
      <c r="M3408">
        <v>2140</v>
      </c>
      <c r="N3408" t="s">
        <v>654</v>
      </c>
      <c r="O3408">
        <v>3</v>
      </c>
      <c r="P3408" t="s">
        <v>655</v>
      </c>
      <c r="Q3408">
        <v>1</v>
      </c>
      <c r="R3408" t="s">
        <v>656</v>
      </c>
      <c r="S3408">
        <v>2</v>
      </c>
      <c r="T3408" t="s">
        <v>661</v>
      </c>
      <c r="U3408">
        <v>8</v>
      </c>
      <c r="V3408">
        <v>1.5</v>
      </c>
      <c r="W3408">
        <v>90</v>
      </c>
      <c r="X3408">
        <v>2020</v>
      </c>
    </row>
    <row r="3409" spans="1:24" x14ac:dyDescent="0.25">
      <c r="A3409">
        <v>7720</v>
      </c>
      <c r="B3409" t="s">
        <v>140</v>
      </c>
      <c r="C3409">
        <v>34</v>
      </c>
      <c r="D3409" t="s">
        <v>360</v>
      </c>
      <c r="E3409">
        <v>592</v>
      </c>
      <c r="F3409" t="s">
        <v>651</v>
      </c>
      <c r="G3409">
        <v>160</v>
      </c>
      <c r="H3409" t="s">
        <v>652</v>
      </c>
      <c r="I3409">
        <v>2094</v>
      </c>
      <c r="J3409" t="s">
        <v>673</v>
      </c>
      <c r="K3409">
        <v>34</v>
      </c>
      <c r="L3409" t="s">
        <v>2603</v>
      </c>
      <c r="M3409">
        <v>2139</v>
      </c>
      <c r="N3409" t="s">
        <v>654</v>
      </c>
      <c r="O3409">
        <v>3</v>
      </c>
      <c r="P3409" t="s">
        <v>655</v>
      </c>
      <c r="Q3409">
        <v>1</v>
      </c>
      <c r="R3409" t="s">
        <v>656</v>
      </c>
      <c r="S3409">
        <v>2</v>
      </c>
      <c r="T3409" t="s">
        <v>661</v>
      </c>
      <c r="U3409">
        <v>8</v>
      </c>
      <c r="V3409">
        <v>2</v>
      </c>
      <c r="W3409">
        <v>120</v>
      </c>
      <c r="X3409">
        <v>2020</v>
      </c>
    </row>
    <row r="3410" spans="1:24" x14ac:dyDescent="0.25">
      <c r="A3410">
        <v>7719</v>
      </c>
      <c r="B3410" t="s">
        <v>140</v>
      </c>
      <c r="C3410">
        <v>34</v>
      </c>
      <c r="D3410" t="s">
        <v>360</v>
      </c>
      <c r="E3410">
        <v>592</v>
      </c>
      <c r="F3410" t="s">
        <v>651</v>
      </c>
      <c r="G3410">
        <v>160</v>
      </c>
      <c r="H3410" t="s">
        <v>652</v>
      </c>
      <c r="I3410">
        <v>2094</v>
      </c>
      <c r="J3410" t="s">
        <v>673</v>
      </c>
      <c r="K3410">
        <v>34</v>
      </c>
      <c r="L3410" t="s">
        <v>2604</v>
      </c>
      <c r="M3410">
        <v>2138</v>
      </c>
      <c r="N3410" t="s">
        <v>654</v>
      </c>
      <c r="O3410">
        <v>3</v>
      </c>
      <c r="P3410" t="s">
        <v>655</v>
      </c>
      <c r="Q3410">
        <v>1</v>
      </c>
      <c r="R3410" t="s">
        <v>656</v>
      </c>
      <c r="S3410">
        <v>2</v>
      </c>
      <c r="T3410" t="s">
        <v>661</v>
      </c>
      <c r="U3410">
        <v>8</v>
      </c>
      <c r="V3410">
        <v>2</v>
      </c>
      <c r="W3410">
        <v>120</v>
      </c>
      <c r="X3410">
        <v>2020</v>
      </c>
    </row>
    <row r="3411" spans="1:24" x14ac:dyDescent="0.25">
      <c r="A3411">
        <v>7715</v>
      </c>
      <c r="B3411" t="s">
        <v>206</v>
      </c>
      <c r="C3411">
        <v>33</v>
      </c>
      <c r="D3411" t="s">
        <v>348</v>
      </c>
      <c r="E3411">
        <v>618</v>
      </c>
      <c r="F3411" t="s">
        <v>651</v>
      </c>
      <c r="G3411">
        <v>160</v>
      </c>
      <c r="H3411" t="s">
        <v>719</v>
      </c>
      <c r="I3411">
        <v>7630</v>
      </c>
      <c r="J3411" t="s">
        <v>679</v>
      </c>
      <c r="K3411">
        <v>32</v>
      </c>
      <c r="L3411" t="s">
        <v>2605</v>
      </c>
      <c r="M3411">
        <v>2134</v>
      </c>
      <c r="N3411" t="s">
        <v>654</v>
      </c>
      <c r="O3411">
        <v>3</v>
      </c>
      <c r="P3411" t="s">
        <v>655</v>
      </c>
      <c r="Q3411">
        <v>1</v>
      </c>
      <c r="R3411" t="s">
        <v>656</v>
      </c>
      <c r="S3411">
        <v>2</v>
      </c>
      <c r="T3411" t="s">
        <v>661</v>
      </c>
      <c r="U3411">
        <v>8</v>
      </c>
      <c r="V3411">
        <v>2</v>
      </c>
      <c r="W3411">
        <v>120</v>
      </c>
      <c r="X3411">
        <v>2020</v>
      </c>
    </row>
    <row r="3412" spans="1:24" x14ac:dyDescent="0.25">
      <c r="A3412">
        <v>7714</v>
      </c>
      <c r="B3412" t="s">
        <v>206</v>
      </c>
      <c r="C3412">
        <v>33</v>
      </c>
      <c r="D3412" t="s">
        <v>348</v>
      </c>
      <c r="E3412">
        <v>618</v>
      </c>
      <c r="F3412" t="s">
        <v>651</v>
      </c>
      <c r="G3412">
        <v>160</v>
      </c>
      <c r="H3412" t="s">
        <v>719</v>
      </c>
      <c r="I3412">
        <v>7630</v>
      </c>
      <c r="J3412" t="s">
        <v>679</v>
      </c>
      <c r="K3412">
        <v>32</v>
      </c>
      <c r="L3412" t="s">
        <v>2606</v>
      </c>
      <c r="M3412">
        <v>2133</v>
      </c>
      <c r="N3412" t="s">
        <v>654</v>
      </c>
      <c r="O3412">
        <v>3</v>
      </c>
      <c r="P3412" t="s">
        <v>655</v>
      </c>
      <c r="Q3412">
        <v>1</v>
      </c>
      <c r="R3412" t="s">
        <v>656</v>
      </c>
      <c r="S3412">
        <v>2</v>
      </c>
      <c r="T3412" t="s">
        <v>661</v>
      </c>
      <c r="U3412">
        <v>8</v>
      </c>
      <c r="V3412">
        <v>2</v>
      </c>
      <c r="W3412">
        <v>120</v>
      </c>
      <c r="X3412">
        <v>2020</v>
      </c>
    </row>
    <row r="3413" spans="1:24" x14ac:dyDescent="0.25">
      <c r="A3413">
        <v>7713</v>
      </c>
      <c r="B3413" t="s">
        <v>206</v>
      </c>
      <c r="C3413">
        <v>33</v>
      </c>
      <c r="D3413" t="s">
        <v>349</v>
      </c>
      <c r="E3413">
        <v>617</v>
      </c>
      <c r="F3413" t="s">
        <v>651</v>
      </c>
      <c r="G3413">
        <v>160</v>
      </c>
      <c r="H3413" t="s">
        <v>719</v>
      </c>
      <c r="I3413">
        <v>7630</v>
      </c>
      <c r="J3413" t="s">
        <v>673</v>
      </c>
      <c r="K3413">
        <v>34</v>
      </c>
      <c r="L3413" t="s">
        <v>2607</v>
      </c>
      <c r="M3413">
        <v>2132</v>
      </c>
      <c r="N3413" t="s">
        <v>654</v>
      </c>
      <c r="O3413">
        <v>3</v>
      </c>
      <c r="P3413" t="s">
        <v>655</v>
      </c>
      <c r="Q3413">
        <v>1</v>
      </c>
      <c r="R3413" t="s">
        <v>656</v>
      </c>
      <c r="S3413">
        <v>2</v>
      </c>
      <c r="T3413" t="s">
        <v>661</v>
      </c>
      <c r="U3413">
        <v>8</v>
      </c>
      <c r="V3413">
        <v>2</v>
      </c>
      <c r="W3413">
        <v>120</v>
      </c>
      <c r="X3413">
        <v>2020</v>
      </c>
    </row>
    <row r="3414" spans="1:24" x14ac:dyDescent="0.25">
      <c r="A3414">
        <v>7711</v>
      </c>
      <c r="B3414" t="s">
        <v>206</v>
      </c>
      <c r="C3414">
        <v>33</v>
      </c>
      <c r="D3414" t="s">
        <v>349</v>
      </c>
      <c r="E3414">
        <v>617</v>
      </c>
      <c r="F3414" t="s">
        <v>651</v>
      </c>
      <c r="G3414">
        <v>160</v>
      </c>
      <c r="H3414" t="s">
        <v>719</v>
      </c>
      <c r="I3414">
        <v>7630</v>
      </c>
      <c r="J3414" t="s">
        <v>673</v>
      </c>
      <c r="K3414">
        <v>34</v>
      </c>
      <c r="L3414" t="s">
        <v>997</v>
      </c>
      <c r="M3414">
        <v>1657</v>
      </c>
      <c r="N3414" t="s">
        <v>654</v>
      </c>
      <c r="O3414">
        <v>3</v>
      </c>
      <c r="P3414" t="s">
        <v>655</v>
      </c>
      <c r="Q3414">
        <v>1</v>
      </c>
      <c r="R3414" t="s">
        <v>656</v>
      </c>
      <c r="S3414">
        <v>2</v>
      </c>
      <c r="T3414" t="s">
        <v>661</v>
      </c>
      <c r="U3414">
        <v>8</v>
      </c>
      <c r="V3414">
        <v>2</v>
      </c>
      <c r="W3414">
        <v>120</v>
      </c>
      <c r="X3414">
        <v>2020</v>
      </c>
    </row>
    <row r="3415" spans="1:24" x14ac:dyDescent="0.25">
      <c r="A3415">
        <v>7710</v>
      </c>
      <c r="B3415" t="s">
        <v>206</v>
      </c>
      <c r="C3415">
        <v>33</v>
      </c>
      <c r="D3415" t="s">
        <v>506</v>
      </c>
      <c r="E3415">
        <v>257</v>
      </c>
      <c r="F3415" t="s">
        <v>651</v>
      </c>
      <c r="G3415">
        <v>160</v>
      </c>
      <c r="H3415" t="s">
        <v>719</v>
      </c>
      <c r="I3415">
        <v>7630</v>
      </c>
      <c r="J3415" t="s">
        <v>659</v>
      </c>
      <c r="K3415">
        <v>35</v>
      </c>
      <c r="L3415" t="s">
        <v>2608</v>
      </c>
      <c r="M3415">
        <v>2130</v>
      </c>
      <c r="N3415" t="s">
        <v>654</v>
      </c>
      <c r="O3415">
        <v>3</v>
      </c>
      <c r="P3415" t="s">
        <v>655</v>
      </c>
      <c r="Q3415">
        <v>1</v>
      </c>
      <c r="R3415" t="s">
        <v>656</v>
      </c>
      <c r="S3415">
        <v>2</v>
      </c>
      <c r="T3415" t="s">
        <v>661</v>
      </c>
      <c r="U3415">
        <v>8</v>
      </c>
      <c r="V3415">
        <v>2</v>
      </c>
      <c r="W3415">
        <v>120</v>
      </c>
      <c r="X3415">
        <v>2020</v>
      </c>
    </row>
    <row r="3416" spans="1:24" x14ac:dyDescent="0.25">
      <c r="A3416">
        <v>7709</v>
      </c>
      <c r="B3416" t="s">
        <v>206</v>
      </c>
      <c r="C3416">
        <v>33</v>
      </c>
      <c r="D3416" t="s">
        <v>506</v>
      </c>
      <c r="E3416">
        <v>257</v>
      </c>
      <c r="F3416" t="s">
        <v>651</v>
      </c>
      <c r="G3416">
        <v>160</v>
      </c>
      <c r="H3416" t="s">
        <v>719</v>
      </c>
      <c r="I3416">
        <v>7630</v>
      </c>
      <c r="J3416" t="s">
        <v>659</v>
      </c>
      <c r="K3416">
        <v>35</v>
      </c>
      <c r="L3416" t="s">
        <v>2609</v>
      </c>
      <c r="M3416">
        <v>2129</v>
      </c>
      <c r="N3416" t="s">
        <v>654</v>
      </c>
      <c r="O3416">
        <v>3</v>
      </c>
      <c r="P3416" t="s">
        <v>655</v>
      </c>
      <c r="Q3416">
        <v>1</v>
      </c>
      <c r="R3416" t="s">
        <v>656</v>
      </c>
      <c r="S3416">
        <v>2</v>
      </c>
      <c r="T3416" t="s">
        <v>661</v>
      </c>
      <c r="U3416">
        <v>8</v>
      </c>
      <c r="V3416">
        <v>2</v>
      </c>
      <c r="W3416">
        <v>120</v>
      </c>
      <c r="X3416">
        <v>2020</v>
      </c>
    </row>
    <row r="3417" spans="1:24" x14ac:dyDescent="0.25">
      <c r="A3417">
        <v>7706</v>
      </c>
      <c r="B3417" t="s">
        <v>206</v>
      </c>
      <c r="C3417">
        <v>33</v>
      </c>
      <c r="D3417" t="s">
        <v>506</v>
      </c>
      <c r="E3417">
        <v>257</v>
      </c>
      <c r="F3417" t="s">
        <v>651</v>
      </c>
      <c r="G3417">
        <v>160</v>
      </c>
      <c r="H3417" t="s">
        <v>719</v>
      </c>
      <c r="I3417">
        <v>7630</v>
      </c>
      <c r="J3417" t="s">
        <v>659</v>
      </c>
      <c r="K3417">
        <v>35</v>
      </c>
      <c r="L3417" t="s">
        <v>2610</v>
      </c>
      <c r="M3417">
        <v>1670</v>
      </c>
      <c r="N3417" t="s">
        <v>654</v>
      </c>
      <c r="O3417">
        <v>3</v>
      </c>
      <c r="P3417" t="s">
        <v>655</v>
      </c>
      <c r="Q3417">
        <v>1</v>
      </c>
      <c r="R3417" t="s">
        <v>656</v>
      </c>
      <c r="S3417">
        <v>2</v>
      </c>
      <c r="T3417" t="s">
        <v>661</v>
      </c>
      <c r="U3417">
        <v>8</v>
      </c>
      <c r="V3417">
        <v>2</v>
      </c>
      <c r="W3417">
        <v>120</v>
      </c>
      <c r="X3417">
        <v>2020</v>
      </c>
    </row>
    <row r="3418" spans="1:24" x14ac:dyDescent="0.25">
      <c r="A3418">
        <v>7704</v>
      </c>
      <c r="B3418" t="s">
        <v>200</v>
      </c>
      <c r="C3418">
        <v>32</v>
      </c>
      <c r="D3418" t="s">
        <v>507</v>
      </c>
      <c r="E3418">
        <v>254</v>
      </c>
      <c r="F3418" t="s">
        <v>651</v>
      </c>
      <c r="G3418">
        <v>160</v>
      </c>
      <c r="H3418" t="s">
        <v>719</v>
      </c>
      <c r="I3418">
        <v>7630</v>
      </c>
      <c r="J3418" t="s">
        <v>705</v>
      </c>
      <c r="K3418">
        <v>70</v>
      </c>
      <c r="L3418" t="s">
        <v>2611</v>
      </c>
      <c r="M3418">
        <v>2125</v>
      </c>
      <c r="N3418" t="s">
        <v>654</v>
      </c>
      <c r="O3418">
        <v>3</v>
      </c>
      <c r="P3418" t="s">
        <v>655</v>
      </c>
      <c r="Q3418">
        <v>1</v>
      </c>
      <c r="R3418" t="s">
        <v>656</v>
      </c>
      <c r="S3418">
        <v>2</v>
      </c>
      <c r="T3418" t="s">
        <v>661</v>
      </c>
      <c r="U3418">
        <v>8</v>
      </c>
      <c r="V3418">
        <v>2</v>
      </c>
      <c r="W3418">
        <v>120</v>
      </c>
      <c r="X3418">
        <v>2020</v>
      </c>
    </row>
    <row r="3419" spans="1:24" x14ac:dyDescent="0.25">
      <c r="A3419">
        <v>7701</v>
      </c>
      <c r="B3419" t="s">
        <v>200</v>
      </c>
      <c r="C3419">
        <v>32</v>
      </c>
      <c r="D3419" t="s">
        <v>507</v>
      </c>
      <c r="E3419">
        <v>254</v>
      </c>
      <c r="F3419" t="s">
        <v>651</v>
      </c>
      <c r="G3419">
        <v>160</v>
      </c>
      <c r="H3419" t="s">
        <v>719</v>
      </c>
      <c r="I3419">
        <v>7630</v>
      </c>
      <c r="J3419" t="s">
        <v>705</v>
      </c>
      <c r="K3419">
        <v>70</v>
      </c>
      <c r="L3419" t="s">
        <v>2612</v>
      </c>
      <c r="M3419">
        <v>2122</v>
      </c>
      <c r="N3419" t="s">
        <v>654</v>
      </c>
      <c r="O3419">
        <v>3</v>
      </c>
      <c r="P3419" t="s">
        <v>655</v>
      </c>
      <c r="Q3419">
        <v>1</v>
      </c>
      <c r="R3419" t="s">
        <v>656</v>
      </c>
      <c r="S3419">
        <v>2</v>
      </c>
      <c r="T3419" t="s">
        <v>661</v>
      </c>
      <c r="U3419">
        <v>8</v>
      </c>
      <c r="V3419">
        <v>2</v>
      </c>
      <c r="W3419">
        <v>120</v>
      </c>
      <c r="X3419">
        <v>2020</v>
      </c>
    </row>
    <row r="3420" spans="1:24" x14ac:dyDescent="0.25">
      <c r="A3420">
        <v>7699</v>
      </c>
      <c r="B3420" t="s">
        <v>200</v>
      </c>
      <c r="C3420">
        <v>32</v>
      </c>
      <c r="D3420" t="s">
        <v>54</v>
      </c>
      <c r="E3420">
        <v>252</v>
      </c>
      <c r="F3420" t="s">
        <v>651</v>
      </c>
      <c r="G3420">
        <v>160</v>
      </c>
      <c r="H3420" t="s">
        <v>719</v>
      </c>
      <c r="I3420">
        <v>7630</v>
      </c>
      <c r="J3420" t="s">
        <v>752</v>
      </c>
      <c r="K3420">
        <v>90</v>
      </c>
      <c r="L3420" t="s">
        <v>2613</v>
      </c>
      <c r="M3420">
        <v>2120</v>
      </c>
      <c r="N3420" t="s">
        <v>654</v>
      </c>
      <c r="O3420">
        <v>3</v>
      </c>
      <c r="P3420" t="s">
        <v>655</v>
      </c>
      <c r="Q3420">
        <v>1</v>
      </c>
      <c r="R3420" t="s">
        <v>656</v>
      </c>
      <c r="S3420">
        <v>2</v>
      </c>
      <c r="T3420" t="s">
        <v>661</v>
      </c>
      <c r="U3420">
        <v>8</v>
      </c>
      <c r="V3420">
        <v>2</v>
      </c>
      <c r="W3420">
        <v>120</v>
      </c>
      <c r="X3420">
        <v>2020</v>
      </c>
    </row>
    <row r="3421" spans="1:24" x14ac:dyDescent="0.25">
      <c r="A3421">
        <v>7698</v>
      </c>
      <c r="B3421" t="s">
        <v>200</v>
      </c>
      <c r="C3421">
        <v>32</v>
      </c>
      <c r="D3421" t="s">
        <v>54</v>
      </c>
      <c r="E3421">
        <v>252</v>
      </c>
      <c r="F3421" t="s">
        <v>651</v>
      </c>
      <c r="G3421">
        <v>160</v>
      </c>
      <c r="H3421" t="s">
        <v>719</v>
      </c>
      <c r="I3421">
        <v>7630</v>
      </c>
      <c r="J3421" t="s">
        <v>752</v>
      </c>
      <c r="K3421">
        <v>90</v>
      </c>
      <c r="L3421" t="s">
        <v>2614</v>
      </c>
      <c r="M3421">
        <v>2119</v>
      </c>
      <c r="N3421" t="s">
        <v>654</v>
      </c>
      <c r="O3421">
        <v>3</v>
      </c>
      <c r="P3421" t="s">
        <v>655</v>
      </c>
      <c r="Q3421">
        <v>1</v>
      </c>
      <c r="R3421" t="s">
        <v>656</v>
      </c>
      <c r="S3421">
        <v>2</v>
      </c>
      <c r="T3421" t="s">
        <v>661</v>
      </c>
      <c r="U3421">
        <v>8</v>
      </c>
      <c r="V3421">
        <v>2</v>
      </c>
      <c r="W3421">
        <v>120</v>
      </c>
      <c r="X3421">
        <v>2020</v>
      </c>
    </row>
    <row r="3422" spans="1:24" x14ac:dyDescent="0.25">
      <c r="A3422">
        <v>7692</v>
      </c>
      <c r="B3422" t="s">
        <v>200</v>
      </c>
      <c r="C3422">
        <v>32</v>
      </c>
      <c r="D3422" t="s">
        <v>507</v>
      </c>
      <c r="E3422">
        <v>254</v>
      </c>
      <c r="F3422" t="s">
        <v>651</v>
      </c>
      <c r="G3422">
        <v>160</v>
      </c>
      <c r="H3422" t="s">
        <v>719</v>
      </c>
      <c r="I3422">
        <v>7630</v>
      </c>
      <c r="J3422" t="s">
        <v>839</v>
      </c>
      <c r="K3422">
        <v>89</v>
      </c>
      <c r="L3422" t="s">
        <v>2615</v>
      </c>
      <c r="M3422">
        <v>2113</v>
      </c>
      <c r="N3422" t="s">
        <v>654</v>
      </c>
      <c r="O3422">
        <v>3</v>
      </c>
      <c r="P3422" t="s">
        <v>655</v>
      </c>
      <c r="Q3422">
        <v>1</v>
      </c>
      <c r="R3422" t="s">
        <v>656</v>
      </c>
      <c r="S3422">
        <v>2</v>
      </c>
      <c r="T3422" t="s">
        <v>661</v>
      </c>
      <c r="U3422">
        <v>8</v>
      </c>
      <c r="V3422">
        <v>2</v>
      </c>
      <c r="W3422">
        <v>120</v>
      </c>
      <c r="X3422">
        <v>2020</v>
      </c>
    </row>
    <row r="3423" spans="1:24" x14ac:dyDescent="0.25">
      <c r="A3423">
        <v>7691</v>
      </c>
      <c r="B3423" t="s">
        <v>200</v>
      </c>
      <c r="C3423">
        <v>32</v>
      </c>
      <c r="D3423" t="s">
        <v>322</v>
      </c>
      <c r="E3423">
        <v>251</v>
      </c>
      <c r="F3423" t="s">
        <v>651</v>
      </c>
      <c r="G3423">
        <v>160</v>
      </c>
      <c r="H3423" t="s">
        <v>719</v>
      </c>
      <c r="I3423">
        <v>7630</v>
      </c>
      <c r="J3423" t="s">
        <v>839</v>
      </c>
      <c r="K3423">
        <v>89</v>
      </c>
      <c r="L3423" t="s">
        <v>2616</v>
      </c>
      <c r="M3423">
        <v>2112</v>
      </c>
      <c r="N3423" t="s">
        <v>654</v>
      </c>
      <c r="O3423">
        <v>3</v>
      </c>
      <c r="P3423" t="s">
        <v>655</v>
      </c>
      <c r="Q3423">
        <v>1</v>
      </c>
      <c r="R3423" t="s">
        <v>656</v>
      </c>
      <c r="S3423">
        <v>2</v>
      </c>
      <c r="T3423" t="s">
        <v>661</v>
      </c>
      <c r="U3423">
        <v>8</v>
      </c>
      <c r="V3423">
        <v>2</v>
      </c>
      <c r="W3423">
        <v>120</v>
      </c>
      <c r="X3423">
        <v>2020</v>
      </c>
    </row>
    <row r="3424" spans="1:24" x14ac:dyDescent="0.25">
      <c r="A3424">
        <v>7690</v>
      </c>
      <c r="B3424" t="s">
        <v>200</v>
      </c>
      <c r="C3424">
        <v>32</v>
      </c>
      <c r="D3424" t="s">
        <v>322</v>
      </c>
      <c r="E3424">
        <v>251</v>
      </c>
      <c r="F3424" t="s">
        <v>651</v>
      </c>
      <c r="G3424">
        <v>160</v>
      </c>
      <c r="H3424" t="s">
        <v>719</v>
      </c>
      <c r="I3424">
        <v>7630</v>
      </c>
      <c r="J3424" t="s">
        <v>839</v>
      </c>
      <c r="K3424">
        <v>89</v>
      </c>
      <c r="L3424" t="s">
        <v>2617</v>
      </c>
      <c r="M3424">
        <v>2111</v>
      </c>
      <c r="N3424" t="s">
        <v>654</v>
      </c>
      <c r="O3424">
        <v>3</v>
      </c>
      <c r="P3424" t="s">
        <v>655</v>
      </c>
      <c r="Q3424">
        <v>1</v>
      </c>
      <c r="R3424" t="s">
        <v>656</v>
      </c>
      <c r="S3424">
        <v>2</v>
      </c>
      <c r="T3424" t="s">
        <v>661</v>
      </c>
      <c r="U3424">
        <v>8</v>
      </c>
      <c r="V3424">
        <v>2</v>
      </c>
      <c r="W3424">
        <v>120</v>
      </c>
      <c r="X3424">
        <v>2020</v>
      </c>
    </row>
    <row r="3425" spans="1:24" x14ac:dyDescent="0.25">
      <c r="A3425">
        <v>7686</v>
      </c>
      <c r="B3425" t="s">
        <v>18</v>
      </c>
      <c r="C3425">
        <v>31</v>
      </c>
      <c r="D3425" t="s">
        <v>509</v>
      </c>
      <c r="E3425">
        <v>249</v>
      </c>
      <c r="F3425" t="s">
        <v>651</v>
      </c>
      <c r="G3425">
        <v>160</v>
      </c>
      <c r="H3425" t="s">
        <v>719</v>
      </c>
      <c r="I3425">
        <v>7630</v>
      </c>
      <c r="J3425" t="s">
        <v>864</v>
      </c>
      <c r="K3425">
        <v>14</v>
      </c>
      <c r="L3425" t="s">
        <v>2618</v>
      </c>
      <c r="M3425">
        <v>2107</v>
      </c>
      <c r="N3425" t="s">
        <v>654</v>
      </c>
      <c r="O3425">
        <v>3</v>
      </c>
      <c r="P3425" t="s">
        <v>655</v>
      </c>
      <c r="Q3425">
        <v>1</v>
      </c>
      <c r="R3425" t="s">
        <v>656</v>
      </c>
      <c r="S3425">
        <v>2</v>
      </c>
      <c r="T3425" t="s">
        <v>661</v>
      </c>
      <c r="U3425">
        <v>8</v>
      </c>
      <c r="V3425">
        <v>2</v>
      </c>
      <c r="W3425">
        <v>120</v>
      </c>
      <c r="X3425">
        <v>2020</v>
      </c>
    </row>
    <row r="3426" spans="1:24" x14ac:dyDescent="0.25">
      <c r="A3426">
        <v>7680</v>
      </c>
      <c r="B3426" t="s">
        <v>18</v>
      </c>
      <c r="C3426">
        <v>31</v>
      </c>
      <c r="D3426" t="s">
        <v>387</v>
      </c>
      <c r="E3426">
        <v>248</v>
      </c>
      <c r="F3426" t="s">
        <v>651</v>
      </c>
      <c r="G3426">
        <v>160</v>
      </c>
      <c r="H3426" t="s">
        <v>719</v>
      </c>
      <c r="I3426">
        <v>7630</v>
      </c>
      <c r="J3426" t="s">
        <v>684</v>
      </c>
      <c r="K3426">
        <v>22</v>
      </c>
      <c r="L3426" t="s">
        <v>2619</v>
      </c>
      <c r="M3426">
        <v>2101</v>
      </c>
      <c r="N3426" t="s">
        <v>654</v>
      </c>
      <c r="O3426">
        <v>3</v>
      </c>
      <c r="P3426" t="s">
        <v>655</v>
      </c>
      <c r="Q3426">
        <v>1</v>
      </c>
      <c r="R3426" t="s">
        <v>656</v>
      </c>
      <c r="S3426">
        <v>2</v>
      </c>
      <c r="T3426" t="s">
        <v>661</v>
      </c>
      <c r="U3426">
        <v>8</v>
      </c>
      <c r="V3426">
        <v>2</v>
      </c>
      <c r="W3426">
        <v>120</v>
      </c>
      <c r="X3426">
        <v>2020</v>
      </c>
    </row>
    <row r="3427" spans="1:24" x14ac:dyDescent="0.25">
      <c r="A3427">
        <v>7678</v>
      </c>
      <c r="B3427" t="s">
        <v>18</v>
      </c>
      <c r="C3427">
        <v>31</v>
      </c>
      <c r="D3427" t="s">
        <v>387</v>
      </c>
      <c r="E3427">
        <v>248</v>
      </c>
      <c r="F3427" t="s">
        <v>651</v>
      </c>
      <c r="G3427">
        <v>160</v>
      </c>
      <c r="H3427" t="s">
        <v>719</v>
      </c>
      <c r="I3427">
        <v>7630</v>
      </c>
      <c r="J3427" t="s">
        <v>684</v>
      </c>
      <c r="K3427">
        <v>22</v>
      </c>
      <c r="L3427" t="s">
        <v>1646</v>
      </c>
      <c r="M3427">
        <v>1736</v>
      </c>
      <c r="N3427" t="s">
        <v>654</v>
      </c>
      <c r="O3427">
        <v>3</v>
      </c>
      <c r="P3427" t="s">
        <v>655</v>
      </c>
      <c r="Q3427">
        <v>1</v>
      </c>
      <c r="R3427" t="s">
        <v>656</v>
      </c>
      <c r="S3427">
        <v>2</v>
      </c>
      <c r="T3427" t="s">
        <v>661</v>
      </c>
      <c r="U3427">
        <v>8</v>
      </c>
      <c r="V3427">
        <v>2</v>
      </c>
      <c r="W3427">
        <v>120</v>
      </c>
      <c r="X3427">
        <v>2020</v>
      </c>
    </row>
    <row r="3428" spans="1:24" x14ac:dyDescent="0.25">
      <c r="A3428">
        <v>7677</v>
      </c>
      <c r="B3428" t="s">
        <v>18</v>
      </c>
      <c r="C3428">
        <v>31</v>
      </c>
      <c r="D3428" t="s">
        <v>387</v>
      </c>
      <c r="E3428">
        <v>248</v>
      </c>
      <c r="F3428" t="s">
        <v>651</v>
      </c>
      <c r="G3428">
        <v>160</v>
      </c>
      <c r="H3428" t="s">
        <v>719</v>
      </c>
      <c r="I3428">
        <v>7630</v>
      </c>
      <c r="J3428" t="s">
        <v>684</v>
      </c>
      <c r="K3428">
        <v>22</v>
      </c>
      <c r="L3428" t="s">
        <v>2620</v>
      </c>
      <c r="M3428">
        <v>2099</v>
      </c>
      <c r="N3428" t="s">
        <v>654</v>
      </c>
      <c r="O3428">
        <v>3</v>
      </c>
      <c r="P3428" t="s">
        <v>655</v>
      </c>
      <c r="Q3428">
        <v>1</v>
      </c>
      <c r="R3428" t="s">
        <v>656</v>
      </c>
      <c r="S3428">
        <v>2</v>
      </c>
      <c r="T3428" t="s">
        <v>661</v>
      </c>
      <c r="U3428">
        <v>8</v>
      </c>
      <c r="V3428">
        <v>2</v>
      </c>
      <c r="W3428">
        <v>120</v>
      </c>
      <c r="X3428">
        <v>2020</v>
      </c>
    </row>
    <row r="3429" spans="1:24" x14ac:dyDescent="0.25">
      <c r="A3429">
        <v>7676</v>
      </c>
      <c r="B3429" t="s">
        <v>18</v>
      </c>
      <c r="C3429">
        <v>31</v>
      </c>
      <c r="D3429" t="s">
        <v>387</v>
      </c>
      <c r="E3429">
        <v>248</v>
      </c>
      <c r="F3429" t="s">
        <v>651</v>
      </c>
      <c r="G3429">
        <v>160</v>
      </c>
      <c r="H3429" t="s">
        <v>719</v>
      </c>
      <c r="I3429">
        <v>7630</v>
      </c>
      <c r="J3429" t="s">
        <v>684</v>
      </c>
      <c r="K3429">
        <v>22</v>
      </c>
      <c r="L3429" t="s">
        <v>2621</v>
      </c>
      <c r="M3429">
        <v>2098</v>
      </c>
      <c r="N3429" t="s">
        <v>654</v>
      </c>
      <c r="O3429">
        <v>3</v>
      </c>
      <c r="P3429" t="s">
        <v>655</v>
      </c>
      <c r="Q3429">
        <v>1</v>
      </c>
      <c r="R3429" t="s">
        <v>656</v>
      </c>
      <c r="S3429">
        <v>2</v>
      </c>
      <c r="T3429" t="s">
        <v>661</v>
      </c>
      <c r="U3429">
        <v>8</v>
      </c>
      <c r="V3429">
        <v>2</v>
      </c>
      <c r="W3429">
        <v>120</v>
      </c>
      <c r="X3429">
        <v>2020</v>
      </c>
    </row>
    <row r="3430" spans="1:24" x14ac:dyDescent="0.25">
      <c r="A3430">
        <v>7673</v>
      </c>
      <c r="B3430" t="s">
        <v>18</v>
      </c>
      <c r="C3430">
        <v>31</v>
      </c>
      <c r="D3430" t="s">
        <v>387</v>
      </c>
      <c r="E3430">
        <v>248</v>
      </c>
      <c r="F3430" t="s">
        <v>651</v>
      </c>
      <c r="G3430">
        <v>160</v>
      </c>
      <c r="H3430" t="s">
        <v>719</v>
      </c>
      <c r="I3430">
        <v>7630</v>
      </c>
      <c r="J3430" t="s">
        <v>868</v>
      </c>
      <c r="K3430">
        <v>23</v>
      </c>
      <c r="L3430" t="s">
        <v>2622</v>
      </c>
      <c r="M3430">
        <v>2095</v>
      </c>
      <c r="N3430" t="s">
        <v>654</v>
      </c>
      <c r="O3430">
        <v>3</v>
      </c>
      <c r="P3430" t="s">
        <v>655</v>
      </c>
      <c r="Q3430">
        <v>1</v>
      </c>
      <c r="R3430" t="s">
        <v>656</v>
      </c>
      <c r="S3430">
        <v>2</v>
      </c>
      <c r="T3430" t="s">
        <v>661</v>
      </c>
      <c r="U3430">
        <v>8</v>
      </c>
      <c r="V3430">
        <v>2</v>
      </c>
      <c r="W3430">
        <v>120</v>
      </c>
      <c r="X3430">
        <v>2020</v>
      </c>
    </row>
    <row r="3431" spans="1:24" x14ac:dyDescent="0.25">
      <c r="A3431">
        <v>7672</v>
      </c>
      <c r="B3431" t="s">
        <v>18</v>
      </c>
      <c r="C3431">
        <v>31</v>
      </c>
      <c r="D3431" t="s">
        <v>387</v>
      </c>
      <c r="E3431">
        <v>248</v>
      </c>
      <c r="F3431" t="s">
        <v>651</v>
      </c>
      <c r="G3431">
        <v>160</v>
      </c>
      <c r="H3431" t="s">
        <v>719</v>
      </c>
      <c r="I3431">
        <v>7630</v>
      </c>
      <c r="J3431" t="s">
        <v>868</v>
      </c>
      <c r="K3431">
        <v>23</v>
      </c>
      <c r="L3431" t="s">
        <v>1129</v>
      </c>
      <c r="M3431">
        <v>2094</v>
      </c>
      <c r="N3431" t="s">
        <v>654</v>
      </c>
      <c r="O3431">
        <v>3</v>
      </c>
      <c r="P3431" t="s">
        <v>655</v>
      </c>
      <c r="Q3431">
        <v>1</v>
      </c>
      <c r="R3431" t="s">
        <v>656</v>
      </c>
      <c r="S3431">
        <v>2</v>
      </c>
      <c r="T3431" t="s">
        <v>661</v>
      </c>
      <c r="U3431">
        <v>8</v>
      </c>
      <c r="V3431">
        <v>2</v>
      </c>
      <c r="W3431">
        <v>120</v>
      </c>
      <c r="X3431">
        <v>2020</v>
      </c>
    </row>
    <row r="3432" spans="1:24" x14ac:dyDescent="0.25">
      <c r="A3432">
        <v>7670</v>
      </c>
      <c r="B3432" t="s">
        <v>18</v>
      </c>
      <c r="C3432">
        <v>31</v>
      </c>
      <c r="D3432" t="s">
        <v>387</v>
      </c>
      <c r="E3432">
        <v>248</v>
      </c>
      <c r="F3432" t="s">
        <v>651</v>
      </c>
      <c r="G3432">
        <v>160</v>
      </c>
      <c r="H3432" t="s">
        <v>719</v>
      </c>
      <c r="I3432">
        <v>7630</v>
      </c>
      <c r="J3432" t="s">
        <v>868</v>
      </c>
      <c r="K3432">
        <v>23</v>
      </c>
      <c r="L3432" t="s">
        <v>2623</v>
      </c>
      <c r="M3432">
        <v>2092</v>
      </c>
      <c r="N3432" t="s">
        <v>654</v>
      </c>
      <c r="O3432">
        <v>3</v>
      </c>
      <c r="P3432" t="s">
        <v>655</v>
      </c>
      <c r="Q3432">
        <v>1</v>
      </c>
      <c r="R3432" t="s">
        <v>656</v>
      </c>
      <c r="S3432">
        <v>2</v>
      </c>
      <c r="T3432" t="s">
        <v>661</v>
      </c>
      <c r="U3432">
        <v>8</v>
      </c>
      <c r="V3432">
        <v>2</v>
      </c>
      <c r="W3432">
        <v>120</v>
      </c>
      <c r="X3432">
        <v>2020</v>
      </c>
    </row>
    <row r="3433" spans="1:24" x14ac:dyDescent="0.25">
      <c r="A3433">
        <v>7665</v>
      </c>
      <c r="B3433" t="s">
        <v>18</v>
      </c>
      <c r="C3433">
        <v>31</v>
      </c>
      <c r="D3433" t="s">
        <v>510</v>
      </c>
      <c r="E3433">
        <v>247</v>
      </c>
      <c r="F3433" t="s">
        <v>651</v>
      </c>
      <c r="G3433">
        <v>160</v>
      </c>
      <c r="H3433" t="s">
        <v>719</v>
      </c>
      <c r="I3433">
        <v>7630</v>
      </c>
      <c r="J3433" t="s">
        <v>885</v>
      </c>
      <c r="K3433">
        <v>1</v>
      </c>
      <c r="L3433" t="s">
        <v>2624</v>
      </c>
      <c r="M3433">
        <v>1707</v>
      </c>
      <c r="N3433" t="s">
        <v>654</v>
      </c>
      <c r="O3433">
        <v>3</v>
      </c>
      <c r="P3433" t="s">
        <v>655</v>
      </c>
      <c r="Q3433">
        <v>1</v>
      </c>
      <c r="R3433" t="s">
        <v>656</v>
      </c>
      <c r="S3433">
        <v>2</v>
      </c>
      <c r="T3433" t="s">
        <v>718</v>
      </c>
      <c r="U3433">
        <v>2</v>
      </c>
      <c r="V3433">
        <v>2</v>
      </c>
      <c r="W3433">
        <v>120</v>
      </c>
      <c r="X3433">
        <v>2020</v>
      </c>
    </row>
    <row r="3434" spans="1:24" x14ac:dyDescent="0.25">
      <c r="A3434">
        <v>7664</v>
      </c>
      <c r="B3434" t="s">
        <v>18</v>
      </c>
      <c r="C3434">
        <v>31</v>
      </c>
      <c r="D3434" t="s">
        <v>510</v>
      </c>
      <c r="E3434">
        <v>247</v>
      </c>
      <c r="F3434" t="s">
        <v>651</v>
      </c>
      <c r="G3434">
        <v>160</v>
      </c>
      <c r="H3434" t="s">
        <v>719</v>
      </c>
      <c r="I3434">
        <v>7630</v>
      </c>
      <c r="J3434" t="s">
        <v>885</v>
      </c>
      <c r="K3434">
        <v>1</v>
      </c>
      <c r="L3434" t="s">
        <v>2624</v>
      </c>
      <c r="M3434">
        <v>1707</v>
      </c>
      <c r="N3434" t="s">
        <v>654</v>
      </c>
      <c r="O3434">
        <v>3</v>
      </c>
      <c r="P3434" t="s">
        <v>655</v>
      </c>
      <c r="Q3434">
        <v>1</v>
      </c>
      <c r="R3434" t="s">
        <v>656</v>
      </c>
      <c r="S3434">
        <v>2</v>
      </c>
      <c r="T3434" t="s">
        <v>661</v>
      </c>
      <c r="U3434">
        <v>8</v>
      </c>
      <c r="V3434">
        <v>2</v>
      </c>
      <c r="W3434">
        <v>120</v>
      </c>
      <c r="X3434">
        <v>2020</v>
      </c>
    </row>
    <row r="3435" spans="1:24" x14ac:dyDescent="0.25">
      <c r="A3435">
        <v>7661</v>
      </c>
      <c r="B3435" t="s">
        <v>18</v>
      </c>
      <c r="C3435">
        <v>31</v>
      </c>
      <c r="D3435" t="s">
        <v>510</v>
      </c>
      <c r="E3435">
        <v>247</v>
      </c>
      <c r="F3435" t="s">
        <v>651</v>
      </c>
      <c r="G3435">
        <v>160</v>
      </c>
      <c r="H3435" t="s">
        <v>719</v>
      </c>
      <c r="I3435">
        <v>7630</v>
      </c>
      <c r="J3435" t="s">
        <v>885</v>
      </c>
      <c r="K3435">
        <v>1</v>
      </c>
      <c r="L3435" t="s">
        <v>2625</v>
      </c>
      <c r="M3435">
        <v>2086</v>
      </c>
      <c r="N3435" t="s">
        <v>654</v>
      </c>
      <c r="O3435">
        <v>3</v>
      </c>
      <c r="P3435" t="s">
        <v>655</v>
      </c>
      <c r="Q3435">
        <v>1</v>
      </c>
      <c r="R3435" t="s">
        <v>656</v>
      </c>
      <c r="S3435">
        <v>2</v>
      </c>
      <c r="T3435" t="s">
        <v>661</v>
      </c>
      <c r="U3435">
        <v>8</v>
      </c>
      <c r="V3435">
        <v>2</v>
      </c>
      <c r="W3435">
        <v>120</v>
      </c>
      <c r="X3435">
        <v>2020</v>
      </c>
    </row>
    <row r="3436" spans="1:24" x14ac:dyDescent="0.25">
      <c r="A3436">
        <v>7658</v>
      </c>
      <c r="B3436" t="s">
        <v>18</v>
      </c>
      <c r="C3436">
        <v>31</v>
      </c>
      <c r="D3436" t="s">
        <v>426</v>
      </c>
      <c r="E3436">
        <v>246</v>
      </c>
      <c r="F3436" t="s">
        <v>651</v>
      </c>
      <c r="G3436">
        <v>160</v>
      </c>
      <c r="H3436" t="s">
        <v>719</v>
      </c>
      <c r="I3436">
        <v>7630</v>
      </c>
      <c r="J3436" t="s">
        <v>663</v>
      </c>
      <c r="K3436">
        <v>99</v>
      </c>
      <c r="L3436" t="s">
        <v>2626</v>
      </c>
      <c r="M3436">
        <v>2083</v>
      </c>
      <c r="N3436" t="s">
        <v>654</v>
      </c>
      <c r="O3436">
        <v>3</v>
      </c>
      <c r="P3436" t="s">
        <v>655</v>
      </c>
      <c r="Q3436">
        <v>1</v>
      </c>
      <c r="R3436" t="s">
        <v>656</v>
      </c>
      <c r="S3436">
        <v>2</v>
      </c>
      <c r="T3436" t="s">
        <v>661</v>
      </c>
      <c r="U3436">
        <v>8</v>
      </c>
      <c r="V3436">
        <v>2</v>
      </c>
      <c r="W3436">
        <v>120</v>
      </c>
      <c r="X3436">
        <v>2020</v>
      </c>
    </row>
    <row r="3437" spans="1:24" x14ac:dyDescent="0.25">
      <c r="A3437">
        <v>7657</v>
      </c>
      <c r="B3437" t="s">
        <v>18</v>
      </c>
      <c r="C3437">
        <v>31</v>
      </c>
      <c r="D3437" t="s">
        <v>426</v>
      </c>
      <c r="E3437">
        <v>246</v>
      </c>
      <c r="F3437" t="s">
        <v>651</v>
      </c>
      <c r="G3437">
        <v>160</v>
      </c>
      <c r="H3437" t="s">
        <v>719</v>
      </c>
      <c r="I3437">
        <v>7630</v>
      </c>
      <c r="J3437" t="s">
        <v>663</v>
      </c>
      <c r="K3437">
        <v>99</v>
      </c>
      <c r="L3437" t="s">
        <v>1418</v>
      </c>
      <c r="M3437">
        <v>878</v>
      </c>
      <c r="N3437" t="s">
        <v>654</v>
      </c>
      <c r="O3437">
        <v>3</v>
      </c>
      <c r="P3437" t="s">
        <v>655</v>
      </c>
      <c r="Q3437">
        <v>1</v>
      </c>
      <c r="R3437" t="s">
        <v>656</v>
      </c>
      <c r="S3437">
        <v>2</v>
      </c>
      <c r="T3437" t="s">
        <v>661</v>
      </c>
      <c r="U3437">
        <v>8</v>
      </c>
      <c r="V3437">
        <v>2</v>
      </c>
      <c r="W3437">
        <v>120</v>
      </c>
      <c r="X3437">
        <v>2020</v>
      </c>
    </row>
    <row r="3438" spans="1:24" x14ac:dyDescent="0.25">
      <c r="A3438">
        <v>7656</v>
      </c>
      <c r="B3438" t="s">
        <v>18</v>
      </c>
      <c r="C3438">
        <v>31</v>
      </c>
      <c r="D3438" t="s">
        <v>426</v>
      </c>
      <c r="E3438">
        <v>246</v>
      </c>
      <c r="F3438" t="s">
        <v>651</v>
      </c>
      <c r="G3438">
        <v>160</v>
      </c>
      <c r="H3438" t="s">
        <v>719</v>
      </c>
      <c r="I3438">
        <v>7630</v>
      </c>
      <c r="J3438" t="s">
        <v>663</v>
      </c>
      <c r="K3438">
        <v>99</v>
      </c>
      <c r="L3438" t="s">
        <v>2627</v>
      </c>
      <c r="M3438">
        <v>2082</v>
      </c>
      <c r="N3438" t="s">
        <v>654</v>
      </c>
      <c r="O3438">
        <v>3</v>
      </c>
      <c r="P3438" t="s">
        <v>655</v>
      </c>
      <c r="Q3438">
        <v>1</v>
      </c>
      <c r="R3438" t="s">
        <v>656</v>
      </c>
      <c r="S3438">
        <v>2</v>
      </c>
      <c r="T3438" t="s">
        <v>661</v>
      </c>
      <c r="U3438">
        <v>8</v>
      </c>
      <c r="V3438">
        <v>2</v>
      </c>
      <c r="W3438">
        <v>120</v>
      </c>
      <c r="X3438">
        <v>2020</v>
      </c>
    </row>
    <row r="3439" spans="1:24" x14ac:dyDescent="0.25">
      <c r="A3439">
        <v>7655</v>
      </c>
      <c r="B3439" t="s">
        <v>18</v>
      </c>
      <c r="C3439">
        <v>31</v>
      </c>
      <c r="D3439" t="s">
        <v>426</v>
      </c>
      <c r="E3439">
        <v>246</v>
      </c>
      <c r="F3439" t="s">
        <v>651</v>
      </c>
      <c r="G3439">
        <v>160</v>
      </c>
      <c r="H3439" t="s">
        <v>719</v>
      </c>
      <c r="I3439">
        <v>7630</v>
      </c>
      <c r="J3439" t="s">
        <v>663</v>
      </c>
      <c r="K3439">
        <v>99</v>
      </c>
      <c r="L3439" t="s">
        <v>2628</v>
      </c>
      <c r="M3439">
        <v>2081</v>
      </c>
      <c r="N3439" t="s">
        <v>654</v>
      </c>
      <c r="O3439">
        <v>3</v>
      </c>
      <c r="P3439" t="s">
        <v>655</v>
      </c>
      <c r="Q3439">
        <v>1</v>
      </c>
      <c r="R3439" t="s">
        <v>656</v>
      </c>
      <c r="S3439">
        <v>2</v>
      </c>
      <c r="T3439" t="s">
        <v>661</v>
      </c>
      <c r="U3439">
        <v>8</v>
      </c>
      <c r="V3439">
        <v>2</v>
      </c>
      <c r="W3439">
        <v>120</v>
      </c>
      <c r="X3439">
        <v>2020</v>
      </c>
    </row>
    <row r="3440" spans="1:24" x14ac:dyDescent="0.25">
      <c r="A3440">
        <v>7654</v>
      </c>
      <c r="B3440" t="s">
        <v>18</v>
      </c>
      <c r="C3440">
        <v>31</v>
      </c>
      <c r="D3440" t="s">
        <v>426</v>
      </c>
      <c r="E3440">
        <v>246</v>
      </c>
      <c r="F3440" t="s">
        <v>651</v>
      </c>
      <c r="G3440">
        <v>160</v>
      </c>
      <c r="H3440" t="s">
        <v>719</v>
      </c>
      <c r="I3440">
        <v>7630</v>
      </c>
      <c r="J3440" t="s">
        <v>663</v>
      </c>
      <c r="K3440">
        <v>99</v>
      </c>
      <c r="L3440" t="s">
        <v>2629</v>
      </c>
      <c r="M3440">
        <v>2080</v>
      </c>
      <c r="N3440" t="s">
        <v>654</v>
      </c>
      <c r="O3440">
        <v>3</v>
      </c>
      <c r="P3440" t="s">
        <v>655</v>
      </c>
      <c r="Q3440">
        <v>1</v>
      </c>
      <c r="R3440" t="s">
        <v>656</v>
      </c>
      <c r="S3440">
        <v>2</v>
      </c>
      <c r="T3440" t="s">
        <v>661</v>
      </c>
      <c r="U3440">
        <v>8</v>
      </c>
      <c r="V3440">
        <v>2</v>
      </c>
      <c r="W3440">
        <v>120</v>
      </c>
      <c r="X3440">
        <v>2020</v>
      </c>
    </row>
    <row r="3441" spans="1:24" x14ac:dyDescent="0.25">
      <c r="A3441">
        <v>7652</v>
      </c>
      <c r="B3441" t="s">
        <v>18</v>
      </c>
      <c r="C3441">
        <v>31</v>
      </c>
      <c r="D3441" t="s">
        <v>426</v>
      </c>
      <c r="E3441">
        <v>246</v>
      </c>
      <c r="F3441" t="s">
        <v>651</v>
      </c>
      <c r="G3441">
        <v>160</v>
      </c>
      <c r="H3441" t="s">
        <v>719</v>
      </c>
      <c r="I3441">
        <v>7630</v>
      </c>
      <c r="J3441" t="s">
        <v>663</v>
      </c>
      <c r="K3441">
        <v>99</v>
      </c>
      <c r="L3441" t="s">
        <v>2630</v>
      </c>
      <c r="M3441">
        <v>2078</v>
      </c>
      <c r="N3441" t="s">
        <v>654</v>
      </c>
      <c r="O3441">
        <v>3</v>
      </c>
      <c r="P3441" t="s">
        <v>655</v>
      </c>
      <c r="Q3441">
        <v>1</v>
      </c>
      <c r="R3441" t="s">
        <v>656</v>
      </c>
      <c r="S3441">
        <v>2</v>
      </c>
      <c r="T3441" t="s">
        <v>661</v>
      </c>
      <c r="U3441">
        <v>8</v>
      </c>
      <c r="V3441">
        <v>2</v>
      </c>
      <c r="W3441">
        <v>120</v>
      </c>
      <c r="X3441">
        <v>2020</v>
      </c>
    </row>
    <row r="3442" spans="1:24" x14ac:dyDescent="0.25">
      <c r="A3442">
        <v>7646</v>
      </c>
      <c r="B3442" t="s">
        <v>18</v>
      </c>
      <c r="C3442">
        <v>31</v>
      </c>
      <c r="D3442" t="s">
        <v>441</v>
      </c>
      <c r="E3442">
        <v>245</v>
      </c>
      <c r="F3442" t="s">
        <v>651</v>
      </c>
      <c r="G3442">
        <v>160</v>
      </c>
      <c r="H3442" t="s">
        <v>719</v>
      </c>
      <c r="I3442">
        <v>7630</v>
      </c>
      <c r="J3442" t="s">
        <v>802</v>
      </c>
      <c r="K3442">
        <v>12</v>
      </c>
      <c r="L3442" t="s">
        <v>2631</v>
      </c>
      <c r="M3442">
        <v>2072</v>
      </c>
      <c r="N3442" t="s">
        <v>654</v>
      </c>
      <c r="O3442">
        <v>3</v>
      </c>
      <c r="P3442" t="s">
        <v>655</v>
      </c>
      <c r="Q3442">
        <v>1</v>
      </c>
      <c r="R3442" t="s">
        <v>656</v>
      </c>
      <c r="S3442">
        <v>2</v>
      </c>
      <c r="T3442" t="s">
        <v>661</v>
      </c>
      <c r="U3442">
        <v>8</v>
      </c>
      <c r="V3442">
        <v>2</v>
      </c>
      <c r="W3442">
        <v>120</v>
      </c>
      <c r="X3442">
        <v>2020</v>
      </c>
    </row>
    <row r="3443" spans="1:24" x14ac:dyDescent="0.25">
      <c r="A3443">
        <v>7645</v>
      </c>
      <c r="B3443" t="s">
        <v>18</v>
      </c>
      <c r="C3443">
        <v>31</v>
      </c>
      <c r="D3443" t="s">
        <v>441</v>
      </c>
      <c r="E3443">
        <v>245</v>
      </c>
      <c r="F3443" t="s">
        <v>651</v>
      </c>
      <c r="G3443">
        <v>160</v>
      </c>
      <c r="H3443" t="s">
        <v>719</v>
      </c>
      <c r="I3443">
        <v>7630</v>
      </c>
      <c r="J3443" t="s">
        <v>802</v>
      </c>
      <c r="K3443">
        <v>12</v>
      </c>
      <c r="L3443" t="s">
        <v>1746</v>
      </c>
      <c r="M3443">
        <v>2071</v>
      </c>
      <c r="N3443" t="s">
        <v>654</v>
      </c>
      <c r="O3443">
        <v>3</v>
      </c>
      <c r="P3443" t="s">
        <v>655</v>
      </c>
      <c r="Q3443">
        <v>1</v>
      </c>
      <c r="R3443" t="s">
        <v>656</v>
      </c>
      <c r="S3443">
        <v>2</v>
      </c>
      <c r="T3443" t="s">
        <v>661</v>
      </c>
      <c r="U3443">
        <v>8</v>
      </c>
      <c r="V3443">
        <v>2</v>
      </c>
      <c r="W3443">
        <v>120</v>
      </c>
      <c r="X3443">
        <v>2020</v>
      </c>
    </row>
    <row r="3444" spans="1:24" x14ac:dyDescent="0.25">
      <c r="A3444">
        <v>7641</v>
      </c>
      <c r="B3444" t="s">
        <v>18</v>
      </c>
      <c r="C3444">
        <v>31</v>
      </c>
      <c r="D3444" t="s">
        <v>441</v>
      </c>
      <c r="E3444">
        <v>245</v>
      </c>
      <c r="F3444" t="s">
        <v>651</v>
      </c>
      <c r="G3444">
        <v>160</v>
      </c>
      <c r="H3444" t="s">
        <v>719</v>
      </c>
      <c r="I3444">
        <v>7630</v>
      </c>
      <c r="J3444" t="s">
        <v>802</v>
      </c>
      <c r="K3444">
        <v>12</v>
      </c>
      <c r="L3444" t="s">
        <v>2632</v>
      </c>
      <c r="M3444">
        <v>2068</v>
      </c>
      <c r="N3444" t="s">
        <v>654</v>
      </c>
      <c r="O3444">
        <v>3</v>
      </c>
      <c r="P3444" t="s">
        <v>655</v>
      </c>
      <c r="Q3444">
        <v>1</v>
      </c>
      <c r="R3444" t="s">
        <v>656</v>
      </c>
      <c r="S3444">
        <v>2</v>
      </c>
      <c r="T3444" t="s">
        <v>661</v>
      </c>
      <c r="U3444">
        <v>8</v>
      </c>
      <c r="V3444">
        <v>2</v>
      </c>
      <c r="W3444">
        <v>120</v>
      </c>
      <c r="X3444">
        <v>2020</v>
      </c>
    </row>
    <row r="3445" spans="1:24" x14ac:dyDescent="0.25">
      <c r="A3445">
        <v>7640</v>
      </c>
      <c r="B3445" t="s">
        <v>18</v>
      </c>
      <c r="C3445">
        <v>31</v>
      </c>
      <c r="D3445" t="s">
        <v>441</v>
      </c>
      <c r="E3445">
        <v>245</v>
      </c>
      <c r="F3445" t="s">
        <v>651</v>
      </c>
      <c r="G3445">
        <v>160</v>
      </c>
      <c r="H3445" t="s">
        <v>719</v>
      </c>
      <c r="I3445">
        <v>7630</v>
      </c>
      <c r="J3445" t="s">
        <v>802</v>
      </c>
      <c r="K3445">
        <v>12</v>
      </c>
      <c r="L3445" t="s">
        <v>2633</v>
      </c>
      <c r="M3445">
        <v>2067</v>
      </c>
      <c r="N3445" t="s">
        <v>654</v>
      </c>
      <c r="O3445">
        <v>3</v>
      </c>
      <c r="P3445" t="s">
        <v>655</v>
      </c>
      <c r="Q3445">
        <v>1</v>
      </c>
      <c r="R3445" t="s">
        <v>656</v>
      </c>
      <c r="S3445">
        <v>2</v>
      </c>
      <c r="T3445" t="s">
        <v>661</v>
      </c>
      <c r="U3445">
        <v>8</v>
      </c>
      <c r="V3445">
        <v>2</v>
      </c>
      <c r="W3445">
        <v>120</v>
      </c>
      <c r="X3445">
        <v>2020</v>
      </c>
    </row>
    <row r="3446" spans="1:24" x14ac:dyDescent="0.25">
      <c r="A3446">
        <v>7639</v>
      </c>
      <c r="B3446" t="s">
        <v>18</v>
      </c>
      <c r="C3446">
        <v>31</v>
      </c>
      <c r="D3446" t="s">
        <v>23</v>
      </c>
      <c r="E3446">
        <v>244</v>
      </c>
      <c r="F3446" t="s">
        <v>651</v>
      </c>
      <c r="G3446">
        <v>160</v>
      </c>
      <c r="H3446" t="s">
        <v>719</v>
      </c>
      <c r="I3446">
        <v>7630</v>
      </c>
      <c r="J3446" t="s">
        <v>676</v>
      </c>
      <c r="K3446">
        <v>4</v>
      </c>
      <c r="L3446" t="s">
        <v>2634</v>
      </c>
      <c r="M3446">
        <v>2066</v>
      </c>
      <c r="N3446" t="s">
        <v>654</v>
      </c>
      <c r="O3446">
        <v>3</v>
      </c>
      <c r="P3446" t="s">
        <v>655</v>
      </c>
      <c r="Q3446">
        <v>1</v>
      </c>
      <c r="R3446" t="s">
        <v>656</v>
      </c>
      <c r="S3446">
        <v>2</v>
      </c>
      <c r="T3446" t="s">
        <v>718</v>
      </c>
      <c r="U3446">
        <v>2</v>
      </c>
      <c r="V3446">
        <v>2</v>
      </c>
      <c r="W3446">
        <v>120</v>
      </c>
      <c r="X3446">
        <v>2020</v>
      </c>
    </row>
    <row r="3447" spans="1:24" x14ac:dyDescent="0.25">
      <c r="A3447">
        <v>7638</v>
      </c>
      <c r="B3447" t="s">
        <v>18</v>
      </c>
      <c r="C3447">
        <v>31</v>
      </c>
      <c r="D3447" t="s">
        <v>23</v>
      </c>
      <c r="E3447">
        <v>244</v>
      </c>
      <c r="F3447" t="s">
        <v>651</v>
      </c>
      <c r="G3447">
        <v>160</v>
      </c>
      <c r="H3447" t="s">
        <v>719</v>
      </c>
      <c r="I3447">
        <v>7630</v>
      </c>
      <c r="J3447" t="s">
        <v>676</v>
      </c>
      <c r="K3447">
        <v>4</v>
      </c>
      <c r="L3447" t="s">
        <v>2635</v>
      </c>
      <c r="M3447">
        <v>899</v>
      </c>
      <c r="N3447" t="s">
        <v>654</v>
      </c>
      <c r="O3447">
        <v>3</v>
      </c>
      <c r="P3447" t="s">
        <v>655</v>
      </c>
      <c r="Q3447">
        <v>1</v>
      </c>
      <c r="R3447" t="s">
        <v>656</v>
      </c>
      <c r="S3447">
        <v>2</v>
      </c>
      <c r="T3447" t="s">
        <v>718</v>
      </c>
      <c r="U3447">
        <v>2</v>
      </c>
      <c r="V3447">
        <v>2</v>
      </c>
      <c r="W3447">
        <v>120</v>
      </c>
      <c r="X3447">
        <v>2020</v>
      </c>
    </row>
    <row r="3448" spans="1:24" x14ac:dyDescent="0.25">
      <c r="A3448">
        <v>7636</v>
      </c>
      <c r="B3448" t="s">
        <v>18</v>
      </c>
      <c r="C3448">
        <v>31</v>
      </c>
      <c r="D3448" t="s">
        <v>23</v>
      </c>
      <c r="E3448">
        <v>244</v>
      </c>
      <c r="F3448" t="s">
        <v>651</v>
      </c>
      <c r="G3448">
        <v>160</v>
      </c>
      <c r="H3448" t="s">
        <v>719</v>
      </c>
      <c r="I3448">
        <v>7630</v>
      </c>
      <c r="J3448" t="s">
        <v>676</v>
      </c>
      <c r="K3448">
        <v>4</v>
      </c>
      <c r="L3448" t="s">
        <v>2636</v>
      </c>
      <c r="M3448">
        <v>2065</v>
      </c>
      <c r="N3448" t="s">
        <v>654</v>
      </c>
      <c r="O3448">
        <v>3</v>
      </c>
      <c r="P3448" t="s">
        <v>655</v>
      </c>
      <c r="Q3448">
        <v>1</v>
      </c>
      <c r="R3448" t="s">
        <v>656</v>
      </c>
      <c r="S3448">
        <v>2</v>
      </c>
      <c r="T3448" t="s">
        <v>718</v>
      </c>
      <c r="U3448">
        <v>2</v>
      </c>
      <c r="V3448">
        <v>2</v>
      </c>
      <c r="W3448">
        <v>120</v>
      </c>
      <c r="X3448">
        <v>2020</v>
      </c>
    </row>
    <row r="3449" spans="1:24" x14ac:dyDescent="0.25">
      <c r="A3449">
        <v>7634</v>
      </c>
      <c r="B3449" t="s">
        <v>18</v>
      </c>
      <c r="C3449">
        <v>31</v>
      </c>
      <c r="D3449" t="s">
        <v>23</v>
      </c>
      <c r="E3449">
        <v>244</v>
      </c>
      <c r="F3449" t="s">
        <v>651</v>
      </c>
      <c r="G3449">
        <v>160</v>
      </c>
      <c r="H3449" t="s">
        <v>719</v>
      </c>
      <c r="I3449">
        <v>7630</v>
      </c>
      <c r="J3449" t="s">
        <v>676</v>
      </c>
      <c r="K3449">
        <v>4</v>
      </c>
      <c r="L3449" t="s">
        <v>2637</v>
      </c>
      <c r="M3449">
        <v>2064</v>
      </c>
      <c r="N3449" t="s">
        <v>654</v>
      </c>
      <c r="O3449">
        <v>3</v>
      </c>
      <c r="P3449" t="s">
        <v>655</v>
      </c>
      <c r="Q3449">
        <v>1</v>
      </c>
      <c r="R3449" t="s">
        <v>656</v>
      </c>
      <c r="S3449">
        <v>2</v>
      </c>
      <c r="T3449" t="s">
        <v>718</v>
      </c>
      <c r="U3449">
        <v>2</v>
      </c>
      <c r="V3449">
        <v>2</v>
      </c>
      <c r="W3449">
        <v>120</v>
      </c>
      <c r="X3449">
        <v>2020</v>
      </c>
    </row>
    <row r="3450" spans="1:24" x14ac:dyDescent="0.25">
      <c r="A3450">
        <v>7632</v>
      </c>
      <c r="B3450" t="s">
        <v>18</v>
      </c>
      <c r="C3450">
        <v>31</v>
      </c>
      <c r="D3450" t="s">
        <v>23</v>
      </c>
      <c r="E3450">
        <v>244</v>
      </c>
      <c r="F3450" t="s">
        <v>651</v>
      </c>
      <c r="G3450">
        <v>160</v>
      </c>
      <c r="H3450" t="s">
        <v>719</v>
      </c>
      <c r="I3450">
        <v>7630</v>
      </c>
      <c r="J3450" t="s">
        <v>676</v>
      </c>
      <c r="K3450">
        <v>4</v>
      </c>
      <c r="L3450" t="s">
        <v>2638</v>
      </c>
      <c r="M3450">
        <v>2063</v>
      </c>
      <c r="N3450" t="s">
        <v>654</v>
      </c>
      <c r="O3450">
        <v>3</v>
      </c>
      <c r="P3450" t="s">
        <v>655</v>
      </c>
      <c r="Q3450">
        <v>1</v>
      </c>
      <c r="R3450" t="s">
        <v>656</v>
      </c>
      <c r="S3450">
        <v>2</v>
      </c>
      <c r="T3450" t="s">
        <v>718</v>
      </c>
      <c r="U3450">
        <v>2</v>
      </c>
      <c r="V3450">
        <v>2</v>
      </c>
      <c r="W3450">
        <v>120</v>
      </c>
      <c r="X3450">
        <v>2020</v>
      </c>
    </row>
    <row r="3451" spans="1:24" x14ac:dyDescent="0.25">
      <c r="A3451">
        <v>7630</v>
      </c>
      <c r="B3451" t="s">
        <v>18</v>
      </c>
      <c r="C3451">
        <v>31</v>
      </c>
      <c r="D3451" t="s">
        <v>23</v>
      </c>
      <c r="E3451">
        <v>244</v>
      </c>
      <c r="F3451" t="s">
        <v>651</v>
      </c>
      <c r="G3451">
        <v>160</v>
      </c>
      <c r="H3451" t="s">
        <v>719</v>
      </c>
      <c r="I3451">
        <v>7630</v>
      </c>
      <c r="J3451" t="s">
        <v>676</v>
      </c>
      <c r="K3451">
        <v>4</v>
      </c>
      <c r="L3451" t="s">
        <v>2639</v>
      </c>
      <c r="M3451">
        <v>2062</v>
      </c>
      <c r="N3451" t="s">
        <v>654</v>
      </c>
      <c r="O3451">
        <v>3</v>
      </c>
      <c r="P3451" t="s">
        <v>655</v>
      </c>
      <c r="Q3451">
        <v>1</v>
      </c>
      <c r="R3451" t="s">
        <v>656</v>
      </c>
      <c r="S3451">
        <v>2</v>
      </c>
      <c r="T3451" t="s">
        <v>718</v>
      </c>
      <c r="U3451">
        <v>2</v>
      </c>
      <c r="V3451">
        <v>2</v>
      </c>
      <c r="W3451">
        <v>120</v>
      </c>
      <c r="X3451">
        <v>2020</v>
      </c>
    </row>
    <row r="3452" spans="1:24" x14ac:dyDescent="0.25">
      <c r="A3452">
        <v>7626</v>
      </c>
      <c r="B3452" t="s">
        <v>18</v>
      </c>
      <c r="C3452">
        <v>31</v>
      </c>
      <c r="D3452" t="s">
        <v>511</v>
      </c>
      <c r="E3452">
        <v>243</v>
      </c>
      <c r="F3452" t="s">
        <v>651</v>
      </c>
      <c r="G3452">
        <v>160</v>
      </c>
      <c r="H3452" t="s">
        <v>719</v>
      </c>
      <c r="I3452">
        <v>7630</v>
      </c>
      <c r="J3452" t="s">
        <v>896</v>
      </c>
      <c r="K3452">
        <v>7</v>
      </c>
      <c r="L3452" t="s">
        <v>2640</v>
      </c>
      <c r="M3452">
        <v>2060</v>
      </c>
      <c r="N3452" t="s">
        <v>654</v>
      </c>
      <c r="O3452">
        <v>3</v>
      </c>
      <c r="P3452" t="s">
        <v>655</v>
      </c>
      <c r="Q3452">
        <v>1</v>
      </c>
      <c r="R3452" t="s">
        <v>656</v>
      </c>
      <c r="S3452">
        <v>2</v>
      </c>
      <c r="T3452" t="s">
        <v>661</v>
      </c>
      <c r="U3452">
        <v>8</v>
      </c>
      <c r="V3452">
        <v>2</v>
      </c>
      <c r="W3452">
        <v>120</v>
      </c>
      <c r="X3452">
        <v>2020</v>
      </c>
    </row>
    <row r="3453" spans="1:24" x14ac:dyDescent="0.25">
      <c r="A3453">
        <v>7625</v>
      </c>
      <c r="B3453" t="s">
        <v>18</v>
      </c>
      <c r="C3453">
        <v>31</v>
      </c>
      <c r="D3453" t="s">
        <v>511</v>
      </c>
      <c r="E3453">
        <v>243</v>
      </c>
      <c r="F3453" t="s">
        <v>651</v>
      </c>
      <c r="G3453">
        <v>160</v>
      </c>
      <c r="H3453" t="s">
        <v>719</v>
      </c>
      <c r="I3453">
        <v>7630</v>
      </c>
      <c r="J3453" t="s">
        <v>792</v>
      </c>
      <c r="K3453">
        <v>6</v>
      </c>
      <c r="L3453" t="s">
        <v>2641</v>
      </c>
      <c r="M3453">
        <v>724</v>
      </c>
      <c r="N3453" t="s">
        <v>654</v>
      </c>
      <c r="O3453">
        <v>3</v>
      </c>
      <c r="P3453" t="s">
        <v>655</v>
      </c>
      <c r="Q3453">
        <v>1</v>
      </c>
      <c r="R3453" t="s">
        <v>656</v>
      </c>
      <c r="S3453">
        <v>2</v>
      </c>
      <c r="T3453" t="s">
        <v>661</v>
      </c>
      <c r="U3453">
        <v>8</v>
      </c>
      <c r="V3453">
        <v>2</v>
      </c>
      <c r="W3453">
        <v>120</v>
      </c>
      <c r="X3453">
        <v>2020</v>
      </c>
    </row>
    <row r="3454" spans="1:24" x14ac:dyDescent="0.25">
      <c r="A3454">
        <v>7624</v>
      </c>
      <c r="B3454" t="s">
        <v>18</v>
      </c>
      <c r="C3454">
        <v>31</v>
      </c>
      <c r="D3454" t="s">
        <v>511</v>
      </c>
      <c r="E3454">
        <v>243</v>
      </c>
      <c r="F3454" t="s">
        <v>651</v>
      </c>
      <c r="G3454">
        <v>160</v>
      </c>
      <c r="H3454" t="s">
        <v>719</v>
      </c>
      <c r="I3454">
        <v>7630</v>
      </c>
      <c r="J3454" t="s">
        <v>792</v>
      </c>
      <c r="K3454">
        <v>6</v>
      </c>
      <c r="L3454" t="s">
        <v>2642</v>
      </c>
      <c r="M3454">
        <v>2059</v>
      </c>
      <c r="N3454" t="s">
        <v>654</v>
      </c>
      <c r="O3454">
        <v>3</v>
      </c>
      <c r="P3454" t="s">
        <v>655</v>
      </c>
      <c r="Q3454">
        <v>1</v>
      </c>
      <c r="R3454" t="s">
        <v>656</v>
      </c>
      <c r="S3454">
        <v>2</v>
      </c>
      <c r="T3454" t="s">
        <v>769</v>
      </c>
      <c r="U3454">
        <v>3</v>
      </c>
      <c r="V3454">
        <v>2</v>
      </c>
      <c r="W3454">
        <v>120</v>
      </c>
      <c r="X3454">
        <v>2020</v>
      </c>
    </row>
    <row r="3455" spans="1:24" x14ac:dyDescent="0.25">
      <c r="A3455">
        <v>7623</v>
      </c>
      <c r="B3455" t="s">
        <v>18</v>
      </c>
      <c r="C3455">
        <v>31</v>
      </c>
      <c r="D3455" t="s">
        <v>511</v>
      </c>
      <c r="E3455">
        <v>243</v>
      </c>
      <c r="F3455" t="s">
        <v>651</v>
      </c>
      <c r="G3455">
        <v>160</v>
      </c>
      <c r="H3455" t="s">
        <v>719</v>
      </c>
      <c r="I3455">
        <v>7630</v>
      </c>
      <c r="J3455" t="s">
        <v>792</v>
      </c>
      <c r="K3455">
        <v>6</v>
      </c>
      <c r="L3455" t="s">
        <v>2400</v>
      </c>
      <c r="M3455">
        <v>2058</v>
      </c>
      <c r="N3455" t="s">
        <v>654</v>
      </c>
      <c r="O3455">
        <v>3</v>
      </c>
      <c r="P3455" t="s">
        <v>655</v>
      </c>
      <c r="Q3455">
        <v>1</v>
      </c>
      <c r="R3455" t="s">
        <v>656</v>
      </c>
      <c r="S3455">
        <v>2</v>
      </c>
      <c r="T3455" t="s">
        <v>661</v>
      </c>
      <c r="U3455">
        <v>8</v>
      </c>
      <c r="V3455">
        <v>2</v>
      </c>
      <c r="W3455">
        <v>120</v>
      </c>
      <c r="X3455">
        <v>2020</v>
      </c>
    </row>
    <row r="3456" spans="1:24" x14ac:dyDescent="0.25">
      <c r="A3456">
        <v>7622</v>
      </c>
      <c r="B3456" t="s">
        <v>18</v>
      </c>
      <c r="C3456">
        <v>31</v>
      </c>
      <c r="D3456" t="s">
        <v>511</v>
      </c>
      <c r="E3456">
        <v>243</v>
      </c>
      <c r="F3456" t="s">
        <v>651</v>
      </c>
      <c r="G3456">
        <v>160</v>
      </c>
      <c r="H3456" t="s">
        <v>719</v>
      </c>
      <c r="I3456">
        <v>7630</v>
      </c>
      <c r="J3456" t="s">
        <v>792</v>
      </c>
      <c r="K3456">
        <v>6</v>
      </c>
      <c r="L3456" t="s">
        <v>2643</v>
      </c>
      <c r="M3456">
        <v>2057</v>
      </c>
      <c r="N3456" t="s">
        <v>654</v>
      </c>
      <c r="O3456">
        <v>3</v>
      </c>
      <c r="P3456" t="s">
        <v>655</v>
      </c>
      <c r="Q3456">
        <v>1</v>
      </c>
      <c r="R3456" t="s">
        <v>656</v>
      </c>
      <c r="S3456">
        <v>2</v>
      </c>
      <c r="T3456" t="s">
        <v>661</v>
      </c>
      <c r="U3456">
        <v>8</v>
      </c>
      <c r="V3456">
        <v>2</v>
      </c>
      <c r="W3456">
        <v>120</v>
      </c>
      <c r="X3456">
        <v>2020</v>
      </c>
    </row>
    <row r="3457" spans="1:24" x14ac:dyDescent="0.25">
      <c r="A3457">
        <v>7621</v>
      </c>
      <c r="B3457" t="s">
        <v>18</v>
      </c>
      <c r="C3457">
        <v>31</v>
      </c>
      <c r="D3457" t="s">
        <v>457</v>
      </c>
      <c r="E3457">
        <v>242</v>
      </c>
      <c r="F3457" t="s">
        <v>651</v>
      </c>
      <c r="G3457">
        <v>160</v>
      </c>
      <c r="H3457" t="s">
        <v>719</v>
      </c>
      <c r="I3457">
        <v>7630</v>
      </c>
      <c r="J3457" t="s">
        <v>726</v>
      </c>
      <c r="K3457">
        <v>2</v>
      </c>
      <c r="L3457" t="s">
        <v>2644</v>
      </c>
      <c r="M3457">
        <v>2056</v>
      </c>
      <c r="N3457" t="s">
        <v>654</v>
      </c>
      <c r="O3457">
        <v>3</v>
      </c>
      <c r="P3457" t="s">
        <v>655</v>
      </c>
      <c r="Q3457">
        <v>1</v>
      </c>
      <c r="R3457" t="s">
        <v>656</v>
      </c>
      <c r="S3457">
        <v>2</v>
      </c>
      <c r="T3457" t="s">
        <v>661</v>
      </c>
      <c r="U3457">
        <v>8</v>
      </c>
      <c r="V3457">
        <v>2</v>
      </c>
      <c r="W3457">
        <v>120</v>
      </c>
      <c r="X3457">
        <v>2020</v>
      </c>
    </row>
    <row r="3458" spans="1:24" x14ac:dyDescent="0.25">
      <c r="A3458">
        <v>7618</v>
      </c>
      <c r="B3458" t="s">
        <v>18</v>
      </c>
      <c r="C3458">
        <v>31</v>
      </c>
      <c r="D3458" t="s">
        <v>457</v>
      </c>
      <c r="E3458">
        <v>242</v>
      </c>
      <c r="F3458" t="s">
        <v>651</v>
      </c>
      <c r="G3458">
        <v>160</v>
      </c>
      <c r="H3458" t="s">
        <v>719</v>
      </c>
      <c r="I3458">
        <v>7630</v>
      </c>
      <c r="J3458" t="s">
        <v>726</v>
      </c>
      <c r="K3458">
        <v>2</v>
      </c>
      <c r="L3458" t="s">
        <v>2645</v>
      </c>
      <c r="M3458">
        <v>2055</v>
      </c>
      <c r="N3458" t="s">
        <v>654</v>
      </c>
      <c r="O3458">
        <v>3</v>
      </c>
      <c r="P3458" t="s">
        <v>655</v>
      </c>
      <c r="Q3458">
        <v>1</v>
      </c>
      <c r="R3458" t="s">
        <v>656</v>
      </c>
      <c r="S3458">
        <v>2</v>
      </c>
      <c r="T3458" t="s">
        <v>661</v>
      </c>
      <c r="U3458">
        <v>8</v>
      </c>
      <c r="V3458">
        <v>2</v>
      </c>
      <c r="W3458">
        <v>120</v>
      </c>
      <c r="X3458">
        <v>2020</v>
      </c>
    </row>
    <row r="3459" spans="1:24" x14ac:dyDescent="0.25">
      <c r="A3459">
        <v>7611</v>
      </c>
      <c r="B3459" t="s">
        <v>18</v>
      </c>
      <c r="C3459">
        <v>31</v>
      </c>
      <c r="D3459" t="s">
        <v>457</v>
      </c>
      <c r="E3459">
        <v>242</v>
      </c>
      <c r="F3459" t="s">
        <v>651</v>
      </c>
      <c r="G3459">
        <v>160</v>
      </c>
      <c r="H3459" t="s">
        <v>719</v>
      </c>
      <c r="I3459">
        <v>7630</v>
      </c>
      <c r="J3459" t="s">
        <v>726</v>
      </c>
      <c r="K3459">
        <v>2</v>
      </c>
      <c r="L3459" t="s">
        <v>2646</v>
      </c>
      <c r="M3459">
        <v>1441</v>
      </c>
      <c r="N3459" t="s">
        <v>654</v>
      </c>
      <c r="O3459">
        <v>3</v>
      </c>
      <c r="P3459" t="s">
        <v>655</v>
      </c>
      <c r="Q3459">
        <v>1</v>
      </c>
      <c r="R3459" t="s">
        <v>656</v>
      </c>
      <c r="S3459">
        <v>2</v>
      </c>
      <c r="T3459" t="s">
        <v>718</v>
      </c>
      <c r="U3459">
        <v>2</v>
      </c>
      <c r="V3459">
        <v>2</v>
      </c>
      <c r="W3459">
        <v>120</v>
      </c>
      <c r="X3459">
        <v>2020</v>
      </c>
    </row>
    <row r="3460" spans="1:24" x14ac:dyDescent="0.25">
      <c r="A3460">
        <v>7608</v>
      </c>
      <c r="B3460" t="s">
        <v>18</v>
      </c>
      <c r="C3460">
        <v>31</v>
      </c>
      <c r="D3460" t="s">
        <v>512</v>
      </c>
      <c r="E3460">
        <v>241</v>
      </c>
      <c r="F3460" t="s">
        <v>651</v>
      </c>
      <c r="G3460">
        <v>160</v>
      </c>
      <c r="H3460" t="s">
        <v>719</v>
      </c>
      <c r="I3460">
        <v>7630</v>
      </c>
      <c r="J3460" t="s">
        <v>894</v>
      </c>
      <c r="K3460">
        <v>18</v>
      </c>
      <c r="L3460" t="s">
        <v>2182</v>
      </c>
      <c r="M3460">
        <v>2049</v>
      </c>
      <c r="N3460" t="s">
        <v>654</v>
      </c>
      <c r="O3460">
        <v>3</v>
      </c>
      <c r="P3460" t="s">
        <v>655</v>
      </c>
      <c r="Q3460">
        <v>1</v>
      </c>
      <c r="R3460" t="s">
        <v>656</v>
      </c>
      <c r="S3460">
        <v>2</v>
      </c>
      <c r="T3460" t="s">
        <v>718</v>
      </c>
      <c r="U3460">
        <v>2</v>
      </c>
      <c r="V3460">
        <v>2</v>
      </c>
      <c r="W3460">
        <v>120</v>
      </c>
      <c r="X3460">
        <v>2020</v>
      </c>
    </row>
    <row r="3461" spans="1:24" x14ac:dyDescent="0.25">
      <c r="A3461">
        <v>7607</v>
      </c>
      <c r="B3461" t="s">
        <v>18</v>
      </c>
      <c r="C3461">
        <v>31</v>
      </c>
      <c r="D3461" t="s">
        <v>512</v>
      </c>
      <c r="E3461">
        <v>241</v>
      </c>
      <c r="F3461" t="s">
        <v>651</v>
      </c>
      <c r="G3461">
        <v>160</v>
      </c>
      <c r="H3461" t="s">
        <v>719</v>
      </c>
      <c r="I3461">
        <v>7630</v>
      </c>
      <c r="J3461" t="s">
        <v>894</v>
      </c>
      <c r="K3461">
        <v>18</v>
      </c>
      <c r="L3461" t="s">
        <v>2647</v>
      </c>
      <c r="M3461">
        <v>2048</v>
      </c>
      <c r="N3461" t="s">
        <v>654</v>
      </c>
      <c r="O3461">
        <v>3</v>
      </c>
      <c r="P3461" t="s">
        <v>655</v>
      </c>
      <c r="Q3461">
        <v>1</v>
      </c>
      <c r="R3461" t="s">
        <v>656</v>
      </c>
      <c r="S3461">
        <v>2</v>
      </c>
      <c r="T3461" t="s">
        <v>661</v>
      </c>
      <c r="U3461">
        <v>8</v>
      </c>
      <c r="V3461">
        <v>2</v>
      </c>
      <c r="W3461">
        <v>120</v>
      </c>
      <c r="X3461">
        <v>2020</v>
      </c>
    </row>
    <row r="3462" spans="1:24" x14ac:dyDescent="0.25">
      <c r="A3462">
        <v>7604</v>
      </c>
      <c r="B3462" t="s">
        <v>18</v>
      </c>
      <c r="C3462">
        <v>31</v>
      </c>
      <c r="D3462" t="s">
        <v>512</v>
      </c>
      <c r="E3462">
        <v>241</v>
      </c>
      <c r="F3462" t="s">
        <v>651</v>
      </c>
      <c r="G3462">
        <v>160</v>
      </c>
      <c r="H3462" t="s">
        <v>719</v>
      </c>
      <c r="I3462">
        <v>7630</v>
      </c>
      <c r="J3462" t="s">
        <v>691</v>
      </c>
      <c r="K3462">
        <v>21</v>
      </c>
      <c r="L3462" t="s">
        <v>2648</v>
      </c>
      <c r="M3462">
        <v>1534</v>
      </c>
      <c r="N3462" t="s">
        <v>654</v>
      </c>
      <c r="O3462">
        <v>3</v>
      </c>
      <c r="P3462" t="s">
        <v>655</v>
      </c>
      <c r="Q3462">
        <v>1</v>
      </c>
      <c r="R3462" t="s">
        <v>656</v>
      </c>
      <c r="S3462">
        <v>2</v>
      </c>
      <c r="T3462" t="s">
        <v>661</v>
      </c>
      <c r="U3462">
        <v>8</v>
      </c>
      <c r="V3462">
        <v>2</v>
      </c>
      <c r="W3462">
        <v>120</v>
      </c>
      <c r="X3462">
        <v>2020</v>
      </c>
    </row>
    <row r="3463" spans="1:24" x14ac:dyDescent="0.25">
      <c r="A3463">
        <v>7602</v>
      </c>
      <c r="B3463" t="s">
        <v>18</v>
      </c>
      <c r="C3463">
        <v>31</v>
      </c>
      <c r="D3463" t="s">
        <v>512</v>
      </c>
      <c r="E3463">
        <v>241</v>
      </c>
      <c r="F3463" t="s">
        <v>651</v>
      </c>
      <c r="G3463">
        <v>160</v>
      </c>
      <c r="H3463" t="s">
        <v>719</v>
      </c>
      <c r="I3463">
        <v>7630</v>
      </c>
      <c r="J3463" t="s">
        <v>866</v>
      </c>
      <c r="K3463">
        <v>9</v>
      </c>
      <c r="L3463" t="s">
        <v>2649</v>
      </c>
      <c r="M3463">
        <v>2045</v>
      </c>
      <c r="N3463" t="s">
        <v>654</v>
      </c>
      <c r="O3463">
        <v>3</v>
      </c>
      <c r="P3463" t="s">
        <v>655</v>
      </c>
      <c r="Q3463">
        <v>1</v>
      </c>
      <c r="R3463" t="s">
        <v>656</v>
      </c>
      <c r="S3463">
        <v>2</v>
      </c>
      <c r="T3463" t="s">
        <v>661</v>
      </c>
      <c r="U3463">
        <v>8</v>
      </c>
      <c r="V3463">
        <v>2</v>
      </c>
      <c r="W3463">
        <v>120</v>
      </c>
      <c r="X3463">
        <v>2020</v>
      </c>
    </row>
    <row r="3464" spans="1:24" x14ac:dyDescent="0.25">
      <c r="A3464">
        <v>7601</v>
      </c>
      <c r="B3464" t="s">
        <v>18</v>
      </c>
      <c r="C3464">
        <v>31</v>
      </c>
      <c r="D3464" t="s">
        <v>512</v>
      </c>
      <c r="E3464">
        <v>241</v>
      </c>
      <c r="F3464" t="s">
        <v>651</v>
      </c>
      <c r="G3464">
        <v>160</v>
      </c>
      <c r="H3464" t="s">
        <v>719</v>
      </c>
      <c r="I3464">
        <v>7630</v>
      </c>
      <c r="J3464" t="s">
        <v>703</v>
      </c>
      <c r="K3464">
        <v>16</v>
      </c>
      <c r="L3464" t="s">
        <v>2650</v>
      </c>
      <c r="M3464">
        <v>2044</v>
      </c>
      <c r="N3464" t="s">
        <v>654</v>
      </c>
      <c r="O3464">
        <v>3</v>
      </c>
      <c r="P3464" t="s">
        <v>655</v>
      </c>
      <c r="Q3464">
        <v>1</v>
      </c>
      <c r="R3464" t="s">
        <v>656</v>
      </c>
      <c r="S3464">
        <v>2</v>
      </c>
      <c r="T3464" t="s">
        <v>661</v>
      </c>
      <c r="U3464">
        <v>8</v>
      </c>
      <c r="V3464">
        <v>2</v>
      </c>
      <c r="W3464">
        <v>120</v>
      </c>
      <c r="X3464">
        <v>2020</v>
      </c>
    </row>
    <row r="3465" spans="1:24" x14ac:dyDescent="0.25">
      <c r="A3465">
        <v>7596</v>
      </c>
      <c r="B3465" t="s">
        <v>18</v>
      </c>
      <c r="C3465">
        <v>31</v>
      </c>
      <c r="D3465" t="s">
        <v>402</v>
      </c>
      <c r="E3465">
        <v>240</v>
      </c>
      <c r="F3465" t="s">
        <v>651</v>
      </c>
      <c r="G3465">
        <v>160</v>
      </c>
      <c r="H3465" t="s">
        <v>719</v>
      </c>
      <c r="I3465">
        <v>7630</v>
      </c>
      <c r="J3465" t="s">
        <v>819</v>
      </c>
      <c r="K3465">
        <v>101</v>
      </c>
      <c r="L3465" t="s">
        <v>1557</v>
      </c>
      <c r="M3465">
        <v>2039</v>
      </c>
      <c r="N3465" t="s">
        <v>654</v>
      </c>
      <c r="O3465">
        <v>3</v>
      </c>
      <c r="P3465" t="s">
        <v>655</v>
      </c>
      <c r="Q3465">
        <v>1</v>
      </c>
      <c r="R3465" t="s">
        <v>656</v>
      </c>
      <c r="S3465">
        <v>2</v>
      </c>
      <c r="T3465" t="s">
        <v>661</v>
      </c>
      <c r="U3465">
        <v>8</v>
      </c>
      <c r="V3465">
        <v>2</v>
      </c>
      <c r="W3465">
        <v>120</v>
      </c>
      <c r="X3465">
        <v>2020</v>
      </c>
    </row>
    <row r="3466" spans="1:24" x14ac:dyDescent="0.25">
      <c r="A3466">
        <v>7595</v>
      </c>
      <c r="B3466" t="s">
        <v>18</v>
      </c>
      <c r="C3466">
        <v>31</v>
      </c>
      <c r="D3466" t="s">
        <v>402</v>
      </c>
      <c r="E3466">
        <v>240</v>
      </c>
      <c r="F3466" t="s">
        <v>651</v>
      </c>
      <c r="G3466">
        <v>160</v>
      </c>
      <c r="H3466" t="s">
        <v>719</v>
      </c>
      <c r="I3466">
        <v>7630</v>
      </c>
      <c r="J3466" t="s">
        <v>819</v>
      </c>
      <c r="K3466">
        <v>101</v>
      </c>
      <c r="L3466" t="s">
        <v>2651</v>
      </c>
      <c r="M3466">
        <v>2038</v>
      </c>
      <c r="N3466" t="s">
        <v>654</v>
      </c>
      <c r="O3466">
        <v>3</v>
      </c>
      <c r="P3466" t="s">
        <v>655</v>
      </c>
      <c r="Q3466">
        <v>1</v>
      </c>
      <c r="R3466" t="s">
        <v>656</v>
      </c>
      <c r="S3466">
        <v>2</v>
      </c>
      <c r="T3466" t="s">
        <v>661</v>
      </c>
      <c r="U3466">
        <v>8</v>
      </c>
      <c r="V3466">
        <v>2</v>
      </c>
      <c r="W3466">
        <v>120</v>
      </c>
      <c r="X3466">
        <v>2020</v>
      </c>
    </row>
    <row r="3467" spans="1:24" x14ac:dyDescent="0.25">
      <c r="A3467">
        <v>7594</v>
      </c>
      <c r="B3467" t="s">
        <v>18</v>
      </c>
      <c r="C3467">
        <v>31</v>
      </c>
      <c r="D3467" t="s">
        <v>402</v>
      </c>
      <c r="E3467">
        <v>240</v>
      </c>
      <c r="F3467" t="s">
        <v>651</v>
      </c>
      <c r="G3467">
        <v>160</v>
      </c>
      <c r="H3467" t="s">
        <v>719</v>
      </c>
      <c r="I3467">
        <v>7630</v>
      </c>
      <c r="J3467" t="s">
        <v>819</v>
      </c>
      <c r="K3467">
        <v>101</v>
      </c>
      <c r="L3467" t="s">
        <v>2652</v>
      </c>
      <c r="M3467">
        <v>2037</v>
      </c>
      <c r="N3467" t="s">
        <v>654</v>
      </c>
      <c r="O3467">
        <v>3</v>
      </c>
      <c r="P3467" t="s">
        <v>655</v>
      </c>
      <c r="Q3467">
        <v>1</v>
      </c>
      <c r="R3467" t="s">
        <v>656</v>
      </c>
      <c r="S3467">
        <v>2</v>
      </c>
      <c r="T3467" t="s">
        <v>661</v>
      </c>
      <c r="U3467">
        <v>8</v>
      </c>
      <c r="V3467">
        <v>2</v>
      </c>
      <c r="W3467">
        <v>120</v>
      </c>
      <c r="X3467">
        <v>2020</v>
      </c>
    </row>
    <row r="3468" spans="1:24" x14ac:dyDescent="0.25">
      <c r="A3468">
        <v>7590</v>
      </c>
      <c r="B3468" t="s">
        <v>18</v>
      </c>
      <c r="C3468">
        <v>31</v>
      </c>
      <c r="D3468" t="s">
        <v>513</v>
      </c>
      <c r="E3468">
        <v>239</v>
      </c>
      <c r="F3468" t="s">
        <v>651</v>
      </c>
      <c r="G3468">
        <v>160</v>
      </c>
      <c r="H3468" t="s">
        <v>719</v>
      </c>
      <c r="I3468">
        <v>7630</v>
      </c>
      <c r="J3468" t="s">
        <v>682</v>
      </c>
      <c r="K3468">
        <v>20</v>
      </c>
      <c r="L3468" t="s">
        <v>904</v>
      </c>
      <c r="M3468">
        <v>1606</v>
      </c>
      <c r="N3468" t="s">
        <v>654</v>
      </c>
      <c r="O3468">
        <v>3</v>
      </c>
      <c r="P3468" t="s">
        <v>655</v>
      </c>
      <c r="Q3468">
        <v>1</v>
      </c>
      <c r="R3468" t="s">
        <v>656</v>
      </c>
      <c r="S3468">
        <v>2</v>
      </c>
      <c r="T3468" t="s">
        <v>661</v>
      </c>
      <c r="U3468">
        <v>8</v>
      </c>
      <c r="V3468">
        <v>2</v>
      </c>
      <c r="W3468">
        <v>120</v>
      </c>
      <c r="X3468">
        <v>2020</v>
      </c>
    </row>
    <row r="3469" spans="1:24" x14ac:dyDescent="0.25">
      <c r="A3469">
        <v>7587</v>
      </c>
      <c r="B3469" t="s">
        <v>18</v>
      </c>
      <c r="C3469">
        <v>31</v>
      </c>
      <c r="D3469" t="s">
        <v>513</v>
      </c>
      <c r="E3469">
        <v>239</v>
      </c>
      <c r="F3469" t="s">
        <v>651</v>
      </c>
      <c r="G3469">
        <v>160</v>
      </c>
      <c r="H3469" t="s">
        <v>719</v>
      </c>
      <c r="I3469">
        <v>7630</v>
      </c>
      <c r="J3469" t="s">
        <v>294</v>
      </c>
      <c r="K3469">
        <v>31</v>
      </c>
      <c r="L3469" t="s">
        <v>2653</v>
      </c>
      <c r="M3469">
        <v>2033</v>
      </c>
      <c r="N3469" t="s">
        <v>654</v>
      </c>
      <c r="O3469">
        <v>3</v>
      </c>
      <c r="P3469" t="s">
        <v>655</v>
      </c>
      <c r="Q3469">
        <v>1</v>
      </c>
      <c r="R3469" t="s">
        <v>656</v>
      </c>
      <c r="S3469">
        <v>2</v>
      </c>
      <c r="T3469" t="s">
        <v>661</v>
      </c>
      <c r="U3469">
        <v>8</v>
      </c>
      <c r="V3469">
        <v>2</v>
      </c>
      <c r="W3469">
        <v>120</v>
      </c>
      <c r="X3469">
        <v>2020</v>
      </c>
    </row>
    <row r="3470" spans="1:24" x14ac:dyDescent="0.25">
      <c r="A3470">
        <v>7586</v>
      </c>
      <c r="B3470" t="s">
        <v>18</v>
      </c>
      <c r="C3470">
        <v>31</v>
      </c>
      <c r="D3470" t="s">
        <v>513</v>
      </c>
      <c r="E3470">
        <v>239</v>
      </c>
      <c r="F3470" t="s">
        <v>651</v>
      </c>
      <c r="G3470">
        <v>160</v>
      </c>
      <c r="H3470" t="s">
        <v>719</v>
      </c>
      <c r="I3470">
        <v>7630</v>
      </c>
      <c r="J3470" t="s">
        <v>294</v>
      </c>
      <c r="K3470">
        <v>31</v>
      </c>
      <c r="L3470" t="s">
        <v>1960</v>
      </c>
      <c r="M3470">
        <v>1039</v>
      </c>
      <c r="N3470" t="s">
        <v>654</v>
      </c>
      <c r="O3470">
        <v>3</v>
      </c>
      <c r="P3470" t="s">
        <v>655</v>
      </c>
      <c r="Q3470">
        <v>1</v>
      </c>
      <c r="R3470" t="s">
        <v>656</v>
      </c>
      <c r="S3470">
        <v>2</v>
      </c>
      <c r="T3470" t="s">
        <v>661</v>
      </c>
      <c r="U3470">
        <v>8</v>
      </c>
      <c r="V3470">
        <v>2</v>
      </c>
      <c r="W3470">
        <v>120</v>
      </c>
      <c r="X3470">
        <v>2020</v>
      </c>
    </row>
    <row r="3471" spans="1:24" x14ac:dyDescent="0.25">
      <c r="A3471">
        <v>7585</v>
      </c>
      <c r="B3471" t="s">
        <v>18</v>
      </c>
      <c r="C3471">
        <v>31</v>
      </c>
      <c r="D3471" t="s">
        <v>513</v>
      </c>
      <c r="E3471">
        <v>239</v>
      </c>
      <c r="F3471" t="s">
        <v>651</v>
      </c>
      <c r="G3471">
        <v>160</v>
      </c>
      <c r="H3471" t="s">
        <v>719</v>
      </c>
      <c r="I3471">
        <v>7630</v>
      </c>
      <c r="J3471" t="s">
        <v>294</v>
      </c>
      <c r="K3471">
        <v>31</v>
      </c>
      <c r="L3471" t="s">
        <v>2654</v>
      </c>
      <c r="M3471">
        <v>2032</v>
      </c>
      <c r="N3471" t="s">
        <v>654</v>
      </c>
      <c r="O3471">
        <v>3</v>
      </c>
      <c r="P3471" t="s">
        <v>655</v>
      </c>
      <c r="Q3471">
        <v>1</v>
      </c>
      <c r="R3471" t="s">
        <v>656</v>
      </c>
      <c r="S3471">
        <v>2</v>
      </c>
      <c r="T3471" t="s">
        <v>661</v>
      </c>
      <c r="U3471">
        <v>8</v>
      </c>
      <c r="V3471">
        <v>2</v>
      </c>
      <c r="W3471">
        <v>120</v>
      </c>
      <c r="X3471">
        <v>2020</v>
      </c>
    </row>
    <row r="3472" spans="1:24" x14ac:dyDescent="0.25">
      <c r="A3472">
        <v>7584</v>
      </c>
      <c r="B3472" t="s">
        <v>18</v>
      </c>
      <c r="C3472">
        <v>31</v>
      </c>
      <c r="D3472" t="s">
        <v>513</v>
      </c>
      <c r="E3472">
        <v>239</v>
      </c>
      <c r="F3472" t="s">
        <v>651</v>
      </c>
      <c r="G3472">
        <v>160</v>
      </c>
      <c r="H3472" t="s">
        <v>719</v>
      </c>
      <c r="I3472">
        <v>7630</v>
      </c>
      <c r="J3472" t="s">
        <v>295</v>
      </c>
      <c r="K3472">
        <v>30</v>
      </c>
      <c r="L3472" t="s">
        <v>1955</v>
      </c>
      <c r="M3472">
        <v>917</v>
      </c>
      <c r="N3472" t="s">
        <v>654</v>
      </c>
      <c r="O3472">
        <v>3</v>
      </c>
      <c r="P3472" t="s">
        <v>746</v>
      </c>
      <c r="Q3472">
        <v>2</v>
      </c>
      <c r="R3472" t="s">
        <v>656</v>
      </c>
      <c r="S3472">
        <v>2</v>
      </c>
      <c r="T3472" t="s">
        <v>661</v>
      </c>
      <c r="U3472">
        <v>8</v>
      </c>
      <c r="V3472">
        <v>2</v>
      </c>
      <c r="W3472">
        <v>120</v>
      </c>
      <c r="X3472">
        <v>2020</v>
      </c>
    </row>
    <row r="3473" spans="1:24" x14ac:dyDescent="0.25">
      <c r="A3473">
        <v>7583</v>
      </c>
      <c r="B3473" t="s">
        <v>18</v>
      </c>
      <c r="C3473">
        <v>31</v>
      </c>
      <c r="D3473" t="s">
        <v>513</v>
      </c>
      <c r="E3473">
        <v>239</v>
      </c>
      <c r="F3473" t="s">
        <v>651</v>
      </c>
      <c r="G3473">
        <v>160</v>
      </c>
      <c r="H3473" t="s">
        <v>719</v>
      </c>
      <c r="I3473">
        <v>7630</v>
      </c>
      <c r="J3473" t="s">
        <v>295</v>
      </c>
      <c r="K3473">
        <v>30</v>
      </c>
      <c r="L3473" t="s">
        <v>2655</v>
      </c>
      <c r="M3473">
        <v>2031</v>
      </c>
      <c r="N3473" t="s">
        <v>654</v>
      </c>
      <c r="O3473">
        <v>3</v>
      </c>
      <c r="P3473" t="s">
        <v>655</v>
      </c>
      <c r="Q3473">
        <v>1</v>
      </c>
      <c r="R3473" t="s">
        <v>656</v>
      </c>
      <c r="S3473">
        <v>2</v>
      </c>
      <c r="T3473" t="s">
        <v>661</v>
      </c>
      <c r="U3473">
        <v>8</v>
      </c>
      <c r="V3473">
        <v>2</v>
      </c>
      <c r="W3473">
        <v>120</v>
      </c>
      <c r="X3473">
        <v>2020</v>
      </c>
    </row>
    <row r="3474" spans="1:24" x14ac:dyDescent="0.25">
      <c r="A3474">
        <v>7582</v>
      </c>
      <c r="B3474" t="s">
        <v>18</v>
      </c>
      <c r="C3474">
        <v>31</v>
      </c>
      <c r="D3474" t="s">
        <v>513</v>
      </c>
      <c r="E3474">
        <v>239</v>
      </c>
      <c r="F3474" t="s">
        <v>651</v>
      </c>
      <c r="G3474">
        <v>160</v>
      </c>
      <c r="H3474" t="s">
        <v>719</v>
      </c>
      <c r="I3474">
        <v>7630</v>
      </c>
      <c r="J3474" t="s">
        <v>295</v>
      </c>
      <c r="K3474">
        <v>30</v>
      </c>
      <c r="L3474" t="s">
        <v>1955</v>
      </c>
      <c r="M3474">
        <v>917</v>
      </c>
      <c r="N3474" t="s">
        <v>654</v>
      </c>
      <c r="O3474">
        <v>3</v>
      </c>
      <c r="P3474" t="s">
        <v>655</v>
      </c>
      <c r="Q3474">
        <v>1</v>
      </c>
      <c r="R3474" t="s">
        <v>656</v>
      </c>
      <c r="S3474">
        <v>2</v>
      </c>
      <c r="T3474" t="s">
        <v>661</v>
      </c>
      <c r="U3474">
        <v>8</v>
      </c>
      <c r="V3474">
        <v>2</v>
      </c>
      <c r="W3474">
        <v>120</v>
      </c>
      <c r="X3474">
        <v>2020</v>
      </c>
    </row>
    <row r="3475" spans="1:24" x14ac:dyDescent="0.25">
      <c r="A3475">
        <v>7581</v>
      </c>
      <c r="B3475" t="s">
        <v>18</v>
      </c>
      <c r="C3475">
        <v>31</v>
      </c>
      <c r="D3475" t="s">
        <v>513</v>
      </c>
      <c r="E3475">
        <v>239</v>
      </c>
      <c r="F3475" t="s">
        <v>651</v>
      </c>
      <c r="G3475">
        <v>160</v>
      </c>
      <c r="H3475" t="s">
        <v>719</v>
      </c>
      <c r="I3475">
        <v>7630</v>
      </c>
      <c r="J3475" t="s">
        <v>295</v>
      </c>
      <c r="K3475">
        <v>30</v>
      </c>
      <c r="L3475" t="s">
        <v>2656</v>
      </c>
      <c r="M3475">
        <v>2030</v>
      </c>
      <c r="N3475" t="s">
        <v>654</v>
      </c>
      <c r="O3475">
        <v>3</v>
      </c>
      <c r="P3475" t="s">
        <v>655</v>
      </c>
      <c r="Q3475">
        <v>1</v>
      </c>
      <c r="R3475" t="s">
        <v>656</v>
      </c>
      <c r="S3475">
        <v>2</v>
      </c>
      <c r="T3475" t="s">
        <v>661</v>
      </c>
      <c r="U3475">
        <v>8</v>
      </c>
      <c r="V3475">
        <v>2</v>
      </c>
      <c r="W3475">
        <v>120</v>
      </c>
      <c r="X3475">
        <v>2020</v>
      </c>
    </row>
    <row r="3476" spans="1:24" x14ac:dyDescent="0.25">
      <c r="A3476">
        <v>7578</v>
      </c>
      <c r="B3476" t="s">
        <v>18</v>
      </c>
      <c r="C3476">
        <v>31</v>
      </c>
      <c r="D3476" t="s">
        <v>513</v>
      </c>
      <c r="E3476">
        <v>239</v>
      </c>
      <c r="F3476" t="s">
        <v>651</v>
      </c>
      <c r="G3476">
        <v>160</v>
      </c>
      <c r="H3476" t="s">
        <v>719</v>
      </c>
      <c r="I3476">
        <v>7630</v>
      </c>
      <c r="J3476" t="s">
        <v>295</v>
      </c>
      <c r="K3476">
        <v>30</v>
      </c>
      <c r="L3476" t="s">
        <v>2657</v>
      </c>
      <c r="M3476">
        <v>2029</v>
      </c>
      <c r="N3476" t="s">
        <v>654</v>
      </c>
      <c r="O3476">
        <v>3</v>
      </c>
      <c r="P3476" t="s">
        <v>655</v>
      </c>
      <c r="Q3476">
        <v>1</v>
      </c>
      <c r="R3476" t="s">
        <v>656</v>
      </c>
      <c r="S3476">
        <v>2</v>
      </c>
      <c r="T3476" t="s">
        <v>661</v>
      </c>
      <c r="U3476">
        <v>8</v>
      </c>
      <c r="V3476">
        <v>2</v>
      </c>
      <c r="W3476">
        <v>120</v>
      </c>
      <c r="X3476">
        <v>2020</v>
      </c>
    </row>
    <row r="3477" spans="1:24" x14ac:dyDescent="0.25">
      <c r="A3477">
        <v>7575</v>
      </c>
      <c r="B3477" t="s">
        <v>18</v>
      </c>
      <c r="C3477">
        <v>31</v>
      </c>
      <c r="D3477" t="s">
        <v>513</v>
      </c>
      <c r="E3477">
        <v>239</v>
      </c>
      <c r="F3477" t="s">
        <v>651</v>
      </c>
      <c r="G3477">
        <v>160</v>
      </c>
      <c r="H3477" t="s">
        <v>719</v>
      </c>
      <c r="I3477">
        <v>7630</v>
      </c>
      <c r="J3477" t="s">
        <v>807</v>
      </c>
      <c r="K3477">
        <v>25</v>
      </c>
      <c r="L3477" t="s">
        <v>2658</v>
      </c>
      <c r="M3477">
        <v>2026</v>
      </c>
      <c r="N3477" t="s">
        <v>654</v>
      </c>
      <c r="O3477">
        <v>3</v>
      </c>
      <c r="P3477" t="s">
        <v>655</v>
      </c>
      <c r="Q3477">
        <v>1</v>
      </c>
      <c r="R3477" t="s">
        <v>656</v>
      </c>
      <c r="S3477">
        <v>2</v>
      </c>
      <c r="T3477" t="s">
        <v>661</v>
      </c>
      <c r="U3477">
        <v>8</v>
      </c>
      <c r="V3477">
        <v>2</v>
      </c>
      <c r="W3477">
        <v>120</v>
      </c>
      <c r="X3477">
        <v>2020</v>
      </c>
    </row>
    <row r="3478" spans="1:24" x14ac:dyDescent="0.25">
      <c r="A3478">
        <v>7574</v>
      </c>
      <c r="B3478" t="s">
        <v>18</v>
      </c>
      <c r="C3478">
        <v>31</v>
      </c>
      <c r="D3478" t="s">
        <v>513</v>
      </c>
      <c r="E3478">
        <v>239</v>
      </c>
      <c r="F3478" t="s">
        <v>651</v>
      </c>
      <c r="G3478">
        <v>160</v>
      </c>
      <c r="H3478" t="s">
        <v>719</v>
      </c>
      <c r="I3478">
        <v>7630</v>
      </c>
      <c r="J3478" t="s">
        <v>807</v>
      </c>
      <c r="K3478">
        <v>25</v>
      </c>
      <c r="L3478" t="s">
        <v>2659</v>
      </c>
      <c r="M3478">
        <v>2025</v>
      </c>
      <c r="N3478" t="s">
        <v>654</v>
      </c>
      <c r="O3478">
        <v>3</v>
      </c>
      <c r="P3478" t="s">
        <v>655</v>
      </c>
      <c r="Q3478">
        <v>1</v>
      </c>
      <c r="R3478" t="s">
        <v>656</v>
      </c>
      <c r="S3478">
        <v>2</v>
      </c>
      <c r="T3478" t="s">
        <v>718</v>
      </c>
      <c r="U3478">
        <v>2</v>
      </c>
      <c r="V3478">
        <v>2</v>
      </c>
      <c r="W3478">
        <v>120</v>
      </c>
      <c r="X3478">
        <v>2020</v>
      </c>
    </row>
    <row r="3479" spans="1:24" x14ac:dyDescent="0.25">
      <c r="A3479">
        <v>7573</v>
      </c>
      <c r="B3479" t="s">
        <v>18</v>
      </c>
      <c r="C3479">
        <v>31</v>
      </c>
      <c r="D3479" t="s">
        <v>513</v>
      </c>
      <c r="E3479">
        <v>239</v>
      </c>
      <c r="F3479" t="s">
        <v>651</v>
      </c>
      <c r="G3479">
        <v>160</v>
      </c>
      <c r="H3479" t="s">
        <v>719</v>
      </c>
      <c r="I3479">
        <v>7630</v>
      </c>
      <c r="J3479" t="s">
        <v>807</v>
      </c>
      <c r="K3479">
        <v>25</v>
      </c>
      <c r="L3479" t="s">
        <v>2660</v>
      </c>
      <c r="M3479">
        <v>2024</v>
      </c>
      <c r="N3479" t="s">
        <v>654</v>
      </c>
      <c r="O3479">
        <v>3</v>
      </c>
      <c r="P3479" t="s">
        <v>655</v>
      </c>
      <c r="Q3479">
        <v>1</v>
      </c>
      <c r="R3479" t="s">
        <v>656</v>
      </c>
      <c r="S3479">
        <v>2</v>
      </c>
      <c r="T3479" t="s">
        <v>661</v>
      </c>
      <c r="U3479">
        <v>8</v>
      </c>
      <c r="V3479">
        <v>2</v>
      </c>
      <c r="W3479">
        <v>120</v>
      </c>
      <c r="X3479">
        <v>2020</v>
      </c>
    </row>
    <row r="3480" spans="1:24" x14ac:dyDescent="0.25">
      <c r="A3480">
        <v>7571</v>
      </c>
      <c r="B3480" t="s">
        <v>18</v>
      </c>
      <c r="C3480">
        <v>31</v>
      </c>
      <c r="D3480" t="s">
        <v>307</v>
      </c>
      <c r="E3480">
        <v>686</v>
      </c>
      <c r="F3480" t="s">
        <v>651</v>
      </c>
      <c r="G3480">
        <v>160</v>
      </c>
      <c r="H3480" t="s">
        <v>719</v>
      </c>
      <c r="I3480">
        <v>7630</v>
      </c>
      <c r="J3480" t="s">
        <v>955</v>
      </c>
      <c r="K3480">
        <v>29</v>
      </c>
      <c r="L3480" t="s">
        <v>2661</v>
      </c>
      <c r="M3480">
        <v>2022</v>
      </c>
      <c r="N3480" t="s">
        <v>654</v>
      </c>
      <c r="O3480">
        <v>3</v>
      </c>
      <c r="P3480" t="s">
        <v>655</v>
      </c>
      <c r="Q3480">
        <v>1</v>
      </c>
      <c r="R3480" t="s">
        <v>656</v>
      </c>
      <c r="S3480">
        <v>2</v>
      </c>
      <c r="T3480" t="s">
        <v>661</v>
      </c>
      <c r="U3480">
        <v>8</v>
      </c>
      <c r="V3480">
        <v>2</v>
      </c>
      <c r="W3480">
        <v>120</v>
      </c>
      <c r="X3480">
        <v>2020</v>
      </c>
    </row>
    <row r="3481" spans="1:24" x14ac:dyDescent="0.25">
      <c r="A3481">
        <v>7570</v>
      </c>
      <c r="B3481" t="s">
        <v>18</v>
      </c>
      <c r="C3481">
        <v>31</v>
      </c>
      <c r="D3481" t="s">
        <v>307</v>
      </c>
      <c r="E3481">
        <v>686</v>
      </c>
      <c r="F3481" t="s">
        <v>651</v>
      </c>
      <c r="G3481">
        <v>160</v>
      </c>
      <c r="H3481" t="s">
        <v>719</v>
      </c>
      <c r="I3481">
        <v>7630</v>
      </c>
      <c r="J3481" t="s">
        <v>955</v>
      </c>
      <c r="K3481">
        <v>29</v>
      </c>
      <c r="L3481" t="s">
        <v>2662</v>
      </c>
      <c r="M3481">
        <v>2021</v>
      </c>
      <c r="N3481" t="s">
        <v>654</v>
      </c>
      <c r="O3481">
        <v>3</v>
      </c>
      <c r="P3481" t="s">
        <v>746</v>
      </c>
      <c r="Q3481">
        <v>2</v>
      </c>
      <c r="R3481" t="s">
        <v>656</v>
      </c>
      <c r="S3481">
        <v>2</v>
      </c>
      <c r="T3481" t="s">
        <v>661</v>
      </c>
      <c r="U3481">
        <v>8</v>
      </c>
      <c r="V3481">
        <v>2</v>
      </c>
      <c r="W3481">
        <v>120</v>
      </c>
      <c r="X3481">
        <v>2020</v>
      </c>
    </row>
    <row r="3482" spans="1:24" x14ac:dyDescent="0.25">
      <c r="A3482">
        <v>7569</v>
      </c>
      <c r="B3482" t="s">
        <v>18</v>
      </c>
      <c r="C3482">
        <v>31</v>
      </c>
      <c r="D3482" t="s">
        <v>307</v>
      </c>
      <c r="E3482">
        <v>686</v>
      </c>
      <c r="F3482" t="s">
        <v>651</v>
      </c>
      <c r="G3482">
        <v>160</v>
      </c>
      <c r="H3482" t="s">
        <v>719</v>
      </c>
      <c r="I3482">
        <v>7630</v>
      </c>
      <c r="J3482" t="s">
        <v>955</v>
      </c>
      <c r="K3482">
        <v>29</v>
      </c>
      <c r="L3482" t="s">
        <v>2662</v>
      </c>
      <c r="M3482">
        <v>2021</v>
      </c>
      <c r="N3482" t="s">
        <v>654</v>
      </c>
      <c r="O3482">
        <v>3</v>
      </c>
      <c r="P3482" t="s">
        <v>655</v>
      </c>
      <c r="Q3482">
        <v>1</v>
      </c>
      <c r="R3482" t="s">
        <v>656</v>
      </c>
      <c r="S3482">
        <v>2</v>
      </c>
      <c r="T3482" t="s">
        <v>661</v>
      </c>
      <c r="U3482">
        <v>8</v>
      </c>
      <c r="V3482">
        <v>2</v>
      </c>
      <c r="W3482">
        <v>120</v>
      </c>
      <c r="X3482">
        <v>2020</v>
      </c>
    </row>
    <row r="3483" spans="1:24" x14ac:dyDescent="0.25">
      <c r="A3483">
        <v>7568</v>
      </c>
      <c r="B3483" t="s">
        <v>18</v>
      </c>
      <c r="C3483">
        <v>31</v>
      </c>
      <c r="D3483" t="s">
        <v>513</v>
      </c>
      <c r="E3483">
        <v>239</v>
      </c>
      <c r="F3483" t="s">
        <v>651</v>
      </c>
      <c r="G3483">
        <v>160</v>
      </c>
      <c r="H3483" t="s">
        <v>719</v>
      </c>
      <c r="I3483">
        <v>7630</v>
      </c>
      <c r="J3483" t="s">
        <v>955</v>
      </c>
      <c r="K3483">
        <v>29</v>
      </c>
      <c r="L3483" t="s">
        <v>2663</v>
      </c>
      <c r="M3483">
        <v>2020</v>
      </c>
      <c r="N3483" t="s">
        <v>654</v>
      </c>
      <c r="O3483">
        <v>3</v>
      </c>
      <c r="P3483" t="s">
        <v>655</v>
      </c>
      <c r="Q3483">
        <v>1</v>
      </c>
      <c r="R3483" t="s">
        <v>656</v>
      </c>
      <c r="S3483">
        <v>2</v>
      </c>
      <c r="T3483" t="s">
        <v>661</v>
      </c>
      <c r="U3483">
        <v>8</v>
      </c>
      <c r="V3483">
        <v>2</v>
      </c>
      <c r="W3483">
        <v>120</v>
      </c>
      <c r="X3483">
        <v>2020</v>
      </c>
    </row>
    <row r="3484" spans="1:24" x14ac:dyDescent="0.25">
      <c r="A3484">
        <v>7566</v>
      </c>
      <c r="B3484" t="s">
        <v>18</v>
      </c>
      <c r="C3484">
        <v>31</v>
      </c>
      <c r="D3484" t="s">
        <v>513</v>
      </c>
      <c r="E3484">
        <v>239</v>
      </c>
      <c r="F3484" t="s">
        <v>651</v>
      </c>
      <c r="G3484">
        <v>160</v>
      </c>
      <c r="H3484" t="s">
        <v>719</v>
      </c>
      <c r="I3484">
        <v>7630</v>
      </c>
      <c r="J3484" t="s">
        <v>955</v>
      </c>
      <c r="K3484">
        <v>29</v>
      </c>
      <c r="L3484" t="s">
        <v>955</v>
      </c>
      <c r="M3484">
        <v>1061</v>
      </c>
      <c r="N3484" t="s">
        <v>654</v>
      </c>
      <c r="O3484">
        <v>3</v>
      </c>
      <c r="P3484" t="s">
        <v>655</v>
      </c>
      <c r="Q3484">
        <v>1</v>
      </c>
      <c r="R3484" t="s">
        <v>656</v>
      </c>
      <c r="S3484">
        <v>2</v>
      </c>
      <c r="T3484" t="s">
        <v>661</v>
      </c>
      <c r="U3484">
        <v>8</v>
      </c>
      <c r="V3484">
        <v>2</v>
      </c>
      <c r="W3484">
        <v>120</v>
      </c>
      <c r="X3484">
        <v>2020</v>
      </c>
    </row>
    <row r="3485" spans="1:24" x14ac:dyDescent="0.25">
      <c r="A3485">
        <v>7562</v>
      </c>
      <c r="B3485" t="s">
        <v>18</v>
      </c>
      <c r="C3485">
        <v>31</v>
      </c>
      <c r="D3485" t="s">
        <v>513</v>
      </c>
      <c r="E3485">
        <v>239</v>
      </c>
      <c r="F3485" t="s">
        <v>651</v>
      </c>
      <c r="G3485">
        <v>160</v>
      </c>
      <c r="H3485" t="s">
        <v>719</v>
      </c>
      <c r="I3485">
        <v>7630</v>
      </c>
      <c r="J3485" t="s">
        <v>813</v>
      </c>
      <c r="K3485">
        <v>24</v>
      </c>
      <c r="L3485" t="s">
        <v>2664</v>
      </c>
      <c r="M3485">
        <v>2017</v>
      </c>
      <c r="N3485" t="s">
        <v>654</v>
      </c>
      <c r="O3485">
        <v>3</v>
      </c>
      <c r="P3485" t="s">
        <v>655</v>
      </c>
      <c r="Q3485">
        <v>1</v>
      </c>
      <c r="R3485" t="s">
        <v>656</v>
      </c>
      <c r="S3485">
        <v>2</v>
      </c>
      <c r="T3485" t="s">
        <v>661</v>
      </c>
      <c r="U3485">
        <v>8</v>
      </c>
      <c r="V3485">
        <v>2</v>
      </c>
      <c r="W3485">
        <v>120</v>
      </c>
      <c r="X3485">
        <v>2020</v>
      </c>
    </row>
    <row r="3486" spans="1:24" x14ac:dyDescent="0.25">
      <c r="A3486">
        <v>7561</v>
      </c>
      <c r="B3486" t="s">
        <v>18</v>
      </c>
      <c r="C3486">
        <v>31</v>
      </c>
      <c r="D3486" t="s">
        <v>513</v>
      </c>
      <c r="E3486">
        <v>239</v>
      </c>
      <c r="F3486" t="s">
        <v>651</v>
      </c>
      <c r="G3486">
        <v>160</v>
      </c>
      <c r="H3486" t="s">
        <v>719</v>
      </c>
      <c r="I3486">
        <v>7630</v>
      </c>
      <c r="J3486" t="s">
        <v>299</v>
      </c>
      <c r="K3486">
        <v>27</v>
      </c>
      <c r="L3486" t="s">
        <v>2665</v>
      </c>
      <c r="M3486">
        <v>2016</v>
      </c>
      <c r="N3486" t="s">
        <v>654</v>
      </c>
      <c r="O3486">
        <v>3</v>
      </c>
      <c r="P3486" t="s">
        <v>655</v>
      </c>
      <c r="Q3486">
        <v>1</v>
      </c>
      <c r="R3486" t="s">
        <v>656</v>
      </c>
      <c r="S3486">
        <v>2</v>
      </c>
      <c r="T3486" t="s">
        <v>661</v>
      </c>
      <c r="U3486">
        <v>8</v>
      </c>
      <c r="V3486">
        <v>2</v>
      </c>
      <c r="W3486">
        <v>120</v>
      </c>
      <c r="X3486">
        <v>2020</v>
      </c>
    </row>
    <row r="3487" spans="1:24" x14ac:dyDescent="0.25">
      <c r="A3487">
        <v>7559</v>
      </c>
      <c r="B3487" t="s">
        <v>18</v>
      </c>
      <c r="C3487">
        <v>31</v>
      </c>
      <c r="D3487" t="s">
        <v>513</v>
      </c>
      <c r="E3487">
        <v>239</v>
      </c>
      <c r="F3487" t="s">
        <v>651</v>
      </c>
      <c r="G3487">
        <v>160</v>
      </c>
      <c r="H3487" t="s">
        <v>719</v>
      </c>
      <c r="I3487">
        <v>7630</v>
      </c>
      <c r="J3487" t="s">
        <v>299</v>
      </c>
      <c r="K3487">
        <v>27</v>
      </c>
      <c r="L3487" t="s">
        <v>2666</v>
      </c>
      <c r="M3487">
        <v>996</v>
      </c>
      <c r="N3487" t="s">
        <v>654</v>
      </c>
      <c r="O3487">
        <v>3</v>
      </c>
      <c r="P3487" t="s">
        <v>746</v>
      </c>
      <c r="Q3487">
        <v>2</v>
      </c>
      <c r="R3487" t="s">
        <v>656</v>
      </c>
      <c r="S3487">
        <v>2</v>
      </c>
      <c r="T3487" t="s">
        <v>661</v>
      </c>
      <c r="U3487">
        <v>8</v>
      </c>
      <c r="V3487">
        <v>2</v>
      </c>
      <c r="W3487">
        <v>120</v>
      </c>
      <c r="X3487">
        <v>2020</v>
      </c>
    </row>
    <row r="3488" spans="1:24" x14ac:dyDescent="0.25">
      <c r="A3488">
        <v>7558</v>
      </c>
      <c r="B3488" t="s">
        <v>18</v>
      </c>
      <c r="C3488">
        <v>31</v>
      </c>
      <c r="D3488" t="s">
        <v>513</v>
      </c>
      <c r="E3488">
        <v>239</v>
      </c>
      <c r="F3488" t="s">
        <v>651</v>
      </c>
      <c r="G3488">
        <v>160</v>
      </c>
      <c r="H3488" t="s">
        <v>719</v>
      </c>
      <c r="I3488">
        <v>7630</v>
      </c>
      <c r="J3488" t="s">
        <v>299</v>
      </c>
      <c r="K3488">
        <v>27</v>
      </c>
      <c r="L3488" t="s">
        <v>2666</v>
      </c>
      <c r="M3488">
        <v>996</v>
      </c>
      <c r="N3488" t="s">
        <v>654</v>
      </c>
      <c r="O3488">
        <v>3</v>
      </c>
      <c r="P3488" t="s">
        <v>655</v>
      </c>
      <c r="Q3488">
        <v>1</v>
      </c>
      <c r="R3488" t="s">
        <v>656</v>
      </c>
      <c r="S3488">
        <v>2</v>
      </c>
      <c r="T3488" t="s">
        <v>661</v>
      </c>
      <c r="U3488">
        <v>8</v>
      </c>
      <c r="V3488">
        <v>2</v>
      </c>
      <c r="W3488">
        <v>120</v>
      </c>
      <c r="X3488">
        <v>2020</v>
      </c>
    </row>
    <row r="3489" spans="1:24" x14ac:dyDescent="0.25">
      <c r="A3489">
        <v>7557</v>
      </c>
      <c r="B3489" t="s">
        <v>18</v>
      </c>
      <c r="C3489">
        <v>31</v>
      </c>
      <c r="D3489" t="s">
        <v>513</v>
      </c>
      <c r="E3489">
        <v>239</v>
      </c>
      <c r="F3489" t="s">
        <v>651</v>
      </c>
      <c r="G3489">
        <v>160</v>
      </c>
      <c r="H3489" t="s">
        <v>719</v>
      </c>
      <c r="I3489">
        <v>7630</v>
      </c>
      <c r="J3489" t="s">
        <v>299</v>
      </c>
      <c r="K3489">
        <v>27</v>
      </c>
      <c r="L3489" t="s">
        <v>2667</v>
      </c>
      <c r="M3489">
        <v>2014</v>
      </c>
      <c r="N3489" t="s">
        <v>654</v>
      </c>
      <c r="O3489">
        <v>3</v>
      </c>
      <c r="P3489" t="s">
        <v>655</v>
      </c>
      <c r="Q3489">
        <v>1</v>
      </c>
      <c r="R3489" t="s">
        <v>656</v>
      </c>
      <c r="S3489">
        <v>2</v>
      </c>
      <c r="T3489" t="s">
        <v>661</v>
      </c>
      <c r="U3489">
        <v>8</v>
      </c>
      <c r="V3489">
        <v>2</v>
      </c>
      <c r="W3489">
        <v>120</v>
      </c>
      <c r="X3489">
        <v>2020</v>
      </c>
    </row>
    <row r="3490" spans="1:24" x14ac:dyDescent="0.25">
      <c r="A3490">
        <v>7554</v>
      </c>
      <c r="B3490" t="s">
        <v>18</v>
      </c>
      <c r="C3490">
        <v>31</v>
      </c>
      <c r="D3490" t="s">
        <v>513</v>
      </c>
      <c r="E3490">
        <v>239</v>
      </c>
      <c r="F3490" t="s">
        <v>651</v>
      </c>
      <c r="G3490">
        <v>160</v>
      </c>
      <c r="H3490" t="s">
        <v>719</v>
      </c>
      <c r="I3490">
        <v>7630</v>
      </c>
      <c r="J3490" t="s">
        <v>1559</v>
      </c>
      <c r="K3490">
        <v>96</v>
      </c>
      <c r="L3490" t="s">
        <v>2668</v>
      </c>
      <c r="M3490">
        <v>2011</v>
      </c>
      <c r="N3490" t="s">
        <v>654</v>
      </c>
      <c r="O3490">
        <v>3</v>
      </c>
      <c r="P3490" t="s">
        <v>655</v>
      </c>
      <c r="Q3490">
        <v>1</v>
      </c>
      <c r="R3490" t="s">
        <v>656</v>
      </c>
      <c r="S3490">
        <v>2</v>
      </c>
      <c r="T3490" t="s">
        <v>661</v>
      </c>
      <c r="U3490">
        <v>8</v>
      </c>
      <c r="V3490">
        <v>2</v>
      </c>
      <c r="W3490">
        <v>120</v>
      </c>
      <c r="X3490">
        <v>2020</v>
      </c>
    </row>
    <row r="3491" spans="1:24" x14ac:dyDescent="0.25">
      <c r="A3491">
        <v>7552</v>
      </c>
      <c r="B3491" t="s">
        <v>18</v>
      </c>
      <c r="C3491">
        <v>31</v>
      </c>
      <c r="D3491" t="s">
        <v>513</v>
      </c>
      <c r="E3491">
        <v>239</v>
      </c>
      <c r="F3491" t="s">
        <v>651</v>
      </c>
      <c r="G3491">
        <v>160</v>
      </c>
      <c r="H3491" t="s">
        <v>719</v>
      </c>
      <c r="I3491">
        <v>7630</v>
      </c>
      <c r="J3491" t="s">
        <v>296</v>
      </c>
      <c r="K3491">
        <v>97</v>
      </c>
      <c r="L3491" t="s">
        <v>2235</v>
      </c>
      <c r="M3491">
        <v>2009</v>
      </c>
      <c r="N3491" t="s">
        <v>654</v>
      </c>
      <c r="O3491">
        <v>3</v>
      </c>
      <c r="P3491" t="s">
        <v>655</v>
      </c>
      <c r="Q3491">
        <v>1</v>
      </c>
      <c r="R3491" t="s">
        <v>656</v>
      </c>
      <c r="S3491">
        <v>2</v>
      </c>
      <c r="T3491" t="s">
        <v>661</v>
      </c>
      <c r="U3491">
        <v>8</v>
      </c>
      <c r="V3491">
        <v>2</v>
      </c>
      <c r="W3491">
        <v>120</v>
      </c>
      <c r="X3491">
        <v>2020</v>
      </c>
    </row>
    <row r="3492" spans="1:24" x14ac:dyDescent="0.25">
      <c r="A3492">
        <v>7551</v>
      </c>
      <c r="B3492" t="s">
        <v>18</v>
      </c>
      <c r="C3492">
        <v>31</v>
      </c>
      <c r="D3492" t="s">
        <v>513</v>
      </c>
      <c r="E3492">
        <v>239</v>
      </c>
      <c r="F3492" t="s">
        <v>651</v>
      </c>
      <c r="G3492">
        <v>160</v>
      </c>
      <c r="H3492" t="s">
        <v>719</v>
      </c>
      <c r="I3492">
        <v>7630</v>
      </c>
      <c r="J3492" t="s">
        <v>296</v>
      </c>
      <c r="K3492">
        <v>97</v>
      </c>
      <c r="L3492" t="s">
        <v>2669</v>
      </c>
      <c r="M3492">
        <v>2008</v>
      </c>
      <c r="N3492" t="s">
        <v>654</v>
      </c>
      <c r="O3492">
        <v>3</v>
      </c>
      <c r="P3492" t="s">
        <v>655</v>
      </c>
      <c r="Q3492">
        <v>1</v>
      </c>
      <c r="R3492" t="s">
        <v>656</v>
      </c>
      <c r="S3492">
        <v>2</v>
      </c>
      <c r="T3492" t="s">
        <v>718</v>
      </c>
      <c r="U3492">
        <v>2</v>
      </c>
      <c r="V3492">
        <v>2</v>
      </c>
      <c r="W3492">
        <v>120</v>
      </c>
      <c r="X3492">
        <v>2020</v>
      </c>
    </row>
    <row r="3493" spans="1:24" x14ac:dyDescent="0.25">
      <c r="A3493">
        <v>7550</v>
      </c>
      <c r="B3493" t="s">
        <v>18</v>
      </c>
      <c r="C3493">
        <v>31</v>
      </c>
      <c r="D3493" t="s">
        <v>513</v>
      </c>
      <c r="E3493">
        <v>239</v>
      </c>
      <c r="F3493" t="s">
        <v>651</v>
      </c>
      <c r="G3493">
        <v>160</v>
      </c>
      <c r="H3493" t="s">
        <v>719</v>
      </c>
      <c r="I3493">
        <v>7630</v>
      </c>
      <c r="J3493" t="s">
        <v>301</v>
      </c>
      <c r="K3493">
        <v>26</v>
      </c>
      <c r="L3493" t="s">
        <v>2670</v>
      </c>
      <c r="M3493">
        <v>4288</v>
      </c>
      <c r="N3493" t="s">
        <v>654</v>
      </c>
      <c r="O3493">
        <v>3</v>
      </c>
      <c r="P3493" t="s">
        <v>746</v>
      </c>
      <c r="Q3493">
        <v>2</v>
      </c>
      <c r="R3493" t="s">
        <v>656</v>
      </c>
      <c r="S3493">
        <v>2</v>
      </c>
      <c r="T3493" t="s">
        <v>661</v>
      </c>
      <c r="U3493">
        <v>8</v>
      </c>
      <c r="V3493">
        <v>2</v>
      </c>
      <c r="W3493">
        <v>120</v>
      </c>
      <c r="X3493">
        <v>2020</v>
      </c>
    </row>
    <row r="3494" spans="1:24" x14ac:dyDescent="0.25">
      <c r="A3494">
        <v>7549</v>
      </c>
      <c r="B3494" t="s">
        <v>18</v>
      </c>
      <c r="C3494">
        <v>31</v>
      </c>
      <c r="D3494" t="s">
        <v>513</v>
      </c>
      <c r="E3494">
        <v>239</v>
      </c>
      <c r="F3494" t="s">
        <v>651</v>
      </c>
      <c r="G3494">
        <v>160</v>
      </c>
      <c r="H3494" t="s">
        <v>719</v>
      </c>
      <c r="I3494">
        <v>7630</v>
      </c>
      <c r="J3494" t="s">
        <v>301</v>
      </c>
      <c r="K3494">
        <v>26</v>
      </c>
      <c r="L3494" t="s">
        <v>2670</v>
      </c>
      <c r="M3494">
        <v>4288</v>
      </c>
      <c r="N3494" t="s">
        <v>654</v>
      </c>
      <c r="O3494">
        <v>3</v>
      </c>
      <c r="P3494" t="s">
        <v>655</v>
      </c>
      <c r="Q3494">
        <v>1</v>
      </c>
      <c r="R3494" t="s">
        <v>656</v>
      </c>
      <c r="S3494">
        <v>2</v>
      </c>
      <c r="T3494" t="s">
        <v>661</v>
      </c>
      <c r="U3494">
        <v>8</v>
      </c>
      <c r="V3494">
        <v>2</v>
      </c>
      <c r="W3494">
        <v>120</v>
      </c>
      <c r="X3494">
        <v>2020</v>
      </c>
    </row>
    <row r="3495" spans="1:24" x14ac:dyDescent="0.25">
      <c r="A3495">
        <v>7547</v>
      </c>
      <c r="B3495" t="s">
        <v>18</v>
      </c>
      <c r="C3495">
        <v>31</v>
      </c>
      <c r="D3495" t="s">
        <v>513</v>
      </c>
      <c r="E3495">
        <v>239</v>
      </c>
      <c r="F3495" t="s">
        <v>651</v>
      </c>
      <c r="G3495">
        <v>160</v>
      </c>
      <c r="H3495" t="s">
        <v>719</v>
      </c>
      <c r="I3495">
        <v>7630</v>
      </c>
      <c r="J3495" t="s">
        <v>301</v>
      </c>
      <c r="K3495">
        <v>26</v>
      </c>
      <c r="L3495" t="s">
        <v>2671</v>
      </c>
      <c r="M3495">
        <v>2006</v>
      </c>
      <c r="N3495" t="s">
        <v>654</v>
      </c>
      <c r="O3495">
        <v>3</v>
      </c>
      <c r="P3495" t="s">
        <v>655</v>
      </c>
      <c r="Q3495">
        <v>1</v>
      </c>
      <c r="R3495" t="s">
        <v>656</v>
      </c>
      <c r="S3495">
        <v>2</v>
      </c>
      <c r="T3495" t="s">
        <v>661</v>
      </c>
      <c r="U3495">
        <v>8</v>
      </c>
      <c r="V3495">
        <v>2</v>
      </c>
      <c r="W3495">
        <v>120</v>
      </c>
      <c r="X3495">
        <v>2020</v>
      </c>
    </row>
    <row r="3496" spans="1:24" x14ac:dyDescent="0.25">
      <c r="A3496">
        <v>7546</v>
      </c>
      <c r="B3496" t="s">
        <v>18</v>
      </c>
      <c r="C3496">
        <v>31</v>
      </c>
      <c r="D3496" t="s">
        <v>513</v>
      </c>
      <c r="E3496">
        <v>239</v>
      </c>
      <c r="F3496" t="s">
        <v>734</v>
      </c>
      <c r="G3496">
        <v>122</v>
      </c>
      <c r="H3496" t="s">
        <v>1126</v>
      </c>
      <c r="I3496">
        <v>13789</v>
      </c>
      <c r="J3496" t="s">
        <v>301</v>
      </c>
      <c r="K3496">
        <v>26</v>
      </c>
      <c r="L3496" t="s">
        <v>2672</v>
      </c>
      <c r="M3496">
        <v>2005</v>
      </c>
      <c r="N3496" t="s">
        <v>654</v>
      </c>
      <c r="O3496">
        <v>3</v>
      </c>
      <c r="P3496" t="s">
        <v>655</v>
      </c>
      <c r="Q3496">
        <v>1</v>
      </c>
      <c r="R3496" t="s">
        <v>656</v>
      </c>
      <c r="S3496">
        <v>2</v>
      </c>
      <c r="T3496" t="s">
        <v>661</v>
      </c>
      <c r="U3496">
        <v>8</v>
      </c>
      <c r="V3496">
        <v>2</v>
      </c>
      <c r="W3496">
        <v>120</v>
      </c>
      <c r="X3496">
        <v>2020</v>
      </c>
    </row>
    <row r="3497" spans="1:24" x14ac:dyDescent="0.25">
      <c r="A3497">
        <v>7540</v>
      </c>
      <c r="B3497" t="s">
        <v>18</v>
      </c>
      <c r="C3497">
        <v>31</v>
      </c>
      <c r="D3497" t="s">
        <v>513</v>
      </c>
      <c r="E3497">
        <v>239</v>
      </c>
      <c r="F3497" t="s">
        <v>651</v>
      </c>
      <c r="G3497">
        <v>160</v>
      </c>
      <c r="H3497" t="s">
        <v>719</v>
      </c>
      <c r="I3497">
        <v>7630</v>
      </c>
      <c r="J3497" t="s">
        <v>301</v>
      </c>
      <c r="K3497">
        <v>26</v>
      </c>
      <c r="L3497" t="s">
        <v>301</v>
      </c>
      <c r="M3497">
        <v>969</v>
      </c>
      <c r="N3497" t="s">
        <v>654</v>
      </c>
      <c r="O3497">
        <v>3</v>
      </c>
      <c r="P3497" t="s">
        <v>746</v>
      </c>
      <c r="Q3497">
        <v>2</v>
      </c>
      <c r="R3497" t="s">
        <v>656</v>
      </c>
      <c r="S3497">
        <v>2</v>
      </c>
      <c r="T3497" t="s">
        <v>661</v>
      </c>
      <c r="U3497">
        <v>8</v>
      </c>
      <c r="V3497">
        <v>2</v>
      </c>
      <c r="W3497">
        <v>120</v>
      </c>
      <c r="X3497">
        <v>2020</v>
      </c>
    </row>
    <row r="3498" spans="1:24" x14ac:dyDescent="0.25">
      <c r="A3498">
        <v>7539</v>
      </c>
      <c r="B3498" t="s">
        <v>18</v>
      </c>
      <c r="C3498">
        <v>31</v>
      </c>
      <c r="D3498" t="s">
        <v>513</v>
      </c>
      <c r="E3498">
        <v>239</v>
      </c>
      <c r="F3498" t="s">
        <v>651</v>
      </c>
      <c r="G3498">
        <v>160</v>
      </c>
      <c r="H3498" t="s">
        <v>719</v>
      </c>
      <c r="I3498">
        <v>7630</v>
      </c>
      <c r="J3498" t="s">
        <v>301</v>
      </c>
      <c r="K3498">
        <v>26</v>
      </c>
      <c r="L3498" t="s">
        <v>301</v>
      </c>
      <c r="M3498">
        <v>969</v>
      </c>
      <c r="N3498" t="s">
        <v>654</v>
      </c>
      <c r="O3498">
        <v>3</v>
      </c>
      <c r="P3498" t="s">
        <v>655</v>
      </c>
      <c r="Q3498">
        <v>1</v>
      </c>
      <c r="R3498" t="s">
        <v>656</v>
      </c>
      <c r="S3498">
        <v>2</v>
      </c>
      <c r="T3498" t="s">
        <v>661</v>
      </c>
      <c r="U3498">
        <v>8</v>
      </c>
      <c r="V3498">
        <v>2</v>
      </c>
      <c r="W3498">
        <v>120</v>
      </c>
      <c r="X3498">
        <v>2020</v>
      </c>
    </row>
    <row r="3499" spans="1:24" x14ac:dyDescent="0.25">
      <c r="A3499">
        <v>7536</v>
      </c>
      <c r="B3499" t="s">
        <v>18</v>
      </c>
      <c r="C3499">
        <v>31</v>
      </c>
      <c r="D3499" t="s">
        <v>11</v>
      </c>
      <c r="E3499">
        <v>238</v>
      </c>
      <c r="F3499" t="s">
        <v>651</v>
      </c>
      <c r="G3499">
        <v>160</v>
      </c>
      <c r="H3499" t="s">
        <v>719</v>
      </c>
      <c r="I3499">
        <v>7630</v>
      </c>
      <c r="J3499" t="s">
        <v>65</v>
      </c>
      <c r="K3499">
        <v>15</v>
      </c>
      <c r="L3499" t="s">
        <v>1127</v>
      </c>
      <c r="M3499">
        <v>2003</v>
      </c>
      <c r="N3499" t="s">
        <v>654</v>
      </c>
      <c r="O3499">
        <v>3</v>
      </c>
      <c r="P3499" t="s">
        <v>655</v>
      </c>
      <c r="Q3499">
        <v>1</v>
      </c>
      <c r="R3499" t="s">
        <v>656</v>
      </c>
      <c r="S3499">
        <v>2</v>
      </c>
      <c r="T3499" t="s">
        <v>661</v>
      </c>
      <c r="U3499">
        <v>8</v>
      </c>
      <c r="V3499">
        <v>2</v>
      </c>
      <c r="W3499">
        <v>120</v>
      </c>
      <c r="X3499">
        <v>2020</v>
      </c>
    </row>
    <row r="3500" spans="1:24" x14ac:dyDescent="0.25">
      <c r="A3500">
        <v>7528</v>
      </c>
      <c r="B3500" t="s">
        <v>18</v>
      </c>
      <c r="C3500">
        <v>31</v>
      </c>
      <c r="D3500" t="s">
        <v>514</v>
      </c>
      <c r="E3500">
        <v>237</v>
      </c>
      <c r="F3500" t="s">
        <v>651</v>
      </c>
      <c r="G3500">
        <v>160</v>
      </c>
      <c r="H3500" t="s">
        <v>719</v>
      </c>
      <c r="I3500">
        <v>7630</v>
      </c>
      <c r="J3500" t="s">
        <v>897</v>
      </c>
      <c r="K3500">
        <v>3</v>
      </c>
      <c r="L3500" t="s">
        <v>2673</v>
      </c>
      <c r="M3500">
        <v>1995</v>
      </c>
      <c r="N3500" t="s">
        <v>654</v>
      </c>
      <c r="O3500">
        <v>3</v>
      </c>
      <c r="P3500" t="s">
        <v>655</v>
      </c>
      <c r="Q3500">
        <v>1</v>
      </c>
      <c r="R3500" t="s">
        <v>656</v>
      </c>
      <c r="S3500">
        <v>2</v>
      </c>
      <c r="T3500" t="s">
        <v>661</v>
      </c>
      <c r="U3500">
        <v>8</v>
      </c>
      <c r="V3500">
        <v>2</v>
      </c>
      <c r="W3500">
        <v>120</v>
      </c>
      <c r="X3500">
        <v>2020</v>
      </c>
    </row>
    <row r="3501" spans="1:24" x14ac:dyDescent="0.25">
      <c r="A3501">
        <v>7527</v>
      </c>
      <c r="B3501" t="s">
        <v>18</v>
      </c>
      <c r="C3501">
        <v>31</v>
      </c>
      <c r="D3501" t="s">
        <v>514</v>
      </c>
      <c r="E3501">
        <v>237</v>
      </c>
      <c r="F3501" t="s">
        <v>651</v>
      </c>
      <c r="G3501">
        <v>160</v>
      </c>
      <c r="H3501" t="s">
        <v>719</v>
      </c>
      <c r="I3501">
        <v>7630</v>
      </c>
      <c r="J3501" t="s">
        <v>897</v>
      </c>
      <c r="K3501">
        <v>3</v>
      </c>
      <c r="L3501" t="s">
        <v>2674</v>
      </c>
      <c r="M3501">
        <v>1994</v>
      </c>
      <c r="N3501" t="s">
        <v>654</v>
      </c>
      <c r="O3501">
        <v>3</v>
      </c>
      <c r="P3501" t="s">
        <v>655</v>
      </c>
      <c r="Q3501">
        <v>1</v>
      </c>
      <c r="R3501" t="s">
        <v>656</v>
      </c>
      <c r="S3501">
        <v>2</v>
      </c>
      <c r="T3501" t="s">
        <v>661</v>
      </c>
      <c r="U3501">
        <v>8</v>
      </c>
      <c r="V3501">
        <v>2</v>
      </c>
      <c r="W3501">
        <v>120</v>
      </c>
      <c r="X3501">
        <v>2020</v>
      </c>
    </row>
    <row r="3502" spans="1:24" x14ac:dyDescent="0.25">
      <c r="A3502">
        <v>7525</v>
      </c>
      <c r="B3502" t="s">
        <v>18</v>
      </c>
      <c r="C3502">
        <v>31</v>
      </c>
      <c r="D3502" t="s">
        <v>511</v>
      </c>
      <c r="E3502">
        <v>243</v>
      </c>
      <c r="F3502" t="s">
        <v>651</v>
      </c>
      <c r="G3502">
        <v>160</v>
      </c>
      <c r="H3502" t="s">
        <v>719</v>
      </c>
      <c r="I3502">
        <v>7630</v>
      </c>
      <c r="J3502" t="s">
        <v>736</v>
      </c>
      <c r="K3502">
        <v>8</v>
      </c>
      <c r="L3502" t="s">
        <v>2675</v>
      </c>
      <c r="M3502">
        <v>1992</v>
      </c>
      <c r="N3502" t="s">
        <v>654</v>
      </c>
      <c r="O3502">
        <v>3</v>
      </c>
      <c r="P3502" t="s">
        <v>655</v>
      </c>
      <c r="Q3502">
        <v>1</v>
      </c>
      <c r="R3502" t="s">
        <v>656</v>
      </c>
      <c r="S3502">
        <v>2</v>
      </c>
      <c r="T3502" t="s">
        <v>661</v>
      </c>
      <c r="U3502">
        <v>8</v>
      </c>
      <c r="V3502">
        <v>2</v>
      </c>
      <c r="W3502">
        <v>120</v>
      </c>
      <c r="X3502">
        <v>2020</v>
      </c>
    </row>
    <row r="3503" spans="1:24" x14ac:dyDescent="0.25">
      <c r="A3503">
        <v>7523</v>
      </c>
      <c r="B3503" t="s">
        <v>18</v>
      </c>
      <c r="C3503">
        <v>31</v>
      </c>
      <c r="D3503" t="s">
        <v>515</v>
      </c>
      <c r="E3503">
        <v>236</v>
      </c>
      <c r="F3503" t="s">
        <v>651</v>
      </c>
      <c r="G3503">
        <v>160</v>
      </c>
      <c r="H3503" t="s">
        <v>719</v>
      </c>
      <c r="I3503">
        <v>7630</v>
      </c>
      <c r="J3503" t="s">
        <v>736</v>
      </c>
      <c r="K3503">
        <v>8</v>
      </c>
      <c r="L3503" t="s">
        <v>2676</v>
      </c>
      <c r="M3503">
        <v>1990</v>
      </c>
      <c r="N3503" t="s">
        <v>654</v>
      </c>
      <c r="O3503">
        <v>3</v>
      </c>
      <c r="P3503" t="s">
        <v>655</v>
      </c>
      <c r="Q3503">
        <v>1</v>
      </c>
      <c r="R3503" t="s">
        <v>656</v>
      </c>
      <c r="S3503">
        <v>2</v>
      </c>
      <c r="T3503" t="s">
        <v>661</v>
      </c>
      <c r="U3503">
        <v>8</v>
      </c>
      <c r="V3503">
        <v>2</v>
      </c>
      <c r="W3503">
        <v>120</v>
      </c>
      <c r="X3503">
        <v>2020</v>
      </c>
    </row>
    <row r="3504" spans="1:24" x14ac:dyDescent="0.25">
      <c r="A3504">
        <v>7520</v>
      </c>
      <c r="B3504" t="s">
        <v>18</v>
      </c>
      <c r="C3504">
        <v>31</v>
      </c>
      <c r="D3504" t="s">
        <v>515</v>
      </c>
      <c r="E3504">
        <v>236</v>
      </c>
      <c r="F3504" t="s">
        <v>651</v>
      </c>
      <c r="G3504">
        <v>160</v>
      </c>
      <c r="H3504" t="s">
        <v>719</v>
      </c>
      <c r="I3504">
        <v>7630</v>
      </c>
      <c r="J3504" t="s">
        <v>831</v>
      </c>
      <c r="K3504">
        <v>5</v>
      </c>
      <c r="L3504" t="s">
        <v>2677</v>
      </c>
      <c r="M3504">
        <v>1989</v>
      </c>
      <c r="N3504" t="s">
        <v>654</v>
      </c>
      <c r="O3504">
        <v>3</v>
      </c>
      <c r="P3504" t="s">
        <v>655</v>
      </c>
      <c r="Q3504">
        <v>1</v>
      </c>
      <c r="R3504" t="s">
        <v>656</v>
      </c>
      <c r="S3504">
        <v>2</v>
      </c>
      <c r="T3504" t="s">
        <v>661</v>
      </c>
      <c r="U3504">
        <v>8</v>
      </c>
      <c r="V3504">
        <v>2</v>
      </c>
      <c r="W3504">
        <v>120</v>
      </c>
      <c r="X3504">
        <v>2020</v>
      </c>
    </row>
    <row r="3505" spans="1:24" x14ac:dyDescent="0.25">
      <c r="A3505">
        <v>7519</v>
      </c>
      <c r="B3505" t="s">
        <v>18</v>
      </c>
      <c r="C3505">
        <v>31</v>
      </c>
      <c r="D3505" t="s">
        <v>515</v>
      </c>
      <c r="E3505">
        <v>236</v>
      </c>
      <c r="F3505" t="s">
        <v>651</v>
      </c>
      <c r="G3505">
        <v>160</v>
      </c>
      <c r="H3505" t="s">
        <v>719</v>
      </c>
      <c r="I3505">
        <v>7630</v>
      </c>
      <c r="J3505" t="s">
        <v>831</v>
      </c>
      <c r="K3505">
        <v>5</v>
      </c>
      <c r="L3505" t="s">
        <v>2678</v>
      </c>
      <c r="M3505">
        <v>1693</v>
      </c>
      <c r="N3505" t="s">
        <v>654</v>
      </c>
      <c r="O3505">
        <v>3</v>
      </c>
      <c r="P3505" t="s">
        <v>655</v>
      </c>
      <c r="Q3505">
        <v>1</v>
      </c>
      <c r="R3505" t="s">
        <v>656</v>
      </c>
      <c r="S3505">
        <v>2</v>
      </c>
      <c r="T3505" t="s">
        <v>661</v>
      </c>
      <c r="U3505">
        <v>8</v>
      </c>
      <c r="V3505">
        <v>2</v>
      </c>
      <c r="W3505">
        <v>120</v>
      </c>
      <c r="X3505">
        <v>2020</v>
      </c>
    </row>
    <row r="3506" spans="1:24" x14ac:dyDescent="0.25">
      <c r="A3506">
        <v>7518</v>
      </c>
      <c r="B3506" t="s">
        <v>18</v>
      </c>
      <c r="C3506">
        <v>31</v>
      </c>
      <c r="D3506" t="s">
        <v>515</v>
      </c>
      <c r="E3506">
        <v>236</v>
      </c>
      <c r="F3506" t="s">
        <v>651</v>
      </c>
      <c r="G3506">
        <v>160</v>
      </c>
      <c r="H3506" t="s">
        <v>719</v>
      </c>
      <c r="I3506">
        <v>7630</v>
      </c>
      <c r="J3506" t="s">
        <v>831</v>
      </c>
      <c r="K3506">
        <v>5</v>
      </c>
      <c r="L3506" t="s">
        <v>2679</v>
      </c>
      <c r="M3506">
        <v>1988</v>
      </c>
      <c r="N3506" t="s">
        <v>654</v>
      </c>
      <c r="O3506">
        <v>3</v>
      </c>
      <c r="P3506" t="s">
        <v>655</v>
      </c>
      <c r="Q3506">
        <v>1</v>
      </c>
      <c r="R3506" t="s">
        <v>656</v>
      </c>
      <c r="S3506">
        <v>2</v>
      </c>
      <c r="T3506" t="s">
        <v>661</v>
      </c>
      <c r="U3506">
        <v>8</v>
      </c>
      <c r="V3506">
        <v>2</v>
      </c>
      <c r="W3506">
        <v>120</v>
      </c>
      <c r="X3506">
        <v>2020</v>
      </c>
    </row>
    <row r="3507" spans="1:24" x14ac:dyDescent="0.25">
      <c r="A3507">
        <v>7512</v>
      </c>
      <c r="B3507" t="s">
        <v>189</v>
      </c>
      <c r="C3507">
        <v>30</v>
      </c>
      <c r="D3507" t="s">
        <v>516</v>
      </c>
      <c r="E3507">
        <v>234</v>
      </c>
      <c r="F3507" t="s">
        <v>651</v>
      </c>
      <c r="G3507">
        <v>160</v>
      </c>
      <c r="H3507" t="s">
        <v>719</v>
      </c>
      <c r="I3507">
        <v>7630</v>
      </c>
      <c r="J3507" t="s">
        <v>1219</v>
      </c>
      <c r="K3507">
        <v>42</v>
      </c>
      <c r="L3507" t="s">
        <v>2680</v>
      </c>
      <c r="M3507">
        <v>1982</v>
      </c>
      <c r="N3507" t="s">
        <v>654</v>
      </c>
      <c r="O3507">
        <v>3</v>
      </c>
      <c r="P3507" t="s">
        <v>655</v>
      </c>
      <c r="Q3507">
        <v>1</v>
      </c>
      <c r="R3507" t="s">
        <v>656</v>
      </c>
      <c r="S3507">
        <v>2</v>
      </c>
      <c r="T3507" t="s">
        <v>661</v>
      </c>
      <c r="U3507">
        <v>8</v>
      </c>
      <c r="V3507">
        <v>2</v>
      </c>
      <c r="W3507">
        <v>120</v>
      </c>
      <c r="X3507">
        <v>2020</v>
      </c>
    </row>
    <row r="3508" spans="1:24" x14ac:dyDescent="0.25">
      <c r="A3508">
        <v>7511</v>
      </c>
      <c r="B3508" t="s">
        <v>189</v>
      </c>
      <c r="C3508">
        <v>30</v>
      </c>
      <c r="D3508" t="s">
        <v>516</v>
      </c>
      <c r="E3508">
        <v>234</v>
      </c>
      <c r="F3508" t="s">
        <v>651</v>
      </c>
      <c r="G3508">
        <v>160</v>
      </c>
      <c r="H3508" t="s">
        <v>719</v>
      </c>
      <c r="I3508">
        <v>7630</v>
      </c>
      <c r="J3508" t="s">
        <v>1219</v>
      </c>
      <c r="K3508">
        <v>42</v>
      </c>
      <c r="L3508" t="s">
        <v>2681</v>
      </c>
      <c r="M3508">
        <v>1981</v>
      </c>
      <c r="N3508" t="s">
        <v>654</v>
      </c>
      <c r="O3508">
        <v>3</v>
      </c>
      <c r="P3508" t="s">
        <v>655</v>
      </c>
      <c r="Q3508">
        <v>1</v>
      </c>
      <c r="R3508" t="s">
        <v>656</v>
      </c>
      <c r="S3508">
        <v>2</v>
      </c>
      <c r="T3508" t="s">
        <v>661</v>
      </c>
      <c r="U3508">
        <v>8</v>
      </c>
      <c r="V3508">
        <v>2</v>
      </c>
      <c r="W3508">
        <v>120</v>
      </c>
      <c r="X3508">
        <v>2020</v>
      </c>
    </row>
    <row r="3509" spans="1:24" x14ac:dyDescent="0.25">
      <c r="A3509">
        <v>7510</v>
      </c>
      <c r="B3509" t="s">
        <v>189</v>
      </c>
      <c r="C3509">
        <v>30</v>
      </c>
      <c r="D3509" t="s">
        <v>516</v>
      </c>
      <c r="E3509">
        <v>234</v>
      </c>
      <c r="F3509" t="s">
        <v>651</v>
      </c>
      <c r="G3509">
        <v>160</v>
      </c>
      <c r="H3509" t="s">
        <v>719</v>
      </c>
      <c r="I3509">
        <v>7630</v>
      </c>
      <c r="J3509" t="s">
        <v>1219</v>
      </c>
      <c r="K3509">
        <v>42</v>
      </c>
      <c r="L3509" t="s">
        <v>2682</v>
      </c>
      <c r="M3509">
        <v>1980</v>
      </c>
      <c r="N3509" t="s">
        <v>654</v>
      </c>
      <c r="O3509">
        <v>3</v>
      </c>
      <c r="P3509" t="s">
        <v>655</v>
      </c>
      <c r="Q3509">
        <v>1</v>
      </c>
      <c r="R3509" t="s">
        <v>656</v>
      </c>
      <c r="S3509">
        <v>2</v>
      </c>
      <c r="T3509" t="s">
        <v>661</v>
      </c>
      <c r="U3509">
        <v>8</v>
      </c>
      <c r="V3509">
        <v>2</v>
      </c>
      <c r="W3509">
        <v>120</v>
      </c>
      <c r="X3509">
        <v>2020</v>
      </c>
    </row>
    <row r="3510" spans="1:24" x14ac:dyDescent="0.25">
      <c r="A3510">
        <v>7509</v>
      </c>
      <c r="B3510" t="s">
        <v>189</v>
      </c>
      <c r="C3510">
        <v>30</v>
      </c>
      <c r="D3510" t="s">
        <v>516</v>
      </c>
      <c r="E3510">
        <v>234</v>
      </c>
      <c r="F3510" t="s">
        <v>651</v>
      </c>
      <c r="G3510">
        <v>160</v>
      </c>
      <c r="H3510" t="s">
        <v>719</v>
      </c>
      <c r="I3510">
        <v>7630</v>
      </c>
      <c r="J3510" t="s">
        <v>1219</v>
      </c>
      <c r="K3510">
        <v>42</v>
      </c>
      <c r="L3510" t="s">
        <v>2683</v>
      </c>
      <c r="M3510">
        <v>1979</v>
      </c>
      <c r="N3510" t="s">
        <v>654</v>
      </c>
      <c r="O3510">
        <v>3</v>
      </c>
      <c r="P3510" t="s">
        <v>655</v>
      </c>
      <c r="Q3510">
        <v>1</v>
      </c>
      <c r="R3510" t="s">
        <v>656</v>
      </c>
      <c r="S3510">
        <v>2</v>
      </c>
      <c r="T3510" t="s">
        <v>661</v>
      </c>
      <c r="U3510">
        <v>8</v>
      </c>
      <c r="V3510">
        <v>2</v>
      </c>
      <c r="W3510">
        <v>120</v>
      </c>
      <c r="X3510">
        <v>2020</v>
      </c>
    </row>
    <row r="3511" spans="1:24" x14ac:dyDescent="0.25">
      <c r="A3511">
        <v>7508</v>
      </c>
      <c r="B3511" t="s">
        <v>189</v>
      </c>
      <c r="C3511">
        <v>30</v>
      </c>
      <c r="D3511" t="s">
        <v>516</v>
      </c>
      <c r="E3511">
        <v>234</v>
      </c>
      <c r="F3511" t="s">
        <v>651</v>
      </c>
      <c r="G3511">
        <v>160</v>
      </c>
      <c r="H3511" t="s">
        <v>719</v>
      </c>
      <c r="I3511">
        <v>7630</v>
      </c>
      <c r="J3511" t="s">
        <v>1219</v>
      </c>
      <c r="K3511">
        <v>42</v>
      </c>
      <c r="L3511" t="s">
        <v>2684</v>
      </c>
      <c r="M3511">
        <v>1978</v>
      </c>
      <c r="N3511" t="s">
        <v>654</v>
      </c>
      <c r="O3511">
        <v>3</v>
      </c>
      <c r="P3511" t="s">
        <v>655</v>
      </c>
      <c r="Q3511">
        <v>1</v>
      </c>
      <c r="R3511" t="s">
        <v>656</v>
      </c>
      <c r="S3511">
        <v>2</v>
      </c>
      <c r="T3511" t="s">
        <v>661</v>
      </c>
      <c r="U3511">
        <v>8</v>
      </c>
      <c r="V3511">
        <v>2</v>
      </c>
      <c r="W3511">
        <v>120</v>
      </c>
      <c r="X3511">
        <v>2020</v>
      </c>
    </row>
    <row r="3512" spans="1:24" x14ac:dyDescent="0.25">
      <c r="A3512">
        <v>7507</v>
      </c>
      <c r="B3512" t="s">
        <v>189</v>
      </c>
      <c r="C3512">
        <v>30</v>
      </c>
      <c r="D3512" t="s">
        <v>329</v>
      </c>
      <c r="E3512">
        <v>233</v>
      </c>
      <c r="F3512" t="s">
        <v>651</v>
      </c>
      <c r="G3512">
        <v>160</v>
      </c>
      <c r="H3512" t="s">
        <v>719</v>
      </c>
      <c r="I3512">
        <v>7630</v>
      </c>
      <c r="J3512" t="s">
        <v>794</v>
      </c>
      <c r="K3512">
        <v>40</v>
      </c>
      <c r="L3512" t="s">
        <v>2685</v>
      </c>
      <c r="M3512">
        <v>1977</v>
      </c>
      <c r="N3512" t="s">
        <v>654</v>
      </c>
      <c r="O3512">
        <v>3</v>
      </c>
      <c r="P3512" t="s">
        <v>655</v>
      </c>
      <c r="Q3512">
        <v>1</v>
      </c>
      <c r="R3512" t="s">
        <v>656</v>
      </c>
      <c r="S3512">
        <v>2</v>
      </c>
      <c r="T3512" t="s">
        <v>661</v>
      </c>
      <c r="U3512">
        <v>8</v>
      </c>
      <c r="V3512">
        <v>2</v>
      </c>
      <c r="W3512">
        <v>120</v>
      </c>
      <c r="X3512">
        <v>2020</v>
      </c>
    </row>
    <row r="3513" spans="1:24" x14ac:dyDescent="0.25">
      <c r="A3513">
        <v>7506</v>
      </c>
      <c r="B3513" t="s">
        <v>189</v>
      </c>
      <c r="C3513">
        <v>30</v>
      </c>
      <c r="D3513" t="s">
        <v>329</v>
      </c>
      <c r="E3513">
        <v>233</v>
      </c>
      <c r="F3513" t="s">
        <v>651</v>
      </c>
      <c r="G3513">
        <v>160</v>
      </c>
      <c r="H3513" t="s">
        <v>719</v>
      </c>
      <c r="I3513">
        <v>7630</v>
      </c>
      <c r="J3513" t="s">
        <v>794</v>
      </c>
      <c r="K3513">
        <v>40</v>
      </c>
      <c r="L3513" t="s">
        <v>1997</v>
      </c>
      <c r="M3513">
        <v>1408</v>
      </c>
      <c r="N3513" t="s">
        <v>654</v>
      </c>
      <c r="O3513">
        <v>3</v>
      </c>
      <c r="P3513" t="s">
        <v>655</v>
      </c>
      <c r="Q3513">
        <v>1</v>
      </c>
      <c r="R3513" t="s">
        <v>656</v>
      </c>
      <c r="S3513">
        <v>2</v>
      </c>
      <c r="T3513" t="s">
        <v>661</v>
      </c>
      <c r="U3513">
        <v>8</v>
      </c>
      <c r="V3513">
        <v>2</v>
      </c>
      <c r="W3513">
        <v>120</v>
      </c>
      <c r="X3513">
        <v>2020</v>
      </c>
    </row>
    <row r="3514" spans="1:24" x14ac:dyDescent="0.25">
      <c r="A3514">
        <v>7505</v>
      </c>
      <c r="B3514" t="s">
        <v>189</v>
      </c>
      <c r="C3514">
        <v>30</v>
      </c>
      <c r="D3514" t="s">
        <v>329</v>
      </c>
      <c r="E3514">
        <v>233</v>
      </c>
      <c r="F3514" t="s">
        <v>651</v>
      </c>
      <c r="G3514">
        <v>160</v>
      </c>
      <c r="H3514" t="s">
        <v>719</v>
      </c>
      <c r="I3514">
        <v>7630</v>
      </c>
      <c r="J3514" t="s">
        <v>794</v>
      </c>
      <c r="K3514">
        <v>40</v>
      </c>
      <c r="L3514" t="s">
        <v>2686</v>
      </c>
      <c r="M3514">
        <v>1976</v>
      </c>
      <c r="N3514" t="s">
        <v>654</v>
      </c>
      <c r="O3514">
        <v>3</v>
      </c>
      <c r="P3514" t="s">
        <v>655</v>
      </c>
      <c r="Q3514">
        <v>1</v>
      </c>
      <c r="R3514" t="s">
        <v>656</v>
      </c>
      <c r="S3514">
        <v>2</v>
      </c>
      <c r="T3514" t="s">
        <v>661</v>
      </c>
      <c r="U3514">
        <v>8</v>
      </c>
      <c r="V3514">
        <v>2</v>
      </c>
      <c r="W3514">
        <v>120</v>
      </c>
      <c r="X3514">
        <v>2020</v>
      </c>
    </row>
    <row r="3515" spans="1:24" x14ac:dyDescent="0.25">
      <c r="A3515">
        <v>7504</v>
      </c>
      <c r="B3515" t="s">
        <v>189</v>
      </c>
      <c r="C3515">
        <v>30</v>
      </c>
      <c r="D3515" t="s">
        <v>329</v>
      </c>
      <c r="E3515">
        <v>233</v>
      </c>
      <c r="F3515" t="s">
        <v>651</v>
      </c>
      <c r="G3515">
        <v>160</v>
      </c>
      <c r="H3515" t="s">
        <v>719</v>
      </c>
      <c r="I3515">
        <v>7630</v>
      </c>
      <c r="J3515" t="s">
        <v>794</v>
      </c>
      <c r="K3515">
        <v>40</v>
      </c>
      <c r="L3515" t="s">
        <v>2687</v>
      </c>
      <c r="M3515">
        <v>1975</v>
      </c>
      <c r="N3515" t="s">
        <v>654</v>
      </c>
      <c r="O3515">
        <v>3</v>
      </c>
      <c r="P3515" t="s">
        <v>655</v>
      </c>
      <c r="Q3515">
        <v>1</v>
      </c>
      <c r="R3515" t="s">
        <v>656</v>
      </c>
      <c r="S3515">
        <v>2</v>
      </c>
      <c r="T3515" t="s">
        <v>661</v>
      </c>
      <c r="U3515">
        <v>8</v>
      </c>
      <c r="V3515">
        <v>2</v>
      </c>
      <c r="W3515">
        <v>120</v>
      </c>
      <c r="X3515">
        <v>2020</v>
      </c>
    </row>
    <row r="3516" spans="1:24" x14ac:dyDescent="0.25">
      <c r="A3516">
        <v>7503</v>
      </c>
      <c r="B3516" t="s">
        <v>189</v>
      </c>
      <c r="C3516">
        <v>30</v>
      </c>
      <c r="D3516" t="s">
        <v>329</v>
      </c>
      <c r="E3516">
        <v>233</v>
      </c>
      <c r="F3516" t="s">
        <v>651</v>
      </c>
      <c r="G3516">
        <v>160</v>
      </c>
      <c r="H3516" t="s">
        <v>719</v>
      </c>
      <c r="I3516">
        <v>7630</v>
      </c>
      <c r="J3516" t="s">
        <v>794</v>
      </c>
      <c r="K3516">
        <v>40</v>
      </c>
      <c r="L3516" t="s">
        <v>2688</v>
      </c>
      <c r="M3516">
        <v>1974</v>
      </c>
      <c r="N3516" t="s">
        <v>654</v>
      </c>
      <c r="O3516">
        <v>3</v>
      </c>
      <c r="P3516" t="s">
        <v>655</v>
      </c>
      <c r="Q3516">
        <v>1</v>
      </c>
      <c r="R3516" t="s">
        <v>656</v>
      </c>
      <c r="S3516">
        <v>2</v>
      </c>
      <c r="T3516" t="s">
        <v>661</v>
      </c>
      <c r="U3516">
        <v>8</v>
      </c>
      <c r="V3516">
        <v>2</v>
      </c>
      <c r="W3516">
        <v>120</v>
      </c>
      <c r="X3516">
        <v>2020</v>
      </c>
    </row>
    <row r="3517" spans="1:24" x14ac:dyDescent="0.25">
      <c r="A3517">
        <v>7502</v>
      </c>
      <c r="B3517" t="s">
        <v>189</v>
      </c>
      <c r="C3517">
        <v>30</v>
      </c>
      <c r="D3517" t="s">
        <v>463</v>
      </c>
      <c r="E3517">
        <v>232</v>
      </c>
      <c r="F3517" t="s">
        <v>651</v>
      </c>
      <c r="G3517">
        <v>160</v>
      </c>
      <c r="H3517" t="s">
        <v>719</v>
      </c>
      <c r="I3517">
        <v>7630</v>
      </c>
      <c r="J3517" t="s">
        <v>917</v>
      </c>
      <c r="K3517">
        <v>83</v>
      </c>
      <c r="L3517" t="s">
        <v>2255</v>
      </c>
      <c r="M3517">
        <v>1973</v>
      </c>
      <c r="N3517" t="s">
        <v>654</v>
      </c>
      <c r="O3517">
        <v>3</v>
      </c>
      <c r="P3517" t="s">
        <v>655</v>
      </c>
      <c r="Q3517">
        <v>1</v>
      </c>
      <c r="R3517" t="s">
        <v>656</v>
      </c>
      <c r="S3517">
        <v>2</v>
      </c>
      <c r="T3517" t="s">
        <v>661</v>
      </c>
      <c r="U3517">
        <v>8</v>
      </c>
      <c r="V3517">
        <v>2</v>
      </c>
      <c r="W3517">
        <v>120</v>
      </c>
      <c r="X3517">
        <v>2020</v>
      </c>
    </row>
    <row r="3518" spans="1:24" x14ac:dyDescent="0.25">
      <c r="A3518">
        <v>7500</v>
      </c>
      <c r="B3518" t="s">
        <v>189</v>
      </c>
      <c r="C3518">
        <v>30</v>
      </c>
      <c r="D3518" t="s">
        <v>463</v>
      </c>
      <c r="E3518">
        <v>232</v>
      </c>
      <c r="F3518" t="s">
        <v>651</v>
      </c>
      <c r="G3518">
        <v>160</v>
      </c>
      <c r="H3518" t="s">
        <v>719</v>
      </c>
      <c r="I3518">
        <v>7630</v>
      </c>
      <c r="J3518" t="s">
        <v>917</v>
      </c>
      <c r="K3518">
        <v>83</v>
      </c>
      <c r="L3518" t="s">
        <v>2254</v>
      </c>
      <c r="M3518">
        <v>1971</v>
      </c>
      <c r="N3518" t="s">
        <v>654</v>
      </c>
      <c r="O3518">
        <v>3</v>
      </c>
      <c r="P3518" t="s">
        <v>655</v>
      </c>
      <c r="Q3518">
        <v>1</v>
      </c>
      <c r="R3518" t="s">
        <v>656</v>
      </c>
      <c r="S3518">
        <v>2</v>
      </c>
      <c r="T3518" t="s">
        <v>661</v>
      </c>
      <c r="U3518">
        <v>8</v>
      </c>
      <c r="V3518">
        <v>2</v>
      </c>
      <c r="W3518">
        <v>120</v>
      </c>
      <c r="X3518">
        <v>2020</v>
      </c>
    </row>
    <row r="3519" spans="1:24" x14ac:dyDescent="0.25">
      <c r="A3519">
        <v>7499</v>
      </c>
      <c r="B3519" t="s">
        <v>189</v>
      </c>
      <c r="C3519">
        <v>30</v>
      </c>
      <c r="D3519" t="s">
        <v>463</v>
      </c>
      <c r="E3519">
        <v>232</v>
      </c>
      <c r="F3519" t="s">
        <v>651</v>
      </c>
      <c r="G3519">
        <v>160</v>
      </c>
      <c r="H3519" t="s">
        <v>719</v>
      </c>
      <c r="I3519">
        <v>7630</v>
      </c>
      <c r="J3519" t="s">
        <v>917</v>
      </c>
      <c r="K3519">
        <v>83</v>
      </c>
      <c r="L3519" t="s">
        <v>2689</v>
      </c>
      <c r="M3519">
        <v>1970</v>
      </c>
      <c r="N3519" t="s">
        <v>654</v>
      </c>
      <c r="O3519">
        <v>3</v>
      </c>
      <c r="P3519" t="s">
        <v>655</v>
      </c>
      <c r="Q3519">
        <v>1</v>
      </c>
      <c r="R3519" t="s">
        <v>656</v>
      </c>
      <c r="S3519">
        <v>2</v>
      </c>
      <c r="T3519" t="s">
        <v>661</v>
      </c>
      <c r="U3519">
        <v>8</v>
      </c>
      <c r="V3519">
        <v>2</v>
      </c>
      <c r="W3519">
        <v>120</v>
      </c>
      <c r="X3519">
        <v>2020</v>
      </c>
    </row>
    <row r="3520" spans="1:24" x14ac:dyDescent="0.25">
      <c r="A3520">
        <v>7498</v>
      </c>
      <c r="B3520" t="s">
        <v>189</v>
      </c>
      <c r="C3520">
        <v>30</v>
      </c>
      <c r="D3520" t="s">
        <v>463</v>
      </c>
      <c r="E3520">
        <v>232</v>
      </c>
      <c r="F3520" t="s">
        <v>651</v>
      </c>
      <c r="G3520">
        <v>160</v>
      </c>
      <c r="H3520" t="s">
        <v>719</v>
      </c>
      <c r="I3520">
        <v>7630</v>
      </c>
      <c r="J3520" t="s">
        <v>880</v>
      </c>
      <c r="K3520">
        <v>58</v>
      </c>
      <c r="L3520" t="s">
        <v>2690</v>
      </c>
      <c r="M3520">
        <v>1969</v>
      </c>
      <c r="N3520" t="s">
        <v>654</v>
      </c>
      <c r="O3520">
        <v>3</v>
      </c>
      <c r="P3520" t="s">
        <v>655</v>
      </c>
      <c r="Q3520">
        <v>1</v>
      </c>
      <c r="R3520" t="s">
        <v>656</v>
      </c>
      <c r="S3520">
        <v>2</v>
      </c>
      <c r="T3520" t="s">
        <v>661</v>
      </c>
      <c r="U3520">
        <v>8</v>
      </c>
      <c r="V3520">
        <v>2</v>
      </c>
      <c r="W3520">
        <v>120</v>
      </c>
      <c r="X3520">
        <v>2020</v>
      </c>
    </row>
    <row r="3521" spans="1:24" x14ac:dyDescent="0.25">
      <c r="A3521">
        <v>7495</v>
      </c>
      <c r="B3521" t="s">
        <v>189</v>
      </c>
      <c r="C3521">
        <v>30</v>
      </c>
      <c r="D3521" t="s">
        <v>463</v>
      </c>
      <c r="E3521">
        <v>232</v>
      </c>
      <c r="F3521" t="s">
        <v>651</v>
      </c>
      <c r="G3521">
        <v>160</v>
      </c>
      <c r="H3521" t="s">
        <v>719</v>
      </c>
      <c r="I3521">
        <v>7630</v>
      </c>
      <c r="J3521" t="s">
        <v>909</v>
      </c>
      <c r="K3521">
        <v>39</v>
      </c>
      <c r="L3521" t="s">
        <v>2691</v>
      </c>
      <c r="M3521">
        <v>1966</v>
      </c>
      <c r="N3521" t="s">
        <v>654</v>
      </c>
      <c r="O3521">
        <v>3</v>
      </c>
      <c r="P3521" t="s">
        <v>655</v>
      </c>
      <c r="Q3521">
        <v>1</v>
      </c>
      <c r="R3521" t="s">
        <v>656</v>
      </c>
      <c r="S3521">
        <v>2</v>
      </c>
      <c r="T3521" t="s">
        <v>661</v>
      </c>
      <c r="U3521">
        <v>8</v>
      </c>
      <c r="V3521">
        <v>2</v>
      </c>
      <c r="W3521">
        <v>120</v>
      </c>
      <c r="X3521">
        <v>2020</v>
      </c>
    </row>
    <row r="3522" spans="1:24" x14ac:dyDescent="0.25">
      <c r="A3522">
        <v>7494</v>
      </c>
      <c r="B3522" t="s">
        <v>189</v>
      </c>
      <c r="C3522">
        <v>30</v>
      </c>
      <c r="D3522" t="s">
        <v>463</v>
      </c>
      <c r="E3522">
        <v>232</v>
      </c>
      <c r="F3522" t="s">
        <v>651</v>
      </c>
      <c r="G3522">
        <v>160</v>
      </c>
      <c r="H3522" t="s">
        <v>719</v>
      </c>
      <c r="I3522">
        <v>7630</v>
      </c>
      <c r="J3522" t="s">
        <v>909</v>
      </c>
      <c r="K3522">
        <v>39</v>
      </c>
      <c r="L3522" t="s">
        <v>2692</v>
      </c>
      <c r="M3522">
        <v>1965</v>
      </c>
      <c r="N3522" t="s">
        <v>654</v>
      </c>
      <c r="O3522">
        <v>3</v>
      </c>
      <c r="P3522" t="s">
        <v>655</v>
      </c>
      <c r="Q3522">
        <v>1</v>
      </c>
      <c r="R3522" t="s">
        <v>656</v>
      </c>
      <c r="S3522">
        <v>2</v>
      </c>
      <c r="T3522" t="s">
        <v>661</v>
      </c>
      <c r="U3522">
        <v>8</v>
      </c>
      <c r="V3522">
        <v>2</v>
      </c>
      <c r="W3522">
        <v>120</v>
      </c>
      <c r="X3522">
        <v>2020</v>
      </c>
    </row>
    <row r="3523" spans="1:24" x14ac:dyDescent="0.25">
      <c r="A3523">
        <v>7492</v>
      </c>
      <c r="B3523" t="s">
        <v>189</v>
      </c>
      <c r="C3523">
        <v>30</v>
      </c>
      <c r="D3523" t="s">
        <v>463</v>
      </c>
      <c r="E3523">
        <v>232</v>
      </c>
      <c r="F3523" t="s">
        <v>651</v>
      </c>
      <c r="G3523">
        <v>160</v>
      </c>
      <c r="H3523" t="s">
        <v>719</v>
      </c>
      <c r="I3523">
        <v>7630</v>
      </c>
      <c r="J3523" t="s">
        <v>909</v>
      </c>
      <c r="K3523">
        <v>39</v>
      </c>
      <c r="L3523" t="s">
        <v>2693</v>
      </c>
      <c r="M3523">
        <v>1963</v>
      </c>
      <c r="N3523" t="s">
        <v>654</v>
      </c>
      <c r="O3523">
        <v>3</v>
      </c>
      <c r="P3523" t="s">
        <v>655</v>
      </c>
      <c r="Q3523">
        <v>1</v>
      </c>
      <c r="R3523" t="s">
        <v>656</v>
      </c>
      <c r="S3523">
        <v>2</v>
      </c>
      <c r="T3523" t="s">
        <v>661</v>
      </c>
      <c r="U3523">
        <v>8</v>
      </c>
      <c r="V3523">
        <v>2</v>
      </c>
      <c r="W3523">
        <v>120</v>
      </c>
      <c r="X3523">
        <v>2020</v>
      </c>
    </row>
    <row r="3524" spans="1:24" x14ac:dyDescent="0.25">
      <c r="A3524">
        <v>7491</v>
      </c>
      <c r="B3524" t="s">
        <v>112</v>
      </c>
      <c r="C3524">
        <v>29</v>
      </c>
      <c r="D3524" t="s">
        <v>519</v>
      </c>
      <c r="E3524">
        <v>229</v>
      </c>
      <c r="F3524" t="s">
        <v>651</v>
      </c>
      <c r="G3524">
        <v>160</v>
      </c>
      <c r="H3524" t="s">
        <v>719</v>
      </c>
      <c r="I3524">
        <v>7630</v>
      </c>
      <c r="J3524" t="s">
        <v>1236</v>
      </c>
      <c r="K3524">
        <v>60</v>
      </c>
      <c r="L3524" t="s">
        <v>2694</v>
      </c>
      <c r="M3524">
        <v>1962</v>
      </c>
      <c r="N3524" t="s">
        <v>654</v>
      </c>
      <c r="O3524">
        <v>3</v>
      </c>
      <c r="P3524" t="s">
        <v>655</v>
      </c>
      <c r="Q3524">
        <v>1</v>
      </c>
      <c r="R3524" t="s">
        <v>656</v>
      </c>
      <c r="S3524">
        <v>2</v>
      </c>
      <c r="T3524" t="s">
        <v>661</v>
      </c>
      <c r="U3524">
        <v>8</v>
      </c>
      <c r="V3524">
        <v>2</v>
      </c>
      <c r="W3524">
        <v>120</v>
      </c>
      <c r="X3524">
        <v>2020</v>
      </c>
    </row>
    <row r="3525" spans="1:24" x14ac:dyDescent="0.25">
      <c r="A3525">
        <v>7490</v>
      </c>
      <c r="B3525" t="s">
        <v>112</v>
      </c>
      <c r="C3525">
        <v>29</v>
      </c>
      <c r="D3525" t="s">
        <v>519</v>
      </c>
      <c r="E3525">
        <v>229</v>
      </c>
      <c r="F3525" t="s">
        <v>651</v>
      </c>
      <c r="G3525">
        <v>160</v>
      </c>
      <c r="H3525" t="s">
        <v>719</v>
      </c>
      <c r="I3525">
        <v>7630</v>
      </c>
      <c r="J3525" t="s">
        <v>1236</v>
      </c>
      <c r="K3525">
        <v>60</v>
      </c>
      <c r="L3525" t="s">
        <v>2695</v>
      </c>
      <c r="M3525">
        <v>1961</v>
      </c>
      <c r="N3525" t="s">
        <v>654</v>
      </c>
      <c r="O3525">
        <v>3</v>
      </c>
      <c r="P3525" t="s">
        <v>655</v>
      </c>
      <c r="Q3525">
        <v>1</v>
      </c>
      <c r="R3525" t="s">
        <v>656</v>
      </c>
      <c r="S3525">
        <v>2</v>
      </c>
      <c r="T3525" t="s">
        <v>661</v>
      </c>
      <c r="U3525">
        <v>8</v>
      </c>
      <c r="V3525">
        <v>2</v>
      </c>
      <c r="W3525">
        <v>120</v>
      </c>
      <c r="X3525">
        <v>2020</v>
      </c>
    </row>
    <row r="3526" spans="1:24" x14ac:dyDescent="0.25">
      <c r="A3526">
        <v>7489</v>
      </c>
      <c r="B3526" t="s">
        <v>112</v>
      </c>
      <c r="C3526">
        <v>29</v>
      </c>
      <c r="D3526" t="s">
        <v>465</v>
      </c>
      <c r="E3526">
        <v>228</v>
      </c>
      <c r="F3526" t="s">
        <v>651</v>
      </c>
      <c r="G3526">
        <v>160</v>
      </c>
      <c r="H3526" t="s">
        <v>719</v>
      </c>
      <c r="I3526">
        <v>7630</v>
      </c>
      <c r="J3526" t="s">
        <v>716</v>
      </c>
      <c r="K3526">
        <v>68</v>
      </c>
      <c r="L3526" t="s">
        <v>2696</v>
      </c>
      <c r="M3526">
        <v>1960</v>
      </c>
      <c r="N3526" t="s">
        <v>654</v>
      </c>
      <c r="O3526">
        <v>3</v>
      </c>
      <c r="P3526" t="s">
        <v>655</v>
      </c>
      <c r="Q3526">
        <v>1</v>
      </c>
      <c r="R3526" t="s">
        <v>656</v>
      </c>
      <c r="S3526">
        <v>2</v>
      </c>
      <c r="T3526" t="s">
        <v>661</v>
      </c>
      <c r="U3526">
        <v>8</v>
      </c>
      <c r="V3526">
        <v>2</v>
      </c>
      <c r="W3526">
        <v>120</v>
      </c>
      <c r="X3526">
        <v>2020</v>
      </c>
    </row>
    <row r="3527" spans="1:24" x14ac:dyDescent="0.25">
      <c r="A3527">
        <v>7488</v>
      </c>
      <c r="B3527" t="s">
        <v>112</v>
      </c>
      <c r="C3527">
        <v>29</v>
      </c>
      <c r="D3527" t="s">
        <v>465</v>
      </c>
      <c r="E3527">
        <v>228</v>
      </c>
      <c r="F3527" t="s">
        <v>651</v>
      </c>
      <c r="G3527">
        <v>160</v>
      </c>
      <c r="H3527" t="s">
        <v>719</v>
      </c>
      <c r="I3527">
        <v>7630</v>
      </c>
      <c r="J3527" t="s">
        <v>716</v>
      </c>
      <c r="K3527">
        <v>68</v>
      </c>
      <c r="L3527" t="s">
        <v>2697</v>
      </c>
      <c r="M3527">
        <v>1235</v>
      </c>
      <c r="N3527" t="s">
        <v>654</v>
      </c>
      <c r="O3527">
        <v>3</v>
      </c>
      <c r="P3527" t="s">
        <v>655</v>
      </c>
      <c r="Q3527">
        <v>1</v>
      </c>
      <c r="R3527" t="s">
        <v>656</v>
      </c>
      <c r="S3527">
        <v>2</v>
      </c>
      <c r="T3527" t="s">
        <v>661</v>
      </c>
      <c r="U3527">
        <v>8</v>
      </c>
      <c r="V3527">
        <v>2</v>
      </c>
      <c r="W3527">
        <v>120</v>
      </c>
      <c r="X3527">
        <v>2020</v>
      </c>
    </row>
    <row r="3528" spans="1:24" x14ac:dyDescent="0.25">
      <c r="A3528">
        <v>7487</v>
      </c>
      <c r="B3528" t="s">
        <v>112</v>
      </c>
      <c r="C3528">
        <v>29</v>
      </c>
      <c r="D3528" t="s">
        <v>465</v>
      </c>
      <c r="E3528">
        <v>228</v>
      </c>
      <c r="F3528" t="s">
        <v>651</v>
      </c>
      <c r="G3528">
        <v>160</v>
      </c>
      <c r="H3528" t="s">
        <v>719</v>
      </c>
      <c r="I3528">
        <v>7630</v>
      </c>
      <c r="J3528" t="s">
        <v>707</v>
      </c>
      <c r="K3528">
        <v>59</v>
      </c>
      <c r="L3528" t="s">
        <v>2698</v>
      </c>
      <c r="M3528">
        <v>1959</v>
      </c>
      <c r="N3528" t="s">
        <v>654</v>
      </c>
      <c r="O3528">
        <v>3</v>
      </c>
      <c r="P3528" t="s">
        <v>655</v>
      </c>
      <c r="Q3528">
        <v>1</v>
      </c>
      <c r="R3528" t="s">
        <v>656</v>
      </c>
      <c r="S3528">
        <v>2</v>
      </c>
      <c r="T3528" t="s">
        <v>661</v>
      </c>
      <c r="U3528">
        <v>8</v>
      </c>
      <c r="V3528">
        <v>2</v>
      </c>
      <c r="W3528">
        <v>120</v>
      </c>
      <c r="X3528">
        <v>2020</v>
      </c>
    </row>
    <row r="3529" spans="1:24" x14ac:dyDescent="0.25">
      <c r="A3529">
        <v>7485</v>
      </c>
      <c r="B3529" t="s">
        <v>112</v>
      </c>
      <c r="C3529">
        <v>29</v>
      </c>
      <c r="D3529" t="s">
        <v>465</v>
      </c>
      <c r="E3529">
        <v>228</v>
      </c>
      <c r="F3529" t="s">
        <v>651</v>
      </c>
      <c r="G3529">
        <v>160</v>
      </c>
      <c r="H3529" t="s">
        <v>719</v>
      </c>
      <c r="I3529">
        <v>7630</v>
      </c>
      <c r="J3529" t="s">
        <v>707</v>
      </c>
      <c r="K3529">
        <v>59</v>
      </c>
      <c r="L3529" t="s">
        <v>2699</v>
      </c>
      <c r="M3529">
        <v>1957</v>
      </c>
      <c r="N3529" t="s">
        <v>654</v>
      </c>
      <c r="O3529">
        <v>3</v>
      </c>
      <c r="P3529" t="s">
        <v>655</v>
      </c>
      <c r="Q3529">
        <v>1</v>
      </c>
      <c r="R3529" t="s">
        <v>656</v>
      </c>
      <c r="S3529">
        <v>2</v>
      </c>
      <c r="T3529" t="s">
        <v>661</v>
      </c>
      <c r="U3529">
        <v>8</v>
      </c>
      <c r="V3529">
        <v>2</v>
      </c>
      <c r="W3529">
        <v>120</v>
      </c>
      <c r="X3529">
        <v>2020</v>
      </c>
    </row>
    <row r="3530" spans="1:24" x14ac:dyDescent="0.25">
      <c r="A3530">
        <v>7484</v>
      </c>
      <c r="B3530" t="s">
        <v>112</v>
      </c>
      <c r="C3530">
        <v>29</v>
      </c>
      <c r="D3530" t="s">
        <v>465</v>
      </c>
      <c r="E3530">
        <v>228</v>
      </c>
      <c r="F3530" t="s">
        <v>651</v>
      </c>
      <c r="G3530">
        <v>160</v>
      </c>
      <c r="H3530" t="s">
        <v>719</v>
      </c>
      <c r="I3530">
        <v>7630</v>
      </c>
      <c r="J3530" t="s">
        <v>707</v>
      </c>
      <c r="K3530">
        <v>59</v>
      </c>
      <c r="L3530" t="s">
        <v>2545</v>
      </c>
      <c r="M3530">
        <v>1956</v>
      </c>
      <c r="N3530" t="s">
        <v>654</v>
      </c>
      <c r="O3530">
        <v>3</v>
      </c>
      <c r="P3530" t="s">
        <v>655</v>
      </c>
      <c r="Q3530">
        <v>1</v>
      </c>
      <c r="R3530" t="s">
        <v>656</v>
      </c>
      <c r="S3530">
        <v>2</v>
      </c>
      <c r="T3530" t="s">
        <v>661</v>
      </c>
      <c r="U3530">
        <v>8</v>
      </c>
      <c r="V3530">
        <v>2</v>
      </c>
      <c r="W3530">
        <v>120</v>
      </c>
      <c r="X3530">
        <v>2020</v>
      </c>
    </row>
    <row r="3531" spans="1:24" x14ac:dyDescent="0.25">
      <c r="A3531">
        <v>7483</v>
      </c>
      <c r="B3531" t="s">
        <v>112</v>
      </c>
      <c r="C3531">
        <v>29</v>
      </c>
      <c r="D3531" t="s">
        <v>520</v>
      </c>
      <c r="E3531">
        <v>227</v>
      </c>
      <c r="F3531" t="s">
        <v>651</v>
      </c>
      <c r="G3531">
        <v>160</v>
      </c>
      <c r="H3531" t="s">
        <v>719</v>
      </c>
      <c r="I3531">
        <v>7630</v>
      </c>
      <c r="J3531" t="s">
        <v>1182</v>
      </c>
      <c r="K3531">
        <v>46</v>
      </c>
      <c r="L3531" t="s">
        <v>2700</v>
      </c>
      <c r="M3531">
        <v>1955</v>
      </c>
      <c r="N3531" t="s">
        <v>654</v>
      </c>
      <c r="O3531">
        <v>3</v>
      </c>
      <c r="P3531" t="s">
        <v>655</v>
      </c>
      <c r="Q3531">
        <v>1</v>
      </c>
      <c r="R3531" t="s">
        <v>656</v>
      </c>
      <c r="S3531">
        <v>2</v>
      </c>
      <c r="T3531" t="s">
        <v>661</v>
      </c>
      <c r="U3531">
        <v>8</v>
      </c>
      <c r="V3531">
        <v>2</v>
      </c>
      <c r="W3531">
        <v>120</v>
      </c>
      <c r="X3531">
        <v>2020</v>
      </c>
    </row>
    <row r="3532" spans="1:24" x14ac:dyDescent="0.25">
      <c r="A3532">
        <v>7482</v>
      </c>
      <c r="B3532" t="s">
        <v>112</v>
      </c>
      <c r="C3532">
        <v>29</v>
      </c>
      <c r="D3532" t="s">
        <v>523</v>
      </c>
      <c r="E3532">
        <v>224</v>
      </c>
      <c r="F3532" t="s">
        <v>651</v>
      </c>
      <c r="G3532">
        <v>160</v>
      </c>
      <c r="H3532" t="s">
        <v>719</v>
      </c>
      <c r="I3532">
        <v>7630</v>
      </c>
      <c r="J3532" t="s">
        <v>730</v>
      </c>
      <c r="K3532">
        <v>66</v>
      </c>
      <c r="L3532" t="s">
        <v>1891</v>
      </c>
      <c r="M3532">
        <v>1954</v>
      </c>
      <c r="N3532" t="s">
        <v>654</v>
      </c>
      <c r="O3532">
        <v>3</v>
      </c>
      <c r="P3532" t="s">
        <v>655</v>
      </c>
      <c r="Q3532">
        <v>1</v>
      </c>
      <c r="R3532" t="s">
        <v>656</v>
      </c>
      <c r="S3532">
        <v>2</v>
      </c>
      <c r="T3532" t="s">
        <v>661</v>
      </c>
      <c r="U3532">
        <v>8</v>
      </c>
      <c r="V3532">
        <v>2</v>
      </c>
      <c r="W3532">
        <v>120</v>
      </c>
      <c r="X3532">
        <v>2020</v>
      </c>
    </row>
    <row r="3533" spans="1:24" x14ac:dyDescent="0.25">
      <c r="A3533">
        <v>7481</v>
      </c>
      <c r="B3533" t="s">
        <v>112</v>
      </c>
      <c r="C3533">
        <v>29</v>
      </c>
      <c r="D3533" t="s">
        <v>518</v>
      </c>
      <c r="E3533">
        <v>230</v>
      </c>
      <c r="F3533" t="s">
        <v>651</v>
      </c>
      <c r="G3533">
        <v>160</v>
      </c>
      <c r="H3533" t="s">
        <v>719</v>
      </c>
      <c r="I3533">
        <v>7630</v>
      </c>
      <c r="J3533" t="s">
        <v>730</v>
      </c>
      <c r="K3533">
        <v>66</v>
      </c>
      <c r="L3533" t="s">
        <v>2701</v>
      </c>
      <c r="M3533">
        <v>1953</v>
      </c>
      <c r="N3533" t="s">
        <v>654</v>
      </c>
      <c r="O3533">
        <v>3</v>
      </c>
      <c r="P3533" t="s">
        <v>655</v>
      </c>
      <c r="Q3533">
        <v>1</v>
      </c>
      <c r="R3533" t="s">
        <v>656</v>
      </c>
      <c r="S3533">
        <v>2</v>
      </c>
      <c r="T3533" t="s">
        <v>661</v>
      </c>
      <c r="U3533">
        <v>8</v>
      </c>
      <c r="V3533">
        <v>2</v>
      </c>
      <c r="W3533">
        <v>120</v>
      </c>
      <c r="X3533">
        <v>2020</v>
      </c>
    </row>
    <row r="3534" spans="1:24" x14ac:dyDescent="0.25">
      <c r="A3534">
        <v>7480</v>
      </c>
      <c r="B3534" t="s">
        <v>112</v>
      </c>
      <c r="C3534">
        <v>29</v>
      </c>
      <c r="D3534" t="s">
        <v>518</v>
      </c>
      <c r="E3534">
        <v>230</v>
      </c>
      <c r="F3534" t="s">
        <v>651</v>
      </c>
      <c r="G3534">
        <v>160</v>
      </c>
      <c r="H3534" t="s">
        <v>719</v>
      </c>
      <c r="I3534">
        <v>7630</v>
      </c>
      <c r="J3534" t="s">
        <v>730</v>
      </c>
      <c r="K3534">
        <v>66</v>
      </c>
      <c r="L3534" t="s">
        <v>2702</v>
      </c>
      <c r="M3534">
        <v>1952</v>
      </c>
      <c r="N3534" t="s">
        <v>654</v>
      </c>
      <c r="O3534">
        <v>3</v>
      </c>
      <c r="P3534" t="s">
        <v>655</v>
      </c>
      <c r="Q3534">
        <v>1</v>
      </c>
      <c r="R3534" t="s">
        <v>656</v>
      </c>
      <c r="S3534">
        <v>2</v>
      </c>
      <c r="T3534" t="s">
        <v>661</v>
      </c>
      <c r="U3534">
        <v>8</v>
      </c>
      <c r="V3534">
        <v>2</v>
      </c>
      <c r="W3534">
        <v>120</v>
      </c>
      <c r="X3534">
        <v>2020</v>
      </c>
    </row>
    <row r="3535" spans="1:24" x14ac:dyDescent="0.25">
      <c r="A3535">
        <v>7479</v>
      </c>
      <c r="B3535" t="s">
        <v>112</v>
      </c>
      <c r="C3535">
        <v>29</v>
      </c>
      <c r="D3535" t="s">
        <v>518</v>
      </c>
      <c r="E3535">
        <v>230</v>
      </c>
      <c r="F3535" t="s">
        <v>651</v>
      </c>
      <c r="G3535">
        <v>160</v>
      </c>
      <c r="H3535" t="s">
        <v>719</v>
      </c>
      <c r="I3535">
        <v>7630</v>
      </c>
      <c r="J3535" t="s">
        <v>730</v>
      </c>
      <c r="K3535">
        <v>66</v>
      </c>
      <c r="L3535" t="s">
        <v>2391</v>
      </c>
      <c r="M3535">
        <v>1951</v>
      </c>
      <c r="N3535" t="s">
        <v>654</v>
      </c>
      <c r="O3535">
        <v>3</v>
      </c>
      <c r="P3535" t="s">
        <v>655</v>
      </c>
      <c r="Q3535">
        <v>1</v>
      </c>
      <c r="R3535" t="s">
        <v>656</v>
      </c>
      <c r="S3535">
        <v>2</v>
      </c>
      <c r="T3535" t="s">
        <v>661</v>
      </c>
      <c r="U3535">
        <v>8</v>
      </c>
      <c r="V3535">
        <v>2</v>
      </c>
      <c r="W3535">
        <v>120</v>
      </c>
      <c r="X3535">
        <v>2020</v>
      </c>
    </row>
    <row r="3536" spans="1:24" x14ac:dyDescent="0.25">
      <c r="A3536">
        <v>7478</v>
      </c>
      <c r="B3536" t="s">
        <v>112</v>
      </c>
      <c r="C3536">
        <v>29</v>
      </c>
      <c r="D3536" t="s">
        <v>518</v>
      </c>
      <c r="E3536">
        <v>230</v>
      </c>
      <c r="F3536" t="s">
        <v>651</v>
      </c>
      <c r="G3536">
        <v>160</v>
      </c>
      <c r="H3536" t="s">
        <v>719</v>
      </c>
      <c r="I3536">
        <v>7630</v>
      </c>
      <c r="J3536" t="s">
        <v>730</v>
      </c>
      <c r="K3536">
        <v>66</v>
      </c>
      <c r="L3536" t="s">
        <v>2703</v>
      </c>
      <c r="M3536">
        <v>1950</v>
      </c>
      <c r="N3536" t="s">
        <v>654</v>
      </c>
      <c r="O3536">
        <v>3</v>
      </c>
      <c r="P3536" t="s">
        <v>655</v>
      </c>
      <c r="Q3536">
        <v>1</v>
      </c>
      <c r="R3536" t="s">
        <v>656</v>
      </c>
      <c r="S3536">
        <v>2</v>
      </c>
      <c r="T3536" t="s">
        <v>661</v>
      </c>
      <c r="U3536">
        <v>8</v>
      </c>
      <c r="V3536">
        <v>2</v>
      </c>
      <c r="W3536">
        <v>120</v>
      </c>
      <c r="X3536">
        <v>2020</v>
      </c>
    </row>
    <row r="3537" spans="1:24" x14ac:dyDescent="0.25">
      <c r="A3537">
        <v>7476</v>
      </c>
      <c r="B3537" t="s">
        <v>112</v>
      </c>
      <c r="C3537">
        <v>29</v>
      </c>
      <c r="D3537" t="s">
        <v>521</v>
      </c>
      <c r="E3537">
        <v>226</v>
      </c>
      <c r="F3537" t="s">
        <v>651</v>
      </c>
      <c r="G3537">
        <v>160</v>
      </c>
      <c r="H3537" t="s">
        <v>719</v>
      </c>
      <c r="I3537">
        <v>7630</v>
      </c>
      <c r="J3537" t="s">
        <v>730</v>
      </c>
      <c r="K3537">
        <v>66</v>
      </c>
      <c r="L3537" t="s">
        <v>2704</v>
      </c>
      <c r="M3537">
        <v>1949</v>
      </c>
      <c r="N3537" t="s">
        <v>654</v>
      </c>
      <c r="O3537">
        <v>3</v>
      </c>
      <c r="P3537" t="s">
        <v>655</v>
      </c>
      <c r="Q3537">
        <v>1</v>
      </c>
      <c r="R3537" t="s">
        <v>656</v>
      </c>
      <c r="S3537">
        <v>2</v>
      </c>
      <c r="T3537" t="s">
        <v>661</v>
      </c>
      <c r="U3537">
        <v>8</v>
      </c>
      <c r="V3537">
        <v>2</v>
      </c>
      <c r="W3537">
        <v>120</v>
      </c>
      <c r="X3537">
        <v>2020</v>
      </c>
    </row>
    <row r="3538" spans="1:24" x14ac:dyDescent="0.25">
      <c r="A3538">
        <v>7475</v>
      </c>
      <c r="B3538" t="s">
        <v>112</v>
      </c>
      <c r="C3538">
        <v>29</v>
      </c>
      <c r="D3538" t="s">
        <v>521</v>
      </c>
      <c r="E3538">
        <v>226</v>
      </c>
      <c r="F3538" t="s">
        <v>651</v>
      </c>
      <c r="G3538">
        <v>160</v>
      </c>
      <c r="H3538" t="s">
        <v>719</v>
      </c>
      <c r="I3538">
        <v>7630</v>
      </c>
      <c r="J3538" t="s">
        <v>695</v>
      </c>
      <c r="K3538">
        <v>54</v>
      </c>
      <c r="L3538" t="s">
        <v>2705</v>
      </c>
      <c r="M3538">
        <v>1948</v>
      </c>
      <c r="N3538" t="s">
        <v>654</v>
      </c>
      <c r="O3538">
        <v>3</v>
      </c>
      <c r="P3538" t="s">
        <v>655</v>
      </c>
      <c r="Q3538">
        <v>1</v>
      </c>
      <c r="R3538" t="s">
        <v>656</v>
      </c>
      <c r="S3538">
        <v>2</v>
      </c>
      <c r="T3538" t="s">
        <v>661</v>
      </c>
      <c r="U3538">
        <v>8</v>
      </c>
      <c r="V3538">
        <v>2</v>
      </c>
      <c r="W3538">
        <v>120</v>
      </c>
      <c r="X3538">
        <v>2020</v>
      </c>
    </row>
    <row r="3539" spans="1:24" x14ac:dyDescent="0.25">
      <c r="A3539">
        <v>7474</v>
      </c>
      <c r="B3539" t="s">
        <v>112</v>
      </c>
      <c r="C3539">
        <v>29</v>
      </c>
      <c r="D3539" t="s">
        <v>521</v>
      </c>
      <c r="E3539">
        <v>226</v>
      </c>
      <c r="F3539" t="s">
        <v>651</v>
      </c>
      <c r="G3539">
        <v>160</v>
      </c>
      <c r="H3539" t="s">
        <v>719</v>
      </c>
      <c r="I3539">
        <v>7630</v>
      </c>
      <c r="J3539" t="s">
        <v>695</v>
      </c>
      <c r="K3539">
        <v>54</v>
      </c>
      <c r="L3539" t="s">
        <v>2354</v>
      </c>
      <c r="M3539">
        <v>1947</v>
      </c>
      <c r="N3539" t="s">
        <v>654</v>
      </c>
      <c r="O3539">
        <v>3</v>
      </c>
      <c r="P3539" t="s">
        <v>655</v>
      </c>
      <c r="Q3539">
        <v>1</v>
      </c>
      <c r="R3539" t="s">
        <v>656</v>
      </c>
      <c r="S3539">
        <v>2</v>
      </c>
      <c r="T3539" t="s">
        <v>661</v>
      </c>
      <c r="U3539">
        <v>8</v>
      </c>
      <c r="V3539">
        <v>2</v>
      </c>
      <c r="W3539">
        <v>120</v>
      </c>
      <c r="X3539">
        <v>2020</v>
      </c>
    </row>
    <row r="3540" spans="1:24" x14ac:dyDescent="0.25">
      <c r="A3540">
        <v>7473</v>
      </c>
      <c r="B3540" t="s">
        <v>112</v>
      </c>
      <c r="C3540">
        <v>29</v>
      </c>
      <c r="D3540" t="s">
        <v>521</v>
      </c>
      <c r="E3540">
        <v>226</v>
      </c>
      <c r="F3540" t="s">
        <v>651</v>
      </c>
      <c r="G3540">
        <v>160</v>
      </c>
      <c r="H3540" t="s">
        <v>719</v>
      </c>
      <c r="I3540">
        <v>7630</v>
      </c>
      <c r="J3540" t="s">
        <v>714</v>
      </c>
      <c r="K3540">
        <v>52</v>
      </c>
      <c r="L3540" t="s">
        <v>2706</v>
      </c>
      <c r="M3540">
        <v>1946</v>
      </c>
      <c r="N3540" t="s">
        <v>654</v>
      </c>
      <c r="O3540">
        <v>3</v>
      </c>
      <c r="P3540" t="s">
        <v>655</v>
      </c>
      <c r="Q3540">
        <v>1</v>
      </c>
      <c r="R3540" t="s">
        <v>656</v>
      </c>
      <c r="S3540">
        <v>2</v>
      </c>
      <c r="T3540" t="s">
        <v>661</v>
      </c>
      <c r="U3540">
        <v>8</v>
      </c>
      <c r="V3540">
        <v>2</v>
      </c>
      <c r="W3540">
        <v>120</v>
      </c>
      <c r="X3540">
        <v>2020</v>
      </c>
    </row>
    <row r="3541" spans="1:24" x14ac:dyDescent="0.25">
      <c r="A3541">
        <v>7472</v>
      </c>
      <c r="B3541" t="s">
        <v>112</v>
      </c>
      <c r="C3541">
        <v>29</v>
      </c>
      <c r="D3541" t="s">
        <v>521</v>
      </c>
      <c r="E3541">
        <v>226</v>
      </c>
      <c r="F3541" t="s">
        <v>651</v>
      </c>
      <c r="G3541">
        <v>160</v>
      </c>
      <c r="H3541" t="s">
        <v>719</v>
      </c>
      <c r="I3541">
        <v>7630</v>
      </c>
      <c r="J3541" t="s">
        <v>714</v>
      </c>
      <c r="K3541">
        <v>52</v>
      </c>
      <c r="L3541" t="s">
        <v>2707</v>
      </c>
      <c r="M3541">
        <v>595</v>
      </c>
      <c r="N3541" t="s">
        <v>654</v>
      </c>
      <c r="O3541">
        <v>3</v>
      </c>
      <c r="P3541" t="s">
        <v>655</v>
      </c>
      <c r="Q3541">
        <v>1</v>
      </c>
      <c r="R3541" t="s">
        <v>656</v>
      </c>
      <c r="S3541">
        <v>2</v>
      </c>
      <c r="T3541" t="s">
        <v>661</v>
      </c>
      <c r="U3541">
        <v>8</v>
      </c>
      <c r="V3541">
        <v>2</v>
      </c>
      <c r="W3541">
        <v>120</v>
      </c>
      <c r="X3541">
        <v>2020</v>
      </c>
    </row>
    <row r="3542" spans="1:24" x14ac:dyDescent="0.25">
      <c r="A3542">
        <v>7471</v>
      </c>
      <c r="B3542" t="s">
        <v>112</v>
      </c>
      <c r="C3542">
        <v>29</v>
      </c>
      <c r="D3542" t="s">
        <v>521</v>
      </c>
      <c r="E3542">
        <v>226</v>
      </c>
      <c r="F3542" t="s">
        <v>651</v>
      </c>
      <c r="G3542">
        <v>160</v>
      </c>
      <c r="H3542" t="s">
        <v>719</v>
      </c>
      <c r="I3542">
        <v>7630</v>
      </c>
      <c r="J3542" t="s">
        <v>714</v>
      </c>
      <c r="K3542">
        <v>52</v>
      </c>
      <c r="L3542" t="s">
        <v>2708</v>
      </c>
      <c r="M3542">
        <v>1945</v>
      </c>
      <c r="N3542" t="s">
        <v>654</v>
      </c>
      <c r="O3542">
        <v>3</v>
      </c>
      <c r="P3542" t="s">
        <v>655</v>
      </c>
      <c r="Q3542">
        <v>1</v>
      </c>
      <c r="R3542" t="s">
        <v>656</v>
      </c>
      <c r="S3542">
        <v>2</v>
      </c>
      <c r="T3542" t="s">
        <v>661</v>
      </c>
      <c r="U3542">
        <v>8</v>
      </c>
      <c r="V3542">
        <v>2</v>
      </c>
      <c r="W3542">
        <v>120</v>
      </c>
      <c r="X3542">
        <v>2020</v>
      </c>
    </row>
    <row r="3543" spans="1:24" x14ac:dyDescent="0.25">
      <c r="A3543">
        <v>7470</v>
      </c>
      <c r="B3543" t="s">
        <v>112</v>
      </c>
      <c r="C3543">
        <v>29</v>
      </c>
      <c r="D3543" t="s">
        <v>522</v>
      </c>
      <c r="E3543">
        <v>225</v>
      </c>
      <c r="F3543" t="s">
        <v>651</v>
      </c>
      <c r="G3543">
        <v>160</v>
      </c>
      <c r="H3543" t="s">
        <v>719</v>
      </c>
      <c r="I3543">
        <v>7630</v>
      </c>
      <c r="J3543" t="s">
        <v>710</v>
      </c>
      <c r="K3543">
        <v>53</v>
      </c>
      <c r="L3543" t="s">
        <v>2709</v>
      </c>
      <c r="M3543">
        <v>1944</v>
      </c>
      <c r="N3543" t="s">
        <v>654</v>
      </c>
      <c r="O3543">
        <v>3</v>
      </c>
      <c r="P3543" t="s">
        <v>655</v>
      </c>
      <c r="Q3543">
        <v>1</v>
      </c>
      <c r="R3543" t="s">
        <v>656</v>
      </c>
      <c r="S3543">
        <v>2</v>
      </c>
      <c r="T3543" t="s">
        <v>661</v>
      </c>
      <c r="U3543">
        <v>8</v>
      </c>
      <c r="V3543">
        <v>2</v>
      </c>
      <c r="W3543">
        <v>120</v>
      </c>
      <c r="X3543">
        <v>2020</v>
      </c>
    </row>
    <row r="3544" spans="1:24" x14ac:dyDescent="0.25">
      <c r="A3544">
        <v>7469</v>
      </c>
      <c r="B3544" t="s">
        <v>112</v>
      </c>
      <c r="C3544">
        <v>29</v>
      </c>
      <c r="D3544" t="s">
        <v>522</v>
      </c>
      <c r="E3544">
        <v>225</v>
      </c>
      <c r="F3544" t="s">
        <v>651</v>
      </c>
      <c r="G3544">
        <v>160</v>
      </c>
      <c r="H3544" t="s">
        <v>719</v>
      </c>
      <c r="I3544">
        <v>7630</v>
      </c>
      <c r="J3544" t="s">
        <v>710</v>
      </c>
      <c r="K3544">
        <v>53</v>
      </c>
      <c r="L3544" t="s">
        <v>2710</v>
      </c>
      <c r="M3544">
        <v>1943</v>
      </c>
      <c r="N3544" t="s">
        <v>654</v>
      </c>
      <c r="O3544">
        <v>3</v>
      </c>
      <c r="P3544" t="s">
        <v>655</v>
      </c>
      <c r="Q3544">
        <v>1</v>
      </c>
      <c r="R3544" t="s">
        <v>656</v>
      </c>
      <c r="S3544">
        <v>2</v>
      </c>
      <c r="T3544" t="s">
        <v>661</v>
      </c>
      <c r="U3544">
        <v>8</v>
      </c>
      <c r="V3544">
        <v>2</v>
      </c>
      <c r="W3544">
        <v>120</v>
      </c>
      <c r="X3544">
        <v>2020</v>
      </c>
    </row>
    <row r="3545" spans="1:24" x14ac:dyDescent="0.25">
      <c r="A3545">
        <v>7468</v>
      </c>
      <c r="B3545" t="s">
        <v>112</v>
      </c>
      <c r="C3545">
        <v>29</v>
      </c>
      <c r="D3545" t="s">
        <v>522</v>
      </c>
      <c r="E3545">
        <v>225</v>
      </c>
      <c r="F3545" t="s">
        <v>651</v>
      </c>
      <c r="G3545">
        <v>160</v>
      </c>
      <c r="H3545" t="s">
        <v>719</v>
      </c>
      <c r="I3545">
        <v>7630</v>
      </c>
      <c r="J3545" t="s">
        <v>710</v>
      </c>
      <c r="K3545">
        <v>53</v>
      </c>
      <c r="L3545" t="s">
        <v>2711</v>
      </c>
      <c r="M3545">
        <v>1942</v>
      </c>
      <c r="N3545" t="s">
        <v>654</v>
      </c>
      <c r="O3545">
        <v>3</v>
      </c>
      <c r="P3545" t="s">
        <v>655</v>
      </c>
      <c r="Q3545">
        <v>1</v>
      </c>
      <c r="R3545" t="s">
        <v>656</v>
      </c>
      <c r="S3545">
        <v>2</v>
      </c>
      <c r="T3545" t="s">
        <v>661</v>
      </c>
      <c r="U3545">
        <v>8</v>
      </c>
      <c r="V3545">
        <v>2</v>
      </c>
      <c r="W3545">
        <v>120</v>
      </c>
      <c r="X3545">
        <v>2020</v>
      </c>
    </row>
    <row r="3546" spans="1:24" x14ac:dyDescent="0.25">
      <c r="A3546">
        <v>7466</v>
      </c>
      <c r="B3546" t="s">
        <v>112</v>
      </c>
      <c r="C3546">
        <v>29</v>
      </c>
      <c r="D3546" t="s">
        <v>522</v>
      </c>
      <c r="E3546">
        <v>225</v>
      </c>
      <c r="F3546" t="s">
        <v>651</v>
      </c>
      <c r="G3546">
        <v>160</v>
      </c>
      <c r="H3546" t="s">
        <v>719</v>
      </c>
      <c r="I3546">
        <v>7630</v>
      </c>
      <c r="J3546" t="s">
        <v>710</v>
      </c>
      <c r="K3546">
        <v>53</v>
      </c>
      <c r="L3546" t="s">
        <v>2712</v>
      </c>
      <c r="M3546">
        <v>1940</v>
      </c>
      <c r="N3546" t="s">
        <v>654</v>
      </c>
      <c r="O3546">
        <v>3</v>
      </c>
      <c r="P3546" t="s">
        <v>655</v>
      </c>
      <c r="Q3546">
        <v>1</v>
      </c>
      <c r="R3546" t="s">
        <v>656</v>
      </c>
      <c r="S3546">
        <v>2</v>
      </c>
      <c r="T3546" t="s">
        <v>661</v>
      </c>
      <c r="U3546">
        <v>8</v>
      </c>
      <c r="V3546">
        <v>2</v>
      </c>
      <c r="W3546">
        <v>120</v>
      </c>
      <c r="X3546">
        <v>2020</v>
      </c>
    </row>
    <row r="3547" spans="1:24" x14ac:dyDescent="0.25">
      <c r="A3547">
        <v>7465</v>
      </c>
      <c r="B3547" t="s">
        <v>112</v>
      </c>
      <c r="C3547">
        <v>29</v>
      </c>
      <c r="D3547" t="s">
        <v>522</v>
      </c>
      <c r="E3547">
        <v>225</v>
      </c>
      <c r="F3547" t="s">
        <v>651</v>
      </c>
      <c r="G3547">
        <v>160</v>
      </c>
      <c r="H3547" t="s">
        <v>719</v>
      </c>
      <c r="I3547">
        <v>7630</v>
      </c>
      <c r="J3547" t="s">
        <v>710</v>
      </c>
      <c r="K3547">
        <v>53</v>
      </c>
      <c r="L3547" t="s">
        <v>2713</v>
      </c>
      <c r="M3547">
        <v>1939</v>
      </c>
      <c r="N3547" t="s">
        <v>654</v>
      </c>
      <c r="O3547">
        <v>3</v>
      </c>
      <c r="P3547" t="s">
        <v>655</v>
      </c>
      <c r="Q3547">
        <v>1</v>
      </c>
      <c r="R3547" t="s">
        <v>656</v>
      </c>
      <c r="S3547">
        <v>2</v>
      </c>
      <c r="T3547" t="s">
        <v>661</v>
      </c>
      <c r="U3547">
        <v>8</v>
      </c>
      <c r="V3547">
        <v>2</v>
      </c>
      <c r="W3547">
        <v>120</v>
      </c>
      <c r="X3547">
        <v>2020</v>
      </c>
    </row>
    <row r="3548" spans="1:24" x14ac:dyDescent="0.25">
      <c r="A3548">
        <v>7464</v>
      </c>
      <c r="B3548" t="s">
        <v>112</v>
      </c>
      <c r="C3548">
        <v>29</v>
      </c>
      <c r="D3548" t="s">
        <v>465</v>
      </c>
      <c r="E3548">
        <v>228</v>
      </c>
      <c r="F3548" t="s">
        <v>651</v>
      </c>
      <c r="G3548">
        <v>160</v>
      </c>
      <c r="H3548" t="s">
        <v>719</v>
      </c>
      <c r="I3548">
        <v>7630</v>
      </c>
      <c r="J3548" t="s">
        <v>738</v>
      </c>
      <c r="K3548">
        <v>61</v>
      </c>
      <c r="L3548" t="s">
        <v>2714</v>
      </c>
      <c r="M3548">
        <v>1938</v>
      </c>
      <c r="N3548" t="s">
        <v>654</v>
      </c>
      <c r="O3548">
        <v>3</v>
      </c>
      <c r="P3548" t="s">
        <v>655</v>
      </c>
      <c r="Q3548">
        <v>1</v>
      </c>
      <c r="R3548" t="s">
        <v>656</v>
      </c>
      <c r="S3548">
        <v>2</v>
      </c>
      <c r="T3548" t="s">
        <v>661</v>
      </c>
      <c r="U3548">
        <v>8</v>
      </c>
      <c r="V3548">
        <v>2</v>
      </c>
      <c r="W3548">
        <v>120</v>
      </c>
      <c r="X3548">
        <v>2020</v>
      </c>
    </row>
    <row r="3549" spans="1:24" x14ac:dyDescent="0.25">
      <c r="A3549">
        <v>7463</v>
      </c>
      <c r="B3549" t="s">
        <v>112</v>
      </c>
      <c r="C3549">
        <v>29</v>
      </c>
      <c r="D3549" t="s">
        <v>519</v>
      </c>
      <c r="E3549">
        <v>229</v>
      </c>
      <c r="F3549" t="s">
        <v>651</v>
      </c>
      <c r="G3549">
        <v>160</v>
      </c>
      <c r="H3549" t="s">
        <v>719</v>
      </c>
      <c r="I3549">
        <v>7630</v>
      </c>
      <c r="J3549" t="s">
        <v>738</v>
      </c>
      <c r="K3549">
        <v>61</v>
      </c>
      <c r="L3549" t="s">
        <v>2715</v>
      </c>
      <c r="M3549">
        <v>1937</v>
      </c>
      <c r="N3549" t="s">
        <v>654</v>
      </c>
      <c r="O3549">
        <v>3</v>
      </c>
      <c r="P3549" t="s">
        <v>655</v>
      </c>
      <c r="Q3549">
        <v>1</v>
      </c>
      <c r="R3549" t="s">
        <v>656</v>
      </c>
      <c r="S3549">
        <v>2</v>
      </c>
      <c r="T3549" t="s">
        <v>661</v>
      </c>
      <c r="U3549">
        <v>8</v>
      </c>
      <c r="V3549">
        <v>2</v>
      </c>
      <c r="W3549">
        <v>120</v>
      </c>
      <c r="X3549">
        <v>2020</v>
      </c>
    </row>
    <row r="3550" spans="1:24" x14ac:dyDescent="0.25">
      <c r="A3550">
        <v>7462</v>
      </c>
      <c r="B3550" t="s">
        <v>112</v>
      </c>
      <c r="C3550">
        <v>29</v>
      </c>
      <c r="D3550" t="s">
        <v>465</v>
      </c>
      <c r="E3550">
        <v>228</v>
      </c>
      <c r="F3550" t="s">
        <v>651</v>
      </c>
      <c r="G3550">
        <v>160</v>
      </c>
      <c r="H3550" t="s">
        <v>719</v>
      </c>
      <c r="I3550">
        <v>7630</v>
      </c>
      <c r="J3550" t="s">
        <v>738</v>
      </c>
      <c r="K3550">
        <v>61</v>
      </c>
      <c r="L3550" t="s">
        <v>2716</v>
      </c>
      <c r="M3550">
        <v>1936</v>
      </c>
      <c r="N3550" t="s">
        <v>654</v>
      </c>
      <c r="O3550">
        <v>3</v>
      </c>
      <c r="P3550" t="s">
        <v>655</v>
      </c>
      <c r="Q3550">
        <v>1</v>
      </c>
      <c r="R3550" t="s">
        <v>656</v>
      </c>
      <c r="S3550">
        <v>2</v>
      </c>
      <c r="T3550" t="s">
        <v>661</v>
      </c>
      <c r="U3550">
        <v>8</v>
      </c>
      <c r="V3550">
        <v>2</v>
      </c>
      <c r="W3550">
        <v>120</v>
      </c>
      <c r="X3550">
        <v>2020</v>
      </c>
    </row>
    <row r="3551" spans="1:24" x14ac:dyDescent="0.25">
      <c r="A3551">
        <v>7461</v>
      </c>
      <c r="B3551" t="s">
        <v>112</v>
      </c>
      <c r="C3551">
        <v>29</v>
      </c>
      <c r="D3551" t="s">
        <v>465</v>
      </c>
      <c r="E3551">
        <v>228</v>
      </c>
      <c r="F3551" t="s">
        <v>651</v>
      </c>
      <c r="G3551">
        <v>160</v>
      </c>
      <c r="H3551" t="s">
        <v>719</v>
      </c>
      <c r="I3551">
        <v>7630</v>
      </c>
      <c r="J3551" t="s">
        <v>738</v>
      </c>
      <c r="K3551">
        <v>61</v>
      </c>
      <c r="L3551" t="s">
        <v>2717</v>
      </c>
      <c r="M3551">
        <v>1935</v>
      </c>
      <c r="N3551" t="s">
        <v>654</v>
      </c>
      <c r="O3551">
        <v>3</v>
      </c>
      <c r="P3551" t="s">
        <v>655</v>
      </c>
      <c r="Q3551">
        <v>1</v>
      </c>
      <c r="R3551" t="s">
        <v>656</v>
      </c>
      <c r="S3551">
        <v>2</v>
      </c>
      <c r="T3551" t="s">
        <v>661</v>
      </c>
      <c r="U3551">
        <v>8</v>
      </c>
      <c r="V3551">
        <v>2</v>
      </c>
      <c r="W3551">
        <v>120</v>
      </c>
      <c r="X3551">
        <v>2020</v>
      </c>
    </row>
    <row r="3552" spans="1:24" x14ac:dyDescent="0.25">
      <c r="A3552">
        <v>7460</v>
      </c>
      <c r="B3552" t="s">
        <v>112</v>
      </c>
      <c r="C3552">
        <v>29</v>
      </c>
      <c r="D3552" t="s">
        <v>465</v>
      </c>
      <c r="E3552">
        <v>228</v>
      </c>
      <c r="F3552" t="s">
        <v>651</v>
      </c>
      <c r="G3552">
        <v>160</v>
      </c>
      <c r="H3552" t="s">
        <v>719</v>
      </c>
      <c r="I3552">
        <v>7630</v>
      </c>
      <c r="J3552" t="s">
        <v>738</v>
      </c>
      <c r="K3552">
        <v>61</v>
      </c>
      <c r="L3552" t="s">
        <v>2718</v>
      </c>
      <c r="M3552">
        <v>1934</v>
      </c>
      <c r="N3552" t="s">
        <v>654</v>
      </c>
      <c r="O3552">
        <v>3</v>
      </c>
      <c r="P3552" t="s">
        <v>655</v>
      </c>
      <c r="Q3552">
        <v>1</v>
      </c>
      <c r="R3552" t="s">
        <v>656</v>
      </c>
      <c r="S3552">
        <v>2</v>
      </c>
      <c r="T3552" t="s">
        <v>661</v>
      </c>
      <c r="U3552">
        <v>8</v>
      </c>
      <c r="V3552">
        <v>2</v>
      </c>
      <c r="W3552">
        <v>120</v>
      </c>
      <c r="X3552">
        <v>2020</v>
      </c>
    </row>
    <row r="3553" spans="1:24" x14ac:dyDescent="0.25">
      <c r="A3553">
        <v>7459</v>
      </c>
      <c r="B3553" t="s">
        <v>112</v>
      </c>
      <c r="C3553">
        <v>29</v>
      </c>
      <c r="D3553" t="s">
        <v>523</v>
      </c>
      <c r="E3553">
        <v>224</v>
      </c>
      <c r="F3553" t="s">
        <v>651</v>
      </c>
      <c r="G3553">
        <v>160</v>
      </c>
      <c r="H3553" t="s">
        <v>719</v>
      </c>
      <c r="I3553">
        <v>7630</v>
      </c>
      <c r="J3553" t="s">
        <v>738</v>
      </c>
      <c r="K3553">
        <v>61</v>
      </c>
      <c r="L3553" t="s">
        <v>2719</v>
      </c>
      <c r="M3553">
        <v>1933</v>
      </c>
      <c r="N3553" t="s">
        <v>654</v>
      </c>
      <c r="O3553">
        <v>3</v>
      </c>
      <c r="P3553" t="s">
        <v>655</v>
      </c>
      <c r="Q3553">
        <v>1</v>
      </c>
      <c r="R3553" t="s">
        <v>656</v>
      </c>
      <c r="S3553">
        <v>2</v>
      </c>
      <c r="T3553" t="s">
        <v>661</v>
      </c>
      <c r="U3553">
        <v>8</v>
      </c>
      <c r="V3553">
        <v>2</v>
      </c>
      <c r="W3553">
        <v>120</v>
      </c>
      <c r="X3553">
        <v>2020</v>
      </c>
    </row>
    <row r="3554" spans="1:24" x14ac:dyDescent="0.25">
      <c r="A3554">
        <v>7458</v>
      </c>
      <c r="B3554" t="s">
        <v>112</v>
      </c>
      <c r="C3554">
        <v>29</v>
      </c>
      <c r="D3554" t="s">
        <v>518</v>
      </c>
      <c r="E3554">
        <v>230</v>
      </c>
      <c r="F3554" t="s">
        <v>651</v>
      </c>
      <c r="G3554">
        <v>160</v>
      </c>
      <c r="H3554" t="s">
        <v>719</v>
      </c>
      <c r="I3554">
        <v>7630</v>
      </c>
      <c r="J3554" t="s">
        <v>693</v>
      </c>
      <c r="K3554">
        <v>56</v>
      </c>
      <c r="L3554" t="s">
        <v>2720</v>
      </c>
      <c r="M3554">
        <v>1932</v>
      </c>
      <c r="N3554" t="s">
        <v>654</v>
      </c>
      <c r="O3554">
        <v>3</v>
      </c>
      <c r="P3554" t="s">
        <v>655</v>
      </c>
      <c r="Q3554">
        <v>1</v>
      </c>
      <c r="R3554" t="s">
        <v>656</v>
      </c>
      <c r="S3554">
        <v>2</v>
      </c>
      <c r="T3554" t="s">
        <v>661</v>
      </c>
      <c r="U3554">
        <v>8</v>
      </c>
      <c r="V3554">
        <v>2</v>
      </c>
      <c r="W3554">
        <v>120</v>
      </c>
      <c r="X3554">
        <v>2020</v>
      </c>
    </row>
    <row r="3555" spans="1:24" x14ac:dyDescent="0.25">
      <c r="A3555">
        <v>7457</v>
      </c>
      <c r="B3555" t="s">
        <v>112</v>
      </c>
      <c r="C3555">
        <v>29</v>
      </c>
      <c r="D3555" t="s">
        <v>519</v>
      </c>
      <c r="E3555">
        <v>229</v>
      </c>
      <c r="F3555" t="s">
        <v>651</v>
      </c>
      <c r="G3555">
        <v>160</v>
      </c>
      <c r="H3555" t="s">
        <v>719</v>
      </c>
      <c r="I3555">
        <v>7630</v>
      </c>
      <c r="J3555" t="s">
        <v>693</v>
      </c>
      <c r="K3555">
        <v>56</v>
      </c>
      <c r="L3555" t="s">
        <v>1884</v>
      </c>
      <c r="M3555">
        <v>632</v>
      </c>
      <c r="N3555" t="s">
        <v>654</v>
      </c>
      <c r="O3555">
        <v>3</v>
      </c>
      <c r="P3555" t="s">
        <v>655</v>
      </c>
      <c r="Q3555">
        <v>1</v>
      </c>
      <c r="R3555" t="s">
        <v>656</v>
      </c>
      <c r="S3555">
        <v>2</v>
      </c>
      <c r="T3555" t="s">
        <v>661</v>
      </c>
      <c r="U3555">
        <v>8</v>
      </c>
      <c r="V3555">
        <v>2</v>
      </c>
      <c r="W3555">
        <v>120</v>
      </c>
      <c r="X3555">
        <v>2020</v>
      </c>
    </row>
    <row r="3556" spans="1:24" x14ac:dyDescent="0.25">
      <c r="A3556">
        <v>7455</v>
      </c>
      <c r="B3556" t="s">
        <v>112</v>
      </c>
      <c r="C3556">
        <v>29</v>
      </c>
      <c r="D3556" t="s">
        <v>518</v>
      </c>
      <c r="E3556">
        <v>230</v>
      </c>
      <c r="F3556" t="s">
        <v>651</v>
      </c>
      <c r="G3556">
        <v>160</v>
      </c>
      <c r="H3556" t="s">
        <v>719</v>
      </c>
      <c r="I3556">
        <v>7630</v>
      </c>
      <c r="J3556" t="s">
        <v>693</v>
      </c>
      <c r="K3556">
        <v>56</v>
      </c>
      <c r="L3556" t="s">
        <v>2721</v>
      </c>
      <c r="M3556">
        <v>1930</v>
      </c>
      <c r="N3556" t="s">
        <v>654</v>
      </c>
      <c r="O3556">
        <v>3</v>
      </c>
      <c r="P3556" t="s">
        <v>655</v>
      </c>
      <c r="Q3556">
        <v>1</v>
      </c>
      <c r="R3556" t="s">
        <v>656</v>
      </c>
      <c r="S3556">
        <v>2</v>
      </c>
      <c r="T3556" t="s">
        <v>661</v>
      </c>
      <c r="U3556">
        <v>8</v>
      </c>
      <c r="V3556">
        <v>2</v>
      </c>
      <c r="W3556">
        <v>120</v>
      </c>
      <c r="X3556">
        <v>2020</v>
      </c>
    </row>
    <row r="3557" spans="1:24" x14ac:dyDescent="0.25">
      <c r="A3557">
        <v>7454</v>
      </c>
      <c r="B3557" t="s">
        <v>112</v>
      </c>
      <c r="C3557">
        <v>29</v>
      </c>
      <c r="D3557" t="s">
        <v>518</v>
      </c>
      <c r="E3557">
        <v>230</v>
      </c>
      <c r="F3557" t="s">
        <v>651</v>
      </c>
      <c r="G3557">
        <v>160</v>
      </c>
      <c r="H3557" t="s">
        <v>719</v>
      </c>
      <c r="I3557">
        <v>7630</v>
      </c>
      <c r="J3557" t="s">
        <v>693</v>
      </c>
      <c r="K3557">
        <v>56</v>
      </c>
      <c r="L3557" t="s">
        <v>2722</v>
      </c>
      <c r="M3557">
        <v>1929</v>
      </c>
      <c r="N3557" t="s">
        <v>654</v>
      </c>
      <c r="O3557">
        <v>3</v>
      </c>
      <c r="P3557" t="s">
        <v>655</v>
      </c>
      <c r="Q3557">
        <v>1</v>
      </c>
      <c r="R3557" t="s">
        <v>656</v>
      </c>
      <c r="S3557">
        <v>2</v>
      </c>
      <c r="T3557" t="s">
        <v>661</v>
      </c>
      <c r="U3557">
        <v>8</v>
      </c>
      <c r="V3557">
        <v>2</v>
      </c>
      <c r="W3557">
        <v>120</v>
      </c>
      <c r="X3557">
        <v>2020</v>
      </c>
    </row>
    <row r="3558" spans="1:24" x14ac:dyDescent="0.25">
      <c r="A3558">
        <v>7453</v>
      </c>
      <c r="B3558" t="s">
        <v>112</v>
      </c>
      <c r="C3558">
        <v>29</v>
      </c>
      <c r="D3558" t="s">
        <v>518</v>
      </c>
      <c r="E3558">
        <v>230</v>
      </c>
      <c r="F3558" t="s">
        <v>651</v>
      </c>
      <c r="G3558">
        <v>160</v>
      </c>
      <c r="H3558" t="s">
        <v>719</v>
      </c>
      <c r="I3558">
        <v>7630</v>
      </c>
      <c r="J3558" t="s">
        <v>693</v>
      </c>
      <c r="K3558">
        <v>56</v>
      </c>
      <c r="L3558" t="s">
        <v>2723</v>
      </c>
      <c r="M3558">
        <v>1928</v>
      </c>
      <c r="N3558" t="s">
        <v>654</v>
      </c>
      <c r="O3558">
        <v>3</v>
      </c>
      <c r="P3558" t="s">
        <v>655</v>
      </c>
      <c r="Q3558">
        <v>1</v>
      </c>
      <c r="R3558" t="s">
        <v>656</v>
      </c>
      <c r="S3558">
        <v>2</v>
      </c>
      <c r="T3558" t="s">
        <v>661</v>
      </c>
      <c r="U3558">
        <v>8</v>
      </c>
      <c r="V3558">
        <v>2</v>
      </c>
      <c r="W3558">
        <v>120</v>
      </c>
      <c r="X3558">
        <v>2020</v>
      </c>
    </row>
    <row r="3559" spans="1:24" x14ac:dyDescent="0.25">
      <c r="A3559">
        <v>7450</v>
      </c>
      <c r="B3559" t="s">
        <v>112</v>
      </c>
      <c r="C3559">
        <v>29</v>
      </c>
      <c r="D3559" t="s">
        <v>518</v>
      </c>
      <c r="E3559">
        <v>230</v>
      </c>
      <c r="F3559" t="s">
        <v>651</v>
      </c>
      <c r="G3559">
        <v>160</v>
      </c>
      <c r="H3559" t="s">
        <v>719</v>
      </c>
      <c r="I3559">
        <v>7630</v>
      </c>
      <c r="J3559" t="s">
        <v>693</v>
      </c>
      <c r="K3559">
        <v>56</v>
      </c>
      <c r="L3559" t="s">
        <v>2724</v>
      </c>
      <c r="M3559">
        <v>1926</v>
      </c>
      <c r="N3559" t="s">
        <v>654</v>
      </c>
      <c r="O3559">
        <v>3</v>
      </c>
      <c r="P3559" t="s">
        <v>655</v>
      </c>
      <c r="Q3559">
        <v>1</v>
      </c>
      <c r="R3559" t="s">
        <v>656</v>
      </c>
      <c r="S3559">
        <v>2</v>
      </c>
      <c r="T3559" t="s">
        <v>661</v>
      </c>
      <c r="U3559">
        <v>8</v>
      </c>
      <c r="V3559">
        <v>2</v>
      </c>
      <c r="W3559">
        <v>120</v>
      </c>
      <c r="X3559">
        <v>2020</v>
      </c>
    </row>
    <row r="3560" spans="1:24" x14ac:dyDescent="0.25">
      <c r="A3560">
        <v>7449</v>
      </c>
      <c r="B3560" t="s">
        <v>112</v>
      </c>
      <c r="C3560">
        <v>29</v>
      </c>
      <c r="D3560" t="s">
        <v>523</v>
      </c>
      <c r="E3560">
        <v>224</v>
      </c>
      <c r="F3560" t="s">
        <v>651</v>
      </c>
      <c r="G3560">
        <v>160</v>
      </c>
      <c r="H3560" t="s">
        <v>719</v>
      </c>
      <c r="I3560">
        <v>7630</v>
      </c>
      <c r="J3560" t="s">
        <v>693</v>
      </c>
      <c r="K3560">
        <v>56</v>
      </c>
      <c r="L3560" t="s">
        <v>1879</v>
      </c>
      <c r="M3560">
        <v>1348</v>
      </c>
      <c r="N3560" t="s">
        <v>654</v>
      </c>
      <c r="O3560">
        <v>3</v>
      </c>
      <c r="P3560" t="s">
        <v>655</v>
      </c>
      <c r="Q3560">
        <v>1</v>
      </c>
      <c r="R3560" t="s">
        <v>656</v>
      </c>
      <c r="S3560">
        <v>2</v>
      </c>
      <c r="T3560" t="s">
        <v>661</v>
      </c>
      <c r="U3560">
        <v>8</v>
      </c>
      <c r="V3560">
        <v>2</v>
      </c>
      <c r="W3560">
        <v>120</v>
      </c>
      <c r="X3560">
        <v>2020</v>
      </c>
    </row>
    <row r="3561" spans="1:24" x14ac:dyDescent="0.25">
      <c r="A3561">
        <v>7448</v>
      </c>
      <c r="B3561" t="s">
        <v>112</v>
      </c>
      <c r="C3561">
        <v>29</v>
      </c>
      <c r="D3561" t="s">
        <v>523</v>
      </c>
      <c r="E3561">
        <v>224</v>
      </c>
      <c r="F3561" t="s">
        <v>651</v>
      </c>
      <c r="G3561">
        <v>160</v>
      </c>
      <c r="H3561" t="s">
        <v>719</v>
      </c>
      <c r="I3561">
        <v>7630</v>
      </c>
      <c r="J3561" t="s">
        <v>693</v>
      </c>
      <c r="K3561">
        <v>56</v>
      </c>
      <c r="L3561" t="s">
        <v>2725</v>
      </c>
      <c r="M3561">
        <v>1925</v>
      </c>
      <c r="N3561" t="s">
        <v>654</v>
      </c>
      <c r="O3561">
        <v>3</v>
      </c>
      <c r="P3561" t="s">
        <v>655</v>
      </c>
      <c r="Q3561">
        <v>1</v>
      </c>
      <c r="R3561" t="s">
        <v>656</v>
      </c>
      <c r="S3561">
        <v>2</v>
      </c>
      <c r="T3561" t="s">
        <v>661</v>
      </c>
      <c r="U3561">
        <v>8</v>
      </c>
      <c r="V3561">
        <v>2</v>
      </c>
      <c r="W3561">
        <v>120</v>
      </c>
      <c r="X3561">
        <v>2020</v>
      </c>
    </row>
    <row r="3562" spans="1:24" x14ac:dyDescent="0.25">
      <c r="A3562">
        <v>7447</v>
      </c>
      <c r="B3562" t="s">
        <v>112</v>
      </c>
      <c r="C3562">
        <v>29</v>
      </c>
      <c r="D3562" t="s">
        <v>523</v>
      </c>
      <c r="E3562">
        <v>224</v>
      </c>
      <c r="F3562" t="s">
        <v>651</v>
      </c>
      <c r="G3562">
        <v>160</v>
      </c>
      <c r="H3562" t="s">
        <v>719</v>
      </c>
      <c r="I3562">
        <v>7630</v>
      </c>
      <c r="J3562" t="s">
        <v>693</v>
      </c>
      <c r="K3562">
        <v>56</v>
      </c>
      <c r="L3562" t="s">
        <v>2726</v>
      </c>
      <c r="M3562">
        <v>1924</v>
      </c>
      <c r="N3562" t="s">
        <v>654</v>
      </c>
      <c r="O3562">
        <v>3</v>
      </c>
      <c r="P3562" t="s">
        <v>655</v>
      </c>
      <c r="Q3562">
        <v>1</v>
      </c>
      <c r="R3562" t="s">
        <v>656</v>
      </c>
      <c r="S3562">
        <v>2</v>
      </c>
      <c r="T3562" t="s">
        <v>661</v>
      </c>
      <c r="U3562">
        <v>8</v>
      </c>
      <c r="V3562">
        <v>2</v>
      </c>
      <c r="W3562">
        <v>120</v>
      </c>
      <c r="X3562">
        <v>2020</v>
      </c>
    </row>
    <row r="3563" spans="1:24" x14ac:dyDescent="0.25">
      <c r="A3563">
        <v>7446</v>
      </c>
      <c r="B3563" t="s">
        <v>112</v>
      </c>
      <c r="C3563">
        <v>29</v>
      </c>
      <c r="D3563" t="s">
        <v>523</v>
      </c>
      <c r="E3563">
        <v>224</v>
      </c>
      <c r="F3563" t="s">
        <v>651</v>
      </c>
      <c r="G3563">
        <v>160</v>
      </c>
      <c r="H3563" t="s">
        <v>719</v>
      </c>
      <c r="I3563">
        <v>7630</v>
      </c>
      <c r="J3563" t="s">
        <v>693</v>
      </c>
      <c r="K3563">
        <v>56</v>
      </c>
      <c r="L3563" t="s">
        <v>1235</v>
      </c>
      <c r="M3563">
        <v>1923</v>
      </c>
      <c r="N3563" t="s">
        <v>654</v>
      </c>
      <c r="O3563">
        <v>3</v>
      </c>
      <c r="P3563" t="s">
        <v>655</v>
      </c>
      <c r="Q3563">
        <v>1</v>
      </c>
      <c r="R3563" t="s">
        <v>656</v>
      </c>
      <c r="S3563">
        <v>2</v>
      </c>
      <c r="T3563" t="s">
        <v>661</v>
      </c>
      <c r="U3563">
        <v>8</v>
      </c>
      <c r="V3563">
        <v>2</v>
      </c>
      <c r="W3563">
        <v>120</v>
      </c>
      <c r="X3563">
        <v>2020</v>
      </c>
    </row>
    <row r="3564" spans="1:24" x14ac:dyDescent="0.25">
      <c r="A3564">
        <v>7445</v>
      </c>
      <c r="B3564" t="s">
        <v>112</v>
      </c>
      <c r="C3564">
        <v>29</v>
      </c>
      <c r="D3564" t="s">
        <v>523</v>
      </c>
      <c r="E3564">
        <v>224</v>
      </c>
      <c r="F3564" t="s">
        <v>651</v>
      </c>
      <c r="G3564">
        <v>160</v>
      </c>
      <c r="H3564" t="s">
        <v>719</v>
      </c>
      <c r="I3564">
        <v>7630</v>
      </c>
      <c r="J3564" t="s">
        <v>693</v>
      </c>
      <c r="K3564">
        <v>56</v>
      </c>
      <c r="L3564" t="s">
        <v>2727</v>
      </c>
      <c r="M3564">
        <v>1922</v>
      </c>
      <c r="N3564" t="s">
        <v>654</v>
      </c>
      <c r="O3564">
        <v>3</v>
      </c>
      <c r="P3564" t="s">
        <v>655</v>
      </c>
      <c r="Q3564">
        <v>1</v>
      </c>
      <c r="R3564" t="s">
        <v>656</v>
      </c>
      <c r="S3564">
        <v>2</v>
      </c>
      <c r="T3564" t="s">
        <v>661</v>
      </c>
      <c r="U3564">
        <v>8</v>
      </c>
      <c r="V3564">
        <v>2</v>
      </c>
      <c r="W3564">
        <v>120</v>
      </c>
      <c r="X3564">
        <v>2020</v>
      </c>
    </row>
    <row r="3565" spans="1:24" x14ac:dyDescent="0.25">
      <c r="A3565">
        <v>7444</v>
      </c>
      <c r="B3565" t="s">
        <v>112</v>
      </c>
      <c r="C3565">
        <v>29</v>
      </c>
      <c r="D3565" t="s">
        <v>524</v>
      </c>
      <c r="E3565">
        <v>223</v>
      </c>
      <c r="F3565" t="s">
        <v>651</v>
      </c>
      <c r="G3565">
        <v>160</v>
      </c>
      <c r="H3565" t="s">
        <v>719</v>
      </c>
      <c r="I3565">
        <v>7630</v>
      </c>
      <c r="J3565" t="s">
        <v>1022</v>
      </c>
      <c r="K3565">
        <v>85</v>
      </c>
      <c r="L3565" t="s">
        <v>2728</v>
      </c>
      <c r="M3565">
        <v>1921</v>
      </c>
      <c r="N3565" t="s">
        <v>654</v>
      </c>
      <c r="O3565">
        <v>3</v>
      </c>
      <c r="P3565" t="s">
        <v>655</v>
      </c>
      <c r="Q3565">
        <v>1</v>
      </c>
      <c r="R3565" t="s">
        <v>656</v>
      </c>
      <c r="S3565">
        <v>2</v>
      </c>
      <c r="T3565" t="s">
        <v>661</v>
      </c>
      <c r="U3565">
        <v>8</v>
      </c>
      <c r="V3565">
        <v>2</v>
      </c>
      <c r="W3565">
        <v>120</v>
      </c>
      <c r="X3565">
        <v>2020</v>
      </c>
    </row>
    <row r="3566" spans="1:24" x14ac:dyDescent="0.25">
      <c r="A3566">
        <v>7443</v>
      </c>
      <c r="B3566" t="s">
        <v>112</v>
      </c>
      <c r="C3566">
        <v>29</v>
      </c>
      <c r="D3566" t="s">
        <v>520</v>
      </c>
      <c r="E3566">
        <v>227</v>
      </c>
      <c r="F3566" t="s">
        <v>651</v>
      </c>
      <c r="G3566">
        <v>160</v>
      </c>
      <c r="H3566" t="s">
        <v>719</v>
      </c>
      <c r="I3566">
        <v>7630</v>
      </c>
      <c r="J3566" t="s">
        <v>1022</v>
      </c>
      <c r="K3566">
        <v>85</v>
      </c>
      <c r="L3566" t="s">
        <v>2729</v>
      </c>
      <c r="M3566">
        <v>1920</v>
      </c>
      <c r="N3566" t="s">
        <v>654</v>
      </c>
      <c r="O3566">
        <v>3</v>
      </c>
      <c r="P3566" t="s">
        <v>655</v>
      </c>
      <c r="Q3566">
        <v>1</v>
      </c>
      <c r="R3566" t="s">
        <v>656</v>
      </c>
      <c r="S3566">
        <v>2</v>
      </c>
      <c r="T3566" t="s">
        <v>661</v>
      </c>
      <c r="U3566">
        <v>8</v>
      </c>
      <c r="V3566">
        <v>2</v>
      </c>
      <c r="W3566">
        <v>120</v>
      </c>
      <c r="X3566">
        <v>2020</v>
      </c>
    </row>
    <row r="3567" spans="1:24" x14ac:dyDescent="0.25">
      <c r="A3567">
        <v>7442</v>
      </c>
      <c r="B3567" t="s">
        <v>112</v>
      </c>
      <c r="C3567">
        <v>29</v>
      </c>
      <c r="D3567" t="s">
        <v>520</v>
      </c>
      <c r="E3567">
        <v>227</v>
      </c>
      <c r="F3567" t="s">
        <v>651</v>
      </c>
      <c r="G3567">
        <v>160</v>
      </c>
      <c r="H3567" t="s">
        <v>719</v>
      </c>
      <c r="I3567">
        <v>7630</v>
      </c>
      <c r="J3567" t="s">
        <v>1022</v>
      </c>
      <c r="K3567">
        <v>85</v>
      </c>
      <c r="L3567" t="s">
        <v>2730</v>
      </c>
      <c r="M3567">
        <v>1919</v>
      </c>
      <c r="N3567" t="s">
        <v>654</v>
      </c>
      <c r="O3567">
        <v>3</v>
      </c>
      <c r="P3567" t="s">
        <v>655</v>
      </c>
      <c r="Q3567">
        <v>1</v>
      </c>
      <c r="R3567" t="s">
        <v>656</v>
      </c>
      <c r="S3567">
        <v>2</v>
      </c>
      <c r="T3567" t="s">
        <v>661</v>
      </c>
      <c r="U3567">
        <v>8</v>
      </c>
      <c r="V3567">
        <v>2</v>
      </c>
      <c r="W3567">
        <v>120</v>
      </c>
      <c r="X3567">
        <v>2020</v>
      </c>
    </row>
    <row r="3568" spans="1:24" x14ac:dyDescent="0.25">
      <c r="A3568">
        <v>7441</v>
      </c>
      <c r="B3568" t="s">
        <v>112</v>
      </c>
      <c r="C3568">
        <v>29</v>
      </c>
      <c r="D3568" t="s">
        <v>524</v>
      </c>
      <c r="E3568">
        <v>223</v>
      </c>
      <c r="F3568" t="s">
        <v>651</v>
      </c>
      <c r="G3568">
        <v>160</v>
      </c>
      <c r="H3568" t="s">
        <v>719</v>
      </c>
      <c r="I3568">
        <v>7630</v>
      </c>
      <c r="J3568" t="s">
        <v>1022</v>
      </c>
      <c r="K3568">
        <v>85</v>
      </c>
      <c r="L3568" t="s">
        <v>2731</v>
      </c>
      <c r="M3568">
        <v>1918</v>
      </c>
      <c r="N3568" t="s">
        <v>654</v>
      </c>
      <c r="O3568">
        <v>3</v>
      </c>
      <c r="P3568" t="s">
        <v>655</v>
      </c>
      <c r="Q3568">
        <v>1</v>
      </c>
      <c r="R3568" t="s">
        <v>656</v>
      </c>
      <c r="S3568">
        <v>2</v>
      </c>
      <c r="T3568" t="s">
        <v>661</v>
      </c>
      <c r="U3568">
        <v>8</v>
      </c>
      <c r="V3568">
        <v>2</v>
      </c>
      <c r="W3568">
        <v>120</v>
      </c>
      <c r="X3568">
        <v>2020</v>
      </c>
    </row>
    <row r="3569" spans="1:24" x14ac:dyDescent="0.25">
      <c r="A3569">
        <v>7440</v>
      </c>
      <c r="B3569" t="s">
        <v>112</v>
      </c>
      <c r="C3569">
        <v>29</v>
      </c>
      <c r="D3569" t="s">
        <v>524</v>
      </c>
      <c r="E3569">
        <v>223</v>
      </c>
      <c r="F3569" t="s">
        <v>651</v>
      </c>
      <c r="G3569">
        <v>160</v>
      </c>
      <c r="H3569" t="s">
        <v>719</v>
      </c>
      <c r="I3569">
        <v>7630</v>
      </c>
      <c r="J3569" t="s">
        <v>1022</v>
      </c>
      <c r="K3569">
        <v>85</v>
      </c>
      <c r="L3569" t="s">
        <v>2732</v>
      </c>
      <c r="M3569">
        <v>707</v>
      </c>
      <c r="N3569" t="s">
        <v>654</v>
      </c>
      <c r="O3569">
        <v>3</v>
      </c>
      <c r="P3569" t="s">
        <v>655</v>
      </c>
      <c r="Q3569">
        <v>1</v>
      </c>
      <c r="R3569" t="s">
        <v>656</v>
      </c>
      <c r="S3569">
        <v>2</v>
      </c>
      <c r="T3569" t="s">
        <v>661</v>
      </c>
      <c r="U3569">
        <v>8</v>
      </c>
      <c r="V3569">
        <v>2</v>
      </c>
      <c r="W3569">
        <v>120</v>
      </c>
      <c r="X3569">
        <v>2020</v>
      </c>
    </row>
    <row r="3570" spans="1:24" x14ac:dyDescent="0.25">
      <c r="A3570">
        <v>7439</v>
      </c>
      <c r="B3570" t="s">
        <v>112</v>
      </c>
      <c r="C3570">
        <v>29</v>
      </c>
      <c r="D3570" t="s">
        <v>524</v>
      </c>
      <c r="E3570">
        <v>223</v>
      </c>
      <c r="F3570" t="s">
        <v>651</v>
      </c>
      <c r="G3570">
        <v>160</v>
      </c>
      <c r="H3570" t="s">
        <v>719</v>
      </c>
      <c r="I3570">
        <v>7630</v>
      </c>
      <c r="J3570" t="s">
        <v>1022</v>
      </c>
      <c r="K3570">
        <v>85</v>
      </c>
      <c r="L3570" t="s">
        <v>2733</v>
      </c>
      <c r="M3570">
        <v>1917</v>
      </c>
      <c r="N3570" t="s">
        <v>654</v>
      </c>
      <c r="O3570">
        <v>3</v>
      </c>
      <c r="P3570" t="s">
        <v>655</v>
      </c>
      <c r="Q3570">
        <v>1</v>
      </c>
      <c r="R3570" t="s">
        <v>656</v>
      </c>
      <c r="S3570">
        <v>2</v>
      </c>
      <c r="T3570" t="s">
        <v>661</v>
      </c>
      <c r="U3570">
        <v>8</v>
      </c>
      <c r="V3570">
        <v>2</v>
      </c>
      <c r="W3570">
        <v>120</v>
      </c>
      <c r="X3570">
        <v>2020</v>
      </c>
    </row>
    <row r="3571" spans="1:24" x14ac:dyDescent="0.25">
      <c r="A3571">
        <v>7438</v>
      </c>
      <c r="B3571" t="s">
        <v>112</v>
      </c>
      <c r="C3571">
        <v>29</v>
      </c>
      <c r="D3571" t="s">
        <v>524</v>
      </c>
      <c r="E3571">
        <v>223</v>
      </c>
      <c r="F3571" t="s">
        <v>651</v>
      </c>
      <c r="G3571">
        <v>160</v>
      </c>
      <c r="H3571" t="s">
        <v>719</v>
      </c>
      <c r="I3571">
        <v>7630</v>
      </c>
      <c r="J3571" t="s">
        <v>1022</v>
      </c>
      <c r="K3571">
        <v>85</v>
      </c>
      <c r="L3571" t="s">
        <v>2734</v>
      </c>
      <c r="M3571">
        <v>1916</v>
      </c>
      <c r="N3571" t="s">
        <v>654</v>
      </c>
      <c r="O3571">
        <v>3</v>
      </c>
      <c r="P3571" t="s">
        <v>655</v>
      </c>
      <c r="Q3571">
        <v>1</v>
      </c>
      <c r="R3571" t="s">
        <v>656</v>
      </c>
      <c r="S3571">
        <v>2</v>
      </c>
      <c r="T3571" t="s">
        <v>661</v>
      </c>
      <c r="U3571">
        <v>8</v>
      </c>
      <c r="V3571">
        <v>2</v>
      </c>
      <c r="W3571">
        <v>120</v>
      </c>
      <c r="X3571">
        <v>2020</v>
      </c>
    </row>
    <row r="3572" spans="1:24" x14ac:dyDescent="0.25">
      <c r="A3572">
        <v>7437</v>
      </c>
      <c r="B3572" t="s">
        <v>112</v>
      </c>
      <c r="C3572">
        <v>29</v>
      </c>
      <c r="D3572" t="s">
        <v>524</v>
      </c>
      <c r="E3572">
        <v>223</v>
      </c>
      <c r="F3572" t="s">
        <v>651</v>
      </c>
      <c r="G3572">
        <v>160</v>
      </c>
      <c r="H3572" t="s">
        <v>719</v>
      </c>
      <c r="I3572">
        <v>7630</v>
      </c>
      <c r="J3572" t="s">
        <v>1022</v>
      </c>
      <c r="K3572">
        <v>85</v>
      </c>
      <c r="L3572" t="s">
        <v>2735</v>
      </c>
      <c r="M3572">
        <v>1915</v>
      </c>
      <c r="N3572" t="s">
        <v>654</v>
      </c>
      <c r="O3572">
        <v>3</v>
      </c>
      <c r="P3572" t="s">
        <v>655</v>
      </c>
      <c r="Q3572">
        <v>1</v>
      </c>
      <c r="R3572" t="s">
        <v>656</v>
      </c>
      <c r="S3572">
        <v>2</v>
      </c>
      <c r="T3572" t="s">
        <v>661</v>
      </c>
      <c r="U3572">
        <v>8</v>
      </c>
      <c r="V3572">
        <v>2</v>
      </c>
      <c r="W3572">
        <v>120</v>
      </c>
      <c r="X3572">
        <v>2020</v>
      </c>
    </row>
    <row r="3573" spans="1:24" x14ac:dyDescent="0.25">
      <c r="A3573">
        <v>7436</v>
      </c>
      <c r="B3573" t="s">
        <v>112</v>
      </c>
      <c r="C3573">
        <v>29</v>
      </c>
      <c r="D3573" t="s">
        <v>524</v>
      </c>
      <c r="E3573">
        <v>223</v>
      </c>
      <c r="F3573" t="s">
        <v>651</v>
      </c>
      <c r="G3573">
        <v>160</v>
      </c>
      <c r="H3573" t="s">
        <v>719</v>
      </c>
      <c r="I3573">
        <v>7630</v>
      </c>
      <c r="J3573" t="s">
        <v>1022</v>
      </c>
      <c r="K3573">
        <v>85</v>
      </c>
      <c r="L3573" t="s">
        <v>2736</v>
      </c>
      <c r="M3573">
        <v>1914</v>
      </c>
      <c r="N3573" t="s">
        <v>654</v>
      </c>
      <c r="O3573">
        <v>3</v>
      </c>
      <c r="P3573" t="s">
        <v>655</v>
      </c>
      <c r="Q3573">
        <v>1</v>
      </c>
      <c r="R3573" t="s">
        <v>656</v>
      </c>
      <c r="S3573">
        <v>2</v>
      </c>
      <c r="T3573" t="s">
        <v>661</v>
      </c>
      <c r="U3573">
        <v>8</v>
      </c>
      <c r="V3573">
        <v>2</v>
      </c>
      <c r="W3573">
        <v>120</v>
      </c>
      <c r="X3573">
        <v>2020</v>
      </c>
    </row>
    <row r="3574" spans="1:24" x14ac:dyDescent="0.25">
      <c r="A3574">
        <v>7435</v>
      </c>
      <c r="B3574" t="s">
        <v>112</v>
      </c>
      <c r="C3574">
        <v>29</v>
      </c>
      <c r="D3574" t="s">
        <v>524</v>
      </c>
      <c r="E3574">
        <v>223</v>
      </c>
      <c r="F3574" t="s">
        <v>651</v>
      </c>
      <c r="G3574">
        <v>160</v>
      </c>
      <c r="H3574" t="s">
        <v>719</v>
      </c>
      <c r="I3574">
        <v>7630</v>
      </c>
      <c r="J3574" t="s">
        <v>1022</v>
      </c>
      <c r="K3574">
        <v>85</v>
      </c>
      <c r="L3574" t="s">
        <v>2737</v>
      </c>
      <c r="M3574">
        <v>711</v>
      </c>
      <c r="N3574" t="s">
        <v>654</v>
      </c>
      <c r="O3574">
        <v>3</v>
      </c>
      <c r="P3574" t="s">
        <v>655</v>
      </c>
      <c r="Q3574">
        <v>1</v>
      </c>
      <c r="R3574" t="s">
        <v>656</v>
      </c>
      <c r="S3574">
        <v>2</v>
      </c>
      <c r="T3574" t="s">
        <v>718</v>
      </c>
      <c r="U3574">
        <v>2</v>
      </c>
      <c r="V3574">
        <v>2</v>
      </c>
      <c r="W3574">
        <v>120</v>
      </c>
      <c r="X3574">
        <v>2020</v>
      </c>
    </row>
    <row r="3575" spans="1:24" x14ac:dyDescent="0.25">
      <c r="A3575">
        <v>7434</v>
      </c>
      <c r="B3575" t="s">
        <v>112</v>
      </c>
      <c r="C3575">
        <v>29</v>
      </c>
      <c r="D3575" t="s">
        <v>524</v>
      </c>
      <c r="E3575">
        <v>223</v>
      </c>
      <c r="F3575" t="s">
        <v>651</v>
      </c>
      <c r="G3575">
        <v>160</v>
      </c>
      <c r="H3575" t="s">
        <v>719</v>
      </c>
      <c r="I3575">
        <v>7630</v>
      </c>
      <c r="J3575" t="s">
        <v>1022</v>
      </c>
      <c r="K3575">
        <v>85</v>
      </c>
      <c r="L3575" t="s">
        <v>2738</v>
      </c>
      <c r="M3575">
        <v>701</v>
      </c>
      <c r="N3575" t="s">
        <v>654</v>
      </c>
      <c r="O3575">
        <v>3</v>
      </c>
      <c r="P3575" t="s">
        <v>655</v>
      </c>
      <c r="Q3575">
        <v>1</v>
      </c>
      <c r="R3575" t="s">
        <v>656</v>
      </c>
      <c r="S3575">
        <v>2</v>
      </c>
      <c r="T3575" t="s">
        <v>661</v>
      </c>
      <c r="U3575">
        <v>8</v>
      </c>
      <c r="V3575">
        <v>2</v>
      </c>
      <c r="W3575">
        <v>120</v>
      </c>
      <c r="X3575">
        <v>2020</v>
      </c>
    </row>
    <row r="3576" spans="1:24" x14ac:dyDescent="0.25">
      <c r="A3576">
        <v>7433</v>
      </c>
      <c r="B3576" t="s">
        <v>112</v>
      </c>
      <c r="C3576">
        <v>29</v>
      </c>
      <c r="D3576" t="s">
        <v>524</v>
      </c>
      <c r="E3576">
        <v>223</v>
      </c>
      <c r="F3576" t="s">
        <v>651</v>
      </c>
      <c r="G3576">
        <v>160</v>
      </c>
      <c r="H3576" t="s">
        <v>719</v>
      </c>
      <c r="I3576">
        <v>7630</v>
      </c>
      <c r="J3576" t="s">
        <v>1022</v>
      </c>
      <c r="K3576">
        <v>85</v>
      </c>
      <c r="L3576" t="s">
        <v>2739</v>
      </c>
      <c r="M3576">
        <v>702</v>
      </c>
      <c r="N3576" t="s">
        <v>654</v>
      </c>
      <c r="O3576">
        <v>3</v>
      </c>
      <c r="P3576" t="s">
        <v>655</v>
      </c>
      <c r="Q3576">
        <v>1</v>
      </c>
      <c r="R3576" t="s">
        <v>656</v>
      </c>
      <c r="S3576">
        <v>2</v>
      </c>
      <c r="T3576" t="s">
        <v>661</v>
      </c>
      <c r="U3576">
        <v>8</v>
      </c>
      <c r="V3576">
        <v>2</v>
      </c>
      <c r="W3576">
        <v>120</v>
      </c>
      <c r="X3576">
        <v>2020</v>
      </c>
    </row>
    <row r="3577" spans="1:24" x14ac:dyDescent="0.25">
      <c r="A3577">
        <v>7432</v>
      </c>
      <c r="B3577" t="s">
        <v>112</v>
      </c>
      <c r="C3577">
        <v>29</v>
      </c>
      <c r="D3577" t="s">
        <v>520</v>
      </c>
      <c r="E3577">
        <v>227</v>
      </c>
      <c r="F3577" t="s">
        <v>651</v>
      </c>
      <c r="G3577">
        <v>160</v>
      </c>
      <c r="H3577" t="s">
        <v>719</v>
      </c>
      <c r="I3577">
        <v>7630</v>
      </c>
      <c r="J3577" t="s">
        <v>1022</v>
      </c>
      <c r="K3577">
        <v>85</v>
      </c>
      <c r="L3577" t="s">
        <v>2740</v>
      </c>
      <c r="M3577">
        <v>1913</v>
      </c>
      <c r="N3577" t="s">
        <v>654</v>
      </c>
      <c r="O3577">
        <v>3</v>
      </c>
      <c r="P3577" t="s">
        <v>655</v>
      </c>
      <c r="Q3577">
        <v>1</v>
      </c>
      <c r="R3577" t="s">
        <v>656</v>
      </c>
      <c r="S3577">
        <v>2</v>
      </c>
      <c r="T3577" t="s">
        <v>661</v>
      </c>
      <c r="U3577">
        <v>8</v>
      </c>
      <c r="V3577">
        <v>2</v>
      </c>
      <c r="W3577">
        <v>120</v>
      </c>
      <c r="X3577">
        <v>2020</v>
      </c>
    </row>
    <row r="3578" spans="1:24" x14ac:dyDescent="0.25">
      <c r="A3578">
        <v>7431</v>
      </c>
      <c r="B3578" t="s">
        <v>112</v>
      </c>
      <c r="C3578">
        <v>29</v>
      </c>
      <c r="D3578" t="s">
        <v>520</v>
      </c>
      <c r="E3578">
        <v>227</v>
      </c>
      <c r="F3578" t="s">
        <v>651</v>
      </c>
      <c r="G3578">
        <v>160</v>
      </c>
      <c r="H3578" t="s">
        <v>719</v>
      </c>
      <c r="I3578">
        <v>7630</v>
      </c>
      <c r="J3578" t="s">
        <v>848</v>
      </c>
      <c r="K3578">
        <v>62</v>
      </c>
      <c r="L3578" t="s">
        <v>2741</v>
      </c>
      <c r="M3578">
        <v>1912</v>
      </c>
      <c r="N3578" t="s">
        <v>654</v>
      </c>
      <c r="O3578">
        <v>3</v>
      </c>
      <c r="P3578" t="s">
        <v>655</v>
      </c>
      <c r="Q3578">
        <v>1</v>
      </c>
      <c r="R3578" t="s">
        <v>656</v>
      </c>
      <c r="S3578">
        <v>2</v>
      </c>
      <c r="T3578" t="s">
        <v>661</v>
      </c>
      <c r="U3578">
        <v>8</v>
      </c>
      <c r="V3578">
        <v>2</v>
      </c>
      <c r="W3578">
        <v>120</v>
      </c>
      <c r="X3578">
        <v>2020</v>
      </c>
    </row>
    <row r="3579" spans="1:24" x14ac:dyDescent="0.25">
      <c r="A3579">
        <v>7430</v>
      </c>
      <c r="B3579" t="s">
        <v>112</v>
      </c>
      <c r="C3579">
        <v>29</v>
      </c>
      <c r="D3579" t="s">
        <v>525</v>
      </c>
      <c r="E3579">
        <v>222</v>
      </c>
      <c r="F3579" t="s">
        <v>651</v>
      </c>
      <c r="G3579">
        <v>160</v>
      </c>
      <c r="H3579" t="s">
        <v>719</v>
      </c>
      <c r="I3579">
        <v>7630</v>
      </c>
      <c r="J3579" t="s">
        <v>848</v>
      </c>
      <c r="K3579">
        <v>62</v>
      </c>
      <c r="L3579" t="s">
        <v>2742</v>
      </c>
      <c r="M3579">
        <v>1911</v>
      </c>
      <c r="N3579" t="s">
        <v>654</v>
      </c>
      <c r="O3579">
        <v>3</v>
      </c>
      <c r="P3579" t="s">
        <v>655</v>
      </c>
      <c r="Q3579">
        <v>1</v>
      </c>
      <c r="R3579" t="s">
        <v>656</v>
      </c>
      <c r="S3579">
        <v>2</v>
      </c>
      <c r="T3579" t="s">
        <v>718</v>
      </c>
      <c r="U3579">
        <v>2</v>
      </c>
      <c r="V3579">
        <v>2</v>
      </c>
      <c r="W3579">
        <v>120</v>
      </c>
      <c r="X3579">
        <v>2020</v>
      </c>
    </row>
    <row r="3580" spans="1:24" x14ac:dyDescent="0.25">
      <c r="A3580">
        <v>7428</v>
      </c>
      <c r="B3580" t="s">
        <v>112</v>
      </c>
      <c r="C3580">
        <v>29</v>
      </c>
      <c r="D3580" t="s">
        <v>525</v>
      </c>
      <c r="E3580">
        <v>222</v>
      </c>
      <c r="F3580" t="s">
        <v>651</v>
      </c>
      <c r="G3580">
        <v>160</v>
      </c>
      <c r="H3580" t="s">
        <v>719</v>
      </c>
      <c r="I3580">
        <v>7630</v>
      </c>
      <c r="J3580" t="s">
        <v>848</v>
      </c>
      <c r="K3580">
        <v>62</v>
      </c>
      <c r="L3580" t="s">
        <v>2743</v>
      </c>
      <c r="M3580">
        <v>1909</v>
      </c>
      <c r="N3580" t="s">
        <v>654</v>
      </c>
      <c r="O3580">
        <v>3</v>
      </c>
      <c r="P3580" t="s">
        <v>655</v>
      </c>
      <c r="Q3580">
        <v>1</v>
      </c>
      <c r="R3580" t="s">
        <v>656</v>
      </c>
      <c r="S3580">
        <v>2</v>
      </c>
      <c r="T3580" t="s">
        <v>661</v>
      </c>
      <c r="U3580">
        <v>8</v>
      </c>
      <c r="V3580">
        <v>2</v>
      </c>
      <c r="W3580">
        <v>120</v>
      </c>
      <c r="X3580">
        <v>2020</v>
      </c>
    </row>
    <row r="3581" spans="1:24" x14ac:dyDescent="0.25">
      <c r="A3581">
        <v>7426</v>
      </c>
      <c r="B3581" t="s">
        <v>112</v>
      </c>
      <c r="C3581">
        <v>29</v>
      </c>
      <c r="D3581" t="s">
        <v>525</v>
      </c>
      <c r="E3581">
        <v>222</v>
      </c>
      <c r="F3581" t="s">
        <v>651</v>
      </c>
      <c r="G3581">
        <v>160</v>
      </c>
      <c r="H3581" t="s">
        <v>719</v>
      </c>
      <c r="I3581">
        <v>7630</v>
      </c>
      <c r="J3581" t="s">
        <v>848</v>
      </c>
      <c r="K3581">
        <v>62</v>
      </c>
      <c r="L3581" t="s">
        <v>2744</v>
      </c>
      <c r="M3581">
        <v>1908</v>
      </c>
      <c r="N3581" t="s">
        <v>654</v>
      </c>
      <c r="O3581">
        <v>3</v>
      </c>
      <c r="P3581" t="s">
        <v>655</v>
      </c>
      <c r="Q3581">
        <v>1</v>
      </c>
      <c r="R3581" t="s">
        <v>656</v>
      </c>
      <c r="S3581">
        <v>2</v>
      </c>
      <c r="T3581" t="s">
        <v>661</v>
      </c>
      <c r="U3581">
        <v>8</v>
      </c>
      <c r="V3581">
        <v>2</v>
      </c>
      <c r="W3581">
        <v>120</v>
      </c>
      <c r="X3581">
        <v>2020</v>
      </c>
    </row>
    <row r="3582" spans="1:24" x14ac:dyDescent="0.25">
      <c r="A3582">
        <v>7425</v>
      </c>
      <c r="B3582" t="s">
        <v>112</v>
      </c>
      <c r="C3582">
        <v>29</v>
      </c>
      <c r="D3582" t="s">
        <v>525</v>
      </c>
      <c r="E3582">
        <v>222</v>
      </c>
      <c r="F3582" t="s">
        <v>651</v>
      </c>
      <c r="G3582">
        <v>160</v>
      </c>
      <c r="H3582" t="s">
        <v>719</v>
      </c>
      <c r="I3582">
        <v>7630</v>
      </c>
      <c r="J3582" t="s">
        <v>742</v>
      </c>
      <c r="K3582">
        <v>48</v>
      </c>
      <c r="L3582" t="s">
        <v>2745</v>
      </c>
      <c r="M3582">
        <v>1907</v>
      </c>
      <c r="N3582" t="s">
        <v>654</v>
      </c>
      <c r="O3582">
        <v>3</v>
      </c>
      <c r="P3582" t="s">
        <v>655</v>
      </c>
      <c r="Q3582">
        <v>1</v>
      </c>
      <c r="R3582" t="s">
        <v>656</v>
      </c>
      <c r="S3582">
        <v>2</v>
      </c>
      <c r="T3582" t="s">
        <v>661</v>
      </c>
      <c r="U3582">
        <v>8</v>
      </c>
      <c r="V3582">
        <v>2</v>
      </c>
      <c r="W3582">
        <v>120</v>
      </c>
      <c r="X3582">
        <v>2020</v>
      </c>
    </row>
    <row r="3583" spans="1:24" x14ac:dyDescent="0.25">
      <c r="A3583">
        <v>7424</v>
      </c>
      <c r="B3583" t="s">
        <v>112</v>
      </c>
      <c r="C3583">
        <v>29</v>
      </c>
      <c r="D3583" t="s">
        <v>525</v>
      </c>
      <c r="E3583">
        <v>222</v>
      </c>
      <c r="F3583" t="s">
        <v>651</v>
      </c>
      <c r="G3583">
        <v>160</v>
      </c>
      <c r="H3583" t="s">
        <v>719</v>
      </c>
      <c r="I3583">
        <v>7630</v>
      </c>
      <c r="J3583" t="s">
        <v>742</v>
      </c>
      <c r="K3583">
        <v>48</v>
      </c>
      <c r="L3583" t="s">
        <v>2746</v>
      </c>
      <c r="M3583">
        <v>1906</v>
      </c>
      <c r="N3583" t="s">
        <v>654</v>
      </c>
      <c r="O3583">
        <v>3</v>
      </c>
      <c r="P3583" t="s">
        <v>655</v>
      </c>
      <c r="Q3583">
        <v>1</v>
      </c>
      <c r="R3583" t="s">
        <v>656</v>
      </c>
      <c r="S3583">
        <v>2</v>
      </c>
      <c r="T3583" t="s">
        <v>661</v>
      </c>
      <c r="U3583">
        <v>8</v>
      </c>
      <c r="V3583">
        <v>2</v>
      </c>
      <c r="W3583">
        <v>120</v>
      </c>
      <c r="X3583">
        <v>2020</v>
      </c>
    </row>
    <row r="3584" spans="1:24" x14ac:dyDescent="0.25">
      <c r="A3584">
        <v>7422</v>
      </c>
      <c r="B3584" t="s">
        <v>112</v>
      </c>
      <c r="C3584">
        <v>29</v>
      </c>
      <c r="D3584" t="s">
        <v>518</v>
      </c>
      <c r="E3584">
        <v>230</v>
      </c>
      <c r="F3584" t="s">
        <v>651</v>
      </c>
      <c r="G3584">
        <v>160</v>
      </c>
      <c r="H3584" t="s">
        <v>719</v>
      </c>
      <c r="I3584">
        <v>7630</v>
      </c>
      <c r="J3584" t="s">
        <v>742</v>
      </c>
      <c r="K3584">
        <v>48</v>
      </c>
      <c r="L3584" t="s">
        <v>2747</v>
      </c>
      <c r="M3584">
        <v>1904</v>
      </c>
      <c r="N3584" t="s">
        <v>654</v>
      </c>
      <c r="O3584">
        <v>3</v>
      </c>
      <c r="P3584" t="s">
        <v>655</v>
      </c>
      <c r="Q3584">
        <v>1</v>
      </c>
      <c r="R3584" t="s">
        <v>656</v>
      </c>
      <c r="S3584">
        <v>2</v>
      </c>
      <c r="T3584" t="s">
        <v>661</v>
      </c>
      <c r="U3584">
        <v>8</v>
      </c>
      <c r="V3584">
        <v>2</v>
      </c>
      <c r="W3584">
        <v>120</v>
      </c>
      <c r="X3584">
        <v>2020</v>
      </c>
    </row>
    <row r="3585" spans="1:24" x14ac:dyDescent="0.25">
      <c r="A3585">
        <v>7419</v>
      </c>
      <c r="B3585" t="s">
        <v>112</v>
      </c>
      <c r="C3585">
        <v>29</v>
      </c>
      <c r="D3585" t="s">
        <v>525</v>
      </c>
      <c r="E3585">
        <v>222</v>
      </c>
      <c r="F3585" t="s">
        <v>651</v>
      </c>
      <c r="G3585">
        <v>160</v>
      </c>
      <c r="H3585" t="s">
        <v>719</v>
      </c>
      <c r="I3585">
        <v>7630</v>
      </c>
      <c r="J3585" t="s">
        <v>742</v>
      </c>
      <c r="K3585">
        <v>48</v>
      </c>
      <c r="L3585" t="s">
        <v>2748</v>
      </c>
      <c r="M3585">
        <v>1901</v>
      </c>
      <c r="N3585" t="s">
        <v>654</v>
      </c>
      <c r="O3585">
        <v>3</v>
      </c>
      <c r="P3585" t="s">
        <v>655</v>
      </c>
      <c r="Q3585">
        <v>1</v>
      </c>
      <c r="R3585" t="s">
        <v>656</v>
      </c>
      <c r="S3585">
        <v>2</v>
      </c>
      <c r="T3585" t="s">
        <v>661</v>
      </c>
      <c r="U3585">
        <v>8</v>
      </c>
      <c r="V3585">
        <v>2</v>
      </c>
      <c r="W3585">
        <v>120</v>
      </c>
      <c r="X3585">
        <v>2020</v>
      </c>
    </row>
    <row r="3586" spans="1:24" x14ac:dyDescent="0.25">
      <c r="A3586">
        <v>7416</v>
      </c>
      <c r="B3586" t="s">
        <v>112</v>
      </c>
      <c r="C3586">
        <v>29</v>
      </c>
      <c r="D3586" t="s">
        <v>525</v>
      </c>
      <c r="E3586">
        <v>222</v>
      </c>
      <c r="F3586" t="s">
        <v>651</v>
      </c>
      <c r="G3586">
        <v>160</v>
      </c>
      <c r="H3586" t="s">
        <v>719</v>
      </c>
      <c r="I3586">
        <v>7630</v>
      </c>
      <c r="J3586" t="s">
        <v>742</v>
      </c>
      <c r="K3586">
        <v>48</v>
      </c>
      <c r="L3586" t="s">
        <v>2749</v>
      </c>
      <c r="M3586">
        <v>587</v>
      </c>
      <c r="N3586" t="s">
        <v>654</v>
      </c>
      <c r="O3586">
        <v>3</v>
      </c>
      <c r="P3586" t="s">
        <v>655</v>
      </c>
      <c r="Q3586">
        <v>1</v>
      </c>
      <c r="R3586" t="s">
        <v>656</v>
      </c>
      <c r="S3586">
        <v>2</v>
      </c>
      <c r="T3586" t="s">
        <v>661</v>
      </c>
      <c r="U3586">
        <v>8</v>
      </c>
      <c r="V3586">
        <v>2</v>
      </c>
      <c r="W3586">
        <v>120</v>
      </c>
      <c r="X3586">
        <v>2020</v>
      </c>
    </row>
    <row r="3587" spans="1:24" x14ac:dyDescent="0.25">
      <c r="A3587">
        <v>7414</v>
      </c>
      <c r="B3587" t="s">
        <v>112</v>
      </c>
      <c r="C3587">
        <v>29</v>
      </c>
      <c r="D3587" t="s">
        <v>472</v>
      </c>
      <c r="E3587">
        <v>221</v>
      </c>
      <c r="F3587" t="s">
        <v>651</v>
      </c>
      <c r="G3587">
        <v>160</v>
      </c>
      <c r="H3587" t="s">
        <v>719</v>
      </c>
      <c r="I3587">
        <v>7630</v>
      </c>
      <c r="J3587" t="s">
        <v>767</v>
      </c>
      <c r="K3587">
        <v>44</v>
      </c>
      <c r="L3587" t="s">
        <v>2750</v>
      </c>
      <c r="M3587">
        <v>1897</v>
      </c>
      <c r="N3587" t="s">
        <v>654</v>
      </c>
      <c r="O3587">
        <v>3</v>
      </c>
      <c r="P3587" t="s">
        <v>655</v>
      </c>
      <c r="Q3587">
        <v>1</v>
      </c>
      <c r="R3587" t="s">
        <v>656</v>
      </c>
      <c r="S3587">
        <v>2</v>
      </c>
      <c r="T3587" t="s">
        <v>661</v>
      </c>
      <c r="U3587">
        <v>8</v>
      </c>
      <c r="V3587">
        <v>2</v>
      </c>
      <c r="W3587">
        <v>120</v>
      </c>
      <c r="X3587">
        <v>2020</v>
      </c>
    </row>
    <row r="3588" spans="1:24" x14ac:dyDescent="0.25">
      <c r="A3588">
        <v>7413</v>
      </c>
      <c r="B3588" t="s">
        <v>112</v>
      </c>
      <c r="C3588">
        <v>29</v>
      </c>
      <c r="D3588" t="s">
        <v>472</v>
      </c>
      <c r="E3588">
        <v>221</v>
      </c>
      <c r="F3588" t="s">
        <v>651</v>
      </c>
      <c r="G3588">
        <v>160</v>
      </c>
      <c r="H3588" t="s">
        <v>719</v>
      </c>
      <c r="I3588">
        <v>7630</v>
      </c>
      <c r="J3588" t="s">
        <v>767</v>
      </c>
      <c r="K3588">
        <v>44</v>
      </c>
      <c r="L3588" t="s">
        <v>2751</v>
      </c>
      <c r="M3588">
        <v>1896</v>
      </c>
      <c r="N3588" t="s">
        <v>654</v>
      </c>
      <c r="O3588">
        <v>3</v>
      </c>
      <c r="P3588" t="s">
        <v>655</v>
      </c>
      <c r="Q3588">
        <v>1</v>
      </c>
      <c r="R3588" t="s">
        <v>656</v>
      </c>
      <c r="S3588">
        <v>2</v>
      </c>
      <c r="T3588" t="s">
        <v>718</v>
      </c>
      <c r="U3588">
        <v>2</v>
      </c>
      <c r="V3588">
        <v>2</v>
      </c>
      <c r="W3588">
        <v>120</v>
      </c>
      <c r="X3588">
        <v>2020</v>
      </c>
    </row>
    <row r="3589" spans="1:24" x14ac:dyDescent="0.25">
      <c r="A3589">
        <v>7412</v>
      </c>
      <c r="B3589" t="s">
        <v>112</v>
      </c>
      <c r="C3589">
        <v>29</v>
      </c>
      <c r="D3589" t="s">
        <v>472</v>
      </c>
      <c r="E3589">
        <v>221</v>
      </c>
      <c r="F3589" t="s">
        <v>651</v>
      </c>
      <c r="G3589">
        <v>160</v>
      </c>
      <c r="H3589" t="s">
        <v>719</v>
      </c>
      <c r="I3589">
        <v>7630</v>
      </c>
      <c r="J3589" t="s">
        <v>767</v>
      </c>
      <c r="K3589">
        <v>44</v>
      </c>
      <c r="L3589" t="s">
        <v>2752</v>
      </c>
      <c r="M3589">
        <v>1895</v>
      </c>
      <c r="N3589" t="s">
        <v>654</v>
      </c>
      <c r="O3589">
        <v>3</v>
      </c>
      <c r="P3589" t="s">
        <v>655</v>
      </c>
      <c r="Q3589">
        <v>1</v>
      </c>
      <c r="R3589" t="s">
        <v>656</v>
      </c>
      <c r="S3589">
        <v>2</v>
      </c>
      <c r="T3589" t="s">
        <v>661</v>
      </c>
      <c r="U3589">
        <v>8</v>
      </c>
      <c r="V3589">
        <v>2</v>
      </c>
      <c r="W3589">
        <v>120</v>
      </c>
      <c r="X3589">
        <v>2020</v>
      </c>
    </row>
    <row r="3590" spans="1:24" x14ac:dyDescent="0.25">
      <c r="A3590">
        <v>7411</v>
      </c>
      <c r="B3590" t="s">
        <v>112</v>
      </c>
      <c r="C3590">
        <v>29</v>
      </c>
      <c r="D3590" t="s">
        <v>472</v>
      </c>
      <c r="E3590">
        <v>221</v>
      </c>
      <c r="F3590" t="s">
        <v>651</v>
      </c>
      <c r="G3590">
        <v>160</v>
      </c>
      <c r="H3590" t="s">
        <v>719</v>
      </c>
      <c r="I3590">
        <v>7630</v>
      </c>
      <c r="J3590" t="s">
        <v>797</v>
      </c>
      <c r="K3590">
        <v>65</v>
      </c>
      <c r="L3590" t="s">
        <v>2753</v>
      </c>
      <c r="M3590">
        <v>1894</v>
      </c>
      <c r="N3590" t="s">
        <v>654</v>
      </c>
      <c r="O3590">
        <v>3</v>
      </c>
      <c r="P3590" t="s">
        <v>655</v>
      </c>
      <c r="Q3590">
        <v>1</v>
      </c>
      <c r="R3590" t="s">
        <v>656</v>
      </c>
      <c r="S3590">
        <v>2</v>
      </c>
      <c r="T3590" t="s">
        <v>718</v>
      </c>
      <c r="U3590">
        <v>2</v>
      </c>
      <c r="V3590">
        <v>2</v>
      </c>
      <c r="W3590">
        <v>120</v>
      </c>
      <c r="X3590">
        <v>2020</v>
      </c>
    </row>
    <row r="3591" spans="1:24" x14ac:dyDescent="0.25">
      <c r="A3591">
        <v>7409</v>
      </c>
      <c r="B3591" t="s">
        <v>112</v>
      </c>
      <c r="C3591">
        <v>29</v>
      </c>
      <c r="D3591" t="s">
        <v>472</v>
      </c>
      <c r="E3591">
        <v>221</v>
      </c>
      <c r="F3591" t="s">
        <v>651</v>
      </c>
      <c r="G3591">
        <v>160</v>
      </c>
      <c r="H3591" t="s">
        <v>719</v>
      </c>
      <c r="I3591">
        <v>7630</v>
      </c>
      <c r="J3591" t="s">
        <v>797</v>
      </c>
      <c r="K3591">
        <v>65</v>
      </c>
      <c r="L3591" t="s">
        <v>2754</v>
      </c>
      <c r="M3591">
        <v>1892</v>
      </c>
      <c r="N3591" t="s">
        <v>654</v>
      </c>
      <c r="O3591">
        <v>3</v>
      </c>
      <c r="P3591" t="s">
        <v>655</v>
      </c>
      <c r="Q3591">
        <v>1</v>
      </c>
      <c r="R3591" t="s">
        <v>656</v>
      </c>
      <c r="S3591">
        <v>2</v>
      </c>
      <c r="T3591" t="s">
        <v>661</v>
      </c>
      <c r="U3591">
        <v>8</v>
      </c>
      <c r="V3591">
        <v>2</v>
      </c>
      <c r="W3591">
        <v>120</v>
      </c>
      <c r="X3591">
        <v>2020</v>
      </c>
    </row>
    <row r="3592" spans="1:24" x14ac:dyDescent="0.25">
      <c r="A3592">
        <v>7407</v>
      </c>
      <c r="B3592" t="s">
        <v>22</v>
      </c>
      <c r="C3592">
        <v>28</v>
      </c>
      <c r="D3592" t="s">
        <v>526</v>
      </c>
      <c r="E3592">
        <v>220</v>
      </c>
      <c r="F3592" t="s">
        <v>734</v>
      </c>
      <c r="G3592">
        <v>122</v>
      </c>
      <c r="H3592" t="s">
        <v>735</v>
      </c>
      <c r="I3592">
        <v>13756</v>
      </c>
      <c r="J3592" t="s">
        <v>819</v>
      </c>
      <c r="K3592">
        <v>101</v>
      </c>
      <c r="L3592" t="s">
        <v>2755</v>
      </c>
      <c r="M3592">
        <v>1890</v>
      </c>
      <c r="N3592" t="s">
        <v>654</v>
      </c>
      <c r="O3592">
        <v>3</v>
      </c>
      <c r="P3592" t="s">
        <v>655</v>
      </c>
      <c r="Q3592">
        <v>1</v>
      </c>
      <c r="R3592" t="s">
        <v>656</v>
      </c>
      <c r="S3592">
        <v>2</v>
      </c>
      <c r="T3592" t="s">
        <v>661</v>
      </c>
      <c r="U3592">
        <v>8</v>
      </c>
      <c r="V3592">
        <v>2</v>
      </c>
      <c r="W3592">
        <v>120</v>
      </c>
      <c r="X3592">
        <v>2020</v>
      </c>
    </row>
    <row r="3593" spans="1:24" x14ac:dyDescent="0.25">
      <c r="A3593">
        <v>7406</v>
      </c>
      <c r="B3593" t="s">
        <v>22</v>
      </c>
      <c r="C3593">
        <v>28</v>
      </c>
      <c r="D3593" t="s">
        <v>402</v>
      </c>
      <c r="E3593">
        <v>219</v>
      </c>
      <c r="F3593" t="s">
        <v>651</v>
      </c>
      <c r="G3593">
        <v>160</v>
      </c>
      <c r="H3593" t="s">
        <v>675</v>
      </c>
      <c r="I3593">
        <v>5952</v>
      </c>
      <c r="J3593" t="s">
        <v>819</v>
      </c>
      <c r="K3593">
        <v>101</v>
      </c>
      <c r="L3593" t="s">
        <v>1902</v>
      </c>
      <c r="M3593">
        <v>1889</v>
      </c>
      <c r="N3593" t="s">
        <v>654</v>
      </c>
      <c r="O3593">
        <v>3</v>
      </c>
      <c r="P3593" t="s">
        <v>655</v>
      </c>
      <c r="Q3593">
        <v>1</v>
      </c>
      <c r="R3593" t="s">
        <v>656</v>
      </c>
      <c r="S3593">
        <v>2</v>
      </c>
      <c r="T3593" t="s">
        <v>661</v>
      </c>
      <c r="U3593">
        <v>8</v>
      </c>
      <c r="V3593">
        <v>2</v>
      </c>
      <c r="W3593">
        <v>120</v>
      </c>
      <c r="X3593">
        <v>2020</v>
      </c>
    </row>
    <row r="3594" spans="1:24" x14ac:dyDescent="0.25">
      <c r="A3594">
        <v>7405</v>
      </c>
      <c r="B3594" t="s">
        <v>22</v>
      </c>
      <c r="C3594">
        <v>28</v>
      </c>
      <c r="D3594" t="s">
        <v>402</v>
      </c>
      <c r="E3594">
        <v>219</v>
      </c>
      <c r="F3594" t="s">
        <v>651</v>
      </c>
      <c r="G3594">
        <v>160</v>
      </c>
      <c r="H3594" t="s">
        <v>675</v>
      </c>
      <c r="I3594">
        <v>5952</v>
      </c>
      <c r="J3594" t="s">
        <v>819</v>
      </c>
      <c r="K3594">
        <v>101</v>
      </c>
      <c r="L3594" t="s">
        <v>2756</v>
      </c>
      <c r="M3594">
        <v>1888</v>
      </c>
      <c r="N3594" t="s">
        <v>654</v>
      </c>
      <c r="O3594">
        <v>3</v>
      </c>
      <c r="P3594" t="s">
        <v>655</v>
      </c>
      <c r="Q3594">
        <v>1</v>
      </c>
      <c r="R3594" t="s">
        <v>656</v>
      </c>
      <c r="S3594">
        <v>2</v>
      </c>
      <c r="T3594" t="s">
        <v>661</v>
      </c>
      <c r="U3594">
        <v>8</v>
      </c>
      <c r="V3594">
        <v>2</v>
      </c>
      <c r="W3594">
        <v>120</v>
      </c>
      <c r="X3594">
        <v>2020</v>
      </c>
    </row>
    <row r="3595" spans="1:24" x14ac:dyDescent="0.25">
      <c r="A3595">
        <v>7404</v>
      </c>
      <c r="B3595" t="s">
        <v>22</v>
      </c>
      <c r="C3595">
        <v>28</v>
      </c>
      <c r="D3595" t="s">
        <v>527</v>
      </c>
      <c r="E3595">
        <v>218</v>
      </c>
      <c r="F3595" t="s">
        <v>651</v>
      </c>
      <c r="G3595">
        <v>160</v>
      </c>
      <c r="H3595" t="s">
        <v>675</v>
      </c>
      <c r="I3595">
        <v>5952</v>
      </c>
      <c r="J3595" t="s">
        <v>65</v>
      </c>
      <c r="K3595">
        <v>15</v>
      </c>
      <c r="L3595" t="s">
        <v>740</v>
      </c>
      <c r="M3595">
        <v>1169</v>
      </c>
      <c r="N3595" t="s">
        <v>654</v>
      </c>
      <c r="O3595">
        <v>3</v>
      </c>
      <c r="P3595" t="s">
        <v>655</v>
      </c>
      <c r="Q3595">
        <v>1</v>
      </c>
      <c r="R3595" t="s">
        <v>656</v>
      </c>
      <c r="S3595">
        <v>2</v>
      </c>
      <c r="T3595" t="s">
        <v>661</v>
      </c>
      <c r="U3595">
        <v>8</v>
      </c>
      <c r="V3595">
        <v>1</v>
      </c>
      <c r="W3595">
        <v>60</v>
      </c>
      <c r="X3595">
        <v>2020</v>
      </c>
    </row>
    <row r="3596" spans="1:24" x14ac:dyDescent="0.25">
      <c r="A3596">
        <v>7403</v>
      </c>
      <c r="B3596" t="s">
        <v>22</v>
      </c>
      <c r="C3596">
        <v>28</v>
      </c>
      <c r="D3596" t="s">
        <v>526</v>
      </c>
      <c r="E3596">
        <v>220</v>
      </c>
      <c r="F3596" t="s">
        <v>734</v>
      </c>
      <c r="G3596">
        <v>122</v>
      </c>
      <c r="H3596" t="s">
        <v>735</v>
      </c>
      <c r="I3596">
        <v>13756</v>
      </c>
      <c r="J3596" t="s">
        <v>65</v>
      </c>
      <c r="K3596">
        <v>15</v>
      </c>
      <c r="L3596" t="s">
        <v>2757</v>
      </c>
      <c r="M3596">
        <v>1887</v>
      </c>
      <c r="N3596" t="s">
        <v>654</v>
      </c>
      <c r="O3596">
        <v>3</v>
      </c>
      <c r="P3596" t="s">
        <v>655</v>
      </c>
      <c r="Q3596">
        <v>1</v>
      </c>
      <c r="R3596" t="s">
        <v>656</v>
      </c>
      <c r="S3596">
        <v>2</v>
      </c>
      <c r="T3596" t="s">
        <v>661</v>
      </c>
      <c r="U3596">
        <v>8</v>
      </c>
      <c r="V3596">
        <v>2</v>
      </c>
      <c r="W3596">
        <v>120</v>
      </c>
      <c r="X3596">
        <v>2020</v>
      </c>
    </row>
    <row r="3597" spans="1:24" x14ac:dyDescent="0.25">
      <c r="A3597">
        <v>7402</v>
      </c>
      <c r="B3597" t="s">
        <v>22</v>
      </c>
      <c r="C3597">
        <v>28</v>
      </c>
      <c r="D3597" t="s">
        <v>527</v>
      </c>
      <c r="E3597">
        <v>218</v>
      </c>
      <c r="F3597" t="s">
        <v>651</v>
      </c>
      <c r="G3597">
        <v>160</v>
      </c>
      <c r="H3597" t="s">
        <v>675</v>
      </c>
      <c r="I3597">
        <v>5952</v>
      </c>
      <c r="J3597" t="s">
        <v>65</v>
      </c>
      <c r="K3597">
        <v>15</v>
      </c>
      <c r="L3597" t="s">
        <v>2758</v>
      </c>
      <c r="M3597">
        <v>1886</v>
      </c>
      <c r="N3597" t="s">
        <v>654</v>
      </c>
      <c r="O3597">
        <v>3</v>
      </c>
      <c r="P3597" t="s">
        <v>655</v>
      </c>
      <c r="Q3597">
        <v>1</v>
      </c>
      <c r="R3597" t="s">
        <v>656</v>
      </c>
      <c r="S3597">
        <v>2</v>
      </c>
      <c r="T3597" t="s">
        <v>661</v>
      </c>
      <c r="U3597">
        <v>8</v>
      </c>
      <c r="V3597">
        <v>1.5</v>
      </c>
      <c r="W3597">
        <v>90</v>
      </c>
      <c r="X3597">
        <v>2020</v>
      </c>
    </row>
    <row r="3598" spans="1:24" x14ac:dyDescent="0.25">
      <c r="A3598">
        <v>7400</v>
      </c>
      <c r="B3598" t="s">
        <v>22</v>
      </c>
      <c r="C3598">
        <v>28</v>
      </c>
      <c r="D3598" t="s">
        <v>527</v>
      </c>
      <c r="E3598">
        <v>218</v>
      </c>
      <c r="F3598" t="s">
        <v>651</v>
      </c>
      <c r="G3598">
        <v>160</v>
      </c>
      <c r="H3598" t="s">
        <v>675</v>
      </c>
      <c r="I3598">
        <v>5952</v>
      </c>
      <c r="J3598" t="s">
        <v>682</v>
      </c>
      <c r="K3598">
        <v>20</v>
      </c>
      <c r="L3598" t="s">
        <v>2521</v>
      </c>
      <c r="M3598">
        <v>983</v>
      </c>
      <c r="N3598" t="s">
        <v>654</v>
      </c>
      <c r="O3598">
        <v>3</v>
      </c>
      <c r="P3598" t="s">
        <v>655</v>
      </c>
      <c r="Q3598">
        <v>1</v>
      </c>
      <c r="R3598" t="s">
        <v>656</v>
      </c>
      <c r="S3598">
        <v>2</v>
      </c>
      <c r="T3598" t="s">
        <v>661</v>
      </c>
      <c r="U3598">
        <v>8</v>
      </c>
      <c r="V3598">
        <v>2</v>
      </c>
      <c r="W3598">
        <v>120</v>
      </c>
      <c r="X3598">
        <v>2020</v>
      </c>
    </row>
    <row r="3599" spans="1:24" x14ac:dyDescent="0.25">
      <c r="A3599">
        <v>7399</v>
      </c>
      <c r="B3599" t="s">
        <v>22</v>
      </c>
      <c r="C3599">
        <v>28</v>
      </c>
      <c r="D3599" t="s">
        <v>513</v>
      </c>
      <c r="E3599">
        <v>217</v>
      </c>
      <c r="F3599" t="s">
        <v>651</v>
      </c>
      <c r="G3599">
        <v>160</v>
      </c>
      <c r="H3599" t="s">
        <v>675</v>
      </c>
      <c r="I3599">
        <v>5952</v>
      </c>
      <c r="J3599" t="s">
        <v>813</v>
      </c>
      <c r="K3599">
        <v>24</v>
      </c>
      <c r="L3599" t="s">
        <v>2759</v>
      </c>
      <c r="M3599">
        <v>1884</v>
      </c>
      <c r="N3599" t="s">
        <v>654</v>
      </c>
      <c r="O3599">
        <v>3</v>
      </c>
      <c r="P3599" t="s">
        <v>655</v>
      </c>
      <c r="Q3599">
        <v>1</v>
      </c>
      <c r="R3599" t="s">
        <v>656</v>
      </c>
      <c r="S3599">
        <v>2</v>
      </c>
      <c r="T3599" t="s">
        <v>718</v>
      </c>
      <c r="U3599">
        <v>2</v>
      </c>
      <c r="V3599">
        <v>2</v>
      </c>
      <c r="W3599">
        <v>120</v>
      </c>
      <c r="X3599">
        <v>2020</v>
      </c>
    </row>
    <row r="3600" spans="1:24" x14ac:dyDescent="0.25">
      <c r="A3600">
        <v>7398</v>
      </c>
      <c r="B3600" t="s">
        <v>22</v>
      </c>
      <c r="C3600">
        <v>28</v>
      </c>
      <c r="D3600" t="s">
        <v>513</v>
      </c>
      <c r="E3600">
        <v>217</v>
      </c>
      <c r="F3600" t="s">
        <v>651</v>
      </c>
      <c r="G3600">
        <v>160</v>
      </c>
      <c r="H3600" t="s">
        <v>675</v>
      </c>
      <c r="I3600">
        <v>5952</v>
      </c>
      <c r="J3600" t="s">
        <v>813</v>
      </c>
      <c r="K3600">
        <v>24</v>
      </c>
      <c r="L3600" t="s">
        <v>2760</v>
      </c>
      <c r="M3600">
        <v>1883</v>
      </c>
      <c r="N3600" t="s">
        <v>654</v>
      </c>
      <c r="O3600">
        <v>3</v>
      </c>
      <c r="P3600" t="s">
        <v>655</v>
      </c>
      <c r="Q3600">
        <v>1</v>
      </c>
      <c r="R3600" t="s">
        <v>656</v>
      </c>
      <c r="S3600">
        <v>2</v>
      </c>
      <c r="T3600" t="s">
        <v>661</v>
      </c>
      <c r="U3600">
        <v>8</v>
      </c>
      <c r="V3600">
        <v>2</v>
      </c>
      <c r="W3600">
        <v>120</v>
      </c>
      <c r="X3600">
        <v>2020</v>
      </c>
    </row>
    <row r="3601" spans="1:24" x14ac:dyDescent="0.25">
      <c r="A3601">
        <v>7397</v>
      </c>
      <c r="B3601" t="s">
        <v>22</v>
      </c>
      <c r="C3601">
        <v>28</v>
      </c>
      <c r="D3601" t="s">
        <v>513</v>
      </c>
      <c r="E3601">
        <v>217</v>
      </c>
      <c r="F3601" t="s">
        <v>651</v>
      </c>
      <c r="G3601">
        <v>160</v>
      </c>
      <c r="H3601" t="s">
        <v>675</v>
      </c>
      <c r="I3601">
        <v>5952</v>
      </c>
      <c r="J3601" t="s">
        <v>299</v>
      </c>
      <c r="K3601">
        <v>27</v>
      </c>
      <c r="L3601" t="s">
        <v>2346</v>
      </c>
      <c r="M3601">
        <v>1882</v>
      </c>
      <c r="N3601" t="s">
        <v>654</v>
      </c>
      <c r="O3601">
        <v>3</v>
      </c>
      <c r="P3601" t="s">
        <v>655</v>
      </c>
      <c r="Q3601">
        <v>1</v>
      </c>
      <c r="R3601" t="s">
        <v>656</v>
      </c>
      <c r="S3601">
        <v>2</v>
      </c>
      <c r="T3601" t="s">
        <v>661</v>
      </c>
      <c r="U3601">
        <v>8</v>
      </c>
      <c r="V3601">
        <v>2</v>
      </c>
      <c r="W3601">
        <v>120</v>
      </c>
      <c r="X3601">
        <v>2020</v>
      </c>
    </row>
    <row r="3602" spans="1:24" x14ac:dyDescent="0.25">
      <c r="A3602">
        <v>7396</v>
      </c>
      <c r="B3602" t="s">
        <v>22</v>
      </c>
      <c r="C3602">
        <v>28</v>
      </c>
      <c r="D3602" t="s">
        <v>513</v>
      </c>
      <c r="E3602">
        <v>217</v>
      </c>
      <c r="F3602" t="s">
        <v>651</v>
      </c>
      <c r="G3602">
        <v>160</v>
      </c>
      <c r="H3602" t="s">
        <v>675</v>
      </c>
      <c r="I3602">
        <v>5952</v>
      </c>
      <c r="J3602" t="s">
        <v>296</v>
      </c>
      <c r="K3602">
        <v>97</v>
      </c>
      <c r="L3602" t="s">
        <v>2761</v>
      </c>
      <c r="M3602">
        <v>1881</v>
      </c>
      <c r="N3602" t="s">
        <v>654</v>
      </c>
      <c r="O3602">
        <v>3</v>
      </c>
      <c r="P3602" t="s">
        <v>655</v>
      </c>
      <c r="Q3602">
        <v>1</v>
      </c>
      <c r="R3602" t="s">
        <v>656</v>
      </c>
      <c r="S3602">
        <v>2</v>
      </c>
      <c r="T3602" t="s">
        <v>661</v>
      </c>
      <c r="U3602">
        <v>8</v>
      </c>
      <c r="V3602">
        <v>2</v>
      </c>
      <c r="W3602">
        <v>120</v>
      </c>
      <c r="X3602">
        <v>2020</v>
      </c>
    </row>
    <row r="3603" spans="1:24" x14ac:dyDescent="0.25">
      <c r="A3603">
        <v>7394</v>
      </c>
      <c r="B3603" t="s">
        <v>22</v>
      </c>
      <c r="C3603">
        <v>28</v>
      </c>
      <c r="D3603" t="s">
        <v>513</v>
      </c>
      <c r="E3603">
        <v>217</v>
      </c>
      <c r="F3603" t="s">
        <v>651</v>
      </c>
      <c r="G3603">
        <v>160</v>
      </c>
      <c r="H3603" t="s">
        <v>675</v>
      </c>
      <c r="I3603">
        <v>5952</v>
      </c>
      <c r="J3603" t="s">
        <v>295</v>
      </c>
      <c r="K3603">
        <v>30</v>
      </c>
      <c r="L3603" t="s">
        <v>2762</v>
      </c>
      <c r="M3603">
        <v>1880</v>
      </c>
      <c r="N3603" t="s">
        <v>654</v>
      </c>
      <c r="O3603">
        <v>3</v>
      </c>
      <c r="P3603" t="s">
        <v>655</v>
      </c>
      <c r="Q3603">
        <v>1</v>
      </c>
      <c r="R3603" t="s">
        <v>656</v>
      </c>
      <c r="S3603">
        <v>2</v>
      </c>
      <c r="T3603" t="s">
        <v>661</v>
      </c>
      <c r="U3603">
        <v>8</v>
      </c>
      <c r="V3603">
        <v>2</v>
      </c>
      <c r="W3603">
        <v>120</v>
      </c>
      <c r="X3603">
        <v>2020</v>
      </c>
    </row>
    <row r="3604" spans="1:24" x14ac:dyDescent="0.25">
      <c r="A3604">
        <v>7392</v>
      </c>
      <c r="B3604" t="s">
        <v>22</v>
      </c>
      <c r="C3604">
        <v>28</v>
      </c>
      <c r="D3604" t="s">
        <v>526</v>
      </c>
      <c r="E3604">
        <v>220</v>
      </c>
      <c r="F3604" t="s">
        <v>734</v>
      </c>
      <c r="G3604">
        <v>122</v>
      </c>
      <c r="H3604" t="s">
        <v>735</v>
      </c>
      <c r="I3604">
        <v>13756</v>
      </c>
      <c r="J3604" t="s">
        <v>955</v>
      </c>
      <c r="K3604">
        <v>29</v>
      </c>
      <c r="L3604" t="s">
        <v>2763</v>
      </c>
      <c r="M3604">
        <v>1879</v>
      </c>
      <c r="N3604" t="s">
        <v>654</v>
      </c>
      <c r="O3604">
        <v>3</v>
      </c>
      <c r="P3604" t="s">
        <v>655</v>
      </c>
      <c r="Q3604">
        <v>1</v>
      </c>
      <c r="R3604" t="s">
        <v>656</v>
      </c>
      <c r="S3604">
        <v>2</v>
      </c>
      <c r="T3604" t="s">
        <v>661</v>
      </c>
      <c r="U3604">
        <v>8</v>
      </c>
      <c r="V3604">
        <v>2</v>
      </c>
      <c r="W3604">
        <v>120</v>
      </c>
      <c r="X3604">
        <v>2020</v>
      </c>
    </row>
    <row r="3605" spans="1:24" x14ac:dyDescent="0.25">
      <c r="A3605">
        <v>7391</v>
      </c>
      <c r="B3605" t="s">
        <v>22</v>
      </c>
      <c r="C3605">
        <v>28</v>
      </c>
      <c r="D3605" t="s">
        <v>513</v>
      </c>
      <c r="E3605">
        <v>217</v>
      </c>
      <c r="F3605" t="s">
        <v>651</v>
      </c>
      <c r="G3605">
        <v>160</v>
      </c>
      <c r="H3605" t="s">
        <v>675</v>
      </c>
      <c r="I3605">
        <v>5952</v>
      </c>
      <c r="J3605" t="s">
        <v>955</v>
      </c>
      <c r="K3605">
        <v>29</v>
      </c>
      <c r="L3605" t="s">
        <v>2417</v>
      </c>
      <c r="M3605">
        <v>1577</v>
      </c>
      <c r="N3605" t="s">
        <v>654</v>
      </c>
      <c r="O3605">
        <v>3</v>
      </c>
      <c r="P3605" t="s">
        <v>655</v>
      </c>
      <c r="Q3605">
        <v>1</v>
      </c>
      <c r="R3605" t="s">
        <v>656</v>
      </c>
      <c r="S3605">
        <v>2</v>
      </c>
      <c r="T3605" t="s">
        <v>661</v>
      </c>
      <c r="U3605">
        <v>8</v>
      </c>
      <c r="V3605">
        <v>2</v>
      </c>
      <c r="W3605">
        <v>120</v>
      </c>
      <c r="X3605">
        <v>2020</v>
      </c>
    </row>
    <row r="3606" spans="1:24" x14ac:dyDescent="0.25">
      <c r="A3606">
        <v>7390</v>
      </c>
      <c r="B3606" t="s">
        <v>22</v>
      </c>
      <c r="C3606">
        <v>28</v>
      </c>
      <c r="D3606" t="s">
        <v>513</v>
      </c>
      <c r="E3606">
        <v>217</v>
      </c>
      <c r="F3606" t="s">
        <v>651</v>
      </c>
      <c r="G3606">
        <v>160</v>
      </c>
      <c r="H3606" t="s">
        <v>675</v>
      </c>
      <c r="I3606">
        <v>5952</v>
      </c>
      <c r="J3606" t="s">
        <v>294</v>
      </c>
      <c r="K3606">
        <v>31</v>
      </c>
      <c r="L3606" t="s">
        <v>1960</v>
      </c>
      <c r="M3606">
        <v>1039</v>
      </c>
      <c r="N3606" t="s">
        <v>654</v>
      </c>
      <c r="O3606">
        <v>3</v>
      </c>
      <c r="P3606" t="s">
        <v>655</v>
      </c>
      <c r="Q3606">
        <v>1</v>
      </c>
      <c r="R3606" t="s">
        <v>656</v>
      </c>
      <c r="S3606">
        <v>2</v>
      </c>
      <c r="T3606" t="s">
        <v>661</v>
      </c>
      <c r="U3606">
        <v>8</v>
      </c>
      <c r="V3606">
        <v>2</v>
      </c>
      <c r="W3606">
        <v>120</v>
      </c>
      <c r="X3606">
        <v>2020</v>
      </c>
    </row>
    <row r="3607" spans="1:24" x14ac:dyDescent="0.25">
      <c r="A3607">
        <v>7389</v>
      </c>
      <c r="B3607" t="s">
        <v>22</v>
      </c>
      <c r="C3607">
        <v>28</v>
      </c>
      <c r="D3607" t="s">
        <v>513</v>
      </c>
      <c r="E3607">
        <v>217</v>
      </c>
      <c r="F3607" t="s">
        <v>651</v>
      </c>
      <c r="G3607">
        <v>160</v>
      </c>
      <c r="H3607" t="s">
        <v>675</v>
      </c>
      <c r="I3607">
        <v>5952</v>
      </c>
      <c r="J3607" t="s">
        <v>807</v>
      </c>
      <c r="K3607">
        <v>25</v>
      </c>
      <c r="L3607" t="s">
        <v>2764</v>
      </c>
      <c r="M3607">
        <v>1878</v>
      </c>
      <c r="N3607" t="s">
        <v>654</v>
      </c>
      <c r="O3607">
        <v>3</v>
      </c>
      <c r="P3607" t="s">
        <v>655</v>
      </c>
      <c r="Q3607">
        <v>1</v>
      </c>
      <c r="R3607" t="s">
        <v>656</v>
      </c>
      <c r="S3607">
        <v>2</v>
      </c>
      <c r="T3607" t="s">
        <v>661</v>
      </c>
      <c r="U3607">
        <v>8</v>
      </c>
      <c r="V3607">
        <v>2</v>
      </c>
      <c r="W3607">
        <v>120</v>
      </c>
      <c r="X3607">
        <v>2020</v>
      </c>
    </row>
    <row r="3608" spans="1:24" x14ac:dyDescent="0.25">
      <c r="A3608">
        <v>7387</v>
      </c>
      <c r="B3608" t="s">
        <v>22</v>
      </c>
      <c r="C3608">
        <v>28</v>
      </c>
      <c r="D3608" t="s">
        <v>528</v>
      </c>
      <c r="E3608">
        <v>215</v>
      </c>
      <c r="F3608" t="s">
        <v>651</v>
      </c>
      <c r="G3608">
        <v>160</v>
      </c>
      <c r="H3608" t="s">
        <v>675</v>
      </c>
      <c r="I3608">
        <v>5952</v>
      </c>
      <c r="J3608" t="s">
        <v>864</v>
      </c>
      <c r="K3608">
        <v>14</v>
      </c>
      <c r="L3608" t="s">
        <v>2765</v>
      </c>
      <c r="M3608">
        <v>1876</v>
      </c>
      <c r="N3608" t="s">
        <v>654</v>
      </c>
      <c r="O3608">
        <v>3</v>
      </c>
      <c r="P3608" t="s">
        <v>655</v>
      </c>
      <c r="Q3608">
        <v>1</v>
      </c>
      <c r="R3608" t="s">
        <v>656</v>
      </c>
      <c r="S3608">
        <v>2</v>
      </c>
      <c r="T3608" t="s">
        <v>661</v>
      </c>
      <c r="U3608">
        <v>8</v>
      </c>
      <c r="V3608">
        <v>2</v>
      </c>
      <c r="W3608">
        <v>120</v>
      </c>
      <c r="X3608">
        <v>2020</v>
      </c>
    </row>
    <row r="3609" spans="1:24" x14ac:dyDescent="0.25">
      <c r="A3609">
        <v>7386</v>
      </c>
      <c r="B3609" t="s">
        <v>22</v>
      </c>
      <c r="C3609">
        <v>28</v>
      </c>
      <c r="D3609" t="s">
        <v>528</v>
      </c>
      <c r="E3609">
        <v>215</v>
      </c>
      <c r="F3609" t="s">
        <v>651</v>
      </c>
      <c r="G3609">
        <v>160</v>
      </c>
      <c r="H3609" t="s">
        <v>675</v>
      </c>
      <c r="I3609">
        <v>5952</v>
      </c>
      <c r="J3609" t="s">
        <v>866</v>
      </c>
      <c r="K3609">
        <v>9</v>
      </c>
      <c r="L3609" t="s">
        <v>2766</v>
      </c>
      <c r="M3609">
        <v>1875</v>
      </c>
      <c r="N3609" t="s">
        <v>654</v>
      </c>
      <c r="O3609">
        <v>3</v>
      </c>
      <c r="P3609" t="s">
        <v>655</v>
      </c>
      <c r="Q3609">
        <v>1</v>
      </c>
      <c r="R3609" t="s">
        <v>656</v>
      </c>
      <c r="S3609">
        <v>2</v>
      </c>
      <c r="T3609" t="s">
        <v>661</v>
      </c>
      <c r="U3609">
        <v>8</v>
      </c>
      <c r="V3609">
        <v>2</v>
      </c>
      <c r="W3609">
        <v>120</v>
      </c>
      <c r="X3609">
        <v>2020</v>
      </c>
    </row>
    <row r="3610" spans="1:24" x14ac:dyDescent="0.25">
      <c r="A3610">
        <v>7385</v>
      </c>
      <c r="B3610" t="s">
        <v>22</v>
      </c>
      <c r="C3610">
        <v>28</v>
      </c>
      <c r="D3610" t="s">
        <v>526</v>
      </c>
      <c r="E3610">
        <v>220</v>
      </c>
      <c r="F3610" t="s">
        <v>734</v>
      </c>
      <c r="G3610">
        <v>122</v>
      </c>
      <c r="H3610" t="s">
        <v>735</v>
      </c>
      <c r="I3610">
        <v>13756</v>
      </c>
      <c r="J3610" t="s">
        <v>802</v>
      </c>
      <c r="K3610">
        <v>12</v>
      </c>
      <c r="L3610" t="s">
        <v>2767</v>
      </c>
      <c r="M3610">
        <v>1874</v>
      </c>
      <c r="N3610" t="s">
        <v>654</v>
      </c>
      <c r="O3610">
        <v>3</v>
      </c>
      <c r="P3610" t="s">
        <v>655</v>
      </c>
      <c r="Q3610">
        <v>1</v>
      </c>
      <c r="R3610" t="s">
        <v>656</v>
      </c>
      <c r="S3610">
        <v>2</v>
      </c>
      <c r="T3610" t="s">
        <v>661</v>
      </c>
      <c r="U3610">
        <v>8</v>
      </c>
      <c r="V3610">
        <v>2</v>
      </c>
      <c r="W3610">
        <v>120</v>
      </c>
      <c r="X3610">
        <v>2020</v>
      </c>
    </row>
    <row r="3611" spans="1:24" x14ac:dyDescent="0.25">
      <c r="A3611">
        <v>7383</v>
      </c>
      <c r="B3611" t="s">
        <v>22</v>
      </c>
      <c r="C3611">
        <v>28</v>
      </c>
      <c r="D3611" t="s">
        <v>526</v>
      </c>
      <c r="E3611">
        <v>220</v>
      </c>
      <c r="F3611" t="s">
        <v>734</v>
      </c>
      <c r="G3611">
        <v>122</v>
      </c>
      <c r="H3611" t="s">
        <v>2768</v>
      </c>
      <c r="I3611">
        <v>17519</v>
      </c>
      <c r="J3611" t="s">
        <v>691</v>
      </c>
      <c r="K3611">
        <v>21</v>
      </c>
      <c r="L3611" t="s">
        <v>2769</v>
      </c>
      <c r="M3611">
        <v>1872</v>
      </c>
      <c r="N3611" t="s">
        <v>654</v>
      </c>
      <c r="O3611">
        <v>3</v>
      </c>
      <c r="P3611" t="s">
        <v>655</v>
      </c>
      <c r="Q3611">
        <v>1</v>
      </c>
      <c r="R3611" t="s">
        <v>656</v>
      </c>
      <c r="S3611">
        <v>2</v>
      </c>
      <c r="T3611" t="s">
        <v>661</v>
      </c>
      <c r="U3611">
        <v>8</v>
      </c>
      <c r="V3611">
        <v>2</v>
      </c>
      <c r="W3611">
        <v>120</v>
      </c>
      <c r="X3611">
        <v>2020</v>
      </c>
    </row>
    <row r="3612" spans="1:24" x14ac:dyDescent="0.25">
      <c r="A3612">
        <v>7382</v>
      </c>
      <c r="B3612" t="s">
        <v>22</v>
      </c>
      <c r="C3612">
        <v>28</v>
      </c>
      <c r="D3612" t="s">
        <v>426</v>
      </c>
      <c r="E3612">
        <v>214</v>
      </c>
      <c r="F3612" t="s">
        <v>651</v>
      </c>
      <c r="G3612">
        <v>160</v>
      </c>
      <c r="H3612" t="s">
        <v>675</v>
      </c>
      <c r="I3612">
        <v>5952</v>
      </c>
      <c r="J3612" t="s">
        <v>691</v>
      </c>
      <c r="K3612">
        <v>21</v>
      </c>
      <c r="L3612" t="s">
        <v>2770</v>
      </c>
      <c r="M3612">
        <v>1871</v>
      </c>
      <c r="N3612" t="s">
        <v>654</v>
      </c>
      <c r="O3612">
        <v>3</v>
      </c>
      <c r="P3612" t="s">
        <v>655</v>
      </c>
      <c r="Q3612">
        <v>1</v>
      </c>
      <c r="R3612" t="s">
        <v>656</v>
      </c>
      <c r="S3612">
        <v>2</v>
      </c>
      <c r="T3612" t="s">
        <v>661</v>
      </c>
      <c r="U3612">
        <v>8</v>
      </c>
      <c r="V3612">
        <v>2</v>
      </c>
      <c r="W3612">
        <v>120</v>
      </c>
      <c r="X3612">
        <v>2020</v>
      </c>
    </row>
    <row r="3613" spans="1:24" x14ac:dyDescent="0.25">
      <c r="A3613">
        <v>7381</v>
      </c>
      <c r="B3613" t="s">
        <v>22</v>
      </c>
      <c r="C3613">
        <v>28</v>
      </c>
      <c r="D3613" t="s">
        <v>426</v>
      </c>
      <c r="E3613">
        <v>214</v>
      </c>
      <c r="F3613" t="s">
        <v>651</v>
      </c>
      <c r="G3613">
        <v>160</v>
      </c>
      <c r="H3613" t="s">
        <v>675</v>
      </c>
      <c r="I3613">
        <v>5952</v>
      </c>
      <c r="J3613" t="s">
        <v>663</v>
      </c>
      <c r="K3613">
        <v>99</v>
      </c>
      <c r="L3613" t="s">
        <v>1568</v>
      </c>
      <c r="M3613">
        <v>1870</v>
      </c>
      <c r="N3613" t="s">
        <v>654</v>
      </c>
      <c r="O3613">
        <v>3</v>
      </c>
      <c r="P3613" t="s">
        <v>655</v>
      </c>
      <c r="Q3613">
        <v>1</v>
      </c>
      <c r="R3613" t="s">
        <v>656</v>
      </c>
      <c r="S3613">
        <v>2</v>
      </c>
      <c r="T3613" t="s">
        <v>769</v>
      </c>
      <c r="U3613">
        <v>3</v>
      </c>
      <c r="V3613">
        <v>2</v>
      </c>
      <c r="W3613">
        <v>120</v>
      </c>
      <c r="X3613">
        <v>2020</v>
      </c>
    </row>
    <row r="3614" spans="1:24" x14ac:dyDescent="0.25">
      <c r="A3614">
        <v>7380</v>
      </c>
      <c r="B3614" t="s">
        <v>22</v>
      </c>
      <c r="C3614">
        <v>28</v>
      </c>
      <c r="D3614" t="s">
        <v>526</v>
      </c>
      <c r="E3614">
        <v>220</v>
      </c>
      <c r="F3614" t="s">
        <v>734</v>
      </c>
      <c r="G3614">
        <v>122</v>
      </c>
      <c r="H3614" t="s">
        <v>735</v>
      </c>
      <c r="I3614">
        <v>13756</v>
      </c>
      <c r="J3614" t="s">
        <v>663</v>
      </c>
      <c r="K3614">
        <v>99</v>
      </c>
      <c r="L3614" t="s">
        <v>2771</v>
      </c>
      <c r="M3614">
        <v>1869</v>
      </c>
      <c r="N3614" t="s">
        <v>654</v>
      </c>
      <c r="O3614">
        <v>3</v>
      </c>
      <c r="P3614" t="s">
        <v>655</v>
      </c>
      <c r="Q3614">
        <v>1</v>
      </c>
      <c r="R3614" t="s">
        <v>656</v>
      </c>
      <c r="S3614">
        <v>2</v>
      </c>
      <c r="T3614" t="s">
        <v>661</v>
      </c>
      <c r="U3614">
        <v>8</v>
      </c>
      <c r="V3614">
        <v>2</v>
      </c>
      <c r="W3614">
        <v>120</v>
      </c>
      <c r="X3614">
        <v>2020</v>
      </c>
    </row>
    <row r="3615" spans="1:24" x14ac:dyDescent="0.25">
      <c r="A3615">
        <v>7379</v>
      </c>
      <c r="B3615" t="s">
        <v>22</v>
      </c>
      <c r="C3615">
        <v>28</v>
      </c>
      <c r="D3615" t="s">
        <v>426</v>
      </c>
      <c r="E3615">
        <v>214</v>
      </c>
      <c r="F3615" t="s">
        <v>651</v>
      </c>
      <c r="G3615">
        <v>160</v>
      </c>
      <c r="H3615" t="s">
        <v>675</v>
      </c>
      <c r="I3615">
        <v>5952</v>
      </c>
      <c r="J3615" t="s">
        <v>663</v>
      </c>
      <c r="K3615">
        <v>99</v>
      </c>
      <c r="L3615" t="s">
        <v>2772</v>
      </c>
      <c r="M3615">
        <v>1868</v>
      </c>
      <c r="N3615" t="s">
        <v>654</v>
      </c>
      <c r="O3615">
        <v>3</v>
      </c>
      <c r="P3615" t="s">
        <v>655</v>
      </c>
      <c r="Q3615">
        <v>1</v>
      </c>
      <c r="R3615" t="s">
        <v>656</v>
      </c>
      <c r="S3615">
        <v>2</v>
      </c>
      <c r="T3615" t="s">
        <v>718</v>
      </c>
      <c r="U3615">
        <v>2</v>
      </c>
      <c r="V3615">
        <v>2</v>
      </c>
      <c r="W3615">
        <v>120</v>
      </c>
      <c r="X3615">
        <v>2020</v>
      </c>
    </row>
    <row r="3616" spans="1:24" x14ac:dyDescent="0.25">
      <c r="A3616">
        <v>7378</v>
      </c>
      <c r="B3616" t="s">
        <v>22</v>
      </c>
      <c r="C3616">
        <v>28</v>
      </c>
      <c r="D3616" t="s">
        <v>526</v>
      </c>
      <c r="E3616">
        <v>220</v>
      </c>
      <c r="F3616" t="s">
        <v>734</v>
      </c>
      <c r="G3616">
        <v>122</v>
      </c>
      <c r="H3616" t="s">
        <v>735</v>
      </c>
      <c r="I3616">
        <v>13756</v>
      </c>
      <c r="J3616" t="s">
        <v>663</v>
      </c>
      <c r="K3616">
        <v>99</v>
      </c>
      <c r="L3616" t="s">
        <v>664</v>
      </c>
      <c r="M3616">
        <v>1867</v>
      </c>
      <c r="N3616" t="s">
        <v>654</v>
      </c>
      <c r="O3616">
        <v>3</v>
      </c>
      <c r="P3616" t="s">
        <v>655</v>
      </c>
      <c r="Q3616">
        <v>1</v>
      </c>
      <c r="R3616" t="s">
        <v>656</v>
      </c>
      <c r="S3616">
        <v>2</v>
      </c>
      <c r="T3616" t="s">
        <v>718</v>
      </c>
      <c r="U3616">
        <v>2</v>
      </c>
      <c r="V3616">
        <v>2</v>
      </c>
      <c r="W3616">
        <v>120</v>
      </c>
      <c r="X3616">
        <v>2020</v>
      </c>
    </row>
    <row r="3617" spans="1:24" x14ac:dyDescent="0.25">
      <c r="A3617">
        <v>7377</v>
      </c>
      <c r="B3617" t="s">
        <v>22</v>
      </c>
      <c r="C3617">
        <v>28</v>
      </c>
      <c r="D3617" t="s">
        <v>426</v>
      </c>
      <c r="E3617">
        <v>214</v>
      </c>
      <c r="F3617" t="s">
        <v>651</v>
      </c>
      <c r="G3617">
        <v>160</v>
      </c>
      <c r="H3617" t="s">
        <v>675</v>
      </c>
      <c r="I3617">
        <v>5952</v>
      </c>
      <c r="J3617" t="s">
        <v>663</v>
      </c>
      <c r="K3617">
        <v>99</v>
      </c>
      <c r="L3617" t="s">
        <v>664</v>
      </c>
      <c r="M3617">
        <v>1867</v>
      </c>
      <c r="N3617" t="s">
        <v>654</v>
      </c>
      <c r="O3617">
        <v>3</v>
      </c>
      <c r="P3617" t="s">
        <v>655</v>
      </c>
      <c r="Q3617">
        <v>1</v>
      </c>
      <c r="R3617" t="s">
        <v>656</v>
      </c>
      <c r="S3617">
        <v>2</v>
      </c>
      <c r="T3617" t="s">
        <v>718</v>
      </c>
      <c r="U3617">
        <v>2</v>
      </c>
      <c r="V3617">
        <v>2</v>
      </c>
      <c r="W3617">
        <v>120</v>
      </c>
      <c r="X3617">
        <v>2020</v>
      </c>
    </row>
    <row r="3618" spans="1:24" x14ac:dyDescent="0.25">
      <c r="A3618">
        <v>7376</v>
      </c>
      <c r="B3618" t="s">
        <v>22</v>
      </c>
      <c r="C3618">
        <v>28</v>
      </c>
      <c r="D3618" t="s">
        <v>426</v>
      </c>
      <c r="E3618">
        <v>214</v>
      </c>
      <c r="F3618" t="s">
        <v>651</v>
      </c>
      <c r="G3618">
        <v>160</v>
      </c>
      <c r="H3618" t="s">
        <v>675</v>
      </c>
      <c r="I3618">
        <v>5952</v>
      </c>
      <c r="J3618" t="s">
        <v>663</v>
      </c>
      <c r="K3618">
        <v>99</v>
      </c>
      <c r="L3618" t="s">
        <v>2773</v>
      </c>
      <c r="M3618">
        <v>1866</v>
      </c>
      <c r="N3618" t="s">
        <v>654</v>
      </c>
      <c r="O3618">
        <v>3</v>
      </c>
      <c r="P3618" t="s">
        <v>655</v>
      </c>
      <c r="Q3618">
        <v>1</v>
      </c>
      <c r="R3618" t="s">
        <v>656</v>
      </c>
      <c r="S3618">
        <v>2</v>
      </c>
      <c r="T3618" t="s">
        <v>661</v>
      </c>
      <c r="U3618">
        <v>8</v>
      </c>
      <c r="V3618">
        <v>2</v>
      </c>
      <c r="W3618">
        <v>120</v>
      </c>
      <c r="X3618">
        <v>2020</v>
      </c>
    </row>
    <row r="3619" spans="1:24" x14ac:dyDescent="0.25">
      <c r="A3619">
        <v>7375</v>
      </c>
      <c r="B3619" t="s">
        <v>22</v>
      </c>
      <c r="C3619">
        <v>28</v>
      </c>
      <c r="D3619" t="s">
        <v>526</v>
      </c>
      <c r="E3619">
        <v>220</v>
      </c>
      <c r="F3619" t="s">
        <v>734</v>
      </c>
      <c r="G3619">
        <v>122</v>
      </c>
      <c r="H3619" t="s">
        <v>2768</v>
      </c>
      <c r="I3619">
        <v>17519</v>
      </c>
      <c r="J3619" t="s">
        <v>663</v>
      </c>
      <c r="K3619">
        <v>99</v>
      </c>
      <c r="L3619" t="s">
        <v>2774</v>
      </c>
      <c r="M3619">
        <v>1865</v>
      </c>
      <c r="N3619" t="s">
        <v>654</v>
      </c>
      <c r="O3619">
        <v>3</v>
      </c>
      <c r="P3619" t="s">
        <v>655</v>
      </c>
      <c r="Q3619">
        <v>1</v>
      </c>
      <c r="R3619" t="s">
        <v>656</v>
      </c>
      <c r="S3619">
        <v>2</v>
      </c>
      <c r="T3619" t="s">
        <v>1295</v>
      </c>
      <c r="U3619">
        <v>10</v>
      </c>
      <c r="V3619">
        <v>2</v>
      </c>
      <c r="W3619">
        <v>120</v>
      </c>
      <c r="X3619">
        <v>2020</v>
      </c>
    </row>
    <row r="3620" spans="1:24" x14ac:dyDescent="0.25">
      <c r="A3620">
        <v>7374</v>
      </c>
      <c r="B3620" t="s">
        <v>22</v>
      </c>
      <c r="C3620">
        <v>28</v>
      </c>
      <c r="D3620" t="s">
        <v>426</v>
      </c>
      <c r="E3620">
        <v>214</v>
      </c>
      <c r="F3620" t="s">
        <v>651</v>
      </c>
      <c r="G3620">
        <v>160</v>
      </c>
      <c r="H3620" t="s">
        <v>675</v>
      </c>
      <c r="I3620">
        <v>5952</v>
      </c>
      <c r="J3620" t="s">
        <v>663</v>
      </c>
      <c r="K3620">
        <v>99</v>
      </c>
      <c r="L3620" t="s">
        <v>2775</v>
      </c>
      <c r="M3620">
        <v>1864</v>
      </c>
      <c r="N3620" t="s">
        <v>654</v>
      </c>
      <c r="O3620">
        <v>3</v>
      </c>
      <c r="P3620" t="s">
        <v>655</v>
      </c>
      <c r="Q3620">
        <v>1</v>
      </c>
      <c r="R3620" t="s">
        <v>656</v>
      </c>
      <c r="S3620">
        <v>2</v>
      </c>
      <c r="T3620" t="s">
        <v>661</v>
      </c>
      <c r="U3620">
        <v>8</v>
      </c>
      <c r="V3620">
        <v>2</v>
      </c>
      <c r="W3620">
        <v>120</v>
      </c>
      <c r="X3620">
        <v>2020</v>
      </c>
    </row>
    <row r="3621" spans="1:24" x14ac:dyDescent="0.25">
      <c r="A3621">
        <v>7372</v>
      </c>
      <c r="B3621" t="s">
        <v>22</v>
      </c>
      <c r="C3621">
        <v>28</v>
      </c>
      <c r="D3621" t="s">
        <v>529</v>
      </c>
      <c r="E3621">
        <v>213</v>
      </c>
      <c r="F3621" t="s">
        <v>651</v>
      </c>
      <c r="G3621">
        <v>160</v>
      </c>
      <c r="H3621" t="s">
        <v>675</v>
      </c>
      <c r="I3621">
        <v>5952</v>
      </c>
      <c r="J3621" t="s">
        <v>897</v>
      </c>
      <c r="K3621">
        <v>3</v>
      </c>
      <c r="L3621" t="s">
        <v>2776</v>
      </c>
      <c r="M3621">
        <v>1863</v>
      </c>
      <c r="N3621" t="s">
        <v>654</v>
      </c>
      <c r="O3621">
        <v>3</v>
      </c>
      <c r="P3621" t="s">
        <v>655</v>
      </c>
      <c r="Q3621">
        <v>1</v>
      </c>
      <c r="R3621" t="s">
        <v>656</v>
      </c>
      <c r="S3621">
        <v>2</v>
      </c>
      <c r="T3621" t="s">
        <v>661</v>
      </c>
      <c r="U3621">
        <v>8</v>
      </c>
      <c r="V3621">
        <v>2</v>
      </c>
      <c r="W3621">
        <v>120</v>
      </c>
      <c r="X3621">
        <v>2020</v>
      </c>
    </row>
    <row r="3622" spans="1:24" x14ac:dyDescent="0.25">
      <c r="A3622">
        <v>7371</v>
      </c>
      <c r="B3622" t="s">
        <v>22</v>
      </c>
      <c r="C3622">
        <v>28</v>
      </c>
      <c r="D3622" t="s">
        <v>529</v>
      </c>
      <c r="E3622">
        <v>213</v>
      </c>
      <c r="F3622" t="s">
        <v>651</v>
      </c>
      <c r="G3622">
        <v>160</v>
      </c>
      <c r="H3622" t="s">
        <v>675</v>
      </c>
      <c r="I3622">
        <v>5952</v>
      </c>
      <c r="J3622" t="s">
        <v>726</v>
      </c>
      <c r="K3622">
        <v>2</v>
      </c>
      <c r="L3622" t="s">
        <v>2777</v>
      </c>
      <c r="M3622">
        <v>1862</v>
      </c>
      <c r="N3622" t="s">
        <v>654</v>
      </c>
      <c r="O3622">
        <v>3</v>
      </c>
      <c r="P3622" t="s">
        <v>655</v>
      </c>
      <c r="Q3622">
        <v>1</v>
      </c>
      <c r="R3622" t="s">
        <v>656</v>
      </c>
      <c r="S3622">
        <v>2</v>
      </c>
      <c r="T3622" t="s">
        <v>661</v>
      </c>
      <c r="U3622">
        <v>8</v>
      </c>
      <c r="V3622">
        <v>2</v>
      </c>
      <c r="W3622">
        <v>120</v>
      </c>
      <c r="X3622">
        <v>2020</v>
      </c>
    </row>
    <row r="3623" spans="1:24" x14ac:dyDescent="0.25">
      <c r="A3623">
        <v>7370</v>
      </c>
      <c r="B3623" t="s">
        <v>22</v>
      </c>
      <c r="C3623">
        <v>28</v>
      </c>
      <c r="D3623" t="s">
        <v>529</v>
      </c>
      <c r="E3623">
        <v>213</v>
      </c>
      <c r="F3623" t="s">
        <v>651</v>
      </c>
      <c r="G3623">
        <v>160</v>
      </c>
      <c r="H3623" t="s">
        <v>675</v>
      </c>
      <c r="I3623">
        <v>5952</v>
      </c>
      <c r="J3623" t="s">
        <v>736</v>
      </c>
      <c r="K3623">
        <v>8</v>
      </c>
      <c r="L3623" t="s">
        <v>2778</v>
      </c>
      <c r="M3623">
        <v>1861</v>
      </c>
      <c r="N3623" t="s">
        <v>654</v>
      </c>
      <c r="O3623">
        <v>3</v>
      </c>
      <c r="P3623" t="s">
        <v>655</v>
      </c>
      <c r="Q3623">
        <v>1</v>
      </c>
      <c r="R3623" t="s">
        <v>656</v>
      </c>
      <c r="S3623">
        <v>2</v>
      </c>
      <c r="T3623" t="s">
        <v>661</v>
      </c>
      <c r="U3623">
        <v>8</v>
      </c>
      <c r="V3623">
        <v>2</v>
      </c>
      <c r="W3623">
        <v>120</v>
      </c>
      <c r="X3623">
        <v>2020</v>
      </c>
    </row>
    <row r="3624" spans="1:24" x14ac:dyDescent="0.25">
      <c r="A3624">
        <v>7369</v>
      </c>
      <c r="B3624" t="s">
        <v>22</v>
      </c>
      <c r="C3624">
        <v>28</v>
      </c>
      <c r="D3624" t="s">
        <v>530</v>
      </c>
      <c r="E3624">
        <v>211</v>
      </c>
      <c r="F3624" t="s">
        <v>651</v>
      </c>
      <c r="G3624">
        <v>160</v>
      </c>
      <c r="H3624" t="s">
        <v>675</v>
      </c>
      <c r="I3624">
        <v>5952</v>
      </c>
      <c r="J3624" t="s">
        <v>736</v>
      </c>
      <c r="K3624">
        <v>8</v>
      </c>
      <c r="L3624" t="s">
        <v>2779</v>
      </c>
      <c r="M3624">
        <v>1860</v>
      </c>
      <c r="N3624" t="s">
        <v>654</v>
      </c>
      <c r="O3624">
        <v>3</v>
      </c>
      <c r="P3624" t="s">
        <v>655</v>
      </c>
      <c r="Q3624">
        <v>1</v>
      </c>
      <c r="R3624" t="s">
        <v>656</v>
      </c>
      <c r="S3624">
        <v>2</v>
      </c>
      <c r="T3624" t="s">
        <v>661</v>
      </c>
      <c r="U3624">
        <v>8</v>
      </c>
      <c r="V3624">
        <v>2</v>
      </c>
      <c r="W3624">
        <v>120</v>
      </c>
      <c r="X3624">
        <v>2020</v>
      </c>
    </row>
    <row r="3625" spans="1:24" x14ac:dyDescent="0.25">
      <c r="A3625">
        <v>7368</v>
      </c>
      <c r="B3625" t="s">
        <v>22</v>
      </c>
      <c r="C3625">
        <v>28</v>
      </c>
      <c r="D3625" t="s">
        <v>530</v>
      </c>
      <c r="E3625">
        <v>211</v>
      </c>
      <c r="F3625" t="s">
        <v>651</v>
      </c>
      <c r="G3625">
        <v>160</v>
      </c>
      <c r="H3625" t="s">
        <v>675</v>
      </c>
      <c r="I3625">
        <v>5952</v>
      </c>
      <c r="J3625" t="s">
        <v>705</v>
      </c>
      <c r="K3625">
        <v>70</v>
      </c>
      <c r="L3625" t="s">
        <v>1904</v>
      </c>
      <c r="M3625">
        <v>1859</v>
      </c>
      <c r="N3625" t="s">
        <v>654</v>
      </c>
      <c r="O3625">
        <v>3</v>
      </c>
      <c r="P3625" t="s">
        <v>655</v>
      </c>
      <c r="Q3625">
        <v>1</v>
      </c>
      <c r="R3625" t="s">
        <v>656</v>
      </c>
      <c r="S3625">
        <v>2</v>
      </c>
      <c r="T3625" t="s">
        <v>661</v>
      </c>
      <c r="U3625">
        <v>8</v>
      </c>
      <c r="V3625">
        <v>2</v>
      </c>
      <c r="W3625">
        <v>120</v>
      </c>
      <c r="X3625">
        <v>2020</v>
      </c>
    </row>
    <row r="3626" spans="1:24" x14ac:dyDescent="0.25">
      <c r="A3626">
        <v>7367</v>
      </c>
      <c r="B3626" t="s">
        <v>22</v>
      </c>
      <c r="C3626">
        <v>28</v>
      </c>
      <c r="D3626" t="s">
        <v>530</v>
      </c>
      <c r="E3626">
        <v>211</v>
      </c>
      <c r="F3626" t="s">
        <v>651</v>
      </c>
      <c r="G3626">
        <v>160</v>
      </c>
      <c r="H3626" t="s">
        <v>675</v>
      </c>
      <c r="I3626">
        <v>5952</v>
      </c>
      <c r="J3626" t="s">
        <v>730</v>
      </c>
      <c r="K3626">
        <v>66</v>
      </c>
      <c r="L3626" t="s">
        <v>2780</v>
      </c>
      <c r="M3626">
        <v>1858</v>
      </c>
      <c r="N3626" t="s">
        <v>654</v>
      </c>
      <c r="O3626">
        <v>3</v>
      </c>
      <c r="P3626" t="s">
        <v>655</v>
      </c>
      <c r="Q3626">
        <v>1</v>
      </c>
      <c r="R3626" t="s">
        <v>656</v>
      </c>
      <c r="S3626">
        <v>2</v>
      </c>
      <c r="T3626" t="s">
        <v>661</v>
      </c>
      <c r="U3626">
        <v>8</v>
      </c>
      <c r="V3626">
        <v>2</v>
      </c>
      <c r="W3626">
        <v>120</v>
      </c>
      <c r="X3626">
        <v>2020</v>
      </c>
    </row>
    <row r="3627" spans="1:24" x14ac:dyDescent="0.25">
      <c r="A3627">
        <v>7366</v>
      </c>
      <c r="B3627" t="s">
        <v>22</v>
      </c>
      <c r="C3627">
        <v>28</v>
      </c>
      <c r="D3627" t="s">
        <v>526</v>
      </c>
      <c r="E3627">
        <v>220</v>
      </c>
      <c r="F3627" t="s">
        <v>734</v>
      </c>
      <c r="G3627">
        <v>122</v>
      </c>
      <c r="H3627" t="s">
        <v>735</v>
      </c>
      <c r="I3627">
        <v>13756</v>
      </c>
      <c r="J3627" t="s">
        <v>880</v>
      </c>
      <c r="K3627">
        <v>58</v>
      </c>
      <c r="L3627" t="s">
        <v>2781</v>
      </c>
      <c r="M3627">
        <v>1854</v>
      </c>
      <c r="N3627" t="s">
        <v>654</v>
      </c>
      <c r="O3627">
        <v>3</v>
      </c>
      <c r="P3627" t="s">
        <v>655</v>
      </c>
      <c r="Q3627">
        <v>1</v>
      </c>
      <c r="R3627" t="s">
        <v>656</v>
      </c>
      <c r="S3627">
        <v>2</v>
      </c>
      <c r="T3627" t="s">
        <v>661</v>
      </c>
      <c r="U3627">
        <v>8</v>
      </c>
      <c r="V3627">
        <v>2</v>
      </c>
      <c r="W3627">
        <v>120</v>
      </c>
      <c r="X3627">
        <v>2020</v>
      </c>
    </row>
    <row r="3628" spans="1:24" x14ac:dyDescent="0.25">
      <c r="A3628">
        <v>7365</v>
      </c>
      <c r="B3628" t="s">
        <v>22</v>
      </c>
      <c r="C3628">
        <v>28</v>
      </c>
      <c r="D3628" t="s">
        <v>530</v>
      </c>
      <c r="E3628">
        <v>211</v>
      </c>
      <c r="F3628" t="s">
        <v>651</v>
      </c>
      <c r="G3628">
        <v>160</v>
      </c>
      <c r="H3628" t="s">
        <v>675</v>
      </c>
      <c r="I3628">
        <v>5952</v>
      </c>
      <c r="J3628" t="s">
        <v>880</v>
      </c>
      <c r="K3628">
        <v>58</v>
      </c>
      <c r="L3628" t="s">
        <v>2782</v>
      </c>
      <c r="M3628">
        <v>1857</v>
      </c>
      <c r="N3628" t="s">
        <v>654</v>
      </c>
      <c r="O3628">
        <v>3</v>
      </c>
      <c r="P3628" t="s">
        <v>655</v>
      </c>
      <c r="Q3628">
        <v>1</v>
      </c>
      <c r="R3628" t="s">
        <v>656</v>
      </c>
      <c r="S3628">
        <v>2</v>
      </c>
      <c r="T3628" t="s">
        <v>661</v>
      </c>
      <c r="U3628">
        <v>8</v>
      </c>
      <c r="V3628">
        <v>2</v>
      </c>
      <c r="W3628">
        <v>120</v>
      </c>
      <c r="X3628">
        <v>2020</v>
      </c>
    </row>
    <row r="3629" spans="1:24" x14ac:dyDescent="0.25">
      <c r="A3629">
        <v>7364</v>
      </c>
      <c r="B3629" t="s">
        <v>22</v>
      </c>
      <c r="C3629">
        <v>28</v>
      </c>
      <c r="D3629" t="s">
        <v>530</v>
      </c>
      <c r="E3629">
        <v>211</v>
      </c>
      <c r="F3629" t="s">
        <v>651</v>
      </c>
      <c r="G3629">
        <v>160</v>
      </c>
      <c r="H3629" t="s">
        <v>675</v>
      </c>
      <c r="I3629">
        <v>5952</v>
      </c>
      <c r="J3629" t="s">
        <v>880</v>
      </c>
      <c r="K3629">
        <v>58</v>
      </c>
      <c r="L3629" t="s">
        <v>2783</v>
      </c>
      <c r="M3629">
        <v>1856</v>
      </c>
      <c r="N3629" t="s">
        <v>654</v>
      </c>
      <c r="O3629">
        <v>3</v>
      </c>
      <c r="P3629" t="s">
        <v>655</v>
      </c>
      <c r="Q3629">
        <v>1</v>
      </c>
      <c r="R3629" t="s">
        <v>656</v>
      </c>
      <c r="S3629">
        <v>2</v>
      </c>
      <c r="T3629" t="s">
        <v>661</v>
      </c>
      <c r="U3629">
        <v>8</v>
      </c>
      <c r="V3629">
        <v>2</v>
      </c>
      <c r="W3629">
        <v>120</v>
      </c>
      <c r="X3629">
        <v>2020</v>
      </c>
    </row>
    <row r="3630" spans="1:24" x14ac:dyDescent="0.25">
      <c r="A3630">
        <v>7363</v>
      </c>
      <c r="B3630" t="s">
        <v>22</v>
      </c>
      <c r="C3630">
        <v>28</v>
      </c>
      <c r="D3630" t="s">
        <v>530</v>
      </c>
      <c r="E3630">
        <v>211</v>
      </c>
      <c r="F3630" t="s">
        <v>651</v>
      </c>
      <c r="G3630">
        <v>160</v>
      </c>
      <c r="H3630" t="s">
        <v>675</v>
      </c>
      <c r="I3630">
        <v>5952</v>
      </c>
      <c r="J3630" t="s">
        <v>880</v>
      </c>
      <c r="K3630">
        <v>58</v>
      </c>
      <c r="L3630" t="s">
        <v>2784</v>
      </c>
      <c r="M3630">
        <v>1855</v>
      </c>
      <c r="N3630" t="s">
        <v>654</v>
      </c>
      <c r="O3630">
        <v>3</v>
      </c>
      <c r="P3630" t="s">
        <v>655</v>
      </c>
      <c r="Q3630">
        <v>1</v>
      </c>
      <c r="R3630" t="s">
        <v>656</v>
      </c>
      <c r="S3630">
        <v>2</v>
      </c>
      <c r="T3630" t="s">
        <v>661</v>
      </c>
      <c r="U3630">
        <v>8</v>
      </c>
      <c r="V3630">
        <v>2</v>
      </c>
      <c r="W3630">
        <v>120</v>
      </c>
      <c r="X3630">
        <v>2020</v>
      </c>
    </row>
    <row r="3631" spans="1:24" x14ac:dyDescent="0.25">
      <c r="A3631">
        <v>7362</v>
      </c>
      <c r="B3631" t="s">
        <v>22</v>
      </c>
      <c r="C3631">
        <v>28</v>
      </c>
      <c r="D3631" t="s">
        <v>530</v>
      </c>
      <c r="E3631">
        <v>211</v>
      </c>
      <c r="F3631" t="s">
        <v>651</v>
      </c>
      <c r="G3631">
        <v>160</v>
      </c>
      <c r="H3631" t="s">
        <v>675</v>
      </c>
      <c r="I3631">
        <v>5952</v>
      </c>
      <c r="J3631" t="s">
        <v>880</v>
      </c>
      <c r="K3631">
        <v>58</v>
      </c>
      <c r="L3631" t="s">
        <v>2781</v>
      </c>
      <c r="M3631">
        <v>1854</v>
      </c>
      <c r="N3631" t="s">
        <v>654</v>
      </c>
      <c r="O3631">
        <v>3</v>
      </c>
      <c r="P3631" t="s">
        <v>655</v>
      </c>
      <c r="Q3631">
        <v>1</v>
      </c>
      <c r="R3631" t="s">
        <v>656</v>
      </c>
      <c r="S3631">
        <v>2</v>
      </c>
      <c r="T3631" t="s">
        <v>661</v>
      </c>
      <c r="U3631">
        <v>8</v>
      </c>
      <c r="V3631">
        <v>2</v>
      </c>
      <c r="W3631">
        <v>120</v>
      </c>
      <c r="X3631">
        <v>2020</v>
      </c>
    </row>
    <row r="3632" spans="1:24" x14ac:dyDescent="0.25">
      <c r="A3632">
        <v>7361</v>
      </c>
      <c r="B3632" t="s">
        <v>22</v>
      </c>
      <c r="C3632">
        <v>28</v>
      </c>
      <c r="D3632" t="s">
        <v>477</v>
      </c>
      <c r="E3632">
        <v>206</v>
      </c>
      <c r="F3632" t="s">
        <v>651</v>
      </c>
      <c r="G3632">
        <v>160</v>
      </c>
      <c r="H3632" t="s">
        <v>675</v>
      </c>
      <c r="I3632">
        <v>5952</v>
      </c>
      <c r="J3632" t="s">
        <v>848</v>
      </c>
      <c r="K3632">
        <v>62</v>
      </c>
      <c r="L3632" t="s">
        <v>2785</v>
      </c>
      <c r="M3632">
        <v>1853</v>
      </c>
      <c r="N3632" t="s">
        <v>654</v>
      </c>
      <c r="O3632">
        <v>3</v>
      </c>
      <c r="P3632" t="s">
        <v>655</v>
      </c>
      <c r="Q3632">
        <v>1</v>
      </c>
      <c r="R3632" t="s">
        <v>656</v>
      </c>
      <c r="S3632">
        <v>2</v>
      </c>
      <c r="T3632" t="s">
        <v>718</v>
      </c>
      <c r="U3632">
        <v>2</v>
      </c>
      <c r="V3632">
        <v>2</v>
      </c>
      <c r="W3632">
        <v>120</v>
      </c>
      <c r="X3632">
        <v>2020</v>
      </c>
    </row>
    <row r="3633" spans="1:24" x14ac:dyDescent="0.25">
      <c r="A3633">
        <v>7360</v>
      </c>
      <c r="B3633" t="s">
        <v>22</v>
      </c>
      <c r="C3633">
        <v>28</v>
      </c>
      <c r="D3633" t="s">
        <v>529</v>
      </c>
      <c r="E3633">
        <v>213</v>
      </c>
      <c r="F3633" t="s">
        <v>651</v>
      </c>
      <c r="G3633">
        <v>160</v>
      </c>
      <c r="H3633" t="s">
        <v>675</v>
      </c>
      <c r="I3633">
        <v>5952</v>
      </c>
      <c r="J3633" t="s">
        <v>848</v>
      </c>
      <c r="K3633">
        <v>62</v>
      </c>
      <c r="L3633" t="s">
        <v>2786</v>
      </c>
      <c r="M3633">
        <v>1852</v>
      </c>
      <c r="N3633" t="s">
        <v>654</v>
      </c>
      <c r="O3633">
        <v>3</v>
      </c>
      <c r="P3633" t="s">
        <v>655</v>
      </c>
      <c r="Q3633">
        <v>1</v>
      </c>
      <c r="R3633" t="s">
        <v>656</v>
      </c>
      <c r="S3633">
        <v>2</v>
      </c>
      <c r="T3633" t="s">
        <v>661</v>
      </c>
      <c r="U3633">
        <v>8</v>
      </c>
      <c r="V3633">
        <v>2</v>
      </c>
      <c r="W3633">
        <v>120</v>
      </c>
      <c r="X3633">
        <v>2020</v>
      </c>
    </row>
    <row r="3634" spans="1:24" x14ac:dyDescent="0.25">
      <c r="A3634">
        <v>7359</v>
      </c>
      <c r="B3634" t="s">
        <v>22</v>
      </c>
      <c r="C3634">
        <v>28</v>
      </c>
      <c r="D3634" t="s">
        <v>531</v>
      </c>
      <c r="E3634">
        <v>210</v>
      </c>
      <c r="F3634" t="s">
        <v>651</v>
      </c>
      <c r="G3634">
        <v>160</v>
      </c>
      <c r="H3634" t="s">
        <v>1231</v>
      </c>
      <c r="I3634">
        <v>3308</v>
      </c>
      <c r="J3634" t="s">
        <v>848</v>
      </c>
      <c r="K3634">
        <v>62</v>
      </c>
      <c r="L3634" t="s">
        <v>2787</v>
      </c>
      <c r="M3634">
        <v>1851</v>
      </c>
      <c r="N3634" t="s">
        <v>654</v>
      </c>
      <c r="O3634">
        <v>3</v>
      </c>
      <c r="P3634" t="s">
        <v>655</v>
      </c>
      <c r="Q3634">
        <v>1</v>
      </c>
      <c r="R3634" t="s">
        <v>656</v>
      </c>
      <c r="S3634">
        <v>2</v>
      </c>
      <c r="T3634" t="s">
        <v>661</v>
      </c>
      <c r="U3634">
        <v>8</v>
      </c>
      <c r="V3634">
        <v>2</v>
      </c>
      <c r="W3634">
        <v>120</v>
      </c>
      <c r="X3634">
        <v>2020</v>
      </c>
    </row>
    <row r="3635" spans="1:24" x14ac:dyDescent="0.25">
      <c r="A3635">
        <v>7358</v>
      </c>
      <c r="B3635" t="s">
        <v>22</v>
      </c>
      <c r="C3635">
        <v>28</v>
      </c>
      <c r="D3635" t="s">
        <v>477</v>
      </c>
      <c r="E3635">
        <v>206</v>
      </c>
      <c r="F3635" t="s">
        <v>651</v>
      </c>
      <c r="G3635">
        <v>160</v>
      </c>
      <c r="H3635" t="s">
        <v>675</v>
      </c>
      <c r="I3635">
        <v>5952</v>
      </c>
      <c r="J3635" t="s">
        <v>848</v>
      </c>
      <c r="K3635">
        <v>62</v>
      </c>
      <c r="L3635" t="s">
        <v>2788</v>
      </c>
      <c r="M3635">
        <v>1850</v>
      </c>
      <c r="N3635" t="s">
        <v>654</v>
      </c>
      <c r="O3635">
        <v>3</v>
      </c>
      <c r="P3635" t="s">
        <v>655</v>
      </c>
      <c r="Q3635">
        <v>1</v>
      </c>
      <c r="R3635" t="s">
        <v>656</v>
      </c>
      <c r="S3635">
        <v>2</v>
      </c>
      <c r="T3635" t="s">
        <v>661</v>
      </c>
      <c r="U3635">
        <v>8</v>
      </c>
      <c r="V3635">
        <v>2</v>
      </c>
      <c r="W3635">
        <v>120</v>
      </c>
      <c r="X3635">
        <v>2020</v>
      </c>
    </row>
    <row r="3636" spans="1:24" x14ac:dyDescent="0.25">
      <c r="A3636">
        <v>7357</v>
      </c>
      <c r="B3636" t="s">
        <v>22</v>
      </c>
      <c r="C3636">
        <v>28</v>
      </c>
      <c r="D3636" t="s">
        <v>526</v>
      </c>
      <c r="E3636">
        <v>220</v>
      </c>
      <c r="F3636" t="s">
        <v>734</v>
      </c>
      <c r="G3636">
        <v>122</v>
      </c>
      <c r="H3636" t="s">
        <v>735</v>
      </c>
      <c r="I3636">
        <v>13756</v>
      </c>
      <c r="J3636" t="s">
        <v>1236</v>
      </c>
      <c r="K3636">
        <v>60</v>
      </c>
      <c r="L3636" t="s">
        <v>2789</v>
      </c>
      <c r="M3636">
        <v>1849</v>
      </c>
      <c r="N3636" t="s">
        <v>654</v>
      </c>
      <c r="O3636">
        <v>3</v>
      </c>
      <c r="P3636" t="s">
        <v>655</v>
      </c>
      <c r="Q3636">
        <v>1</v>
      </c>
      <c r="R3636" t="s">
        <v>656</v>
      </c>
      <c r="S3636">
        <v>2</v>
      </c>
      <c r="T3636" t="s">
        <v>661</v>
      </c>
      <c r="U3636">
        <v>8</v>
      </c>
      <c r="V3636">
        <v>2</v>
      </c>
      <c r="W3636">
        <v>120</v>
      </c>
      <c r="X3636">
        <v>2020</v>
      </c>
    </row>
    <row r="3637" spans="1:24" x14ac:dyDescent="0.25">
      <c r="A3637">
        <v>7356</v>
      </c>
      <c r="B3637" t="s">
        <v>22</v>
      </c>
      <c r="C3637">
        <v>28</v>
      </c>
      <c r="D3637" t="s">
        <v>477</v>
      </c>
      <c r="E3637">
        <v>206</v>
      </c>
      <c r="F3637" t="s">
        <v>651</v>
      </c>
      <c r="G3637">
        <v>160</v>
      </c>
      <c r="H3637" t="s">
        <v>675</v>
      </c>
      <c r="I3637">
        <v>5952</v>
      </c>
      <c r="J3637" t="s">
        <v>1236</v>
      </c>
      <c r="K3637">
        <v>60</v>
      </c>
      <c r="L3637" t="s">
        <v>2790</v>
      </c>
      <c r="M3637">
        <v>1848</v>
      </c>
      <c r="N3637" t="s">
        <v>654</v>
      </c>
      <c r="O3637">
        <v>3</v>
      </c>
      <c r="P3637" t="s">
        <v>655</v>
      </c>
      <c r="Q3637">
        <v>1</v>
      </c>
      <c r="R3637" t="s">
        <v>656</v>
      </c>
      <c r="S3637">
        <v>2</v>
      </c>
      <c r="T3637" t="s">
        <v>661</v>
      </c>
      <c r="U3637">
        <v>8</v>
      </c>
      <c r="V3637">
        <v>2</v>
      </c>
      <c r="W3637">
        <v>120</v>
      </c>
      <c r="X3637">
        <v>2020</v>
      </c>
    </row>
    <row r="3638" spans="1:24" x14ac:dyDescent="0.25">
      <c r="A3638">
        <v>7353</v>
      </c>
      <c r="B3638" t="s">
        <v>22</v>
      </c>
      <c r="C3638">
        <v>28</v>
      </c>
      <c r="D3638" t="s">
        <v>532</v>
      </c>
      <c r="E3638">
        <v>208</v>
      </c>
      <c r="F3638" t="s">
        <v>651</v>
      </c>
      <c r="G3638">
        <v>160</v>
      </c>
      <c r="H3638" t="s">
        <v>675</v>
      </c>
      <c r="I3638">
        <v>5952</v>
      </c>
      <c r="J3638" t="s">
        <v>767</v>
      </c>
      <c r="K3638">
        <v>44</v>
      </c>
      <c r="L3638" t="s">
        <v>2791</v>
      </c>
      <c r="M3638">
        <v>1845</v>
      </c>
      <c r="N3638" t="s">
        <v>654</v>
      </c>
      <c r="O3638">
        <v>3</v>
      </c>
      <c r="P3638" t="s">
        <v>655</v>
      </c>
      <c r="Q3638">
        <v>1</v>
      </c>
      <c r="R3638" t="s">
        <v>656</v>
      </c>
      <c r="S3638">
        <v>2</v>
      </c>
      <c r="T3638" t="s">
        <v>661</v>
      </c>
      <c r="U3638">
        <v>8</v>
      </c>
      <c r="V3638">
        <v>2</v>
      </c>
      <c r="W3638">
        <v>120</v>
      </c>
      <c r="X3638">
        <v>2020</v>
      </c>
    </row>
    <row r="3639" spans="1:24" x14ac:dyDescent="0.25">
      <c r="A3639">
        <v>7351</v>
      </c>
      <c r="B3639" t="s">
        <v>22</v>
      </c>
      <c r="C3639">
        <v>28</v>
      </c>
      <c r="D3639" t="s">
        <v>532</v>
      </c>
      <c r="E3639">
        <v>208</v>
      </c>
      <c r="F3639" t="s">
        <v>651</v>
      </c>
      <c r="G3639">
        <v>160</v>
      </c>
      <c r="H3639" t="s">
        <v>675</v>
      </c>
      <c r="I3639">
        <v>5952</v>
      </c>
      <c r="J3639" t="s">
        <v>797</v>
      </c>
      <c r="K3639">
        <v>65</v>
      </c>
      <c r="L3639" t="s">
        <v>2792</v>
      </c>
      <c r="M3639">
        <v>1844</v>
      </c>
      <c r="N3639" t="s">
        <v>654</v>
      </c>
      <c r="O3639">
        <v>3</v>
      </c>
      <c r="P3639" t="s">
        <v>655</v>
      </c>
      <c r="Q3639">
        <v>1</v>
      </c>
      <c r="R3639" t="s">
        <v>656</v>
      </c>
      <c r="S3639">
        <v>2</v>
      </c>
      <c r="T3639" t="s">
        <v>661</v>
      </c>
      <c r="U3639">
        <v>8</v>
      </c>
      <c r="V3639">
        <v>2</v>
      </c>
      <c r="W3639">
        <v>120</v>
      </c>
      <c r="X3639">
        <v>2020</v>
      </c>
    </row>
    <row r="3640" spans="1:24" x14ac:dyDescent="0.25">
      <c r="A3640">
        <v>7350</v>
      </c>
      <c r="B3640" t="s">
        <v>22</v>
      </c>
      <c r="C3640">
        <v>28</v>
      </c>
      <c r="D3640" t="s">
        <v>532</v>
      </c>
      <c r="E3640">
        <v>208</v>
      </c>
      <c r="F3640" t="s">
        <v>651</v>
      </c>
      <c r="G3640">
        <v>160</v>
      </c>
      <c r="H3640" t="s">
        <v>675</v>
      </c>
      <c r="I3640">
        <v>5952</v>
      </c>
      <c r="J3640" t="s">
        <v>710</v>
      </c>
      <c r="K3640">
        <v>53</v>
      </c>
      <c r="L3640" t="s">
        <v>2793</v>
      </c>
      <c r="M3640">
        <v>1843</v>
      </c>
      <c r="N3640" t="s">
        <v>654</v>
      </c>
      <c r="O3640">
        <v>3</v>
      </c>
      <c r="P3640" t="s">
        <v>655</v>
      </c>
      <c r="Q3640">
        <v>1</v>
      </c>
      <c r="R3640" t="s">
        <v>656</v>
      </c>
      <c r="S3640">
        <v>2</v>
      </c>
      <c r="T3640" t="s">
        <v>718</v>
      </c>
      <c r="U3640">
        <v>2</v>
      </c>
      <c r="V3640">
        <v>2</v>
      </c>
      <c r="W3640">
        <v>120</v>
      </c>
      <c r="X3640">
        <v>2020</v>
      </c>
    </row>
    <row r="3641" spans="1:24" x14ac:dyDescent="0.25">
      <c r="A3641">
        <v>7349</v>
      </c>
      <c r="B3641" t="s">
        <v>22</v>
      </c>
      <c r="C3641">
        <v>28</v>
      </c>
      <c r="D3641" t="s">
        <v>532</v>
      </c>
      <c r="E3641">
        <v>208</v>
      </c>
      <c r="F3641" t="s">
        <v>651</v>
      </c>
      <c r="G3641">
        <v>160</v>
      </c>
      <c r="H3641" t="s">
        <v>675</v>
      </c>
      <c r="I3641">
        <v>5952</v>
      </c>
      <c r="J3641" t="s">
        <v>710</v>
      </c>
      <c r="K3641">
        <v>53</v>
      </c>
      <c r="L3641" t="s">
        <v>2794</v>
      </c>
      <c r="M3641">
        <v>1816</v>
      </c>
      <c r="N3641" t="s">
        <v>654</v>
      </c>
      <c r="O3641">
        <v>3</v>
      </c>
      <c r="P3641" t="s">
        <v>655</v>
      </c>
      <c r="Q3641">
        <v>1</v>
      </c>
      <c r="R3641" t="s">
        <v>656</v>
      </c>
      <c r="S3641">
        <v>2</v>
      </c>
      <c r="T3641" t="s">
        <v>661</v>
      </c>
      <c r="U3641">
        <v>8</v>
      </c>
      <c r="V3641">
        <v>2</v>
      </c>
      <c r="W3641">
        <v>120</v>
      </c>
      <c r="X3641">
        <v>2020</v>
      </c>
    </row>
    <row r="3642" spans="1:24" x14ac:dyDescent="0.25">
      <c r="A3642">
        <v>7348</v>
      </c>
      <c r="B3642" t="s">
        <v>22</v>
      </c>
      <c r="C3642">
        <v>28</v>
      </c>
      <c r="D3642" t="s">
        <v>532</v>
      </c>
      <c r="E3642">
        <v>208</v>
      </c>
      <c r="F3642" t="s">
        <v>651</v>
      </c>
      <c r="G3642">
        <v>160</v>
      </c>
      <c r="H3642" t="s">
        <v>675</v>
      </c>
      <c r="I3642">
        <v>5952</v>
      </c>
      <c r="J3642" t="s">
        <v>710</v>
      </c>
      <c r="K3642">
        <v>53</v>
      </c>
      <c r="L3642" t="s">
        <v>2795</v>
      </c>
      <c r="M3642">
        <v>1842</v>
      </c>
      <c r="N3642" t="s">
        <v>654</v>
      </c>
      <c r="O3642">
        <v>3</v>
      </c>
      <c r="P3642" t="s">
        <v>655</v>
      </c>
      <c r="Q3642">
        <v>1</v>
      </c>
      <c r="R3642" t="s">
        <v>656</v>
      </c>
      <c r="S3642">
        <v>2</v>
      </c>
      <c r="T3642" t="s">
        <v>661</v>
      </c>
      <c r="U3642">
        <v>8</v>
      </c>
      <c r="V3642">
        <v>2</v>
      </c>
      <c r="W3642">
        <v>120</v>
      </c>
      <c r="X3642">
        <v>2020</v>
      </c>
    </row>
    <row r="3643" spans="1:24" x14ac:dyDescent="0.25">
      <c r="A3643">
        <v>7347</v>
      </c>
      <c r="B3643" t="s">
        <v>22</v>
      </c>
      <c r="C3643">
        <v>28</v>
      </c>
      <c r="D3643" t="s">
        <v>532</v>
      </c>
      <c r="E3643">
        <v>208</v>
      </c>
      <c r="F3643" t="s">
        <v>651</v>
      </c>
      <c r="G3643">
        <v>160</v>
      </c>
      <c r="H3643" t="s">
        <v>675</v>
      </c>
      <c r="I3643">
        <v>5952</v>
      </c>
      <c r="J3643" t="s">
        <v>714</v>
      </c>
      <c r="K3643">
        <v>52</v>
      </c>
      <c r="L3643" t="s">
        <v>2796</v>
      </c>
      <c r="M3643">
        <v>1841</v>
      </c>
      <c r="N3643" t="s">
        <v>654</v>
      </c>
      <c r="O3643">
        <v>3</v>
      </c>
      <c r="P3643" t="s">
        <v>655</v>
      </c>
      <c r="Q3643">
        <v>1</v>
      </c>
      <c r="R3643" t="s">
        <v>656</v>
      </c>
      <c r="S3643">
        <v>2</v>
      </c>
      <c r="T3643" t="s">
        <v>661</v>
      </c>
      <c r="U3643">
        <v>8</v>
      </c>
      <c r="V3643">
        <v>2</v>
      </c>
      <c r="W3643">
        <v>120</v>
      </c>
      <c r="X3643">
        <v>2020</v>
      </c>
    </row>
    <row r="3644" spans="1:24" x14ac:dyDescent="0.25">
      <c r="A3644">
        <v>7346</v>
      </c>
      <c r="B3644" t="s">
        <v>22</v>
      </c>
      <c r="C3644">
        <v>28</v>
      </c>
      <c r="D3644" t="s">
        <v>532</v>
      </c>
      <c r="E3644">
        <v>208</v>
      </c>
      <c r="F3644" t="s">
        <v>651</v>
      </c>
      <c r="G3644">
        <v>160</v>
      </c>
      <c r="H3644" t="s">
        <v>675</v>
      </c>
      <c r="I3644">
        <v>5952</v>
      </c>
      <c r="J3644" t="s">
        <v>714</v>
      </c>
      <c r="K3644">
        <v>52</v>
      </c>
      <c r="L3644" t="s">
        <v>2797</v>
      </c>
      <c r="M3644">
        <v>1840</v>
      </c>
      <c r="N3644" t="s">
        <v>654</v>
      </c>
      <c r="O3644">
        <v>3</v>
      </c>
      <c r="P3644" t="s">
        <v>655</v>
      </c>
      <c r="Q3644">
        <v>1</v>
      </c>
      <c r="R3644" t="s">
        <v>656</v>
      </c>
      <c r="S3644">
        <v>2</v>
      </c>
      <c r="T3644" t="s">
        <v>661</v>
      </c>
      <c r="U3644">
        <v>8</v>
      </c>
      <c r="V3644">
        <v>2</v>
      </c>
      <c r="W3644">
        <v>120</v>
      </c>
      <c r="X3644">
        <v>2020</v>
      </c>
    </row>
    <row r="3645" spans="1:24" x14ac:dyDescent="0.25">
      <c r="A3645">
        <v>7344</v>
      </c>
      <c r="B3645" t="s">
        <v>22</v>
      </c>
      <c r="C3645">
        <v>28</v>
      </c>
      <c r="D3645" t="s">
        <v>533</v>
      </c>
      <c r="E3645">
        <v>207</v>
      </c>
      <c r="F3645" t="s">
        <v>651</v>
      </c>
      <c r="G3645">
        <v>160</v>
      </c>
      <c r="H3645" t="s">
        <v>675</v>
      </c>
      <c r="I3645">
        <v>5952</v>
      </c>
      <c r="J3645" t="s">
        <v>749</v>
      </c>
      <c r="K3645">
        <v>63</v>
      </c>
      <c r="L3645" t="s">
        <v>2798</v>
      </c>
      <c r="M3645">
        <v>1838</v>
      </c>
      <c r="N3645" t="s">
        <v>654</v>
      </c>
      <c r="O3645">
        <v>3</v>
      </c>
      <c r="P3645" t="s">
        <v>655</v>
      </c>
      <c r="Q3645">
        <v>1</v>
      </c>
      <c r="R3645" t="s">
        <v>656</v>
      </c>
      <c r="S3645">
        <v>2</v>
      </c>
      <c r="T3645" t="s">
        <v>718</v>
      </c>
      <c r="U3645">
        <v>2</v>
      </c>
      <c r="V3645">
        <v>2</v>
      </c>
      <c r="W3645">
        <v>120</v>
      </c>
      <c r="X3645">
        <v>2020</v>
      </c>
    </row>
    <row r="3646" spans="1:24" x14ac:dyDescent="0.25">
      <c r="A3646">
        <v>7343</v>
      </c>
      <c r="B3646" t="s">
        <v>22</v>
      </c>
      <c r="C3646">
        <v>28</v>
      </c>
      <c r="D3646" t="s">
        <v>477</v>
      </c>
      <c r="E3646">
        <v>206</v>
      </c>
      <c r="F3646" t="s">
        <v>651</v>
      </c>
      <c r="G3646">
        <v>160</v>
      </c>
      <c r="H3646" t="s">
        <v>675</v>
      </c>
      <c r="I3646">
        <v>5952</v>
      </c>
      <c r="J3646" t="s">
        <v>693</v>
      </c>
      <c r="K3646">
        <v>56</v>
      </c>
      <c r="L3646" t="s">
        <v>2799</v>
      </c>
      <c r="M3646">
        <v>1837</v>
      </c>
      <c r="N3646" t="s">
        <v>654</v>
      </c>
      <c r="O3646">
        <v>3</v>
      </c>
      <c r="P3646" t="s">
        <v>655</v>
      </c>
      <c r="Q3646">
        <v>1</v>
      </c>
      <c r="R3646" t="s">
        <v>656</v>
      </c>
      <c r="S3646">
        <v>2</v>
      </c>
      <c r="T3646" t="s">
        <v>661</v>
      </c>
      <c r="U3646">
        <v>8</v>
      </c>
      <c r="V3646">
        <v>2</v>
      </c>
      <c r="W3646">
        <v>120</v>
      </c>
      <c r="X3646">
        <v>2020</v>
      </c>
    </row>
    <row r="3647" spans="1:24" x14ac:dyDescent="0.25">
      <c r="A3647">
        <v>7342</v>
      </c>
      <c r="B3647" t="s">
        <v>22</v>
      </c>
      <c r="C3647">
        <v>28</v>
      </c>
      <c r="D3647" t="s">
        <v>477</v>
      </c>
      <c r="E3647">
        <v>206</v>
      </c>
      <c r="F3647" t="s">
        <v>651</v>
      </c>
      <c r="G3647">
        <v>160</v>
      </c>
      <c r="H3647" t="s">
        <v>675</v>
      </c>
      <c r="I3647">
        <v>5952</v>
      </c>
      <c r="J3647" t="s">
        <v>693</v>
      </c>
      <c r="K3647">
        <v>56</v>
      </c>
      <c r="L3647" t="s">
        <v>2800</v>
      </c>
      <c r="M3647">
        <v>1836</v>
      </c>
      <c r="N3647" t="s">
        <v>654</v>
      </c>
      <c r="O3647">
        <v>3</v>
      </c>
      <c r="P3647" t="s">
        <v>655</v>
      </c>
      <c r="Q3647">
        <v>1</v>
      </c>
      <c r="R3647" t="s">
        <v>656</v>
      </c>
      <c r="S3647">
        <v>2</v>
      </c>
      <c r="T3647" t="s">
        <v>661</v>
      </c>
      <c r="U3647">
        <v>8</v>
      </c>
      <c r="V3647">
        <v>2</v>
      </c>
      <c r="W3647">
        <v>120</v>
      </c>
      <c r="X3647">
        <v>2020</v>
      </c>
    </row>
    <row r="3648" spans="1:24" x14ac:dyDescent="0.25">
      <c r="A3648">
        <v>7341</v>
      </c>
      <c r="B3648" t="s">
        <v>22</v>
      </c>
      <c r="C3648">
        <v>28</v>
      </c>
      <c r="D3648" t="s">
        <v>477</v>
      </c>
      <c r="E3648">
        <v>206</v>
      </c>
      <c r="F3648" t="s">
        <v>651</v>
      </c>
      <c r="G3648">
        <v>160</v>
      </c>
      <c r="H3648" t="s">
        <v>675</v>
      </c>
      <c r="I3648">
        <v>5952</v>
      </c>
      <c r="J3648" t="s">
        <v>693</v>
      </c>
      <c r="K3648">
        <v>56</v>
      </c>
      <c r="L3648" t="s">
        <v>2801</v>
      </c>
      <c r="M3648">
        <v>1835</v>
      </c>
      <c r="N3648" t="s">
        <v>654</v>
      </c>
      <c r="O3648">
        <v>3</v>
      </c>
      <c r="P3648" t="s">
        <v>655</v>
      </c>
      <c r="Q3648">
        <v>1</v>
      </c>
      <c r="R3648" t="s">
        <v>656</v>
      </c>
      <c r="S3648">
        <v>2</v>
      </c>
      <c r="T3648" t="s">
        <v>661</v>
      </c>
      <c r="U3648">
        <v>8</v>
      </c>
      <c r="V3648">
        <v>2</v>
      </c>
      <c r="W3648">
        <v>120</v>
      </c>
      <c r="X3648">
        <v>2020</v>
      </c>
    </row>
    <row r="3649" spans="1:24" x14ac:dyDescent="0.25">
      <c r="A3649">
        <v>7339</v>
      </c>
      <c r="B3649" t="s">
        <v>22</v>
      </c>
      <c r="C3649">
        <v>28</v>
      </c>
      <c r="D3649" t="s">
        <v>531</v>
      </c>
      <c r="E3649">
        <v>210</v>
      </c>
      <c r="F3649" t="s">
        <v>651</v>
      </c>
      <c r="G3649">
        <v>160</v>
      </c>
      <c r="H3649" t="s">
        <v>1231</v>
      </c>
      <c r="I3649">
        <v>3308</v>
      </c>
      <c r="J3649" t="s">
        <v>738</v>
      </c>
      <c r="K3649">
        <v>61</v>
      </c>
      <c r="L3649" t="s">
        <v>2802</v>
      </c>
      <c r="M3649">
        <v>1833</v>
      </c>
      <c r="N3649" t="s">
        <v>654</v>
      </c>
      <c r="O3649">
        <v>3</v>
      </c>
      <c r="P3649" t="s">
        <v>655</v>
      </c>
      <c r="Q3649">
        <v>1</v>
      </c>
      <c r="R3649" t="s">
        <v>656</v>
      </c>
      <c r="S3649">
        <v>2</v>
      </c>
      <c r="T3649" t="s">
        <v>661</v>
      </c>
      <c r="U3649">
        <v>8</v>
      </c>
      <c r="V3649">
        <v>2</v>
      </c>
      <c r="W3649">
        <v>120</v>
      </c>
      <c r="X3649">
        <v>2020</v>
      </c>
    </row>
    <row r="3650" spans="1:24" x14ac:dyDescent="0.25">
      <c r="A3650">
        <v>7338</v>
      </c>
      <c r="B3650" t="s">
        <v>22</v>
      </c>
      <c r="C3650">
        <v>28</v>
      </c>
      <c r="D3650" t="s">
        <v>477</v>
      </c>
      <c r="E3650">
        <v>206</v>
      </c>
      <c r="F3650" t="s">
        <v>651</v>
      </c>
      <c r="G3650">
        <v>160</v>
      </c>
      <c r="H3650" t="s">
        <v>675</v>
      </c>
      <c r="I3650">
        <v>5952</v>
      </c>
      <c r="J3650" t="s">
        <v>738</v>
      </c>
      <c r="K3650">
        <v>61</v>
      </c>
      <c r="L3650" t="s">
        <v>2803</v>
      </c>
      <c r="M3650">
        <v>1832</v>
      </c>
      <c r="N3650" t="s">
        <v>654</v>
      </c>
      <c r="O3650">
        <v>3</v>
      </c>
      <c r="P3650" t="s">
        <v>655</v>
      </c>
      <c r="Q3650">
        <v>1</v>
      </c>
      <c r="R3650" t="s">
        <v>656</v>
      </c>
      <c r="S3650">
        <v>2</v>
      </c>
      <c r="T3650" t="s">
        <v>661</v>
      </c>
      <c r="U3650">
        <v>8</v>
      </c>
      <c r="V3650">
        <v>2</v>
      </c>
      <c r="W3650">
        <v>120</v>
      </c>
      <c r="X3650">
        <v>2020</v>
      </c>
    </row>
    <row r="3651" spans="1:24" x14ac:dyDescent="0.25">
      <c r="A3651">
        <v>7337</v>
      </c>
      <c r="B3651" t="s">
        <v>22</v>
      </c>
      <c r="C3651">
        <v>28</v>
      </c>
      <c r="D3651" t="s">
        <v>477</v>
      </c>
      <c r="E3651">
        <v>206</v>
      </c>
      <c r="F3651" t="s">
        <v>651</v>
      </c>
      <c r="G3651">
        <v>160</v>
      </c>
      <c r="H3651" t="s">
        <v>675</v>
      </c>
      <c r="I3651">
        <v>5952</v>
      </c>
      <c r="J3651" t="s">
        <v>738</v>
      </c>
      <c r="K3651">
        <v>61</v>
      </c>
      <c r="L3651" t="s">
        <v>2804</v>
      </c>
      <c r="M3651">
        <v>1831</v>
      </c>
      <c r="N3651" t="s">
        <v>654</v>
      </c>
      <c r="O3651">
        <v>3</v>
      </c>
      <c r="P3651" t="s">
        <v>655</v>
      </c>
      <c r="Q3651">
        <v>1</v>
      </c>
      <c r="R3651" t="s">
        <v>656</v>
      </c>
      <c r="S3651">
        <v>2</v>
      </c>
      <c r="T3651" t="s">
        <v>661</v>
      </c>
      <c r="U3651">
        <v>8</v>
      </c>
      <c r="V3651">
        <v>2</v>
      </c>
      <c r="W3651">
        <v>120</v>
      </c>
      <c r="X3651">
        <v>2020</v>
      </c>
    </row>
    <row r="3652" spans="1:24" x14ac:dyDescent="0.25">
      <c r="A3652">
        <v>7336</v>
      </c>
      <c r="B3652" t="s">
        <v>195</v>
      </c>
      <c r="C3652">
        <v>27</v>
      </c>
      <c r="D3652" t="s">
        <v>534</v>
      </c>
      <c r="E3652">
        <v>203</v>
      </c>
      <c r="F3652" t="s">
        <v>651</v>
      </c>
      <c r="G3652">
        <v>160</v>
      </c>
      <c r="H3652" t="s">
        <v>833</v>
      </c>
      <c r="I3652">
        <v>5562</v>
      </c>
      <c r="J3652" t="s">
        <v>839</v>
      </c>
      <c r="K3652">
        <v>89</v>
      </c>
      <c r="L3652" t="s">
        <v>2805</v>
      </c>
      <c r="M3652">
        <v>1830</v>
      </c>
      <c r="N3652" t="s">
        <v>654</v>
      </c>
      <c r="O3652">
        <v>3</v>
      </c>
      <c r="P3652" t="s">
        <v>655</v>
      </c>
      <c r="Q3652">
        <v>1</v>
      </c>
      <c r="R3652" t="s">
        <v>656</v>
      </c>
      <c r="S3652">
        <v>2</v>
      </c>
      <c r="T3652" t="s">
        <v>661</v>
      </c>
      <c r="U3652">
        <v>8</v>
      </c>
      <c r="V3652">
        <v>1.5</v>
      </c>
      <c r="W3652">
        <v>90</v>
      </c>
      <c r="X3652">
        <v>2020</v>
      </c>
    </row>
    <row r="3653" spans="1:24" x14ac:dyDescent="0.25">
      <c r="A3653">
        <v>7335</v>
      </c>
      <c r="B3653" t="s">
        <v>195</v>
      </c>
      <c r="C3653">
        <v>27</v>
      </c>
      <c r="D3653" t="s">
        <v>321</v>
      </c>
      <c r="E3653">
        <v>205</v>
      </c>
      <c r="F3653" t="s">
        <v>651</v>
      </c>
      <c r="G3653">
        <v>160</v>
      </c>
      <c r="H3653" t="s">
        <v>833</v>
      </c>
      <c r="I3653">
        <v>5562</v>
      </c>
      <c r="J3653" t="s">
        <v>878</v>
      </c>
      <c r="K3653">
        <v>91</v>
      </c>
      <c r="L3653" t="s">
        <v>2806</v>
      </c>
      <c r="M3653">
        <v>1829</v>
      </c>
      <c r="N3653" t="s">
        <v>654</v>
      </c>
      <c r="O3653">
        <v>3</v>
      </c>
      <c r="P3653" t="s">
        <v>655</v>
      </c>
      <c r="Q3653">
        <v>1</v>
      </c>
      <c r="R3653" t="s">
        <v>656</v>
      </c>
      <c r="S3653">
        <v>2</v>
      </c>
      <c r="T3653" t="s">
        <v>661</v>
      </c>
      <c r="U3653">
        <v>8</v>
      </c>
      <c r="V3653">
        <v>1</v>
      </c>
      <c r="W3653">
        <v>60</v>
      </c>
      <c r="X3653">
        <v>2020</v>
      </c>
    </row>
    <row r="3654" spans="1:24" x14ac:dyDescent="0.25">
      <c r="A3654">
        <v>7334</v>
      </c>
      <c r="B3654" t="s">
        <v>195</v>
      </c>
      <c r="C3654">
        <v>27</v>
      </c>
      <c r="D3654" t="s">
        <v>54</v>
      </c>
      <c r="E3654">
        <v>204</v>
      </c>
      <c r="F3654" t="s">
        <v>651</v>
      </c>
      <c r="G3654">
        <v>160</v>
      </c>
      <c r="H3654" t="s">
        <v>833</v>
      </c>
      <c r="I3654">
        <v>5562</v>
      </c>
      <c r="J3654" t="s">
        <v>752</v>
      </c>
      <c r="K3654">
        <v>90</v>
      </c>
      <c r="L3654" t="s">
        <v>2807</v>
      </c>
      <c r="M3654">
        <v>1828</v>
      </c>
      <c r="N3654" t="s">
        <v>654</v>
      </c>
      <c r="O3654">
        <v>3</v>
      </c>
      <c r="P3654" t="s">
        <v>655</v>
      </c>
      <c r="Q3654">
        <v>1</v>
      </c>
      <c r="R3654" t="s">
        <v>656</v>
      </c>
      <c r="S3654">
        <v>2</v>
      </c>
      <c r="T3654" t="s">
        <v>661</v>
      </c>
      <c r="U3654">
        <v>8</v>
      </c>
      <c r="V3654">
        <v>1</v>
      </c>
      <c r="W3654">
        <v>60</v>
      </c>
      <c r="X3654">
        <v>2020</v>
      </c>
    </row>
    <row r="3655" spans="1:24" x14ac:dyDescent="0.25">
      <c r="A3655">
        <v>7333</v>
      </c>
      <c r="B3655" t="s">
        <v>95</v>
      </c>
      <c r="C3655">
        <v>26</v>
      </c>
      <c r="D3655" t="s">
        <v>331</v>
      </c>
      <c r="E3655">
        <v>650</v>
      </c>
      <c r="F3655" t="s">
        <v>651</v>
      </c>
      <c r="G3655">
        <v>160</v>
      </c>
      <c r="H3655" t="s">
        <v>833</v>
      </c>
      <c r="I3655">
        <v>5562</v>
      </c>
      <c r="J3655" t="s">
        <v>909</v>
      </c>
      <c r="K3655">
        <v>39</v>
      </c>
      <c r="L3655" t="s">
        <v>2808</v>
      </c>
      <c r="M3655">
        <v>1827</v>
      </c>
      <c r="N3655" t="s">
        <v>654</v>
      </c>
      <c r="O3655">
        <v>3</v>
      </c>
      <c r="P3655" t="s">
        <v>655</v>
      </c>
      <c r="Q3655">
        <v>1</v>
      </c>
      <c r="R3655" t="s">
        <v>656</v>
      </c>
      <c r="S3655">
        <v>2</v>
      </c>
      <c r="T3655" t="s">
        <v>661</v>
      </c>
      <c r="U3655">
        <v>8</v>
      </c>
      <c r="V3655">
        <v>2</v>
      </c>
      <c r="W3655">
        <v>120</v>
      </c>
      <c r="X3655">
        <v>2020</v>
      </c>
    </row>
    <row r="3656" spans="1:24" x14ac:dyDescent="0.25">
      <c r="A3656">
        <v>7332</v>
      </c>
      <c r="B3656" t="s">
        <v>95</v>
      </c>
      <c r="C3656">
        <v>26</v>
      </c>
      <c r="D3656" t="s">
        <v>331</v>
      </c>
      <c r="E3656">
        <v>650</v>
      </c>
      <c r="F3656" t="s">
        <v>651</v>
      </c>
      <c r="G3656">
        <v>160</v>
      </c>
      <c r="H3656" t="s">
        <v>833</v>
      </c>
      <c r="I3656">
        <v>5562</v>
      </c>
      <c r="J3656" t="s">
        <v>909</v>
      </c>
      <c r="K3656">
        <v>39</v>
      </c>
      <c r="L3656" t="s">
        <v>2809</v>
      </c>
      <c r="M3656">
        <v>1826</v>
      </c>
      <c r="N3656" t="s">
        <v>654</v>
      </c>
      <c r="O3656">
        <v>3</v>
      </c>
      <c r="P3656" t="s">
        <v>655</v>
      </c>
      <c r="Q3656">
        <v>1</v>
      </c>
      <c r="R3656" t="s">
        <v>656</v>
      </c>
      <c r="S3656">
        <v>2</v>
      </c>
      <c r="T3656" t="s">
        <v>661</v>
      </c>
      <c r="U3656">
        <v>8</v>
      </c>
      <c r="V3656">
        <v>2</v>
      </c>
      <c r="W3656">
        <v>120</v>
      </c>
      <c r="X3656">
        <v>2020</v>
      </c>
    </row>
    <row r="3657" spans="1:24" x14ac:dyDescent="0.25">
      <c r="A3657">
        <v>7331</v>
      </c>
      <c r="B3657" t="s">
        <v>95</v>
      </c>
      <c r="C3657">
        <v>26</v>
      </c>
      <c r="D3657" t="s">
        <v>331</v>
      </c>
      <c r="E3657">
        <v>650</v>
      </c>
      <c r="F3657" t="s">
        <v>651</v>
      </c>
      <c r="G3657">
        <v>160</v>
      </c>
      <c r="H3657" t="s">
        <v>833</v>
      </c>
      <c r="I3657">
        <v>5562</v>
      </c>
      <c r="J3657" t="s">
        <v>909</v>
      </c>
      <c r="K3657">
        <v>39</v>
      </c>
      <c r="L3657" t="s">
        <v>2810</v>
      </c>
      <c r="M3657">
        <v>1825</v>
      </c>
      <c r="N3657" t="s">
        <v>654</v>
      </c>
      <c r="O3657">
        <v>3</v>
      </c>
      <c r="P3657" t="s">
        <v>655</v>
      </c>
      <c r="Q3657">
        <v>1</v>
      </c>
      <c r="R3657" t="s">
        <v>656</v>
      </c>
      <c r="S3657">
        <v>2</v>
      </c>
      <c r="T3657" t="s">
        <v>661</v>
      </c>
      <c r="U3657">
        <v>8</v>
      </c>
      <c r="V3657">
        <v>2</v>
      </c>
      <c r="W3657">
        <v>120</v>
      </c>
      <c r="X3657">
        <v>2020</v>
      </c>
    </row>
    <row r="3658" spans="1:24" x14ac:dyDescent="0.25">
      <c r="A3658">
        <v>7330</v>
      </c>
      <c r="B3658" t="s">
        <v>95</v>
      </c>
      <c r="C3658">
        <v>26</v>
      </c>
      <c r="D3658" t="s">
        <v>329</v>
      </c>
      <c r="E3658">
        <v>652</v>
      </c>
      <c r="F3658" t="s">
        <v>651</v>
      </c>
      <c r="G3658">
        <v>160</v>
      </c>
      <c r="H3658" t="s">
        <v>833</v>
      </c>
      <c r="I3658">
        <v>5562</v>
      </c>
      <c r="J3658" t="s">
        <v>831</v>
      </c>
      <c r="K3658">
        <v>5</v>
      </c>
      <c r="L3658" t="s">
        <v>2811</v>
      </c>
      <c r="M3658">
        <v>1824</v>
      </c>
      <c r="N3658" t="s">
        <v>654</v>
      </c>
      <c r="O3658">
        <v>3</v>
      </c>
      <c r="P3658" t="s">
        <v>655</v>
      </c>
      <c r="Q3658">
        <v>1</v>
      </c>
      <c r="R3658" t="s">
        <v>656</v>
      </c>
      <c r="S3658">
        <v>2</v>
      </c>
      <c r="T3658" t="s">
        <v>661</v>
      </c>
      <c r="U3658">
        <v>8</v>
      </c>
      <c r="V3658">
        <v>2</v>
      </c>
      <c r="W3658">
        <v>120</v>
      </c>
      <c r="X3658">
        <v>2020</v>
      </c>
    </row>
    <row r="3659" spans="1:24" x14ac:dyDescent="0.25">
      <c r="A3659">
        <v>7328</v>
      </c>
      <c r="B3659" t="s">
        <v>95</v>
      </c>
      <c r="C3659">
        <v>26</v>
      </c>
      <c r="D3659" t="s">
        <v>329</v>
      </c>
      <c r="E3659">
        <v>652</v>
      </c>
      <c r="F3659" t="s">
        <v>651</v>
      </c>
      <c r="G3659">
        <v>160</v>
      </c>
      <c r="H3659" t="s">
        <v>833</v>
      </c>
      <c r="I3659">
        <v>5562</v>
      </c>
      <c r="J3659" t="s">
        <v>880</v>
      </c>
      <c r="K3659">
        <v>58</v>
      </c>
      <c r="L3659" t="s">
        <v>1562</v>
      </c>
      <c r="M3659">
        <v>1425</v>
      </c>
      <c r="N3659" t="s">
        <v>654</v>
      </c>
      <c r="O3659">
        <v>3</v>
      </c>
      <c r="P3659" t="s">
        <v>655</v>
      </c>
      <c r="Q3659">
        <v>1</v>
      </c>
      <c r="R3659" t="s">
        <v>656</v>
      </c>
      <c r="S3659">
        <v>2</v>
      </c>
      <c r="T3659" t="s">
        <v>661</v>
      </c>
      <c r="U3659">
        <v>8</v>
      </c>
      <c r="V3659">
        <v>2</v>
      </c>
      <c r="W3659">
        <v>120</v>
      </c>
      <c r="X3659">
        <v>2020</v>
      </c>
    </row>
    <row r="3660" spans="1:24" x14ac:dyDescent="0.25">
      <c r="A3660">
        <v>7327</v>
      </c>
      <c r="B3660" t="s">
        <v>95</v>
      </c>
      <c r="C3660">
        <v>26</v>
      </c>
      <c r="D3660" t="s">
        <v>329</v>
      </c>
      <c r="E3660">
        <v>652</v>
      </c>
      <c r="F3660" t="s">
        <v>651</v>
      </c>
      <c r="G3660">
        <v>160</v>
      </c>
      <c r="H3660" t="s">
        <v>833</v>
      </c>
      <c r="I3660">
        <v>5562</v>
      </c>
      <c r="J3660" t="s">
        <v>794</v>
      </c>
      <c r="K3660">
        <v>40</v>
      </c>
      <c r="L3660" t="s">
        <v>2812</v>
      </c>
      <c r="M3660">
        <v>1822</v>
      </c>
      <c r="N3660" t="s">
        <v>654</v>
      </c>
      <c r="O3660">
        <v>3</v>
      </c>
      <c r="P3660" t="s">
        <v>655</v>
      </c>
      <c r="Q3660">
        <v>1</v>
      </c>
      <c r="R3660" t="s">
        <v>656</v>
      </c>
      <c r="S3660">
        <v>2</v>
      </c>
      <c r="T3660" t="s">
        <v>661</v>
      </c>
      <c r="U3660">
        <v>8</v>
      </c>
      <c r="V3660">
        <v>2</v>
      </c>
      <c r="W3660">
        <v>120</v>
      </c>
      <c r="X3660">
        <v>2020</v>
      </c>
    </row>
    <row r="3661" spans="1:24" x14ac:dyDescent="0.25">
      <c r="A3661">
        <v>7324</v>
      </c>
      <c r="B3661" t="s">
        <v>95</v>
      </c>
      <c r="C3661">
        <v>26</v>
      </c>
      <c r="D3661" t="s">
        <v>535</v>
      </c>
      <c r="E3661">
        <v>198</v>
      </c>
      <c r="F3661" t="s">
        <v>651</v>
      </c>
      <c r="G3661">
        <v>160</v>
      </c>
      <c r="H3661" t="s">
        <v>833</v>
      </c>
      <c r="I3661">
        <v>5562</v>
      </c>
      <c r="J3661" t="s">
        <v>767</v>
      </c>
      <c r="K3661">
        <v>44</v>
      </c>
      <c r="L3661" t="s">
        <v>2813</v>
      </c>
      <c r="M3661">
        <v>1819</v>
      </c>
      <c r="N3661" t="s">
        <v>654</v>
      </c>
      <c r="O3661">
        <v>3</v>
      </c>
      <c r="P3661" t="s">
        <v>655</v>
      </c>
      <c r="Q3661">
        <v>1</v>
      </c>
      <c r="R3661" t="s">
        <v>656</v>
      </c>
      <c r="S3661">
        <v>2</v>
      </c>
      <c r="T3661" t="s">
        <v>661</v>
      </c>
      <c r="U3661">
        <v>8</v>
      </c>
      <c r="V3661">
        <v>2</v>
      </c>
      <c r="W3661">
        <v>120</v>
      </c>
      <c r="X3661">
        <v>2020</v>
      </c>
    </row>
    <row r="3662" spans="1:24" x14ac:dyDescent="0.25">
      <c r="A3662">
        <v>7323</v>
      </c>
      <c r="B3662" t="s">
        <v>95</v>
      </c>
      <c r="C3662">
        <v>26</v>
      </c>
      <c r="D3662" t="s">
        <v>535</v>
      </c>
      <c r="E3662">
        <v>198</v>
      </c>
      <c r="F3662" t="s">
        <v>651</v>
      </c>
      <c r="G3662">
        <v>160</v>
      </c>
      <c r="H3662" t="s">
        <v>833</v>
      </c>
      <c r="I3662">
        <v>5562</v>
      </c>
      <c r="J3662" t="s">
        <v>767</v>
      </c>
      <c r="K3662">
        <v>44</v>
      </c>
      <c r="L3662" t="s">
        <v>2814</v>
      </c>
      <c r="M3662">
        <v>1818</v>
      </c>
      <c r="N3662" t="s">
        <v>654</v>
      </c>
      <c r="O3662">
        <v>3</v>
      </c>
      <c r="P3662" t="s">
        <v>655</v>
      </c>
      <c r="Q3662">
        <v>1</v>
      </c>
      <c r="R3662" t="s">
        <v>656</v>
      </c>
      <c r="S3662">
        <v>2</v>
      </c>
      <c r="T3662" t="s">
        <v>718</v>
      </c>
      <c r="U3662">
        <v>2</v>
      </c>
      <c r="V3662">
        <v>2</v>
      </c>
      <c r="W3662">
        <v>120</v>
      </c>
      <c r="X3662">
        <v>2020</v>
      </c>
    </row>
    <row r="3663" spans="1:24" x14ac:dyDescent="0.25">
      <c r="A3663">
        <v>7322</v>
      </c>
      <c r="B3663" t="s">
        <v>95</v>
      </c>
      <c r="C3663">
        <v>26</v>
      </c>
      <c r="D3663" t="s">
        <v>535</v>
      </c>
      <c r="E3663">
        <v>198</v>
      </c>
      <c r="F3663" t="s">
        <v>651</v>
      </c>
      <c r="G3663">
        <v>160</v>
      </c>
      <c r="H3663" t="s">
        <v>833</v>
      </c>
      <c r="I3663">
        <v>5562</v>
      </c>
      <c r="J3663" t="s">
        <v>767</v>
      </c>
      <c r="K3663">
        <v>44</v>
      </c>
      <c r="L3663" t="s">
        <v>2198</v>
      </c>
      <c r="M3663">
        <v>896</v>
      </c>
      <c r="N3663" t="s">
        <v>654</v>
      </c>
      <c r="O3663">
        <v>3</v>
      </c>
      <c r="P3663" t="s">
        <v>655</v>
      </c>
      <c r="Q3663">
        <v>1</v>
      </c>
      <c r="R3663" t="s">
        <v>656</v>
      </c>
      <c r="S3663">
        <v>2</v>
      </c>
      <c r="T3663" t="s">
        <v>661</v>
      </c>
      <c r="U3663">
        <v>8</v>
      </c>
      <c r="V3663">
        <v>2</v>
      </c>
      <c r="W3663">
        <v>120</v>
      </c>
      <c r="X3663">
        <v>2020</v>
      </c>
    </row>
    <row r="3664" spans="1:24" x14ac:dyDescent="0.25">
      <c r="A3664">
        <v>7321</v>
      </c>
      <c r="B3664" t="s">
        <v>95</v>
      </c>
      <c r="C3664">
        <v>26</v>
      </c>
      <c r="D3664" t="s">
        <v>535</v>
      </c>
      <c r="E3664">
        <v>198</v>
      </c>
      <c r="F3664" t="s">
        <v>651</v>
      </c>
      <c r="G3664">
        <v>160</v>
      </c>
      <c r="H3664" t="s">
        <v>833</v>
      </c>
      <c r="I3664">
        <v>5562</v>
      </c>
      <c r="J3664" t="s">
        <v>716</v>
      </c>
      <c r="K3664">
        <v>68</v>
      </c>
      <c r="L3664" t="s">
        <v>2815</v>
      </c>
      <c r="M3664">
        <v>1817</v>
      </c>
      <c r="N3664" t="s">
        <v>654</v>
      </c>
      <c r="O3664">
        <v>3</v>
      </c>
      <c r="P3664" t="s">
        <v>655</v>
      </c>
      <c r="Q3664">
        <v>1</v>
      </c>
      <c r="R3664" t="s">
        <v>656</v>
      </c>
      <c r="S3664">
        <v>2</v>
      </c>
      <c r="T3664" t="s">
        <v>661</v>
      </c>
      <c r="U3664">
        <v>8</v>
      </c>
      <c r="V3664">
        <v>2</v>
      </c>
      <c r="W3664">
        <v>120</v>
      </c>
      <c r="X3664">
        <v>2020</v>
      </c>
    </row>
    <row r="3665" spans="1:24" x14ac:dyDescent="0.25">
      <c r="A3665">
        <v>7319</v>
      </c>
      <c r="B3665" t="s">
        <v>95</v>
      </c>
      <c r="C3665">
        <v>26</v>
      </c>
      <c r="D3665" t="s">
        <v>535</v>
      </c>
      <c r="E3665">
        <v>198</v>
      </c>
      <c r="F3665" t="s">
        <v>651</v>
      </c>
      <c r="G3665">
        <v>160</v>
      </c>
      <c r="H3665" t="s">
        <v>833</v>
      </c>
      <c r="I3665">
        <v>5562</v>
      </c>
      <c r="J3665" t="s">
        <v>797</v>
      </c>
      <c r="K3665">
        <v>65</v>
      </c>
      <c r="L3665" t="s">
        <v>2816</v>
      </c>
      <c r="M3665">
        <v>1815</v>
      </c>
      <c r="N3665" t="s">
        <v>654</v>
      </c>
      <c r="O3665">
        <v>3</v>
      </c>
      <c r="P3665" t="s">
        <v>655</v>
      </c>
      <c r="Q3665">
        <v>1</v>
      </c>
      <c r="R3665" t="s">
        <v>656</v>
      </c>
      <c r="S3665">
        <v>2</v>
      </c>
      <c r="T3665" t="s">
        <v>661</v>
      </c>
      <c r="U3665">
        <v>8</v>
      </c>
      <c r="V3665">
        <v>2</v>
      </c>
      <c r="W3665">
        <v>120</v>
      </c>
      <c r="X3665">
        <v>2020</v>
      </c>
    </row>
    <row r="3666" spans="1:24" x14ac:dyDescent="0.25">
      <c r="A3666">
        <v>7317</v>
      </c>
      <c r="B3666" t="s">
        <v>95</v>
      </c>
      <c r="C3666">
        <v>26</v>
      </c>
      <c r="D3666" t="s">
        <v>361</v>
      </c>
      <c r="E3666">
        <v>590</v>
      </c>
      <c r="F3666" t="s">
        <v>651</v>
      </c>
      <c r="G3666">
        <v>160</v>
      </c>
      <c r="H3666" t="s">
        <v>833</v>
      </c>
      <c r="I3666">
        <v>5562</v>
      </c>
      <c r="J3666" t="s">
        <v>695</v>
      </c>
      <c r="K3666">
        <v>54</v>
      </c>
      <c r="L3666" t="s">
        <v>2817</v>
      </c>
      <c r="M3666">
        <v>1813</v>
      </c>
      <c r="N3666" t="s">
        <v>654</v>
      </c>
      <c r="O3666">
        <v>3</v>
      </c>
      <c r="P3666" t="s">
        <v>655</v>
      </c>
      <c r="Q3666">
        <v>1</v>
      </c>
      <c r="R3666" t="s">
        <v>656</v>
      </c>
      <c r="S3666">
        <v>2</v>
      </c>
      <c r="T3666" t="s">
        <v>661</v>
      </c>
      <c r="U3666">
        <v>8</v>
      </c>
      <c r="V3666">
        <v>2</v>
      </c>
      <c r="W3666">
        <v>120</v>
      </c>
      <c r="X3666">
        <v>2020</v>
      </c>
    </row>
    <row r="3667" spans="1:24" x14ac:dyDescent="0.25">
      <c r="A3667">
        <v>7315</v>
      </c>
      <c r="B3667" t="s">
        <v>95</v>
      </c>
      <c r="C3667">
        <v>26</v>
      </c>
      <c r="D3667" t="s">
        <v>361</v>
      </c>
      <c r="E3667">
        <v>590</v>
      </c>
      <c r="F3667" t="s">
        <v>651</v>
      </c>
      <c r="G3667">
        <v>160</v>
      </c>
      <c r="H3667" t="s">
        <v>833</v>
      </c>
      <c r="I3667">
        <v>5562</v>
      </c>
      <c r="J3667" t="s">
        <v>714</v>
      </c>
      <c r="K3667">
        <v>52</v>
      </c>
      <c r="L3667" t="s">
        <v>2818</v>
      </c>
      <c r="M3667">
        <v>1811</v>
      </c>
      <c r="N3667" t="s">
        <v>654</v>
      </c>
      <c r="O3667">
        <v>3</v>
      </c>
      <c r="P3667" t="s">
        <v>655</v>
      </c>
      <c r="Q3667">
        <v>1</v>
      </c>
      <c r="R3667" t="s">
        <v>656</v>
      </c>
      <c r="S3667">
        <v>2</v>
      </c>
      <c r="T3667" t="s">
        <v>661</v>
      </c>
      <c r="U3667">
        <v>8</v>
      </c>
      <c r="V3667">
        <v>2</v>
      </c>
      <c r="W3667">
        <v>120</v>
      </c>
      <c r="X3667">
        <v>2020</v>
      </c>
    </row>
    <row r="3668" spans="1:24" x14ac:dyDescent="0.25">
      <c r="A3668">
        <v>7314</v>
      </c>
      <c r="B3668" t="s">
        <v>95</v>
      </c>
      <c r="C3668">
        <v>26</v>
      </c>
      <c r="D3668" t="s">
        <v>361</v>
      </c>
      <c r="E3668">
        <v>590</v>
      </c>
      <c r="F3668" t="s">
        <v>651</v>
      </c>
      <c r="G3668">
        <v>160</v>
      </c>
      <c r="H3668" t="s">
        <v>833</v>
      </c>
      <c r="I3668">
        <v>5562</v>
      </c>
      <c r="J3668" t="s">
        <v>714</v>
      </c>
      <c r="K3668">
        <v>52</v>
      </c>
      <c r="L3668" t="s">
        <v>2819</v>
      </c>
      <c r="M3668">
        <v>1810</v>
      </c>
      <c r="N3668" t="s">
        <v>654</v>
      </c>
      <c r="O3668">
        <v>3</v>
      </c>
      <c r="P3668" t="s">
        <v>655</v>
      </c>
      <c r="Q3668">
        <v>1</v>
      </c>
      <c r="R3668" t="s">
        <v>656</v>
      </c>
      <c r="S3668">
        <v>2</v>
      </c>
      <c r="T3668" t="s">
        <v>661</v>
      </c>
      <c r="U3668">
        <v>8</v>
      </c>
      <c r="V3668">
        <v>2</v>
      </c>
      <c r="W3668">
        <v>120</v>
      </c>
      <c r="X3668">
        <v>2020</v>
      </c>
    </row>
    <row r="3669" spans="1:24" x14ac:dyDescent="0.25">
      <c r="A3669">
        <v>7311</v>
      </c>
      <c r="B3669" t="s">
        <v>95</v>
      </c>
      <c r="C3669">
        <v>26</v>
      </c>
      <c r="D3669" t="s">
        <v>361</v>
      </c>
      <c r="E3669">
        <v>590</v>
      </c>
      <c r="F3669" t="s">
        <v>651</v>
      </c>
      <c r="G3669">
        <v>160</v>
      </c>
      <c r="H3669" t="s">
        <v>833</v>
      </c>
      <c r="I3669">
        <v>5562</v>
      </c>
      <c r="J3669" t="s">
        <v>714</v>
      </c>
      <c r="K3669">
        <v>52</v>
      </c>
      <c r="L3669" t="s">
        <v>2820</v>
      </c>
      <c r="M3669">
        <v>1807</v>
      </c>
      <c r="N3669" t="s">
        <v>654</v>
      </c>
      <c r="O3669">
        <v>3</v>
      </c>
      <c r="P3669" t="s">
        <v>655</v>
      </c>
      <c r="Q3669">
        <v>1</v>
      </c>
      <c r="R3669" t="s">
        <v>656</v>
      </c>
      <c r="S3669">
        <v>2</v>
      </c>
      <c r="T3669" t="s">
        <v>661</v>
      </c>
      <c r="U3669">
        <v>8</v>
      </c>
      <c r="V3669">
        <v>2</v>
      </c>
      <c r="W3669">
        <v>120</v>
      </c>
      <c r="X3669">
        <v>2020</v>
      </c>
    </row>
    <row r="3670" spans="1:24" x14ac:dyDescent="0.25">
      <c r="A3670">
        <v>7310</v>
      </c>
      <c r="B3670" t="s">
        <v>95</v>
      </c>
      <c r="C3670">
        <v>26</v>
      </c>
      <c r="D3670" t="s">
        <v>361</v>
      </c>
      <c r="E3670">
        <v>590</v>
      </c>
      <c r="F3670" t="s">
        <v>651</v>
      </c>
      <c r="G3670">
        <v>160</v>
      </c>
      <c r="H3670" t="s">
        <v>833</v>
      </c>
      <c r="I3670">
        <v>5562</v>
      </c>
      <c r="J3670" t="s">
        <v>1514</v>
      </c>
      <c r="K3670">
        <v>47</v>
      </c>
      <c r="L3670" t="s">
        <v>2821</v>
      </c>
      <c r="M3670">
        <v>1806</v>
      </c>
      <c r="N3670" t="s">
        <v>654</v>
      </c>
      <c r="O3670">
        <v>3</v>
      </c>
      <c r="P3670" t="s">
        <v>655</v>
      </c>
      <c r="Q3670">
        <v>1</v>
      </c>
      <c r="R3670" t="s">
        <v>656</v>
      </c>
      <c r="S3670">
        <v>2</v>
      </c>
      <c r="T3670" t="s">
        <v>661</v>
      </c>
      <c r="U3670">
        <v>8</v>
      </c>
      <c r="V3670">
        <v>2</v>
      </c>
      <c r="W3670">
        <v>120</v>
      </c>
      <c r="X3670">
        <v>2020</v>
      </c>
    </row>
    <row r="3671" spans="1:24" x14ac:dyDescent="0.25">
      <c r="A3671">
        <v>7308</v>
      </c>
      <c r="B3671" t="s">
        <v>95</v>
      </c>
      <c r="C3671">
        <v>26</v>
      </c>
      <c r="D3671" t="s">
        <v>465</v>
      </c>
      <c r="E3671">
        <v>195</v>
      </c>
      <c r="F3671" t="s">
        <v>651</v>
      </c>
      <c r="G3671">
        <v>160</v>
      </c>
      <c r="H3671" t="s">
        <v>1859</v>
      </c>
      <c r="I3671">
        <v>8409</v>
      </c>
      <c r="J3671" t="s">
        <v>848</v>
      </c>
      <c r="K3671">
        <v>62</v>
      </c>
      <c r="L3671" t="s">
        <v>2822</v>
      </c>
      <c r="M3671">
        <v>1804</v>
      </c>
      <c r="N3671" t="s">
        <v>654</v>
      </c>
      <c r="O3671">
        <v>3</v>
      </c>
      <c r="P3671" t="s">
        <v>655</v>
      </c>
      <c r="Q3671">
        <v>1</v>
      </c>
      <c r="R3671" t="s">
        <v>656</v>
      </c>
      <c r="S3671">
        <v>2</v>
      </c>
      <c r="T3671" t="s">
        <v>661</v>
      </c>
      <c r="U3671">
        <v>8</v>
      </c>
      <c r="V3671">
        <v>2</v>
      </c>
      <c r="W3671">
        <v>120</v>
      </c>
      <c r="X3671">
        <v>2020</v>
      </c>
    </row>
    <row r="3672" spans="1:24" x14ac:dyDescent="0.25">
      <c r="A3672">
        <v>7307</v>
      </c>
      <c r="B3672" t="s">
        <v>95</v>
      </c>
      <c r="C3672">
        <v>26</v>
      </c>
      <c r="D3672" t="s">
        <v>329</v>
      </c>
      <c r="E3672">
        <v>652</v>
      </c>
      <c r="F3672" t="s">
        <v>651</v>
      </c>
      <c r="G3672">
        <v>160</v>
      </c>
      <c r="H3672" t="s">
        <v>833</v>
      </c>
      <c r="I3672">
        <v>5562</v>
      </c>
      <c r="J3672" t="s">
        <v>848</v>
      </c>
      <c r="K3672">
        <v>62</v>
      </c>
      <c r="L3672" t="s">
        <v>2823</v>
      </c>
      <c r="M3672">
        <v>1803</v>
      </c>
      <c r="N3672" t="s">
        <v>654</v>
      </c>
      <c r="O3672">
        <v>3</v>
      </c>
      <c r="P3672" t="s">
        <v>655</v>
      </c>
      <c r="Q3672">
        <v>1</v>
      </c>
      <c r="R3672" t="s">
        <v>656</v>
      </c>
      <c r="S3672">
        <v>2</v>
      </c>
      <c r="T3672" t="s">
        <v>661</v>
      </c>
      <c r="U3672">
        <v>8</v>
      </c>
      <c r="V3672">
        <v>2</v>
      </c>
      <c r="W3672">
        <v>120</v>
      </c>
      <c r="X3672">
        <v>2020</v>
      </c>
    </row>
    <row r="3673" spans="1:24" x14ac:dyDescent="0.25">
      <c r="A3673">
        <v>7306</v>
      </c>
      <c r="B3673" t="s">
        <v>95</v>
      </c>
      <c r="C3673">
        <v>26</v>
      </c>
      <c r="D3673" t="s">
        <v>465</v>
      </c>
      <c r="E3673">
        <v>195</v>
      </c>
      <c r="F3673" t="s">
        <v>651</v>
      </c>
      <c r="G3673">
        <v>160</v>
      </c>
      <c r="H3673" t="s">
        <v>1859</v>
      </c>
      <c r="I3673">
        <v>8409</v>
      </c>
      <c r="J3673" t="s">
        <v>1236</v>
      </c>
      <c r="K3673">
        <v>60</v>
      </c>
      <c r="L3673" t="s">
        <v>2367</v>
      </c>
      <c r="M3673">
        <v>1802</v>
      </c>
      <c r="N3673" t="s">
        <v>654</v>
      </c>
      <c r="O3673">
        <v>3</v>
      </c>
      <c r="P3673" t="s">
        <v>655</v>
      </c>
      <c r="Q3673">
        <v>1</v>
      </c>
      <c r="R3673" t="s">
        <v>656</v>
      </c>
      <c r="S3673">
        <v>2</v>
      </c>
      <c r="T3673" t="s">
        <v>661</v>
      </c>
      <c r="U3673">
        <v>8</v>
      </c>
      <c r="V3673">
        <v>2</v>
      </c>
      <c r="W3673">
        <v>120</v>
      </c>
      <c r="X3673">
        <v>2020</v>
      </c>
    </row>
    <row r="3674" spans="1:24" x14ac:dyDescent="0.25">
      <c r="A3674">
        <v>7305</v>
      </c>
      <c r="B3674" t="s">
        <v>95</v>
      </c>
      <c r="C3674">
        <v>26</v>
      </c>
      <c r="D3674" t="s">
        <v>465</v>
      </c>
      <c r="E3674">
        <v>195</v>
      </c>
      <c r="F3674" t="s">
        <v>651</v>
      </c>
      <c r="G3674">
        <v>160</v>
      </c>
      <c r="H3674" t="s">
        <v>1859</v>
      </c>
      <c r="I3674">
        <v>8409</v>
      </c>
      <c r="J3674" t="s">
        <v>730</v>
      </c>
      <c r="K3674">
        <v>66</v>
      </c>
      <c r="L3674" t="s">
        <v>753</v>
      </c>
      <c r="M3674">
        <v>1337</v>
      </c>
      <c r="N3674" t="s">
        <v>654</v>
      </c>
      <c r="O3674">
        <v>3</v>
      </c>
      <c r="P3674" t="s">
        <v>655</v>
      </c>
      <c r="Q3674">
        <v>1</v>
      </c>
      <c r="R3674" t="s">
        <v>656</v>
      </c>
      <c r="S3674">
        <v>2</v>
      </c>
      <c r="T3674" t="s">
        <v>661</v>
      </c>
      <c r="U3674">
        <v>8</v>
      </c>
      <c r="V3674">
        <v>2</v>
      </c>
      <c r="W3674">
        <v>120</v>
      </c>
      <c r="X3674">
        <v>2020</v>
      </c>
    </row>
    <row r="3675" spans="1:24" x14ac:dyDescent="0.25">
      <c r="A3675">
        <v>7304</v>
      </c>
      <c r="B3675" t="s">
        <v>95</v>
      </c>
      <c r="C3675">
        <v>26</v>
      </c>
      <c r="D3675" t="s">
        <v>465</v>
      </c>
      <c r="E3675">
        <v>195</v>
      </c>
      <c r="F3675" t="s">
        <v>651</v>
      </c>
      <c r="G3675">
        <v>160</v>
      </c>
      <c r="H3675" t="s">
        <v>1859</v>
      </c>
      <c r="I3675">
        <v>8409</v>
      </c>
      <c r="J3675" t="s">
        <v>730</v>
      </c>
      <c r="K3675">
        <v>66</v>
      </c>
      <c r="L3675" t="s">
        <v>1876</v>
      </c>
      <c r="M3675">
        <v>1801</v>
      </c>
      <c r="N3675" t="s">
        <v>654</v>
      </c>
      <c r="O3675">
        <v>3</v>
      </c>
      <c r="P3675" t="s">
        <v>655</v>
      </c>
      <c r="Q3675">
        <v>1</v>
      </c>
      <c r="R3675" t="s">
        <v>656</v>
      </c>
      <c r="S3675">
        <v>2</v>
      </c>
      <c r="T3675" t="s">
        <v>661</v>
      </c>
      <c r="U3675">
        <v>8</v>
      </c>
      <c r="V3675">
        <v>2</v>
      </c>
      <c r="W3675">
        <v>120</v>
      </c>
      <c r="X3675">
        <v>2020</v>
      </c>
    </row>
    <row r="3676" spans="1:24" x14ac:dyDescent="0.25">
      <c r="A3676">
        <v>7303</v>
      </c>
      <c r="B3676" t="s">
        <v>95</v>
      </c>
      <c r="C3676">
        <v>26</v>
      </c>
      <c r="D3676" t="s">
        <v>465</v>
      </c>
      <c r="E3676">
        <v>195</v>
      </c>
      <c r="F3676" t="s">
        <v>651</v>
      </c>
      <c r="G3676">
        <v>160</v>
      </c>
      <c r="H3676" t="s">
        <v>833</v>
      </c>
      <c r="I3676">
        <v>5562</v>
      </c>
      <c r="J3676" t="s">
        <v>730</v>
      </c>
      <c r="K3676">
        <v>66</v>
      </c>
      <c r="L3676" t="s">
        <v>2824</v>
      </c>
      <c r="M3676">
        <v>1800</v>
      </c>
      <c r="N3676" t="s">
        <v>654</v>
      </c>
      <c r="O3676">
        <v>3</v>
      </c>
      <c r="P3676" t="s">
        <v>655</v>
      </c>
      <c r="Q3676">
        <v>1</v>
      </c>
      <c r="R3676" t="s">
        <v>656</v>
      </c>
      <c r="S3676">
        <v>2</v>
      </c>
      <c r="T3676" t="s">
        <v>661</v>
      </c>
      <c r="U3676">
        <v>8</v>
      </c>
      <c r="V3676">
        <v>2</v>
      </c>
      <c r="W3676">
        <v>120</v>
      </c>
      <c r="X3676">
        <v>2020</v>
      </c>
    </row>
    <row r="3677" spans="1:24" x14ac:dyDescent="0.25">
      <c r="A3677">
        <v>7302</v>
      </c>
      <c r="B3677" t="s">
        <v>95</v>
      </c>
      <c r="C3677">
        <v>26</v>
      </c>
      <c r="D3677" t="s">
        <v>465</v>
      </c>
      <c r="E3677">
        <v>195</v>
      </c>
      <c r="F3677" t="s">
        <v>651</v>
      </c>
      <c r="G3677">
        <v>160</v>
      </c>
      <c r="H3677" t="s">
        <v>833</v>
      </c>
      <c r="I3677">
        <v>5562</v>
      </c>
      <c r="J3677" t="s">
        <v>738</v>
      </c>
      <c r="K3677">
        <v>61</v>
      </c>
      <c r="L3677" t="s">
        <v>2825</v>
      </c>
      <c r="M3677">
        <v>1799</v>
      </c>
      <c r="N3677" t="s">
        <v>654</v>
      </c>
      <c r="O3677">
        <v>3</v>
      </c>
      <c r="P3677" t="s">
        <v>655</v>
      </c>
      <c r="Q3677">
        <v>1</v>
      </c>
      <c r="R3677" t="s">
        <v>656</v>
      </c>
      <c r="S3677">
        <v>2</v>
      </c>
      <c r="T3677" t="s">
        <v>661</v>
      </c>
      <c r="U3677">
        <v>8</v>
      </c>
      <c r="V3677">
        <v>2</v>
      </c>
      <c r="W3677">
        <v>120</v>
      </c>
      <c r="X3677">
        <v>2020</v>
      </c>
    </row>
    <row r="3678" spans="1:24" x14ac:dyDescent="0.25">
      <c r="A3678">
        <v>7301</v>
      </c>
      <c r="B3678" t="s">
        <v>95</v>
      </c>
      <c r="C3678">
        <v>26</v>
      </c>
      <c r="D3678" t="s">
        <v>465</v>
      </c>
      <c r="E3678">
        <v>195</v>
      </c>
      <c r="F3678" t="s">
        <v>651</v>
      </c>
      <c r="G3678">
        <v>160</v>
      </c>
      <c r="H3678" t="s">
        <v>833</v>
      </c>
      <c r="I3678">
        <v>5562</v>
      </c>
      <c r="J3678" t="s">
        <v>693</v>
      </c>
      <c r="K3678">
        <v>56</v>
      </c>
      <c r="L3678" t="s">
        <v>2826</v>
      </c>
      <c r="M3678">
        <v>1798</v>
      </c>
      <c r="N3678" t="s">
        <v>654</v>
      </c>
      <c r="O3678">
        <v>3</v>
      </c>
      <c r="P3678" t="s">
        <v>655</v>
      </c>
      <c r="Q3678">
        <v>1</v>
      </c>
      <c r="R3678" t="s">
        <v>656</v>
      </c>
      <c r="S3678">
        <v>2</v>
      </c>
      <c r="T3678" t="s">
        <v>661</v>
      </c>
      <c r="U3678">
        <v>8</v>
      </c>
      <c r="V3678">
        <v>2</v>
      </c>
      <c r="W3678">
        <v>120</v>
      </c>
      <c r="X3678">
        <v>2020</v>
      </c>
    </row>
    <row r="3679" spans="1:24" x14ac:dyDescent="0.25">
      <c r="A3679">
        <v>7300</v>
      </c>
      <c r="B3679" t="s">
        <v>95</v>
      </c>
      <c r="C3679">
        <v>26</v>
      </c>
      <c r="D3679" t="s">
        <v>465</v>
      </c>
      <c r="E3679">
        <v>195</v>
      </c>
      <c r="F3679" t="s">
        <v>651</v>
      </c>
      <c r="G3679">
        <v>160</v>
      </c>
      <c r="H3679" t="s">
        <v>833</v>
      </c>
      <c r="I3679">
        <v>5562</v>
      </c>
      <c r="J3679" t="s">
        <v>707</v>
      </c>
      <c r="K3679">
        <v>59</v>
      </c>
      <c r="L3679" t="s">
        <v>2827</v>
      </c>
      <c r="M3679">
        <v>1797</v>
      </c>
      <c r="N3679" t="s">
        <v>654</v>
      </c>
      <c r="O3679">
        <v>3</v>
      </c>
      <c r="P3679" t="s">
        <v>655</v>
      </c>
      <c r="Q3679">
        <v>1</v>
      </c>
      <c r="R3679" t="s">
        <v>656</v>
      </c>
      <c r="S3679">
        <v>2</v>
      </c>
      <c r="T3679" t="s">
        <v>718</v>
      </c>
      <c r="U3679">
        <v>2</v>
      </c>
      <c r="V3679">
        <v>2</v>
      </c>
      <c r="W3679">
        <v>120</v>
      </c>
      <c r="X3679">
        <v>2020</v>
      </c>
    </row>
    <row r="3680" spans="1:24" x14ac:dyDescent="0.25">
      <c r="A3680">
        <v>7299</v>
      </c>
      <c r="B3680" t="s">
        <v>95</v>
      </c>
      <c r="C3680">
        <v>26</v>
      </c>
      <c r="D3680" t="s">
        <v>465</v>
      </c>
      <c r="E3680">
        <v>195</v>
      </c>
      <c r="F3680" t="s">
        <v>651</v>
      </c>
      <c r="G3680">
        <v>160</v>
      </c>
      <c r="H3680" t="s">
        <v>833</v>
      </c>
      <c r="I3680">
        <v>5562</v>
      </c>
      <c r="J3680" t="s">
        <v>707</v>
      </c>
      <c r="K3680">
        <v>59</v>
      </c>
      <c r="L3680" t="s">
        <v>2828</v>
      </c>
      <c r="M3680">
        <v>1796</v>
      </c>
      <c r="N3680" t="s">
        <v>654</v>
      </c>
      <c r="O3680">
        <v>3</v>
      </c>
      <c r="P3680" t="s">
        <v>655</v>
      </c>
      <c r="Q3680">
        <v>1</v>
      </c>
      <c r="R3680" t="s">
        <v>656</v>
      </c>
      <c r="S3680">
        <v>2</v>
      </c>
      <c r="T3680" t="s">
        <v>661</v>
      </c>
      <c r="U3680">
        <v>8</v>
      </c>
      <c r="V3680">
        <v>2</v>
      </c>
      <c r="W3680">
        <v>120</v>
      </c>
      <c r="X3680">
        <v>2020</v>
      </c>
    </row>
    <row r="3681" spans="1:24" x14ac:dyDescent="0.25">
      <c r="A3681">
        <v>7298</v>
      </c>
      <c r="B3681" t="s">
        <v>95</v>
      </c>
      <c r="C3681">
        <v>26</v>
      </c>
      <c r="D3681" t="s">
        <v>465</v>
      </c>
      <c r="E3681">
        <v>195</v>
      </c>
      <c r="F3681" t="s">
        <v>651</v>
      </c>
      <c r="G3681">
        <v>160</v>
      </c>
      <c r="H3681" t="s">
        <v>833</v>
      </c>
      <c r="I3681">
        <v>5562</v>
      </c>
      <c r="J3681" t="s">
        <v>707</v>
      </c>
      <c r="K3681">
        <v>59</v>
      </c>
      <c r="L3681" t="s">
        <v>2829</v>
      </c>
      <c r="M3681">
        <v>1795</v>
      </c>
      <c r="N3681" t="s">
        <v>654</v>
      </c>
      <c r="O3681">
        <v>3</v>
      </c>
      <c r="P3681" t="s">
        <v>655</v>
      </c>
      <c r="Q3681">
        <v>1</v>
      </c>
      <c r="R3681" t="s">
        <v>656</v>
      </c>
      <c r="S3681">
        <v>2</v>
      </c>
      <c r="T3681" t="s">
        <v>661</v>
      </c>
      <c r="U3681">
        <v>8</v>
      </c>
      <c r="V3681">
        <v>2</v>
      </c>
      <c r="W3681">
        <v>120</v>
      </c>
      <c r="X3681">
        <v>2020</v>
      </c>
    </row>
    <row r="3682" spans="1:24" x14ac:dyDescent="0.25">
      <c r="A3682">
        <v>7296</v>
      </c>
      <c r="B3682" t="s">
        <v>95</v>
      </c>
      <c r="C3682">
        <v>26</v>
      </c>
      <c r="D3682" t="s">
        <v>513</v>
      </c>
      <c r="E3682">
        <v>194</v>
      </c>
      <c r="F3682" t="s">
        <v>651</v>
      </c>
      <c r="G3682">
        <v>160</v>
      </c>
      <c r="H3682" t="s">
        <v>1859</v>
      </c>
      <c r="I3682">
        <v>8409</v>
      </c>
      <c r="J3682" t="s">
        <v>301</v>
      </c>
      <c r="K3682">
        <v>26</v>
      </c>
      <c r="L3682" t="s">
        <v>1912</v>
      </c>
      <c r="M3682">
        <v>1579</v>
      </c>
      <c r="N3682" t="s">
        <v>654</v>
      </c>
      <c r="O3682">
        <v>3</v>
      </c>
      <c r="P3682" t="s">
        <v>655</v>
      </c>
      <c r="Q3682">
        <v>1</v>
      </c>
      <c r="R3682" t="s">
        <v>656</v>
      </c>
      <c r="S3682">
        <v>2</v>
      </c>
      <c r="T3682" t="s">
        <v>661</v>
      </c>
      <c r="U3682">
        <v>8</v>
      </c>
      <c r="V3682">
        <v>2</v>
      </c>
      <c r="W3682">
        <v>120</v>
      </c>
      <c r="X3682">
        <v>2020</v>
      </c>
    </row>
    <row r="3683" spans="1:24" x14ac:dyDescent="0.25">
      <c r="A3683">
        <v>7295</v>
      </c>
      <c r="B3683" t="s">
        <v>95</v>
      </c>
      <c r="C3683">
        <v>26</v>
      </c>
      <c r="D3683" t="s">
        <v>513</v>
      </c>
      <c r="E3683">
        <v>194</v>
      </c>
      <c r="F3683" t="s">
        <v>651</v>
      </c>
      <c r="G3683">
        <v>160</v>
      </c>
      <c r="H3683" t="s">
        <v>833</v>
      </c>
      <c r="I3683">
        <v>5562</v>
      </c>
      <c r="J3683" t="s">
        <v>294</v>
      </c>
      <c r="K3683">
        <v>31</v>
      </c>
      <c r="L3683" t="s">
        <v>1960</v>
      </c>
      <c r="M3683">
        <v>1039</v>
      </c>
      <c r="N3683" t="s">
        <v>654</v>
      </c>
      <c r="O3683">
        <v>3</v>
      </c>
      <c r="P3683" t="s">
        <v>655</v>
      </c>
      <c r="Q3683">
        <v>1</v>
      </c>
      <c r="R3683" t="s">
        <v>656</v>
      </c>
      <c r="S3683">
        <v>2</v>
      </c>
      <c r="T3683" t="s">
        <v>661</v>
      </c>
      <c r="U3683">
        <v>8</v>
      </c>
      <c r="V3683">
        <v>2</v>
      </c>
      <c r="W3683">
        <v>120</v>
      </c>
      <c r="X3683">
        <v>2020</v>
      </c>
    </row>
    <row r="3684" spans="1:24" x14ac:dyDescent="0.25">
      <c r="A3684">
        <v>7293</v>
      </c>
      <c r="B3684" t="s">
        <v>95</v>
      </c>
      <c r="C3684">
        <v>26</v>
      </c>
      <c r="D3684" t="s">
        <v>513</v>
      </c>
      <c r="E3684">
        <v>194</v>
      </c>
      <c r="F3684" t="s">
        <v>651</v>
      </c>
      <c r="G3684">
        <v>160</v>
      </c>
      <c r="H3684" t="s">
        <v>833</v>
      </c>
      <c r="I3684">
        <v>5562</v>
      </c>
      <c r="J3684" t="s">
        <v>295</v>
      </c>
      <c r="K3684">
        <v>30</v>
      </c>
      <c r="L3684" t="s">
        <v>1955</v>
      </c>
      <c r="M3684">
        <v>917</v>
      </c>
      <c r="N3684" t="s">
        <v>654</v>
      </c>
      <c r="O3684">
        <v>3</v>
      </c>
      <c r="P3684" t="s">
        <v>655</v>
      </c>
      <c r="Q3684">
        <v>1</v>
      </c>
      <c r="R3684" t="s">
        <v>656</v>
      </c>
      <c r="S3684">
        <v>2</v>
      </c>
      <c r="T3684" t="s">
        <v>661</v>
      </c>
      <c r="U3684">
        <v>8</v>
      </c>
      <c r="V3684">
        <v>2</v>
      </c>
      <c r="W3684">
        <v>120</v>
      </c>
      <c r="X3684">
        <v>2020</v>
      </c>
    </row>
    <row r="3685" spans="1:24" x14ac:dyDescent="0.25">
      <c r="A3685">
        <v>7292</v>
      </c>
      <c r="B3685" t="s">
        <v>95</v>
      </c>
      <c r="C3685">
        <v>26</v>
      </c>
      <c r="D3685" t="s">
        <v>513</v>
      </c>
      <c r="E3685">
        <v>194</v>
      </c>
      <c r="F3685" t="s">
        <v>651</v>
      </c>
      <c r="G3685">
        <v>160</v>
      </c>
      <c r="H3685" t="s">
        <v>833</v>
      </c>
      <c r="I3685">
        <v>5562</v>
      </c>
      <c r="J3685" t="s">
        <v>295</v>
      </c>
      <c r="K3685">
        <v>30</v>
      </c>
      <c r="L3685" t="s">
        <v>2830</v>
      </c>
      <c r="M3685">
        <v>1792</v>
      </c>
      <c r="N3685" t="s">
        <v>654</v>
      </c>
      <c r="O3685">
        <v>3</v>
      </c>
      <c r="P3685" t="s">
        <v>655</v>
      </c>
      <c r="Q3685">
        <v>1</v>
      </c>
      <c r="R3685" t="s">
        <v>656</v>
      </c>
      <c r="S3685">
        <v>2</v>
      </c>
      <c r="T3685" t="s">
        <v>661</v>
      </c>
      <c r="U3685">
        <v>8</v>
      </c>
      <c r="V3685">
        <v>2</v>
      </c>
      <c r="W3685">
        <v>120</v>
      </c>
      <c r="X3685">
        <v>2020</v>
      </c>
    </row>
    <row r="3686" spans="1:24" x14ac:dyDescent="0.25">
      <c r="A3686">
        <v>7291</v>
      </c>
      <c r="B3686" t="s">
        <v>95</v>
      </c>
      <c r="C3686">
        <v>26</v>
      </c>
      <c r="D3686" t="s">
        <v>513</v>
      </c>
      <c r="E3686">
        <v>194</v>
      </c>
      <c r="F3686" t="s">
        <v>651</v>
      </c>
      <c r="G3686">
        <v>160</v>
      </c>
      <c r="H3686" t="s">
        <v>1859</v>
      </c>
      <c r="I3686">
        <v>8409</v>
      </c>
      <c r="J3686" t="s">
        <v>295</v>
      </c>
      <c r="K3686">
        <v>30</v>
      </c>
      <c r="L3686" t="s">
        <v>1939</v>
      </c>
      <c r="M3686">
        <v>1791</v>
      </c>
      <c r="N3686" t="s">
        <v>654</v>
      </c>
      <c r="O3686">
        <v>3</v>
      </c>
      <c r="P3686" t="s">
        <v>655</v>
      </c>
      <c r="Q3686">
        <v>1</v>
      </c>
      <c r="R3686" t="s">
        <v>656</v>
      </c>
      <c r="S3686">
        <v>2</v>
      </c>
      <c r="T3686" t="s">
        <v>661</v>
      </c>
      <c r="U3686">
        <v>8</v>
      </c>
      <c r="V3686">
        <v>2</v>
      </c>
      <c r="W3686">
        <v>120</v>
      </c>
      <c r="X3686">
        <v>2020</v>
      </c>
    </row>
    <row r="3687" spans="1:24" x14ac:dyDescent="0.25">
      <c r="A3687">
        <v>7289</v>
      </c>
      <c r="B3687" t="s">
        <v>95</v>
      </c>
      <c r="C3687">
        <v>26</v>
      </c>
      <c r="D3687" t="s">
        <v>513</v>
      </c>
      <c r="E3687">
        <v>194</v>
      </c>
      <c r="F3687" t="s">
        <v>651</v>
      </c>
      <c r="G3687">
        <v>160</v>
      </c>
      <c r="H3687" t="s">
        <v>833</v>
      </c>
      <c r="I3687">
        <v>5562</v>
      </c>
      <c r="J3687" t="s">
        <v>295</v>
      </c>
      <c r="K3687">
        <v>30</v>
      </c>
      <c r="L3687" t="s">
        <v>1966</v>
      </c>
      <c r="M3687">
        <v>1029</v>
      </c>
      <c r="N3687" t="s">
        <v>654</v>
      </c>
      <c r="O3687">
        <v>3</v>
      </c>
      <c r="P3687" t="s">
        <v>655</v>
      </c>
      <c r="Q3687">
        <v>1</v>
      </c>
      <c r="R3687" t="s">
        <v>656</v>
      </c>
      <c r="S3687">
        <v>2</v>
      </c>
      <c r="T3687" t="s">
        <v>661</v>
      </c>
      <c r="U3687">
        <v>8</v>
      </c>
      <c r="V3687">
        <v>2</v>
      </c>
      <c r="W3687">
        <v>120</v>
      </c>
      <c r="X3687">
        <v>2020</v>
      </c>
    </row>
    <row r="3688" spans="1:24" x14ac:dyDescent="0.25">
      <c r="A3688">
        <v>7285</v>
      </c>
      <c r="B3688" t="s">
        <v>95</v>
      </c>
      <c r="C3688">
        <v>26</v>
      </c>
      <c r="D3688" t="s">
        <v>513</v>
      </c>
      <c r="E3688">
        <v>194</v>
      </c>
      <c r="F3688" t="s">
        <v>651</v>
      </c>
      <c r="G3688">
        <v>160</v>
      </c>
      <c r="H3688" t="s">
        <v>833</v>
      </c>
      <c r="I3688">
        <v>5562</v>
      </c>
      <c r="J3688" t="s">
        <v>807</v>
      </c>
      <c r="K3688">
        <v>25</v>
      </c>
      <c r="L3688" t="s">
        <v>2112</v>
      </c>
      <c r="M3688">
        <v>1287</v>
      </c>
      <c r="N3688" t="s">
        <v>654</v>
      </c>
      <c r="O3688">
        <v>3</v>
      </c>
      <c r="P3688" t="s">
        <v>655</v>
      </c>
      <c r="Q3688">
        <v>1</v>
      </c>
      <c r="R3688" t="s">
        <v>656</v>
      </c>
      <c r="S3688">
        <v>2</v>
      </c>
      <c r="T3688" t="s">
        <v>661</v>
      </c>
      <c r="U3688">
        <v>8</v>
      </c>
      <c r="V3688">
        <v>2</v>
      </c>
      <c r="W3688">
        <v>120</v>
      </c>
      <c r="X3688">
        <v>2020</v>
      </c>
    </row>
    <row r="3689" spans="1:24" x14ac:dyDescent="0.25">
      <c r="A3689">
        <v>7284</v>
      </c>
      <c r="B3689" t="s">
        <v>95</v>
      </c>
      <c r="C3689">
        <v>26</v>
      </c>
      <c r="D3689" t="s">
        <v>513</v>
      </c>
      <c r="E3689">
        <v>194</v>
      </c>
      <c r="F3689" t="s">
        <v>651</v>
      </c>
      <c r="G3689">
        <v>160</v>
      </c>
      <c r="H3689" t="s">
        <v>833</v>
      </c>
      <c r="I3689">
        <v>5562</v>
      </c>
      <c r="J3689" t="s">
        <v>807</v>
      </c>
      <c r="K3689">
        <v>25</v>
      </c>
      <c r="L3689" t="s">
        <v>2831</v>
      </c>
      <c r="M3689">
        <v>1788</v>
      </c>
      <c r="N3689" t="s">
        <v>654</v>
      </c>
      <c r="O3689">
        <v>3</v>
      </c>
      <c r="P3689" t="s">
        <v>655</v>
      </c>
      <c r="Q3689">
        <v>1</v>
      </c>
      <c r="R3689" t="s">
        <v>656</v>
      </c>
      <c r="S3689">
        <v>2</v>
      </c>
      <c r="T3689" t="s">
        <v>661</v>
      </c>
      <c r="U3689">
        <v>8</v>
      </c>
      <c r="V3689">
        <v>2</v>
      </c>
      <c r="W3689">
        <v>120</v>
      </c>
      <c r="X3689">
        <v>2020</v>
      </c>
    </row>
    <row r="3690" spans="1:24" x14ac:dyDescent="0.25">
      <c r="A3690">
        <v>7282</v>
      </c>
      <c r="B3690" t="s">
        <v>95</v>
      </c>
      <c r="C3690">
        <v>26</v>
      </c>
      <c r="D3690" t="s">
        <v>513</v>
      </c>
      <c r="E3690">
        <v>194</v>
      </c>
      <c r="F3690" t="s">
        <v>651</v>
      </c>
      <c r="G3690">
        <v>160</v>
      </c>
      <c r="H3690" t="s">
        <v>833</v>
      </c>
      <c r="I3690">
        <v>5562</v>
      </c>
      <c r="J3690" t="s">
        <v>807</v>
      </c>
      <c r="K3690">
        <v>25</v>
      </c>
      <c r="L3690" t="s">
        <v>2832</v>
      </c>
      <c r="M3690">
        <v>1787</v>
      </c>
      <c r="N3690" t="s">
        <v>654</v>
      </c>
      <c r="O3690">
        <v>3</v>
      </c>
      <c r="P3690" t="s">
        <v>655</v>
      </c>
      <c r="Q3690">
        <v>1</v>
      </c>
      <c r="R3690" t="s">
        <v>656</v>
      </c>
      <c r="S3690">
        <v>2</v>
      </c>
      <c r="T3690" t="s">
        <v>661</v>
      </c>
      <c r="U3690">
        <v>8</v>
      </c>
      <c r="V3690">
        <v>2</v>
      </c>
      <c r="W3690">
        <v>120</v>
      </c>
      <c r="X3690">
        <v>2020</v>
      </c>
    </row>
    <row r="3691" spans="1:24" x14ac:dyDescent="0.25">
      <c r="A3691">
        <v>7281</v>
      </c>
      <c r="B3691" t="s">
        <v>95</v>
      </c>
      <c r="C3691">
        <v>26</v>
      </c>
      <c r="D3691" t="s">
        <v>513</v>
      </c>
      <c r="E3691">
        <v>194</v>
      </c>
      <c r="F3691" t="s">
        <v>651</v>
      </c>
      <c r="G3691">
        <v>160</v>
      </c>
      <c r="H3691" t="s">
        <v>833</v>
      </c>
      <c r="I3691">
        <v>5562</v>
      </c>
      <c r="J3691" t="s">
        <v>955</v>
      </c>
      <c r="K3691">
        <v>29</v>
      </c>
      <c r="L3691" t="s">
        <v>2833</v>
      </c>
      <c r="M3691">
        <v>1786</v>
      </c>
      <c r="N3691" t="s">
        <v>654</v>
      </c>
      <c r="O3691">
        <v>3</v>
      </c>
      <c r="P3691" t="s">
        <v>655</v>
      </c>
      <c r="Q3691">
        <v>1</v>
      </c>
      <c r="R3691" t="s">
        <v>656</v>
      </c>
      <c r="S3691">
        <v>2</v>
      </c>
      <c r="T3691" t="s">
        <v>661</v>
      </c>
      <c r="U3691">
        <v>8</v>
      </c>
      <c r="V3691">
        <v>2</v>
      </c>
      <c r="W3691">
        <v>120</v>
      </c>
      <c r="X3691">
        <v>2020</v>
      </c>
    </row>
    <row r="3692" spans="1:24" x14ac:dyDescent="0.25">
      <c r="A3692">
        <v>7280</v>
      </c>
      <c r="B3692" t="s">
        <v>95</v>
      </c>
      <c r="C3692">
        <v>26</v>
      </c>
      <c r="D3692" t="s">
        <v>513</v>
      </c>
      <c r="E3692">
        <v>194</v>
      </c>
      <c r="F3692" t="s">
        <v>651</v>
      </c>
      <c r="G3692">
        <v>160</v>
      </c>
      <c r="H3692" t="s">
        <v>833</v>
      </c>
      <c r="I3692">
        <v>5562</v>
      </c>
      <c r="J3692" t="s">
        <v>955</v>
      </c>
      <c r="K3692">
        <v>29</v>
      </c>
      <c r="L3692" t="s">
        <v>2834</v>
      </c>
      <c r="M3692">
        <v>1785</v>
      </c>
      <c r="N3692" t="s">
        <v>654</v>
      </c>
      <c r="O3692">
        <v>3</v>
      </c>
      <c r="P3692" t="s">
        <v>655</v>
      </c>
      <c r="Q3692">
        <v>1</v>
      </c>
      <c r="R3692" t="s">
        <v>656</v>
      </c>
      <c r="S3692">
        <v>2</v>
      </c>
      <c r="T3692" t="s">
        <v>718</v>
      </c>
      <c r="U3692">
        <v>2</v>
      </c>
      <c r="V3692">
        <v>2</v>
      </c>
      <c r="W3692">
        <v>120</v>
      </c>
      <c r="X3692">
        <v>2020</v>
      </c>
    </row>
    <row r="3693" spans="1:24" x14ac:dyDescent="0.25">
      <c r="A3693">
        <v>7278</v>
      </c>
      <c r="B3693" t="s">
        <v>95</v>
      </c>
      <c r="C3693">
        <v>26</v>
      </c>
      <c r="D3693" t="s">
        <v>513</v>
      </c>
      <c r="E3693">
        <v>194</v>
      </c>
      <c r="F3693" t="s">
        <v>651</v>
      </c>
      <c r="G3693">
        <v>160</v>
      </c>
      <c r="H3693" t="s">
        <v>1859</v>
      </c>
      <c r="I3693">
        <v>8409</v>
      </c>
      <c r="J3693" t="s">
        <v>299</v>
      </c>
      <c r="K3693">
        <v>27</v>
      </c>
      <c r="L3693" t="s">
        <v>2835</v>
      </c>
      <c r="M3693">
        <v>1783</v>
      </c>
      <c r="N3693" t="s">
        <v>654</v>
      </c>
      <c r="O3693">
        <v>3</v>
      </c>
      <c r="P3693" t="s">
        <v>655</v>
      </c>
      <c r="Q3693">
        <v>1</v>
      </c>
      <c r="R3693" t="s">
        <v>656</v>
      </c>
      <c r="S3693">
        <v>2</v>
      </c>
      <c r="T3693" t="s">
        <v>661</v>
      </c>
      <c r="U3693">
        <v>8</v>
      </c>
      <c r="V3693">
        <v>2</v>
      </c>
      <c r="W3693">
        <v>120</v>
      </c>
      <c r="X3693">
        <v>2020</v>
      </c>
    </row>
    <row r="3694" spans="1:24" x14ac:dyDescent="0.25">
      <c r="A3694">
        <v>7277</v>
      </c>
      <c r="B3694" t="s">
        <v>95</v>
      </c>
      <c r="C3694">
        <v>26</v>
      </c>
      <c r="D3694" t="s">
        <v>513</v>
      </c>
      <c r="E3694">
        <v>194</v>
      </c>
      <c r="F3694" t="s">
        <v>651</v>
      </c>
      <c r="G3694">
        <v>160</v>
      </c>
      <c r="H3694" t="s">
        <v>833</v>
      </c>
      <c r="I3694">
        <v>5562</v>
      </c>
      <c r="J3694" t="s">
        <v>299</v>
      </c>
      <c r="K3694">
        <v>27</v>
      </c>
      <c r="L3694" t="s">
        <v>2836</v>
      </c>
      <c r="M3694">
        <v>1782</v>
      </c>
      <c r="N3694" t="s">
        <v>654</v>
      </c>
      <c r="O3694">
        <v>3</v>
      </c>
      <c r="P3694" t="s">
        <v>655</v>
      </c>
      <c r="Q3694">
        <v>1</v>
      </c>
      <c r="R3694" t="s">
        <v>656</v>
      </c>
      <c r="S3694">
        <v>2</v>
      </c>
      <c r="T3694" t="s">
        <v>661</v>
      </c>
      <c r="U3694">
        <v>8</v>
      </c>
      <c r="V3694">
        <v>2</v>
      </c>
      <c r="W3694">
        <v>120</v>
      </c>
      <c r="X3694">
        <v>2020</v>
      </c>
    </row>
    <row r="3695" spans="1:24" x14ac:dyDescent="0.25">
      <c r="A3695">
        <v>7275</v>
      </c>
      <c r="B3695" t="s">
        <v>95</v>
      </c>
      <c r="C3695">
        <v>26</v>
      </c>
      <c r="D3695" t="s">
        <v>513</v>
      </c>
      <c r="E3695">
        <v>194</v>
      </c>
      <c r="F3695" t="s">
        <v>651</v>
      </c>
      <c r="G3695">
        <v>160</v>
      </c>
      <c r="H3695" t="s">
        <v>833</v>
      </c>
      <c r="I3695">
        <v>5562</v>
      </c>
      <c r="J3695" t="s">
        <v>296</v>
      </c>
      <c r="K3695">
        <v>97</v>
      </c>
      <c r="L3695" t="s">
        <v>2837</v>
      </c>
      <c r="M3695">
        <v>1780</v>
      </c>
      <c r="N3695" t="s">
        <v>654</v>
      </c>
      <c r="O3695">
        <v>3</v>
      </c>
      <c r="P3695" t="s">
        <v>655</v>
      </c>
      <c r="Q3695">
        <v>1</v>
      </c>
      <c r="R3695" t="s">
        <v>656</v>
      </c>
      <c r="S3695">
        <v>2</v>
      </c>
      <c r="T3695" t="s">
        <v>661</v>
      </c>
      <c r="U3695">
        <v>8</v>
      </c>
      <c r="V3695">
        <v>2</v>
      </c>
      <c r="W3695">
        <v>120</v>
      </c>
      <c r="X3695">
        <v>2020</v>
      </c>
    </row>
    <row r="3696" spans="1:24" x14ac:dyDescent="0.25">
      <c r="A3696">
        <v>7273</v>
      </c>
      <c r="B3696" t="s">
        <v>95</v>
      </c>
      <c r="C3696">
        <v>26</v>
      </c>
      <c r="D3696" t="s">
        <v>11</v>
      </c>
      <c r="E3696">
        <v>649</v>
      </c>
      <c r="F3696" t="s">
        <v>651</v>
      </c>
      <c r="G3696">
        <v>160</v>
      </c>
      <c r="H3696" t="s">
        <v>833</v>
      </c>
      <c r="I3696">
        <v>5562</v>
      </c>
      <c r="J3696" t="s">
        <v>65</v>
      </c>
      <c r="K3696">
        <v>15</v>
      </c>
      <c r="L3696" t="s">
        <v>898</v>
      </c>
      <c r="M3696">
        <v>806</v>
      </c>
      <c r="N3696" t="s">
        <v>654</v>
      </c>
      <c r="O3696">
        <v>3</v>
      </c>
      <c r="P3696" t="s">
        <v>655</v>
      </c>
      <c r="Q3696">
        <v>1</v>
      </c>
      <c r="R3696" t="s">
        <v>656</v>
      </c>
      <c r="S3696">
        <v>2</v>
      </c>
      <c r="T3696" t="s">
        <v>661</v>
      </c>
      <c r="U3696">
        <v>8</v>
      </c>
      <c r="V3696">
        <v>1</v>
      </c>
      <c r="W3696">
        <v>60</v>
      </c>
      <c r="X3696">
        <v>2020</v>
      </c>
    </row>
    <row r="3697" spans="1:24" x14ac:dyDescent="0.25">
      <c r="A3697">
        <v>7272</v>
      </c>
      <c r="B3697" t="s">
        <v>95</v>
      </c>
      <c r="C3697">
        <v>26</v>
      </c>
      <c r="D3697" t="s">
        <v>11</v>
      </c>
      <c r="E3697">
        <v>649</v>
      </c>
      <c r="F3697" t="s">
        <v>651</v>
      </c>
      <c r="G3697">
        <v>160</v>
      </c>
      <c r="H3697" t="s">
        <v>833</v>
      </c>
      <c r="I3697">
        <v>5562</v>
      </c>
      <c r="J3697" t="s">
        <v>65</v>
      </c>
      <c r="K3697">
        <v>15</v>
      </c>
      <c r="L3697" t="s">
        <v>2838</v>
      </c>
      <c r="M3697">
        <v>1385</v>
      </c>
      <c r="N3697" t="s">
        <v>654</v>
      </c>
      <c r="O3697">
        <v>3</v>
      </c>
      <c r="P3697" t="s">
        <v>655</v>
      </c>
      <c r="Q3697">
        <v>1</v>
      </c>
      <c r="R3697" t="s">
        <v>656</v>
      </c>
      <c r="S3697">
        <v>2</v>
      </c>
      <c r="T3697" t="s">
        <v>661</v>
      </c>
      <c r="U3697">
        <v>8</v>
      </c>
      <c r="V3697">
        <v>1</v>
      </c>
      <c r="W3697">
        <v>60</v>
      </c>
      <c r="X3697">
        <v>2020</v>
      </c>
    </row>
    <row r="3698" spans="1:24" x14ac:dyDescent="0.25">
      <c r="A3698">
        <v>7271</v>
      </c>
      <c r="B3698" t="s">
        <v>95</v>
      </c>
      <c r="C3698">
        <v>26</v>
      </c>
      <c r="D3698" t="s">
        <v>11</v>
      </c>
      <c r="E3698">
        <v>649</v>
      </c>
      <c r="F3698" t="s">
        <v>651</v>
      </c>
      <c r="G3698">
        <v>160</v>
      </c>
      <c r="H3698" t="s">
        <v>833</v>
      </c>
      <c r="I3698">
        <v>5562</v>
      </c>
      <c r="J3698" t="s">
        <v>65</v>
      </c>
      <c r="K3698">
        <v>15</v>
      </c>
      <c r="L3698" t="s">
        <v>899</v>
      </c>
      <c r="M3698">
        <v>803</v>
      </c>
      <c r="N3698" t="s">
        <v>654</v>
      </c>
      <c r="O3698">
        <v>3</v>
      </c>
      <c r="P3698" t="s">
        <v>655</v>
      </c>
      <c r="Q3698">
        <v>1</v>
      </c>
      <c r="R3698" t="s">
        <v>656</v>
      </c>
      <c r="S3698">
        <v>2</v>
      </c>
      <c r="T3698" t="s">
        <v>661</v>
      </c>
      <c r="U3698">
        <v>8</v>
      </c>
      <c r="V3698">
        <v>1</v>
      </c>
      <c r="W3698">
        <v>60</v>
      </c>
      <c r="X3698">
        <v>2020</v>
      </c>
    </row>
    <row r="3699" spans="1:24" x14ac:dyDescent="0.25">
      <c r="A3699">
        <v>7270</v>
      </c>
      <c r="B3699" t="s">
        <v>95</v>
      </c>
      <c r="C3699">
        <v>26</v>
      </c>
      <c r="D3699" t="s">
        <v>11</v>
      </c>
      <c r="E3699">
        <v>649</v>
      </c>
      <c r="F3699" t="s">
        <v>651</v>
      </c>
      <c r="G3699">
        <v>160</v>
      </c>
      <c r="H3699" t="s">
        <v>833</v>
      </c>
      <c r="I3699">
        <v>5562</v>
      </c>
      <c r="J3699" t="s">
        <v>65</v>
      </c>
      <c r="K3699">
        <v>15</v>
      </c>
      <c r="L3699" t="s">
        <v>2839</v>
      </c>
      <c r="M3699">
        <v>1689</v>
      </c>
      <c r="N3699" t="s">
        <v>654</v>
      </c>
      <c r="O3699">
        <v>3</v>
      </c>
      <c r="P3699" t="s">
        <v>655</v>
      </c>
      <c r="Q3699">
        <v>1</v>
      </c>
      <c r="R3699" t="s">
        <v>656</v>
      </c>
      <c r="S3699">
        <v>2</v>
      </c>
      <c r="T3699" t="s">
        <v>661</v>
      </c>
      <c r="U3699">
        <v>8</v>
      </c>
      <c r="V3699">
        <v>1</v>
      </c>
      <c r="W3699">
        <v>60</v>
      </c>
      <c r="X3699">
        <v>2020</v>
      </c>
    </row>
    <row r="3700" spans="1:24" x14ac:dyDescent="0.25">
      <c r="A3700">
        <v>7269</v>
      </c>
      <c r="B3700" t="s">
        <v>95</v>
      </c>
      <c r="C3700">
        <v>26</v>
      </c>
      <c r="D3700" t="s">
        <v>11</v>
      </c>
      <c r="E3700">
        <v>649</v>
      </c>
      <c r="F3700" t="s">
        <v>651</v>
      </c>
      <c r="G3700">
        <v>160</v>
      </c>
      <c r="H3700" t="s">
        <v>833</v>
      </c>
      <c r="I3700">
        <v>5562</v>
      </c>
      <c r="J3700" t="s">
        <v>65</v>
      </c>
      <c r="K3700">
        <v>15</v>
      </c>
      <c r="L3700" t="s">
        <v>1962</v>
      </c>
      <c r="M3700">
        <v>802</v>
      </c>
      <c r="N3700" t="s">
        <v>654</v>
      </c>
      <c r="O3700">
        <v>3</v>
      </c>
      <c r="P3700" t="s">
        <v>655</v>
      </c>
      <c r="Q3700">
        <v>1</v>
      </c>
      <c r="R3700" t="s">
        <v>656</v>
      </c>
      <c r="S3700">
        <v>2</v>
      </c>
      <c r="T3700" t="s">
        <v>661</v>
      </c>
      <c r="U3700">
        <v>8</v>
      </c>
      <c r="V3700">
        <v>1</v>
      </c>
      <c r="W3700">
        <v>60</v>
      </c>
      <c r="X3700">
        <v>2020</v>
      </c>
    </row>
    <row r="3701" spans="1:24" x14ac:dyDescent="0.25">
      <c r="A3701">
        <v>7264</v>
      </c>
      <c r="B3701" t="s">
        <v>95</v>
      </c>
      <c r="C3701">
        <v>26</v>
      </c>
      <c r="D3701" t="s">
        <v>509</v>
      </c>
      <c r="E3701">
        <v>192</v>
      </c>
      <c r="F3701" t="s">
        <v>651</v>
      </c>
      <c r="G3701">
        <v>160</v>
      </c>
      <c r="H3701" t="s">
        <v>833</v>
      </c>
      <c r="I3701">
        <v>5562</v>
      </c>
      <c r="J3701" t="s">
        <v>864</v>
      </c>
      <c r="K3701">
        <v>14</v>
      </c>
      <c r="L3701" t="s">
        <v>2840</v>
      </c>
      <c r="M3701">
        <v>1774</v>
      </c>
      <c r="N3701" t="s">
        <v>654</v>
      </c>
      <c r="O3701">
        <v>3</v>
      </c>
      <c r="P3701" t="s">
        <v>655</v>
      </c>
      <c r="Q3701">
        <v>1</v>
      </c>
      <c r="R3701" t="s">
        <v>656</v>
      </c>
      <c r="S3701">
        <v>2</v>
      </c>
      <c r="T3701" t="s">
        <v>661</v>
      </c>
      <c r="U3701">
        <v>8</v>
      </c>
      <c r="V3701">
        <v>2</v>
      </c>
      <c r="W3701">
        <v>120</v>
      </c>
      <c r="X3701">
        <v>2020</v>
      </c>
    </row>
    <row r="3702" spans="1:24" x14ac:dyDescent="0.25">
      <c r="A3702">
        <v>7263</v>
      </c>
      <c r="B3702" t="s">
        <v>95</v>
      </c>
      <c r="C3702">
        <v>26</v>
      </c>
      <c r="D3702" t="s">
        <v>330</v>
      </c>
      <c r="E3702">
        <v>651</v>
      </c>
      <c r="F3702" t="s">
        <v>651</v>
      </c>
      <c r="G3702">
        <v>160</v>
      </c>
      <c r="H3702" t="s">
        <v>833</v>
      </c>
      <c r="I3702">
        <v>5562</v>
      </c>
      <c r="J3702" t="s">
        <v>802</v>
      </c>
      <c r="K3702">
        <v>12</v>
      </c>
      <c r="L3702" t="s">
        <v>2841</v>
      </c>
      <c r="M3702">
        <v>1773</v>
      </c>
      <c r="N3702" t="s">
        <v>654</v>
      </c>
      <c r="O3702">
        <v>3</v>
      </c>
      <c r="P3702" t="s">
        <v>655</v>
      </c>
      <c r="Q3702">
        <v>1</v>
      </c>
      <c r="R3702" t="s">
        <v>656</v>
      </c>
      <c r="S3702">
        <v>2</v>
      </c>
      <c r="T3702" t="s">
        <v>661</v>
      </c>
      <c r="U3702">
        <v>8</v>
      </c>
      <c r="V3702">
        <v>2</v>
      </c>
      <c r="W3702">
        <v>120</v>
      </c>
      <c r="X3702">
        <v>2020</v>
      </c>
    </row>
    <row r="3703" spans="1:24" x14ac:dyDescent="0.25">
      <c r="A3703">
        <v>7261</v>
      </c>
      <c r="B3703" t="s">
        <v>95</v>
      </c>
      <c r="C3703">
        <v>26</v>
      </c>
      <c r="D3703" t="s">
        <v>330</v>
      </c>
      <c r="E3703">
        <v>651</v>
      </c>
      <c r="F3703" t="s">
        <v>651</v>
      </c>
      <c r="G3703">
        <v>160</v>
      </c>
      <c r="H3703" t="s">
        <v>833</v>
      </c>
      <c r="I3703">
        <v>5562</v>
      </c>
      <c r="J3703" t="s">
        <v>703</v>
      </c>
      <c r="K3703">
        <v>16</v>
      </c>
      <c r="L3703" t="s">
        <v>2842</v>
      </c>
      <c r="M3703">
        <v>1771</v>
      </c>
      <c r="N3703" t="s">
        <v>654</v>
      </c>
      <c r="O3703">
        <v>3</v>
      </c>
      <c r="P3703" t="s">
        <v>655</v>
      </c>
      <c r="Q3703">
        <v>1</v>
      </c>
      <c r="R3703" t="s">
        <v>656</v>
      </c>
      <c r="S3703">
        <v>2</v>
      </c>
      <c r="T3703" t="s">
        <v>661</v>
      </c>
      <c r="U3703">
        <v>8</v>
      </c>
      <c r="V3703">
        <v>2</v>
      </c>
      <c r="W3703">
        <v>120</v>
      </c>
      <c r="X3703">
        <v>2020</v>
      </c>
    </row>
    <row r="3704" spans="1:24" x14ac:dyDescent="0.25">
      <c r="A3704">
        <v>7258</v>
      </c>
      <c r="B3704" t="s">
        <v>95</v>
      </c>
      <c r="C3704">
        <v>26</v>
      </c>
      <c r="D3704" t="s">
        <v>330</v>
      </c>
      <c r="E3704">
        <v>651</v>
      </c>
      <c r="F3704" t="s">
        <v>651</v>
      </c>
      <c r="G3704">
        <v>160</v>
      </c>
      <c r="H3704" t="s">
        <v>833</v>
      </c>
      <c r="I3704">
        <v>5562</v>
      </c>
      <c r="J3704" t="s">
        <v>894</v>
      </c>
      <c r="K3704">
        <v>18</v>
      </c>
      <c r="L3704" t="s">
        <v>2843</v>
      </c>
      <c r="M3704">
        <v>1768</v>
      </c>
      <c r="N3704" t="s">
        <v>654</v>
      </c>
      <c r="O3704">
        <v>3</v>
      </c>
      <c r="P3704" t="s">
        <v>655</v>
      </c>
      <c r="Q3704">
        <v>1</v>
      </c>
      <c r="R3704" t="s">
        <v>656</v>
      </c>
      <c r="S3704">
        <v>2</v>
      </c>
      <c r="T3704" t="s">
        <v>661</v>
      </c>
      <c r="U3704">
        <v>8</v>
      </c>
      <c r="V3704">
        <v>2</v>
      </c>
      <c r="W3704">
        <v>120</v>
      </c>
      <c r="X3704">
        <v>2020</v>
      </c>
    </row>
    <row r="3705" spans="1:24" x14ac:dyDescent="0.25">
      <c r="A3705">
        <v>7257</v>
      </c>
      <c r="B3705" t="s">
        <v>95</v>
      </c>
      <c r="C3705">
        <v>26</v>
      </c>
      <c r="D3705" t="s">
        <v>426</v>
      </c>
      <c r="E3705">
        <v>190</v>
      </c>
      <c r="F3705" t="s">
        <v>651</v>
      </c>
      <c r="G3705">
        <v>160</v>
      </c>
      <c r="H3705" t="s">
        <v>833</v>
      </c>
      <c r="I3705">
        <v>5562</v>
      </c>
      <c r="J3705" t="s">
        <v>679</v>
      </c>
      <c r="K3705">
        <v>32</v>
      </c>
      <c r="L3705" t="s">
        <v>2337</v>
      </c>
      <c r="M3705">
        <v>1087</v>
      </c>
      <c r="N3705" t="s">
        <v>654</v>
      </c>
      <c r="O3705">
        <v>3</v>
      </c>
      <c r="P3705" t="s">
        <v>655</v>
      </c>
      <c r="Q3705">
        <v>1</v>
      </c>
      <c r="R3705" t="s">
        <v>656</v>
      </c>
      <c r="S3705">
        <v>2</v>
      </c>
      <c r="T3705" t="s">
        <v>661</v>
      </c>
      <c r="U3705">
        <v>8</v>
      </c>
      <c r="V3705">
        <v>2</v>
      </c>
      <c r="W3705">
        <v>120</v>
      </c>
      <c r="X3705">
        <v>2020</v>
      </c>
    </row>
    <row r="3706" spans="1:24" x14ac:dyDescent="0.25">
      <c r="A3706">
        <v>7255</v>
      </c>
      <c r="B3706" t="s">
        <v>95</v>
      </c>
      <c r="C3706">
        <v>26</v>
      </c>
      <c r="D3706" t="s">
        <v>426</v>
      </c>
      <c r="E3706">
        <v>190</v>
      </c>
      <c r="F3706" t="s">
        <v>651</v>
      </c>
      <c r="G3706">
        <v>160</v>
      </c>
      <c r="H3706" t="s">
        <v>833</v>
      </c>
      <c r="I3706">
        <v>5562</v>
      </c>
      <c r="J3706" t="s">
        <v>663</v>
      </c>
      <c r="K3706">
        <v>99</v>
      </c>
      <c r="L3706" t="s">
        <v>2844</v>
      </c>
      <c r="M3706">
        <v>1766</v>
      </c>
      <c r="N3706" t="s">
        <v>654</v>
      </c>
      <c r="O3706">
        <v>3</v>
      </c>
      <c r="P3706" t="s">
        <v>655</v>
      </c>
      <c r="Q3706">
        <v>1</v>
      </c>
      <c r="R3706" t="s">
        <v>656</v>
      </c>
      <c r="S3706">
        <v>2</v>
      </c>
      <c r="T3706" t="s">
        <v>718</v>
      </c>
      <c r="U3706">
        <v>2</v>
      </c>
      <c r="V3706">
        <v>2</v>
      </c>
      <c r="W3706">
        <v>120</v>
      </c>
      <c r="X3706">
        <v>2020</v>
      </c>
    </row>
    <row r="3707" spans="1:24" x14ac:dyDescent="0.25">
      <c r="A3707">
        <v>7254</v>
      </c>
      <c r="B3707" t="s">
        <v>95</v>
      </c>
      <c r="C3707">
        <v>26</v>
      </c>
      <c r="D3707" t="s">
        <v>426</v>
      </c>
      <c r="E3707">
        <v>190</v>
      </c>
      <c r="F3707" t="s">
        <v>651</v>
      </c>
      <c r="G3707">
        <v>160</v>
      </c>
      <c r="H3707" t="s">
        <v>833</v>
      </c>
      <c r="I3707">
        <v>5562</v>
      </c>
      <c r="J3707" t="s">
        <v>663</v>
      </c>
      <c r="K3707">
        <v>99</v>
      </c>
      <c r="L3707" t="s">
        <v>2845</v>
      </c>
      <c r="M3707">
        <v>1311</v>
      </c>
      <c r="N3707" t="s">
        <v>654</v>
      </c>
      <c r="O3707">
        <v>3</v>
      </c>
      <c r="P3707" t="s">
        <v>655</v>
      </c>
      <c r="Q3707">
        <v>1</v>
      </c>
      <c r="R3707" t="s">
        <v>656</v>
      </c>
      <c r="S3707">
        <v>2</v>
      </c>
      <c r="T3707" t="s">
        <v>661</v>
      </c>
      <c r="U3707">
        <v>8</v>
      </c>
      <c r="V3707">
        <v>2</v>
      </c>
      <c r="W3707">
        <v>120</v>
      </c>
      <c r="X3707">
        <v>2020</v>
      </c>
    </row>
    <row r="3708" spans="1:24" x14ac:dyDescent="0.25">
      <c r="A3708">
        <v>7251</v>
      </c>
      <c r="B3708" t="s">
        <v>95</v>
      </c>
      <c r="C3708">
        <v>26</v>
      </c>
      <c r="D3708" t="s">
        <v>426</v>
      </c>
      <c r="E3708">
        <v>190</v>
      </c>
      <c r="F3708" t="s">
        <v>651</v>
      </c>
      <c r="G3708">
        <v>160</v>
      </c>
      <c r="H3708" t="s">
        <v>833</v>
      </c>
      <c r="I3708">
        <v>5562</v>
      </c>
      <c r="J3708" t="s">
        <v>663</v>
      </c>
      <c r="K3708">
        <v>99</v>
      </c>
      <c r="L3708" t="s">
        <v>2846</v>
      </c>
      <c r="M3708">
        <v>1763</v>
      </c>
      <c r="N3708" t="s">
        <v>654</v>
      </c>
      <c r="O3708">
        <v>3</v>
      </c>
      <c r="P3708" t="s">
        <v>655</v>
      </c>
      <c r="Q3708">
        <v>1</v>
      </c>
      <c r="R3708" t="s">
        <v>656</v>
      </c>
      <c r="S3708">
        <v>2</v>
      </c>
      <c r="T3708" t="s">
        <v>1513</v>
      </c>
      <c r="U3708">
        <v>338</v>
      </c>
      <c r="V3708">
        <v>2</v>
      </c>
      <c r="W3708">
        <v>120</v>
      </c>
      <c r="X3708">
        <v>2020</v>
      </c>
    </row>
    <row r="3709" spans="1:24" x14ac:dyDescent="0.25">
      <c r="A3709">
        <v>7250</v>
      </c>
      <c r="B3709" t="s">
        <v>95</v>
      </c>
      <c r="C3709">
        <v>26</v>
      </c>
      <c r="D3709" t="s">
        <v>402</v>
      </c>
      <c r="E3709">
        <v>189</v>
      </c>
      <c r="F3709" t="s">
        <v>651</v>
      </c>
      <c r="G3709">
        <v>160</v>
      </c>
      <c r="H3709" t="s">
        <v>833</v>
      </c>
      <c r="I3709">
        <v>5562</v>
      </c>
      <c r="J3709" t="s">
        <v>819</v>
      </c>
      <c r="K3709">
        <v>101</v>
      </c>
      <c r="L3709" t="s">
        <v>2847</v>
      </c>
      <c r="M3709">
        <v>1762</v>
      </c>
      <c r="N3709" t="s">
        <v>654</v>
      </c>
      <c r="O3709">
        <v>3</v>
      </c>
      <c r="P3709" t="s">
        <v>655</v>
      </c>
      <c r="Q3709">
        <v>1</v>
      </c>
      <c r="R3709" t="s">
        <v>656</v>
      </c>
      <c r="S3709">
        <v>2</v>
      </c>
      <c r="T3709" t="s">
        <v>661</v>
      </c>
      <c r="U3709">
        <v>8</v>
      </c>
      <c r="V3709">
        <v>2</v>
      </c>
      <c r="W3709">
        <v>120</v>
      </c>
      <c r="X3709">
        <v>2020</v>
      </c>
    </row>
    <row r="3710" spans="1:24" x14ac:dyDescent="0.25">
      <c r="A3710">
        <v>7249</v>
      </c>
      <c r="B3710" t="s">
        <v>95</v>
      </c>
      <c r="C3710">
        <v>26</v>
      </c>
      <c r="D3710" t="s">
        <v>402</v>
      </c>
      <c r="E3710">
        <v>189</v>
      </c>
      <c r="F3710" t="s">
        <v>651</v>
      </c>
      <c r="G3710">
        <v>160</v>
      </c>
      <c r="H3710" t="s">
        <v>833</v>
      </c>
      <c r="I3710">
        <v>5562</v>
      </c>
      <c r="J3710" t="s">
        <v>819</v>
      </c>
      <c r="K3710">
        <v>101</v>
      </c>
      <c r="L3710" t="s">
        <v>1641</v>
      </c>
      <c r="M3710">
        <v>1106</v>
      </c>
      <c r="N3710" t="s">
        <v>654</v>
      </c>
      <c r="O3710">
        <v>3</v>
      </c>
      <c r="P3710" t="s">
        <v>655</v>
      </c>
      <c r="Q3710">
        <v>1</v>
      </c>
      <c r="R3710" t="s">
        <v>656</v>
      </c>
      <c r="S3710">
        <v>2</v>
      </c>
      <c r="T3710" t="s">
        <v>661</v>
      </c>
      <c r="U3710">
        <v>8</v>
      </c>
      <c r="V3710">
        <v>2</v>
      </c>
      <c r="W3710">
        <v>120</v>
      </c>
      <c r="X3710">
        <v>2020</v>
      </c>
    </row>
    <row r="3711" spans="1:24" x14ac:dyDescent="0.25">
      <c r="A3711">
        <v>7248</v>
      </c>
      <c r="B3711" t="s">
        <v>95</v>
      </c>
      <c r="C3711">
        <v>26</v>
      </c>
      <c r="D3711" t="s">
        <v>402</v>
      </c>
      <c r="E3711">
        <v>189</v>
      </c>
      <c r="F3711" t="s">
        <v>651</v>
      </c>
      <c r="G3711">
        <v>160</v>
      </c>
      <c r="H3711" t="s">
        <v>833</v>
      </c>
      <c r="I3711">
        <v>5562</v>
      </c>
      <c r="J3711" t="s">
        <v>819</v>
      </c>
      <c r="K3711">
        <v>101</v>
      </c>
      <c r="L3711" t="s">
        <v>2848</v>
      </c>
      <c r="M3711">
        <v>1761</v>
      </c>
      <c r="N3711" t="s">
        <v>654</v>
      </c>
      <c r="O3711">
        <v>3</v>
      </c>
      <c r="P3711" t="s">
        <v>655</v>
      </c>
      <c r="Q3711">
        <v>1</v>
      </c>
      <c r="R3711" t="s">
        <v>656</v>
      </c>
      <c r="S3711">
        <v>2</v>
      </c>
      <c r="T3711" t="s">
        <v>661</v>
      </c>
      <c r="U3711">
        <v>8</v>
      </c>
      <c r="V3711">
        <v>2</v>
      </c>
      <c r="W3711">
        <v>120</v>
      </c>
      <c r="X3711">
        <v>2020</v>
      </c>
    </row>
    <row r="3712" spans="1:24" x14ac:dyDescent="0.25">
      <c r="A3712">
        <v>7247</v>
      </c>
      <c r="B3712" t="s">
        <v>95</v>
      </c>
      <c r="C3712">
        <v>26</v>
      </c>
      <c r="D3712" t="s">
        <v>362</v>
      </c>
      <c r="E3712">
        <v>588</v>
      </c>
      <c r="F3712" t="s">
        <v>651</v>
      </c>
      <c r="G3712">
        <v>160</v>
      </c>
      <c r="H3712" t="s">
        <v>833</v>
      </c>
      <c r="I3712">
        <v>5562</v>
      </c>
      <c r="J3712" t="s">
        <v>885</v>
      </c>
      <c r="K3712">
        <v>1</v>
      </c>
      <c r="L3712" t="s">
        <v>2624</v>
      </c>
      <c r="M3712">
        <v>1707</v>
      </c>
      <c r="N3712" t="s">
        <v>654</v>
      </c>
      <c r="O3712">
        <v>3</v>
      </c>
      <c r="P3712" t="s">
        <v>655</v>
      </c>
      <c r="Q3712">
        <v>1</v>
      </c>
      <c r="R3712" t="s">
        <v>656</v>
      </c>
      <c r="S3712">
        <v>2</v>
      </c>
      <c r="T3712" t="s">
        <v>661</v>
      </c>
      <c r="U3712">
        <v>8</v>
      </c>
      <c r="V3712">
        <v>2</v>
      </c>
      <c r="W3712">
        <v>120</v>
      </c>
      <c r="X3712">
        <v>2020</v>
      </c>
    </row>
    <row r="3713" spans="1:24" x14ac:dyDescent="0.25">
      <c r="A3713">
        <v>7246</v>
      </c>
      <c r="B3713" t="s">
        <v>95</v>
      </c>
      <c r="C3713">
        <v>26</v>
      </c>
      <c r="D3713" t="s">
        <v>362</v>
      </c>
      <c r="E3713">
        <v>588</v>
      </c>
      <c r="F3713" t="s">
        <v>651</v>
      </c>
      <c r="G3713">
        <v>160</v>
      </c>
      <c r="H3713" t="s">
        <v>833</v>
      </c>
      <c r="I3713">
        <v>5562</v>
      </c>
      <c r="J3713" t="s">
        <v>676</v>
      </c>
      <c r="K3713">
        <v>4</v>
      </c>
      <c r="L3713" t="s">
        <v>2849</v>
      </c>
      <c r="M3713">
        <v>1760</v>
      </c>
      <c r="N3713" t="s">
        <v>654</v>
      </c>
      <c r="O3713">
        <v>3</v>
      </c>
      <c r="P3713" t="s">
        <v>655</v>
      </c>
      <c r="Q3713">
        <v>1</v>
      </c>
      <c r="R3713" t="s">
        <v>656</v>
      </c>
      <c r="S3713">
        <v>2</v>
      </c>
      <c r="T3713" t="s">
        <v>718</v>
      </c>
      <c r="U3713">
        <v>2</v>
      </c>
      <c r="V3713">
        <v>2</v>
      </c>
      <c r="W3713">
        <v>120</v>
      </c>
      <c r="X3713">
        <v>2020</v>
      </c>
    </row>
    <row r="3714" spans="1:24" x14ac:dyDescent="0.25">
      <c r="A3714">
        <v>7245</v>
      </c>
      <c r="B3714" t="s">
        <v>95</v>
      </c>
      <c r="C3714">
        <v>26</v>
      </c>
      <c r="D3714" t="s">
        <v>362</v>
      </c>
      <c r="E3714">
        <v>588</v>
      </c>
      <c r="F3714" t="s">
        <v>651</v>
      </c>
      <c r="G3714">
        <v>160</v>
      </c>
      <c r="H3714" t="s">
        <v>833</v>
      </c>
      <c r="I3714">
        <v>5562</v>
      </c>
      <c r="J3714" t="s">
        <v>676</v>
      </c>
      <c r="K3714">
        <v>4</v>
      </c>
      <c r="L3714" t="s">
        <v>2850</v>
      </c>
      <c r="M3714">
        <v>1759</v>
      </c>
      <c r="N3714" t="s">
        <v>654</v>
      </c>
      <c r="O3714">
        <v>3</v>
      </c>
      <c r="P3714" t="s">
        <v>655</v>
      </c>
      <c r="Q3714">
        <v>1</v>
      </c>
      <c r="R3714" t="s">
        <v>656</v>
      </c>
      <c r="S3714">
        <v>2</v>
      </c>
      <c r="T3714" t="s">
        <v>661</v>
      </c>
      <c r="U3714">
        <v>8</v>
      </c>
      <c r="V3714">
        <v>2</v>
      </c>
      <c r="W3714">
        <v>120</v>
      </c>
      <c r="X3714">
        <v>2020</v>
      </c>
    </row>
    <row r="3715" spans="1:24" x14ac:dyDescent="0.25">
      <c r="A3715">
        <v>7242</v>
      </c>
      <c r="B3715" t="s">
        <v>95</v>
      </c>
      <c r="C3715">
        <v>26</v>
      </c>
      <c r="D3715" t="s">
        <v>362</v>
      </c>
      <c r="E3715">
        <v>588</v>
      </c>
      <c r="F3715" t="s">
        <v>651</v>
      </c>
      <c r="G3715">
        <v>160</v>
      </c>
      <c r="H3715" t="s">
        <v>833</v>
      </c>
      <c r="I3715">
        <v>5562</v>
      </c>
      <c r="J3715" t="s">
        <v>736</v>
      </c>
      <c r="K3715">
        <v>8</v>
      </c>
      <c r="L3715" t="s">
        <v>2851</v>
      </c>
      <c r="M3715">
        <v>1756</v>
      </c>
      <c r="N3715" t="s">
        <v>654</v>
      </c>
      <c r="O3715">
        <v>3</v>
      </c>
      <c r="P3715" t="s">
        <v>655</v>
      </c>
      <c r="Q3715">
        <v>1</v>
      </c>
      <c r="R3715" t="s">
        <v>656</v>
      </c>
      <c r="S3715">
        <v>2</v>
      </c>
      <c r="T3715" t="s">
        <v>661</v>
      </c>
      <c r="U3715">
        <v>8</v>
      </c>
      <c r="V3715">
        <v>2</v>
      </c>
      <c r="W3715">
        <v>120</v>
      </c>
      <c r="X3715">
        <v>2020</v>
      </c>
    </row>
    <row r="3716" spans="1:24" x14ac:dyDescent="0.25">
      <c r="A3716">
        <v>7240</v>
      </c>
      <c r="B3716" t="s">
        <v>95</v>
      </c>
      <c r="C3716">
        <v>26</v>
      </c>
      <c r="D3716" t="s">
        <v>362</v>
      </c>
      <c r="E3716">
        <v>588</v>
      </c>
      <c r="F3716" t="s">
        <v>651</v>
      </c>
      <c r="G3716">
        <v>160</v>
      </c>
      <c r="H3716" t="s">
        <v>833</v>
      </c>
      <c r="I3716">
        <v>5562</v>
      </c>
      <c r="J3716" t="s">
        <v>897</v>
      </c>
      <c r="K3716">
        <v>3</v>
      </c>
      <c r="L3716" t="s">
        <v>2852</v>
      </c>
      <c r="M3716">
        <v>1754</v>
      </c>
      <c r="N3716" t="s">
        <v>654</v>
      </c>
      <c r="O3716">
        <v>3</v>
      </c>
      <c r="P3716" t="s">
        <v>655</v>
      </c>
      <c r="Q3716">
        <v>1</v>
      </c>
      <c r="R3716" t="s">
        <v>656</v>
      </c>
      <c r="S3716">
        <v>2</v>
      </c>
      <c r="T3716" t="s">
        <v>661</v>
      </c>
      <c r="U3716">
        <v>8</v>
      </c>
      <c r="V3716">
        <v>2</v>
      </c>
      <c r="W3716">
        <v>120</v>
      </c>
      <c r="X3716">
        <v>2020</v>
      </c>
    </row>
    <row r="3717" spans="1:24" x14ac:dyDescent="0.25">
      <c r="A3717">
        <v>7239</v>
      </c>
      <c r="B3717" t="s">
        <v>104</v>
      </c>
      <c r="C3717">
        <v>25</v>
      </c>
      <c r="D3717" t="s">
        <v>537</v>
      </c>
      <c r="E3717">
        <v>184</v>
      </c>
      <c r="F3717" t="s">
        <v>651</v>
      </c>
      <c r="G3717">
        <v>160</v>
      </c>
      <c r="H3717" t="s">
        <v>747</v>
      </c>
      <c r="I3717">
        <v>4847</v>
      </c>
      <c r="J3717" t="s">
        <v>730</v>
      </c>
      <c r="K3717">
        <v>66</v>
      </c>
      <c r="L3717" t="s">
        <v>2853</v>
      </c>
      <c r="M3717">
        <v>1753</v>
      </c>
      <c r="N3717" t="s">
        <v>654</v>
      </c>
      <c r="O3717">
        <v>3</v>
      </c>
      <c r="P3717" t="s">
        <v>655</v>
      </c>
      <c r="Q3717">
        <v>1</v>
      </c>
      <c r="R3717" t="s">
        <v>656</v>
      </c>
      <c r="S3717">
        <v>2</v>
      </c>
      <c r="T3717" t="s">
        <v>661</v>
      </c>
      <c r="U3717">
        <v>8</v>
      </c>
      <c r="V3717">
        <v>2</v>
      </c>
      <c r="W3717">
        <v>120</v>
      </c>
      <c r="X3717">
        <v>2020</v>
      </c>
    </row>
    <row r="3718" spans="1:24" x14ac:dyDescent="0.25">
      <c r="A3718">
        <v>7238</v>
      </c>
      <c r="B3718" t="s">
        <v>104</v>
      </c>
      <c r="C3718">
        <v>25</v>
      </c>
      <c r="D3718" t="s">
        <v>536</v>
      </c>
      <c r="E3718">
        <v>185</v>
      </c>
      <c r="F3718" t="s">
        <v>651</v>
      </c>
      <c r="G3718">
        <v>160</v>
      </c>
      <c r="H3718" t="s">
        <v>747</v>
      </c>
      <c r="I3718">
        <v>4847</v>
      </c>
      <c r="J3718" t="s">
        <v>848</v>
      </c>
      <c r="K3718">
        <v>62</v>
      </c>
      <c r="L3718" t="s">
        <v>2854</v>
      </c>
      <c r="M3718">
        <v>1752</v>
      </c>
      <c r="N3718" t="s">
        <v>654</v>
      </c>
      <c r="O3718">
        <v>3</v>
      </c>
      <c r="P3718" t="s">
        <v>655</v>
      </c>
      <c r="Q3718">
        <v>1</v>
      </c>
      <c r="R3718" t="s">
        <v>656</v>
      </c>
      <c r="S3718">
        <v>2</v>
      </c>
      <c r="T3718" t="s">
        <v>661</v>
      </c>
      <c r="U3718">
        <v>8</v>
      </c>
      <c r="V3718">
        <v>2</v>
      </c>
      <c r="W3718">
        <v>120</v>
      </c>
      <c r="X3718">
        <v>2020</v>
      </c>
    </row>
    <row r="3719" spans="1:24" x14ac:dyDescent="0.25">
      <c r="A3719">
        <v>7237</v>
      </c>
      <c r="B3719" t="s">
        <v>104</v>
      </c>
      <c r="C3719">
        <v>25</v>
      </c>
      <c r="D3719" t="s">
        <v>536</v>
      </c>
      <c r="E3719">
        <v>185</v>
      </c>
      <c r="F3719" t="s">
        <v>651</v>
      </c>
      <c r="G3719">
        <v>160</v>
      </c>
      <c r="H3719" t="s">
        <v>747</v>
      </c>
      <c r="I3719">
        <v>4847</v>
      </c>
      <c r="J3719" t="s">
        <v>714</v>
      </c>
      <c r="K3719">
        <v>52</v>
      </c>
      <c r="L3719" t="s">
        <v>2855</v>
      </c>
      <c r="M3719">
        <v>1751</v>
      </c>
      <c r="N3719" t="s">
        <v>654</v>
      </c>
      <c r="O3719">
        <v>3</v>
      </c>
      <c r="P3719" t="s">
        <v>655</v>
      </c>
      <c r="Q3719">
        <v>1</v>
      </c>
      <c r="R3719" t="s">
        <v>656</v>
      </c>
      <c r="S3719">
        <v>2</v>
      </c>
      <c r="T3719" t="s">
        <v>661</v>
      </c>
      <c r="U3719">
        <v>8</v>
      </c>
      <c r="V3719">
        <v>2</v>
      </c>
      <c r="W3719">
        <v>120</v>
      </c>
      <c r="X3719">
        <v>2020</v>
      </c>
    </row>
    <row r="3720" spans="1:24" x14ac:dyDescent="0.25">
      <c r="A3720">
        <v>7236</v>
      </c>
      <c r="B3720" t="s">
        <v>104</v>
      </c>
      <c r="C3720">
        <v>25</v>
      </c>
      <c r="D3720" t="s">
        <v>536</v>
      </c>
      <c r="E3720">
        <v>185</v>
      </c>
      <c r="F3720" t="s">
        <v>651</v>
      </c>
      <c r="G3720">
        <v>160</v>
      </c>
      <c r="H3720" t="s">
        <v>747</v>
      </c>
      <c r="I3720">
        <v>4847</v>
      </c>
      <c r="J3720" t="s">
        <v>714</v>
      </c>
      <c r="K3720">
        <v>52</v>
      </c>
      <c r="L3720" t="s">
        <v>2707</v>
      </c>
      <c r="M3720">
        <v>595</v>
      </c>
      <c r="N3720" t="s">
        <v>654</v>
      </c>
      <c r="O3720">
        <v>3</v>
      </c>
      <c r="P3720" t="s">
        <v>655</v>
      </c>
      <c r="Q3720">
        <v>1</v>
      </c>
      <c r="R3720" t="s">
        <v>656</v>
      </c>
      <c r="S3720">
        <v>2</v>
      </c>
      <c r="T3720" t="s">
        <v>661</v>
      </c>
      <c r="U3720">
        <v>8</v>
      </c>
      <c r="V3720">
        <v>2</v>
      </c>
      <c r="W3720">
        <v>120</v>
      </c>
      <c r="X3720">
        <v>2020</v>
      </c>
    </row>
    <row r="3721" spans="1:24" x14ac:dyDescent="0.25">
      <c r="A3721">
        <v>7235</v>
      </c>
      <c r="B3721" t="s">
        <v>104</v>
      </c>
      <c r="C3721">
        <v>25</v>
      </c>
      <c r="D3721" t="s">
        <v>536</v>
      </c>
      <c r="E3721">
        <v>185</v>
      </c>
      <c r="F3721" t="s">
        <v>651</v>
      </c>
      <c r="G3721">
        <v>160</v>
      </c>
      <c r="H3721" t="s">
        <v>747</v>
      </c>
      <c r="I3721">
        <v>4847</v>
      </c>
      <c r="J3721" t="s">
        <v>103</v>
      </c>
      <c r="K3721">
        <v>86</v>
      </c>
      <c r="L3721" t="s">
        <v>2856</v>
      </c>
      <c r="M3721">
        <v>1750</v>
      </c>
      <c r="N3721" t="s">
        <v>654</v>
      </c>
      <c r="O3721">
        <v>3</v>
      </c>
      <c r="P3721" t="s">
        <v>655</v>
      </c>
      <c r="Q3721">
        <v>1</v>
      </c>
      <c r="R3721" t="s">
        <v>656</v>
      </c>
      <c r="S3721">
        <v>2</v>
      </c>
      <c r="T3721" t="s">
        <v>661</v>
      </c>
      <c r="U3721">
        <v>8</v>
      </c>
      <c r="V3721">
        <v>2</v>
      </c>
      <c r="W3721">
        <v>120</v>
      </c>
      <c r="X3721">
        <v>2020</v>
      </c>
    </row>
    <row r="3722" spans="1:24" x14ac:dyDescent="0.25">
      <c r="A3722">
        <v>7234</v>
      </c>
      <c r="B3722" t="s">
        <v>104</v>
      </c>
      <c r="C3722">
        <v>25</v>
      </c>
      <c r="D3722" t="s">
        <v>537</v>
      </c>
      <c r="E3722">
        <v>184</v>
      </c>
      <c r="F3722" t="s">
        <v>651</v>
      </c>
      <c r="G3722">
        <v>160</v>
      </c>
      <c r="H3722" t="s">
        <v>747</v>
      </c>
      <c r="I3722">
        <v>4847</v>
      </c>
      <c r="J3722" t="s">
        <v>103</v>
      </c>
      <c r="K3722">
        <v>86</v>
      </c>
      <c r="L3722" t="s">
        <v>2857</v>
      </c>
      <c r="M3722">
        <v>1749</v>
      </c>
      <c r="N3722" t="s">
        <v>654</v>
      </c>
      <c r="O3722">
        <v>3</v>
      </c>
      <c r="P3722" t="s">
        <v>655</v>
      </c>
      <c r="Q3722">
        <v>1</v>
      </c>
      <c r="R3722" t="s">
        <v>656</v>
      </c>
      <c r="S3722">
        <v>2</v>
      </c>
      <c r="T3722" t="s">
        <v>661</v>
      </c>
      <c r="U3722">
        <v>8</v>
      </c>
      <c r="V3722">
        <v>2</v>
      </c>
      <c r="W3722">
        <v>120</v>
      </c>
      <c r="X3722">
        <v>2020</v>
      </c>
    </row>
    <row r="3723" spans="1:24" x14ac:dyDescent="0.25">
      <c r="A3723">
        <v>7233</v>
      </c>
      <c r="B3723" t="s">
        <v>104</v>
      </c>
      <c r="C3723">
        <v>25</v>
      </c>
      <c r="D3723" t="s">
        <v>537</v>
      </c>
      <c r="E3723">
        <v>184</v>
      </c>
      <c r="F3723" t="s">
        <v>651</v>
      </c>
      <c r="G3723">
        <v>160</v>
      </c>
      <c r="H3723" t="s">
        <v>747</v>
      </c>
      <c r="I3723">
        <v>4847</v>
      </c>
      <c r="J3723" t="s">
        <v>103</v>
      </c>
      <c r="K3723">
        <v>86</v>
      </c>
      <c r="L3723" t="s">
        <v>2858</v>
      </c>
      <c r="M3723">
        <v>1748</v>
      </c>
      <c r="N3723" t="s">
        <v>654</v>
      </c>
      <c r="O3723">
        <v>3</v>
      </c>
      <c r="P3723" t="s">
        <v>655</v>
      </c>
      <c r="Q3723">
        <v>1</v>
      </c>
      <c r="R3723" t="s">
        <v>656</v>
      </c>
      <c r="S3723">
        <v>2</v>
      </c>
      <c r="T3723" t="s">
        <v>661</v>
      </c>
      <c r="U3723">
        <v>8</v>
      </c>
      <c r="V3723">
        <v>2</v>
      </c>
      <c r="W3723">
        <v>120</v>
      </c>
      <c r="X3723">
        <v>2020</v>
      </c>
    </row>
    <row r="3724" spans="1:24" x14ac:dyDescent="0.25">
      <c r="A3724">
        <v>7232</v>
      </c>
      <c r="B3724" t="s">
        <v>104</v>
      </c>
      <c r="C3724">
        <v>25</v>
      </c>
      <c r="D3724" t="s">
        <v>537</v>
      </c>
      <c r="E3724">
        <v>184</v>
      </c>
      <c r="F3724" t="s">
        <v>651</v>
      </c>
      <c r="G3724">
        <v>160</v>
      </c>
      <c r="H3724" t="s">
        <v>747</v>
      </c>
      <c r="I3724">
        <v>4847</v>
      </c>
      <c r="J3724" t="s">
        <v>103</v>
      </c>
      <c r="K3724">
        <v>86</v>
      </c>
      <c r="L3724" t="s">
        <v>2859</v>
      </c>
      <c r="M3724">
        <v>1747</v>
      </c>
      <c r="N3724" t="s">
        <v>654</v>
      </c>
      <c r="O3724">
        <v>3</v>
      </c>
      <c r="P3724" t="s">
        <v>655</v>
      </c>
      <c r="Q3724">
        <v>1</v>
      </c>
      <c r="R3724" t="s">
        <v>656</v>
      </c>
      <c r="S3724">
        <v>2</v>
      </c>
      <c r="T3724" t="s">
        <v>661</v>
      </c>
      <c r="U3724">
        <v>8</v>
      </c>
      <c r="V3724">
        <v>1.5</v>
      </c>
      <c r="W3724">
        <v>90</v>
      </c>
      <c r="X3724">
        <v>2020</v>
      </c>
    </row>
    <row r="3725" spans="1:24" x14ac:dyDescent="0.25">
      <c r="A3725">
        <v>7231</v>
      </c>
      <c r="B3725" t="s">
        <v>104</v>
      </c>
      <c r="C3725">
        <v>25</v>
      </c>
      <c r="D3725" t="s">
        <v>537</v>
      </c>
      <c r="E3725">
        <v>184</v>
      </c>
      <c r="F3725" t="s">
        <v>651</v>
      </c>
      <c r="G3725">
        <v>160</v>
      </c>
      <c r="H3725" t="s">
        <v>747</v>
      </c>
      <c r="I3725">
        <v>4847</v>
      </c>
      <c r="J3725" t="s">
        <v>103</v>
      </c>
      <c r="K3725">
        <v>86</v>
      </c>
      <c r="L3725" t="s">
        <v>2860</v>
      </c>
      <c r="M3725">
        <v>1746</v>
      </c>
      <c r="N3725" t="s">
        <v>654</v>
      </c>
      <c r="O3725">
        <v>3</v>
      </c>
      <c r="P3725" t="s">
        <v>655</v>
      </c>
      <c r="Q3725">
        <v>1</v>
      </c>
      <c r="R3725" t="s">
        <v>656</v>
      </c>
      <c r="S3725">
        <v>2</v>
      </c>
      <c r="T3725" t="s">
        <v>661</v>
      </c>
      <c r="U3725">
        <v>8</v>
      </c>
      <c r="V3725">
        <v>1.5</v>
      </c>
      <c r="W3725">
        <v>90</v>
      </c>
      <c r="X3725">
        <v>2020</v>
      </c>
    </row>
    <row r="3726" spans="1:24" x14ac:dyDescent="0.25">
      <c r="A3726">
        <v>7230</v>
      </c>
      <c r="B3726" t="s">
        <v>104</v>
      </c>
      <c r="C3726">
        <v>25</v>
      </c>
      <c r="D3726" t="s">
        <v>537</v>
      </c>
      <c r="E3726">
        <v>184</v>
      </c>
      <c r="F3726" t="s">
        <v>651</v>
      </c>
      <c r="G3726">
        <v>160</v>
      </c>
      <c r="H3726" t="s">
        <v>747</v>
      </c>
      <c r="I3726">
        <v>4847</v>
      </c>
      <c r="J3726" t="s">
        <v>103</v>
      </c>
      <c r="K3726">
        <v>86</v>
      </c>
      <c r="L3726" t="s">
        <v>2861</v>
      </c>
      <c r="M3726">
        <v>1745</v>
      </c>
      <c r="N3726" t="s">
        <v>654</v>
      </c>
      <c r="O3726">
        <v>3</v>
      </c>
      <c r="P3726" t="s">
        <v>655</v>
      </c>
      <c r="Q3726">
        <v>1</v>
      </c>
      <c r="R3726" t="s">
        <v>656</v>
      </c>
      <c r="S3726">
        <v>2</v>
      </c>
      <c r="T3726" t="s">
        <v>661</v>
      </c>
      <c r="U3726">
        <v>8</v>
      </c>
      <c r="V3726">
        <v>2</v>
      </c>
      <c r="W3726">
        <v>120</v>
      </c>
      <c r="X3726">
        <v>2020</v>
      </c>
    </row>
    <row r="3727" spans="1:24" x14ac:dyDescent="0.25">
      <c r="A3727">
        <v>7229</v>
      </c>
      <c r="B3727" t="s">
        <v>104</v>
      </c>
      <c r="C3727">
        <v>25</v>
      </c>
      <c r="D3727" t="s">
        <v>536</v>
      </c>
      <c r="E3727">
        <v>185</v>
      </c>
      <c r="F3727" t="s">
        <v>651</v>
      </c>
      <c r="G3727">
        <v>160</v>
      </c>
      <c r="H3727" t="s">
        <v>747</v>
      </c>
      <c r="I3727">
        <v>4847</v>
      </c>
      <c r="J3727" t="s">
        <v>103</v>
      </c>
      <c r="K3727">
        <v>86</v>
      </c>
      <c r="L3727" t="s">
        <v>2862</v>
      </c>
      <c r="M3727">
        <v>1744</v>
      </c>
      <c r="N3727" t="s">
        <v>654</v>
      </c>
      <c r="O3727">
        <v>3</v>
      </c>
      <c r="P3727" t="s">
        <v>655</v>
      </c>
      <c r="Q3727">
        <v>1</v>
      </c>
      <c r="R3727" t="s">
        <v>656</v>
      </c>
      <c r="S3727">
        <v>2</v>
      </c>
      <c r="T3727" t="s">
        <v>718</v>
      </c>
      <c r="U3727">
        <v>2</v>
      </c>
      <c r="V3727">
        <v>2</v>
      </c>
      <c r="W3727">
        <v>120</v>
      </c>
      <c r="X3727">
        <v>2020</v>
      </c>
    </row>
    <row r="3728" spans="1:24" x14ac:dyDescent="0.25">
      <c r="A3728">
        <v>7228</v>
      </c>
      <c r="B3728" t="s">
        <v>104</v>
      </c>
      <c r="C3728">
        <v>25</v>
      </c>
      <c r="D3728" t="s">
        <v>537</v>
      </c>
      <c r="E3728">
        <v>184</v>
      </c>
      <c r="F3728" t="s">
        <v>651</v>
      </c>
      <c r="G3728">
        <v>160</v>
      </c>
      <c r="H3728" t="s">
        <v>747</v>
      </c>
      <c r="I3728">
        <v>4847</v>
      </c>
      <c r="J3728" t="s">
        <v>103</v>
      </c>
      <c r="K3728">
        <v>86</v>
      </c>
      <c r="L3728" t="s">
        <v>2863</v>
      </c>
      <c r="M3728">
        <v>1743</v>
      </c>
      <c r="N3728" t="s">
        <v>654</v>
      </c>
      <c r="O3728">
        <v>3</v>
      </c>
      <c r="P3728" t="s">
        <v>655</v>
      </c>
      <c r="Q3728">
        <v>1</v>
      </c>
      <c r="R3728" t="s">
        <v>656</v>
      </c>
      <c r="S3728">
        <v>2</v>
      </c>
      <c r="T3728" t="s">
        <v>718</v>
      </c>
      <c r="U3728">
        <v>2</v>
      </c>
      <c r="V3728">
        <v>2</v>
      </c>
      <c r="W3728">
        <v>120</v>
      </c>
      <c r="X3728">
        <v>2020</v>
      </c>
    </row>
    <row r="3729" spans="1:24" x14ac:dyDescent="0.25">
      <c r="A3729">
        <v>7222</v>
      </c>
      <c r="B3729" t="s">
        <v>32</v>
      </c>
      <c r="C3729">
        <v>24</v>
      </c>
      <c r="D3729" t="s">
        <v>425</v>
      </c>
      <c r="E3729">
        <v>183</v>
      </c>
      <c r="F3729" t="s">
        <v>651</v>
      </c>
      <c r="G3729">
        <v>160</v>
      </c>
      <c r="H3729" t="s">
        <v>747</v>
      </c>
      <c r="I3729">
        <v>4847</v>
      </c>
      <c r="J3729" t="s">
        <v>684</v>
      </c>
      <c r="K3729">
        <v>22</v>
      </c>
      <c r="L3729" t="s">
        <v>906</v>
      </c>
      <c r="M3729">
        <v>725</v>
      </c>
      <c r="N3729" t="s">
        <v>654</v>
      </c>
      <c r="O3729">
        <v>3</v>
      </c>
      <c r="P3729" t="s">
        <v>655</v>
      </c>
      <c r="Q3729">
        <v>1</v>
      </c>
      <c r="R3729" t="s">
        <v>656</v>
      </c>
      <c r="S3729">
        <v>2</v>
      </c>
      <c r="T3729" t="s">
        <v>661</v>
      </c>
      <c r="U3729">
        <v>8</v>
      </c>
      <c r="V3729">
        <v>2</v>
      </c>
      <c r="W3729">
        <v>120</v>
      </c>
      <c r="X3729">
        <v>2020</v>
      </c>
    </row>
    <row r="3730" spans="1:24" x14ac:dyDescent="0.25">
      <c r="A3730">
        <v>7221</v>
      </c>
      <c r="B3730" t="s">
        <v>32</v>
      </c>
      <c r="C3730">
        <v>24</v>
      </c>
      <c r="D3730" t="s">
        <v>425</v>
      </c>
      <c r="E3730">
        <v>183</v>
      </c>
      <c r="F3730" t="s">
        <v>651</v>
      </c>
      <c r="G3730">
        <v>160</v>
      </c>
      <c r="H3730" t="s">
        <v>747</v>
      </c>
      <c r="I3730">
        <v>4847</v>
      </c>
      <c r="J3730" t="s">
        <v>684</v>
      </c>
      <c r="K3730">
        <v>22</v>
      </c>
      <c r="L3730" t="s">
        <v>2864</v>
      </c>
      <c r="M3730">
        <v>1737</v>
      </c>
      <c r="N3730" t="s">
        <v>654</v>
      </c>
      <c r="O3730">
        <v>3</v>
      </c>
      <c r="P3730" t="s">
        <v>655</v>
      </c>
      <c r="Q3730">
        <v>1</v>
      </c>
      <c r="R3730" t="s">
        <v>656</v>
      </c>
      <c r="S3730">
        <v>2</v>
      </c>
      <c r="T3730" t="s">
        <v>661</v>
      </c>
      <c r="U3730">
        <v>8</v>
      </c>
      <c r="V3730">
        <v>2</v>
      </c>
      <c r="W3730">
        <v>120</v>
      </c>
      <c r="X3730">
        <v>2020</v>
      </c>
    </row>
    <row r="3731" spans="1:24" x14ac:dyDescent="0.25">
      <c r="A3731">
        <v>7219</v>
      </c>
      <c r="B3731" t="s">
        <v>32</v>
      </c>
      <c r="C3731">
        <v>24</v>
      </c>
      <c r="D3731" t="s">
        <v>425</v>
      </c>
      <c r="E3731">
        <v>183</v>
      </c>
      <c r="F3731" t="s">
        <v>651</v>
      </c>
      <c r="G3731">
        <v>160</v>
      </c>
      <c r="H3731" t="s">
        <v>747</v>
      </c>
      <c r="I3731">
        <v>4847</v>
      </c>
      <c r="J3731" t="s">
        <v>868</v>
      </c>
      <c r="K3731">
        <v>23</v>
      </c>
      <c r="L3731" t="s">
        <v>2865</v>
      </c>
      <c r="M3731">
        <v>1735</v>
      </c>
      <c r="N3731" t="s">
        <v>654</v>
      </c>
      <c r="O3731">
        <v>3</v>
      </c>
      <c r="P3731" t="s">
        <v>655</v>
      </c>
      <c r="Q3731">
        <v>1</v>
      </c>
      <c r="R3731" t="s">
        <v>656</v>
      </c>
      <c r="S3731">
        <v>2</v>
      </c>
      <c r="T3731" t="s">
        <v>661</v>
      </c>
      <c r="U3731">
        <v>8</v>
      </c>
      <c r="V3731">
        <v>2</v>
      </c>
      <c r="W3731">
        <v>120</v>
      </c>
      <c r="X3731">
        <v>2020</v>
      </c>
    </row>
    <row r="3732" spans="1:24" x14ac:dyDescent="0.25">
      <c r="A3732">
        <v>7216</v>
      </c>
      <c r="B3732" t="s">
        <v>32</v>
      </c>
      <c r="C3732">
        <v>24</v>
      </c>
      <c r="D3732" t="s">
        <v>360</v>
      </c>
      <c r="E3732">
        <v>182</v>
      </c>
      <c r="F3732" t="s">
        <v>651</v>
      </c>
      <c r="G3732">
        <v>160</v>
      </c>
      <c r="H3732" t="s">
        <v>747</v>
      </c>
      <c r="I3732">
        <v>4847</v>
      </c>
      <c r="J3732" t="s">
        <v>659</v>
      </c>
      <c r="K3732">
        <v>35</v>
      </c>
      <c r="L3732" t="s">
        <v>2866</v>
      </c>
      <c r="M3732">
        <v>1732</v>
      </c>
      <c r="N3732" t="s">
        <v>654</v>
      </c>
      <c r="O3732">
        <v>3</v>
      </c>
      <c r="P3732" t="s">
        <v>655</v>
      </c>
      <c r="Q3732">
        <v>1</v>
      </c>
      <c r="R3732" t="s">
        <v>656</v>
      </c>
      <c r="S3732">
        <v>2</v>
      </c>
      <c r="T3732" t="s">
        <v>661</v>
      </c>
      <c r="U3732">
        <v>8</v>
      </c>
      <c r="V3732">
        <v>2</v>
      </c>
      <c r="W3732">
        <v>120</v>
      </c>
      <c r="X3732">
        <v>2020</v>
      </c>
    </row>
    <row r="3733" spans="1:24" x14ac:dyDescent="0.25">
      <c r="A3733">
        <v>7215</v>
      </c>
      <c r="B3733" t="s">
        <v>32</v>
      </c>
      <c r="C3733">
        <v>24</v>
      </c>
      <c r="D3733" t="s">
        <v>360</v>
      </c>
      <c r="E3733">
        <v>182</v>
      </c>
      <c r="F3733" t="s">
        <v>651</v>
      </c>
      <c r="G3733">
        <v>160</v>
      </c>
      <c r="H3733" t="s">
        <v>747</v>
      </c>
      <c r="I3733">
        <v>4847</v>
      </c>
      <c r="J3733" t="s">
        <v>673</v>
      </c>
      <c r="K3733">
        <v>34</v>
      </c>
      <c r="L3733" t="s">
        <v>2867</v>
      </c>
      <c r="M3733">
        <v>1731</v>
      </c>
      <c r="N3733" t="s">
        <v>654</v>
      </c>
      <c r="O3733">
        <v>3</v>
      </c>
      <c r="P3733" t="s">
        <v>655</v>
      </c>
      <c r="Q3733">
        <v>1</v>
      </c>
      <c r="R3733" t="s">
        <v>656</v>
      </c>
      <c r="S3733">
        <v>2</v>
      </c>
      <c r="T3733" t="s">
        <v>661</v>
      </c>
      <c r="U3733">
        <v>8</v>
      </c>
      <c r="V3733">
        <v>2</v>
      </c>
      <c r="W3733">
        <v>120</v>
      </c>
      <c r="X3733">
        <v>2020</v>
      </c>
    </row>
    <row r="3734" spans="1:24" x14ac:dyDescent="0.25">
      <c r="A3734">
        <v>7214</v>
      </c>
      <c r="B3734" t="s">
        <v>32</v>
      </c>
      <c r="C3734">
        <v>24</v>
      </c>
      <c r="D3734" t="s">
        <v>360</v>
      </c>
      <c r="E3734">
        <v>182</v>
      </c>
      <c r="F3734" t="s">
        <v>651</v>
      </c>
      <c r="G3734">
        <v>160</v>
      </c>
      <c r="H3734" t="s">
        <v>747</v>
      </c>
      <c r="I3734">
        <v>4847</v>
      </c>
      <c r="J3734" t="s">
        <v>673</v>
      </c>
      <c r="K3734">
        <v>34</v>
      </c>
      <c r="L3734" t="s">
        <v>2868</v>
      </c>
      <c r="M3734">
        <v>1730</v>
      </c>
      <c r="N3734" t="s">
        <v>654</v>
      </c>
      <c r="O3734">
        <v>3</v>
      </c>
      <c r="P3734" t="s">
        <v>655</v>
      </c>
      <c r="Q3734">
        <v>1</v>
      </c>
      <c r="R3734" t="s">
        <v>656</v>
      </c>
      <c r="S3734">
        <v>2</v>
      </c>
      <c r="T3734" t="s">
        <v>661</v>
      </c>
      <c r="U3734">
        <v>8</v>
      </c>
      <c r="V3734">
        <v>2</v>
      </c>
      <c r="W3734">
        <v>120</v>
      </c>
      <c r="X3734">
        <v>2020</v>
      </c>
    </row>
    <row r="3735" spans="1:24" x14ac:dyDescent="0.25">
      <c r="A3735">
        <v>7213</v>
      </c>
      <c r="B3735" t="s">
        <v>32</v>
      </c>
      <c r="C3735">
        <v>24</v>
      </c>
      <c r="D3735" t="s">
        <v>360</v>
      </c>
      <c r="E3735">
        <v>182</v>
      </c>
      <c r="F3735" t="s">
        <v>651</v>
      </c>
      <c r="G3735">
        <v>160</v>
      </c>
      <c r="H3735" t="s">
        <v>747</v>
      </c>
      <c r="I3735">
        <v>4847</v>
      </c>
      <c r="J3735" t="s">
        <v>679</v>
      </c>
      <c r="K3735">
        <v>32</v>
      </c>
      <c r="L3735" t="s">
        <v>2869</v>
      </c>
      <c r="M3735">
        <v>1729</v>
      </c>
      <c r="N3735" t="s">
        <v>654</v>
      </c>
      <c r="O3735">
        <v>3</v>
      </c>
      <c r="P3735" t="s">
        <v>655</v>
      </c>
      <c r="Q3735">
        <v>1</v>
      </c>
      <c r="R3735" t="s">
        <v>656</v>
      </c>
      <c r="S3735">
        <v>2</v>
      </c>
      <c r="T3735" t="s">
        <v>661</v>
      </c>
      <c r="U3735">
        <v>8</v>
      </c>
      <c r="V3735">
        <v>2</v>
      </c>
      <c r="W3735">
        <v>120</v>
      </c>
      <c r="X3735">
        <v>2020</v>
      </c>
    </row>
    <row r="3736" spans="1:24" x14ac:dyDescent="0.25">
      <c r="A3736">
        <v>7212</v>
      </c>
      <c r="B3736" t="s">
        <v>32</v>
      </c>
      <c r="C3736">
        <v>24</v>
      </c>
      <c r="D3736" t="s">
        <v>539</v>
      </c>
      <c r="E3736">
        <v>174</v>
      </c>
      <c r="F3736" t="s">
        <v>651</v>
      </c>
      <c r="G3736">
        <v>160</v>
      </c>
      <c r="H3736" t="s">
        <v>747</v>
      </c>
      <c r="I3736">
        <v>4847</v>
      </c>
      <c r="J3736" t="s">
        <v>1022</v>
      </c>
      <c r="K3736">
        <v>85</v>
      </c>
      <c r="L3736" t="s">
        <v>2870</v>
      </c>
      <c r="M3736">
        <v>1728</v>
      </c>
      <c r="N3736" t="s">
        <v>654</v>
      </c>
      <c r="O3736">
        <v>3</v>
      </c>
      <c r="P3736" t="s">
        <v>655</v>
      </c>
      <c r="Q3736">
        <v>1</v>
      </c>
      <c r="R3736" t="s">
        <v>656</v>
      </c>
      <c r="S3736">
        <v>2</v>
      </c>
      <c r="T3736" t="s">
        <v>661</v>
      </c>
      <c r="U3736">
        <v>8</v>
      </c>
      <c r="V3736">
        <v>2</v>
      </c>
      <c r="W3736">
        <v>120</v>
      </c>
      <c r="X3736">
        <v>2020</v>
      </c>
    </row>
    <row r="3737" spans="1:24" x14ac:dyDescent="0.25">
      <c r="A3737">
        <v>7211</v>
      </c>
      <c r="B3737" t="s">
        <v>32</v>
      </c>
      <c r="C3737">
        <v>24</v>
      </c>
      <c r="D3737" t="s">
        <v>470</v>
      </c>
      <c r="E3737">
        <v>181</v>
      </c>
      <c r="F3737" t="s">
        <v>651</v>
      </c>
      <c r="G3737">
        <v>160</v>
      </c>
      <c r="H3737" t="s">
        <v>747</v>
      </c>
      <c r="I3737">
        <v>4847</v>
      </c>
      <c r="J3737" t="s">
        <v>1022</v>
      </c>
      <c r="K3737">
        <v>85</v>
      </c>
      <c r="L3737" t="s">
        <v>2871</v>
      </c>
      <c r="M3737">
        <v>1727</v>
      </c>
      <c r="N3737" t="s">
        <v>654</v>
      </c>
      <c r="O3737">
        <v>3</v>
      </c>
      <c r="P3737" t="s">
        <v>655</v>
      </c>
      <c r="Q3737">
        <v>1</v>
      </c>
      <c r="R3737" t="s">
        <v>656</v>
      </c>
      <c r="S3737">
        <v>2</v>
      </c>
      <c r="T3737" t="s">
        <v>661</v>
      </c>
      <c r="U3737">
        <v>8</v>
      </c>
      <c r="V3737">
        <v>2</v>
      </c>
      <c r="W3737">
        <v>120</v>
      </c>
      <c r="X3737">
        <v>2020</v>
      </c>
    </row>
    <row r="3738" spans="1:24" x14ac:dyDescent="0.25">
      <c r="A3738">
        <v>7210</v>
      </c>
      <c r="B3738" t="s">
        <v>32</v>
      </c>
      <c r="C3738">
        <v>24</v>
      </c>
      <c r="D3738" t="s">
        <v>470</v>
      </c>
      <c r="E3738">
        <v>181</v>
      </c>
      <c r="F3738" t="s">
        <v>651</v>
      </c>
      <c r="G3738">
        <v>160</v>
      </c>
      <c r="H3738" t="s">
        <v>747</v>
      </c>
      <c r="I3738">
        <v>4847</v>
      </c>
      <c r="J3738" t="s">
        <v>1022</v>
      </c>
      <c r="K3738">
        <v>85</v>
      </c>
      <c r="L3738" t="s">
        <v>2872</v>
      </c>
      <c r="M3738">
        <v>1726</v>
      </c>
      <c r="N3738" t="s">
        <v>654</v>
      </c>
      <c r="O3738">
        <v>3</v>
      </c>
      <c r="P3738" t="s">
        <v>655</v>
      </c>
      <c r="Q3738">
        <v>1</v>
      </c>
      <c r="R3738" t="s">
        <v>656</v>
      </c>
      <c r="S3738">
        <v>2</v>
      </c>
      <c r="T3738" t="s">
        <v>661</v>
      </c>
      <c r="U3738">
        <v>8</v>
      </c>
      <c r="V3738">
        <v>1.5</v>
      </c>
      <c r="W3738">
        <v>90</v>
      </c>
      <c r="X3738">
        <v>2020</v>
      </c>
    </row>
    <row r="3739" spans="1:24" x14ac:dyDescent="0.25">
      <c r="A3739">
        <v>7208</v>
      </c>
      <c r="B3739" t="s">
        <v>32</v>
      </c>
      <c r="C3739">
        <v>24</v>
      </c>
      <c r="D3739" t="s">
        <v>470</v>
      </c>
      <c r="E3739">
        <v>181</v>
      </c>
      <c r="F3739" t="s">
        <v>651</v>
      </c>
      <c r="G3739">
        <v>160</v>
      </c>
      <c r="H3739" t="s">
        <v>747</v>
      </c>
      <c r="I3739">
        <v>4847</v>
      </c>
      <c r="J3739" t="s">
        <v>1022</v>
      </c>
      <c r="K3739">
        <v>85</v>
      </c>
      <c r="L3739" t="s">
        <v>2873</v>
      </c>
      <c r="M3739">
        <v>1724</v>
      </c>
      <c r="N3739" t="s">
        <v>654</v>
      </c>
      <c r="O3739">
        <v>3</v>
      </c>
      <c r="P3739" t="s">
        <v>655</v>
      </c>
      <c r="Q3739">
        <v>1</v>
      </c>
      <c r="R3739" t="s">
        <v>656</v>
      </c>
      <c r="S3739">
        <v>2</v>
      </c>
      <c r="T3739" t="s">
        <v>661</v>
      </c>
      <c r="U3739">
        <v>8</v>
      </c>
      <c r="V3739">
        <v>1.5</v>
      </c>
      <c r="W3739">
        <v>90</v>
      </c>
      <c r="X3739">
        <v>2020</v>
      </c>
    </row>
    <row r="3740" spans="1:24" x14ac:dyDescent="0.25">
      <c r="A3740">
        <v>7206</v>
      </c>
      <c r="B3740" t="s">
        <v>32</v>
      </c>
      <c r="C3740">
        <v>24</v>
      </c>
      <c r="D3740" t="s">
        <v>538</v>
      </c>
      <c r="E3740">
        <v>180</v>
      </c>
      <c r="F3740" t="s">
        <v>651</v>
      </c>
      <c r="G3740">
        <v>160</v>
      </c>
      <c r="H3740" t="s">
        <v>747</v>
      </c>
      <c r="I3740">
        <v>4847</v>
      </c>
      <c r="J3740" t="s">
        <v>730</v>
      </c>
      <c r="K3740">
        <v>66</v>
      </c>
      <c r="L3740" t="s">
        <v>2874</v>
      </c>
      <c r="M3740">
        <v>1722</v>
      </c>
      <c r="N3740" t="s">
        <v>654</v>
      </c>
      <c r="O3740">
        <v>3</v>
      </c>
      <c r="P3740" t="s">
        <v>655</v>
      </c>
      <c r="Q3740">
        <v>1</v>
      </c>
      <c r="R3740" t="s">
        <v>656</v>
      </c>
      <c r="S3740">
        <v>2</v>
      </c>
      <c r="T3740" t="s">
        <v>661</v>
      </c>
      <c r="U3740">
        <v>8</v>
      </c>
      <c r="V3740">
        <v>1.5</v>
      </c>
      <c r="W3740">
        <v>90</v>
      </c>
      <c r="X3740">
        <v>2020</v>
      </c>
    </row>
    <row r="3741" spans="1:24" x14ac:dyDescent="0.25">
      <c r="A3741">
        <v>7204</v>
      </c>
      <c r="B3741" t="s">
        <v>32</v>
      </c>
      <c r="C3741">
        <v>24</v>
      </c>
      <c r="D3741" t="s">
        <v>538</v>
      </c>
      <c r="E3741">
        <v>180</v>
      </c>
      <c r="F3741" t="s">
        <v>651</v>
      </c>
      <c r="G3741">
        <v>160</v>
      </c>
      <c r="H3741" t="s">
        <v>747</v>
      </c>
      <c r="I3741">
        <v>4847</v>
      </c>
      <c r="J3741" t="s">
        <v>693</v>
      </c>
      <c r="K3741">
        <v>56</v>
      </c>
      <c r="L3741" t="s">
        <v>2875</v>
      </c>
      <c r="M3741">
        <v>1720</v>
      </c>
      <c r="N3741" t="s">
        <v>654</v>
      </c>
      <c r="O3741">
        <v>3</v>
      </c>
      <c r="P3741" t="s">
        <v>655</v>
      </c>
      <c r="Q3741">
        <v>1</v>
      </c>
      <c r="R3741" t="s">
        <v>656</v>
      </c>
      <c r="S3741">
        <v>2</v>
      </c>
      <c r="T3741" t="s">
        <v>661</v>
      </c>
      <c r="U3741">
        <v>8</v>
      </c>
      <c r="V3741">
        <v>1.5</v>
      </c>
      <c r="W3741">
        <v>90</v>
      </c>
      <c r="X3741">
        <v>2020</v>
      </c>
    </row>
    <row r="3742" spans="1:24" x14ac:dyDescent="0.25">
      <c r="A3742">
        <v>7203</v>
      </c>
      <c r="B3742" t="s">
        <v>32</v>
      </c>
      <c r="C3742">
        <v>24</v>
      </c>
      <c r="D3742" t="s">
        <v>538</v>
      </c>
      <c r="E3742">
        <v>180</v>
      </c>
      <c r="F3742" t="s">
        <v>651</v>
      </c>
      <c r="G3742">
        <v>160</v>
      </c>
      <c r="H3742" t="s">
        <v>747</v>
      </c>
      <c r="I3742">
        <v>4847</v>
      </c>
      <c r="J3742" t="s">
        <v>738</v>
      </c>
      <c r="K3742">
        <v>61</v>
      </c>
      <c r="L3742" t="s">
        <v>2876</v>
      </c>
      <c r="M3742">
        <v>1719</v>
      </c>
      <c r="N3742" t="s">
        <v>654</v>
      </c>
      <c r="O3742">
        <v>3</v>
      </c>
      <c r="P3742" t="s">
        <v>655</v>
      </c>
      <c r="Q3742">
        <v>1</v>
      </c>
      <c r="R3742" t="s">
        <v>656</v>
      </c>
      <c r="S3742">
        <v>2</v>
      </c>
      <c r="T3742" t="s">
        <v>661</v>
      </c>
      <c r="U3742">
        <v>8</v>
      </c>
      <c r="V3742">
        <v>1.5</v>
      </c>
      <c r="W3742">
        <v>90</v>
      </c>
      <c r="X3742">
        <v>2020</v>
      </c>
    </row>
    <row r="3743" spans="1:24" x14ac:dyDescent="0.25">
      <c r="A3743">
        <v>7202</v>
      </c>
      <c r="B3743" t="s">
        <v>32</v>
      </c>
      <c r="C3743">
        <v>24</v>
      </c>
      <c r="D3743" t="s">
        <v>322</v>
      </c>
      <c r="E3743">
        <v>177</v>
      </c>
      <c r="F3743" t="s">
        <v>651</v>
      </c>
      <c r="G3743">
        <v>160</v>
      </c>
      <c r="H3743" t="s">
        <v>747</v>
      </c>
      <c r="I3743">
        <v>4847</v>
      </c>
      <c r="J3743" t="s">
        <v>839</v>
      </c>
      <c r="K3743">
        <v>89</v>
      </c>
      <c r="L3743" t="s">
        <v>2877</v>
      </c>
      <c r="M3743">
        <v>1718</v>
      </c>
      <c r="N3743" t="s">
        <v>654</v>
      </c>
      <c r="O3743">
        <v>3</v>
      </c>
      <c r="P3743" t="s">
        <v>655</v>
      </c>
      <c r="Q3743">
        <v>1</v>
      </c>
      <c r="R3743" t="s">
        <v>656</v>
      </c>
      <c r="S3743">
        <v>2</v>
      </c>
      <c r="T3743" t="s">
        <v>661</v>
      </c>
      <c r="U3743">
        <v>8</v>
      </c>
      <c r="V3743">
        <v>2</v>
      </c>
      <c r="W3743">
        <v>120</v>
      </c>
      <c r="X3743">
        <v>2020</v>
      </c>
    </row>
    <row r="3744" spans="1:24" x14ac:dyDescent="0.25">
      <c r="A3744">
        <v>7201</v>
      </c>
      <c r="B3744" t="s">
        <v>32</v>
      </c>
      <c r="C3744">
        <v>24</v>
      </c>
      <c r="D3744" t="s">
        <v>316</v>
      </c>
      <c r="E3744">
        <v>176</v>
      </c>
      <c r="F3744" t="s">
        <v>651</v>
      </c>
      <c r="G3744">
        <v>160</v>
      </c>
      <c r="H3744" t="s">
        <v>747</v>
      </c>
      <c r="I3744">
        <v>4847</v>
      </c>
      <c r="J3744" t="s">
        <v>807</v>
      </c>
      <c r="K3744">
        <v>25</v>
      </c>
      <c r="L3744" t="s">
        <v>2878</v>
      </c>
      <c r="M3744">
        <v>1717</v>
      </c>
      <c r="N3744" t="s">
        <v>654</v>
      </c>
      <c r="O3744">
        <v>3</v>
      </c>
      <c r="P3744" t="s">
        <v>655</v>
      </c>
      <c r="Q3744">
        <v>1</v>
      </c>
      <c r="R3744" t="s">
        <v>656</v>
      </c>
      <c r="S3744">
        <v>2</v>
      </c>
      <c r="T3744" t="s">
        <v>661</v>
      </c>
      <c r="U3744">
        <v>8</v>
      </c>
      <c r="V3744">
        <v>2</v>
      </c>
      <c r="W3744">
        <v>120</v>
      </c>
      <c r="X3744">
        <v>2020</v>
      </c>
    </row>
    <row r="3745" spans="1:24" x14ac:dyDescent="0.25">
      <c r="A3745">
        <v>7200</v>
      </c>
      <c r="B3745" t="s">
        <v>32</v>
      </c>
      <c r="C3745">
        <v>24</v>
      </c>
      <c r="D3745" t="s">
        <v>316</v>
      </c>
      <c r="E3745">
        <v>176</v>
      </c>
      <c r="F3745" t="s">
        <v>651</v>
      </c>
      <c r="G3745">
        <v>160</v>
      </c>
      <c r="H3745" t="s">
        <v>747</v>
      </c>
      <c r="I3745">
        <v>4847</v>
      </c>
      <c r="J3745" t="s">
        <v>807</v>
      </c>
      <c r="K3745">
        <v>25</v>
      </c>
      <c r="L3745" t="s">
        <v>2879</v>
      </c>
      <c r="M3745">
        <v>1716</v>
      </c>
      <c r="N3745" t="s">
        <v>654</v>
      </c>
      <c r="O3745">
        <v>3</v>
      </c>
      <c r="P3745" t="s">
        <v>655</v>
      </c>
      <c r="Q3745">
        <v>1</v>
      </c>
      <c r="R3745" t="s">
        <v>656</v>
      </c>
      <c r="S3745">
        <v>2</v>
      </c>
      <c r="T3745" t="s">
        <v>661</v>
      </c>
      <c r="U3745">
        <v>8</v>
      </c>
      <c r="V3745">
        <v>2</v>
      </c>
      <c r="W3745">
        <v>120</v>
      </c>
      <c r="X3745">
        <v>2020</v>
      </c>
    </row>
    <row r="3746" spans="1:24" x14ac:dyDescent="0.25">
      <c r="A3746">
        <v>7199</v>
      </c>
      <c r="B3746" t="s">
        <v>32</v>
      </c>
      <c r="C3746">
        <v>24</v>
      </c>
      <c r="D3746" t="s">
        <v>316</v>
      </c>
      <c r="E3746">
        <v>176</v>
      </c>
      <c r="F3746" t="s">
        <v>651</v>
      </c>
      <c r="G3746">
        <v>160</v>
      </c>
      <c r="H3746" t="s">
        <v>747</v>
      </c>
      <c r="I3746">
        <v>4847</v>
      </c>
      <c r="J3746" t="s">
        <v>299</v>
      </c>
      <c r="K3746">
        <v>27</v>
      </c>
      <c r="L3746" t="s">
        <v>2880</v>
      </c>
      <c r="M3746">
        <v>1715</v>
      </c>
      <c r="N3746" t="s">
        <v>654</v>
      </c>
      <c r="O3746">
        <v>3</v>
      </c>
      <c r="P3746" t="s">
        <v>655</v>
      </c>
      <c r="Q3746">
        <v>1</v>
      </c>
      <c r="R3746" t="s">
        <v>656</v>
      </c>
      <c r="S3746">
        <v>2</v>
      </c>
      <c r="T3746" t="s">
        <v>661</v>
      </c>
      <c r="U3746">
        <v>8</v>
      </c>
      <c r="V3746">
        <v>2</v>
      </c>
      <c r="W3746">
        <v>120</v>
      </c>
      <c r="X3746">
        <v>2020</v>
      </c>
    </row>
    <row r="3747" spans="1:24" x14ac:dyDescent="0.25">
      <c r="A3747">
        <v>7198</v>
      </c>
      <c r="B3747" t="s">
        <v>32</v>
      </c>
      <c r="C3747">
        <v>24</v>
      </c>
      <c r="D3747" t="s">
        <v>316</v>
      </c>
      <c r="E3747">
        <v>176</v>
      </c>
      <c r="F3747" t="s">
        <v>651</v>
      </c>
      <c r="G3747">
        <v>160</v>
      </c>
      <c r="H3747" t="s">
        <v>747</v>
      </c>
      <c r="I3747">
        <v>4847</v>
      </c>
      <c r="J3747" t="s">
        <v>299</v>
      </c>
      <c r="K3747">
        <v>27</v>
      </c>
      <c r="L3747" t="s">
        <v>2114</v>
      </c>
      <c r="M3747">
        <v>1714</v>
      </c>
      <c r="N3747" t="s">
        <v>654</v>
      </c>
      <c r="O3747">
        <v>3</v>
      </c>
      <c r="P3747" t="s">
        <v>655</v>
      </c>
      <c r="Q3747">
        <v>1</v>
      </c>
      <c r="R3747" t="s">
        <v>656</v>
      </c>
      <c r="S3747">
        <v>2</v>
      </c>
      <c r="T3747" t="s">
        <v>661</v>
      </c>
      <c r="U3747">
        <v>8</v>
      </c>
      <c r="V3747">
        <v>2</v>
      </c>
      <c r="W3747">
        <v>120</v>
      </c>
      <c r="X3747">
        <v>2020</v>
      </c>
    </row>
    <row r="3748" spans="1:24" x14ac:dyDescent="0.25">
      <c r="A3748">
        <v>7197</v>
      </c>
      <c r="B3748" t="s">
        <v>32</v>
      </c>
      <c r="C3748">
        <v>24</v>
      </c>
      <c r="D3748" t="s">
        <v>316</v>
      </c>
      <c r="E3748">
        <v>176</v>
      </c>
      <c r="F3748" t="s">
        <v>651</v>
      </c>
      <c r="G3748">
        <v>160</v>
      </c>
      <c r="H3748" t="s">
        <v>747</v>
      </c>
      <c r="I3748">
        <v>4847</v>
      </c>
      <c r="J3748" t="s">
        <v>955</v>
      </c>
      <c r="K3748">
        <v>29</v>
      </c>
      <c r="L3748" t="s">
        <v>2881</v>
      </c>
      <c r="M3748">
        <v>1594</v>
      </c>
      <c r="N3748" t="s">
        <v>654</v>
      </c>
      <c r="O3748">
        <v>3</v>
      </c>
      <c r="P3748" t="s">
        <v>655</v>
      </c>
      <c r="Q3748">
        <v>1</v>
      </c>
      <c r="R3748" t="s">
        <v>656</v>
      </c>
      <c r="S3748">
        <v>2</v>
      </c>
      <c r="T3748" t="s">
        <v>661</v>
      </c>
      <c r="U3748">
        <v>8</v>
      </c>
      <c r="V3748">
        <v>2</v>
      </c>
      <c r="W3748">
        <v>120</v>
      </c>
      <c r="X3748">
        <v>2020</v>
      </c>
    </row>
    <row r="3749" spans="1:24" x14ac:dyDescent="0.25">
      <c r="A3749">
        <v>7196</v>
      </c>
      <c r="B3749" t="s">
        <v>32</v>
      </c>
      <c r="C3749">
        <v>24</v>
      </c>
      <c r="D3749" t="s">
        <v>316</v>
      </c>
      <c r="E3749">
        <v>176</v>
      </c>
      <c r="F3749" t="s">
        <v>651</v>
      </c>
      <c r="G3749">
        <v>160</v>
      </c>
      <c r="H3749" t="s">
        <v>747</v>
      </c>
      <c r="I3749">
        <v>4847</v>
      </c>
      <c r="J3749" t="s">
        <v>955</v>
      </c>
      <c r="K3749">
        <v>29</v>
      </c>
      <c r="L3749" t="s">
        <v>2882</v>
      </c>
      <c r="M3749">
        <v>1713</v>
      </c>
      <c r="N3749" t="s">
        <v>654</v>
      </c>
      <c r="O3749">
        <v>3</v>
      </c>
      <c r="P3749" t="s">
        <v>655</v>
      </c>
      <c r="Q3749">
        <v>1</v>
      </c>
      <c r="R3749" t="s">
        <v>656</v>
      </c>
      <c r="S3749">
        <v>2</v>
      </c>
      <c r="T3749" t="s">
        <v>661</v>
      </c>
      <c r="U3749">
        <v>8</v>
      </c>
      <c r="V3749">
        <v>2</v>
      </c>
      <c r="W3749">
        <v>120</v>
      </c>
      <c r="X3749">
        <v>2020</v>
      </c>
    </row>
    <row r="3750" spans="1:24" x14ac:dyDescent="0.25">
      <c r="A3750">
        <v>7195</v>
      </c>
      <c r="B3750" t="s">
        <v>32</v>
      </c>
      <c r="C3750">
        <v>24</v>
      </c>
      <c r="D3750" t="s">
        <v>316</v>
      </c>
      <c r="E3750">
        <v>176</v>
      </c>
      <c r="F3750" t="s">
        <v>651</v>
      </c>
      <c r="G3750">
        <v>160</v>
      </c>
      <c r="H3750" t="s">
        <v>747</v>
      </c>
      <c r="I3750">
        <v>4847</v>
      </c>
      <c r="J3750" t="s">
        <v>955</v>
      </c>
      <c r="K3750">
        <v>29</v>
      </c>
      <c r="L3750" t="s">
        <v>2417</v>
      </c>
      <c r="M3750">
        <v>1577</v>
      </c>
      <c r="N3750" t="s">
        <v>654</v>
      </c>
      <c r="O3750">
        <v>3</v>
      </c>
      <c r="P3750" t="s">
        <v>655</v>
      </c>
      <c r="Q3750">
        <v>1</v>
      </c>
      <c r="R3750" t="s">
        <v>656</v>
      </c>
      <c r="S3750">
        <v>2</v>
      </c>
      <c r="T3750" t="s">
        <v>661</v>
      </c>
      <c r="U3750">
        <v>8</v>
      </c>
      <c r="V3750">
        <v>2</v>
      </c>
      <c r="W3750">
        <v>120</v>
      </c>
      <c r="X3750">
        <v>2020</v>
      </c>
    </row>
    <row r="3751" spans="1:24" x14ac:dyDescent="0.25">
      <c r="A3751">
        <v>7194</v>
      </c>
      <c r="B3751" t="s">
        <v>32</v>
      </c>
      <c r="C3751">
        <v>24</v>
      </c>
      <c r="D3751" t="s">
        <v>316</v>
      </c>
      <c r="E3751">
        <v>176</v>
      </c>
      <c r="F3751" t="s">
        <v>651</v>
      </c>
      <c r="G3751">
        <v>160</v>
      </c>
      <c r="H3751" t="s">
        <v>747</v>
      </c>
      <c r="I3751">
        <v>4847</v>
      </c>
      <c r="J3751" t="s">
        <v>301</v>
      </c>
      <c r="K3751">
        <v>26</v>
      </c>
      <c r="L3751" t="s">
        <v>2883</v>
      </c>
      <c r="M3751">
        <v>1712</v>
      </c>
      <c r="N3751" t="s">
        <v>654</v>
      </c>
      <c r="O3751">
        <v>3</v>
      </c>
      <c r="P3751" t="s">
        <v>655</v>
      </c>
      <c r="Q3751">
        <v>1</v>
      </c>
      <c r="R3751" t="s">
        <v>656</v>
      </c>
      <c r="S3751">
        <v>2</v>
      </c>
      <c r="T3751" t="s">
        <v>661</v>
      </c>
      <c r="U3751">
        <v>8</v>
      </c>
      <c r="V3751">
        <v>2</v>
      </c>
      <c r="W3751">
        <v>120</v>
      </c>
      <c r="X3751">
        <v>2020</v>
      </c>
    </row>
    <row r="3752" spans="1:24" x14ac:dyDescent="0.25">
      <c r="A3752">
        <v>7192</v>
      </c>
      <c r="B3752" t="s">
        <v>32</v>
      </c>
      <c r="C3752">
        <v>24</v>
      </c>
      <c r="D3752" t="s">
        <v>316</v>
      </c>
      <c r="E3752">
        <v>176</v>
      </c>
      <c r="F3752" t="s">
        <v>651</v>
      </c>
      <c r="G3752">
        <v>160</v>
      </c>
      <c r="H3752" t="s">
        <v>747</v>
      </c>
      <c r="I3752">
        <v>4847</v>
      </c>
      <c r="J3752" t="s">
        <v>301</v>
      </c>
      <c r="K3752">
        <v>26</v>
      </c>
      <c r="L3752" t="s">
        <v>2884</v>
      </c>
      <c r="M3752">
        <v>1710</v>
      </c>
      <c r="N3752" t="s">
        <v>654</v>
      </c>
      <c r="O3752">
        <v>3</v>
      </c>
      <c r="P3752" t="s">
        <v>655</v>
      </c>
      <c r="Q3752">
        <v>1</v>
      </c>
      <c r="R3752" t="s">
        <v>656</v>
      </c>
      <c r="S3752">
        <v>2</v>
      </c>
      <c r="T3752" t="s">
        <v>661</v>
      </c>
      <c r="U3752">
        <v>8</v>
      </c>
      <c r="V3752">
        <v>2</v>
      </c>
      <c r="W3752">
        <v>120</v>
      </c>
      <c r="X3752">
        <v>2020</v>
      </c>
    </row>
    <row r="3753" spans="1:24" x14ac:dyDescent="0.25">
      <c r="A3753">
        <v>7191</v>
      </c>
      <c r="B3753" t="s">
        <v>32</v>
      </c>
      <c r="C3753">
        <v>24</v>
      </c>
      <c r="D3753" t="s">
        <v>316</v>
      </c>
      <c r="E3753">
        <v>176</v>
      </c>
      <c r="F3753" t="s">
        <v>651</v>
      </c>
      <c r="G3753">
        <v>160</v>
      </c>
      <c r="H3753" t="s">
        <v>747</v>
      </c>
      <c r="I3753">
        <v>4847</v>
      </c>
      <c r="J3753" t="s">
        <v>301</v>
      </c>
      <c r="K3753">
        <v>26</v>
      </c>
      <c r="L3753" t="s">
        <v>1912</v>
      </c>
      <c r="M3753">
        <v>1579</v>
      </c>
      <c r="N3753" t="s">
        <v>654</v>
      </c>
      <c r="O3753">
        <v>3</v>
      </c>
      <c r="P3753" t="s">
        <v>655</v>
      </c>
      <c r="Q3753">
        <v>1</v>
      </c>
      <c r="R3753" t="s">
        <v>656</v>
      </c>
      <c r="S3753">
        <v>2</v>
      </c>
      <c r="T3753" t="s">
        <v>661</v>
      </c>
      <c r="U3753">
        <v>8</v>
      </c>
      <c r="V3753">
        <v>2</v>
      </c>
      <c r="W3753">
        <v>120</v>
      </c>
      <c r="X3753">
        <v>2020</v>
      </c>
    </row>
    <row r="3754" spans="1:24" x14ac:dyDescent="0.25">
      <c r="A3754">
        <v>7190</v>
      </c>
      <c r="B3754" t="s">
        <v>32</v>
      </c>
      <c r="C3754">
        <v>24</v>
      </c>
      <c r="D3754" t="s">
        <v>458</v>
      </c>
      <c r="E3754">
        <v>175</v>
      </c>
      <c r="F3754" t="s">
        <v>651</v>
      </c>
      <c r="G3754">
        <v>160</v>
      </c>
      <c r="H3754" t="s">
        <v>747</v>
      </c>
      <c r="I3754">
        <v>4847</v>
      </c>
      <c r="J3754" t="s">
        <v>676</v>
      </c>
      <c r="K3754">
        <v>4</v>
      </c>
      <c r="L3754" t="s">
        <v>2885</v>
      </c>
      <c r="M3754">
        <v>1709</v>
      </c>
      <c r="N3754" t="s">
        <v>654</v>
      </c>
      <c r="O3754">
        <v>3</v>
      </c>
      <c r="P3754" t="s">
        <v>655</v>
      </c>
      <c r="Q3754">
        <v>1</v>
      </c>
      <c r="R3754" t="s">
        <v>656</v>
      </c>
      <c r="S3754">
        <v>2</v>
      </c>
      <c r="T3754" t="s">
        <v>661</v>
      </c>
      <c r="U3754">
        <v>8</v>
      </c>
      <c r="V3754">
        <v>2</v>
      </c>
      <c r="W3754">
        <v>120</v>
      </c>
      <c r="X3754">
        <v>2020</v>
      </c>
    </row>
    <row r="3755" spans="1:24" x14ac:dyDescent="0.25">
      <c r="A3755">
        <v>7189</v>
      </c>
      <c r="B3755" t="s">
        <v>32</v>
      </c>
      <c r="C3755">
        <v>24</v>
      </c>
      <c r="D3755" t="s">
        <v>458</v>
      </c>
      <c r="E3755">
        <v>175</v>
      </c>
      <c r="F3755" t="s">
        <v>651</v>
      </c>
      <c r="G3755">
        <v>160</v>
      </c>
      <c r="H3755" t="s">
        <v>747</v>
      </c>
      <c r="I3755">
        <v>4847</v>
      </c>
      <c r="J3755" t="s">
        <v>676</v>
      </c>
      <c r="K3755">
        <v>4</v>
      </c>
      <c r="L3755" t="s">
        <v>2886</v>
      </c>
      <c r="M3755">
        <v>1708</v>
      </c>
      <c r="N3755" t="s">
        <v>654</v>
      </c>
      <c r="O3755">
        <v>3</v>
      </c>
      <c r="P3755" t="s">
        <v>655</v>
      </c>
      <c r="Q3755">
        <v>1</v>
      </c>
      <c r="R3755" t="s">
        <v>656</v>
      </c>
      <c r="S3755">
        <v>2</v>
      </c>
      <c r="T3755" t="s">
        <v>661</v>
      </c>
      <c r="U3755">
        <v>8</v>
      </c>
      <c r="V3755">
        <v>2</v>
      </c>
      <c r="W3755">
        <v>120</v>
      </c>
      <c r="X3755">
        <v>2020</v>
      </c>
    </row>
    <row r="3756" spans="1:24" x14ac:dyDescent="0.25">
      <c r="A3756">
        <v>7184</v>
      </c>
      <c r="B3756" t="s">
        <v>32</v>
      </c>
      <c r="C3756">
        <v>24</v>
      </c>
      <c r="D3756" t="s">
        <v>458</v>
      </c>
      <c r="E3756">
        <v>175</v>
      </c>
      <c r="F3756" t="s">
        <v>651</v>
      </c>
      <c r="G3756">
        <v>160</v>
      </c>
      <c r="H3756" t="s">
        <v>747</v>
      </c>
      <c r="I3756">
        <v>4847</v>
      </c>
      <c r="J3756" t="s">
        <v>885</v>
      </c>
      <c r="K3756">
        <v>1</v>
      </c>
      <c r="L3756" t="s">
        <v>901</v>
      </c>
      <c r="M3756">
        <v>1244</v>
      </c>
      <c r="N3756" t="s">
        <v>654</v>
      </c>
      <c r="O3756">
        <v>3</v>
      </c>
      <c r="P3756" t="s">
        <v>655</v>
      </c>
      <c r="Q3756">
        <v>1</v>
      </c>
      <c r="R3756" t="s">
        <v>656</v>
      </c>
      <c r="S3756">
        <v>2</v>
      </c>
      <c r="T3756" t="s">
        <v>661</v>
      </c>
      <c r="U3756">
        <v>8</v>
      </c>
      <c r="V3756">
        <v>2</v>
      </c>
      <c r="W3756">
        <v>120</v>
      </c>
      <c r="X3756">
        <v>2020</v>
      </c>
    </row>
    <row r="3757" spans="1:24" x14ac:dyDescent="0.25">
      <c r="A3757">
        <v>7183</v>
      </c>
      <c r="B3757" t="s">
        <v>32</v>
      </c>
      <c r="C3757">
        <v>24</v>
      </c>
      <c r="D3757" t="s">
        <v>539</v>
      </c>
      <c r="E3757">
        <v>174</v>
      </c>
      <c r="F3757" t="s">
        <v>651</v>
      </c>
      <c r="G3757">
        <v>160</v>
      </c>
      <c r="H3757" t="s">
        <v>747</v>
      </c>
      <c r="I3757">
        <v>4847</v>
      </c>
      <c r="J3757" t="s">
        <v>742</v>
      </c>
      <c r="K3757">
        <v>48</v>
      </c>
      <c r="L3757" t="s">
        <v>2887</v>
      </c>
      <c r="M3757">
        <v>1704</v>
      </c>
      <c r="N3757" t="s">
        <v>654</v>
      </c>
      <c r="O3757">
        <v>3</v>
      </c>
      <c r="P3757" t="s">
        <v>655</v>
      </c>
      <c r="Q3757">
        <v>1</v>
      </c>
      <c r="R3757" t="s">
        <v>656</v>
      </c>
      <c r="S3757">
        <v>2</v>
      </c>
      <c r="T3757" t="s">
        <v>661</v>
      </c>
      <c r="U3757">
        <v>8</v>
      </c>
      <c r="V3757">
        <v>2</v>
      </c>
      <c r="W3757">
        <v>120</v>
      </c>
      <c r="X3757">
        <v>2020</v>
      </c>
    </row>
    <row r="3758" spans="1:24" x14ac:dyDescent="0.25">
      <c r="A3758">
        <v>7181</v>
      </c>
      <c r="B3758" t="s">
        <v>32</v>
      </c>
      <c r="C3758">
        <v>24</v>
      </c>
      <c r="D3758" t="s">
        <v>539</v>
      </c>
      <c r="E3758">
        <v>174</v>
      </c>
      <c r="F3758" t="s">
        <v>651</v>
      </c>
      <c r="G3758">
        <v>160</v>
      </c>
      <c r="H3758" t="s">
        <v>747</v>
      </c>
      <c r="I3758">
        <v>4847</v>
      </c>
      <c r="J3758" t="s">
        <v>897</v>
      </c>
      <c r="K3758">
        <v>3</v>
      </c>
      <c r="L3758" t="s">
        <v>2888</v>
      </c>
      <c r="M3758">
        <v>1702</v>
      </c>
      <c r="N3758" t="s">
        <v>654</v>
      </c>
      <c r="O3758">
        <v>3</v>
      </c>
      <c r="P3758" t="s">
        <v>655</v>
      </c>
      <c r="Q3758">
        <v>1</v>
      </c>
      <c r="R3758" t="s">
        <v>656</v>
      </c>
      <c r="S3758">
        <v>2</v>
      </c>
      <c r="T3758" t="s">
        <v>661</v>
      </c>
      <c r="U3758">
        <v>8</v>
      </c>
      <c r="V3758">
        <v>2</v>
      </c>
      <c r="W3758">
        <v>120</v>
      </c>
      <c r="X3758">
        <v>2020</v>
      </c>
    </row>
    <row r="3759" spans="1:24" x14ac:dyDescent="0.25">
      <c r="A3759">
        <v>7180</v>
      </c>
      <c r="B3759" t="s">
        <v>32</v>
      </c>
      <c r="C3759">
        <v>24</v>
      </c>
      <c r="D3759" t="s">
        <v>402</v>
      </c>
      <c r="E3759">
        <v>173</v>
      </c>
      <c r="F3759" t="s">
        <v>651</v>
      </c>
      <c r="G3759">
        <v>160</v>
      </c>
      <c r="H3759" t="s">
        <v>747</v>
      </c>
      <c r="I3759">
        <v>4847</v>
      </c>
      <c r="J3759" t="s">
        <v>819</v>
      </c>
      <c r="K3759">
        <v>101</v>
      </c>
      <c r="L3759" t="s">
        <v>2889</v>
      </c>
      <c r="M3759">
        <v>1701</v>
      </c>
      <c r="N3759" t="s">
        <v>654</v>
      </c>
      <c r="O3759">
        <v>3</v>
      </c>
      <c r="P3759" t="s">
        <v>655</v>
      </c>
      <c r="Q3759">
        <v>1</v>
      </c>
      <c r="R3759" t="s">
        <v>656</v>
      </c>
      <c r="S3759">
        <v>2</v>
      </c>
      <c r="T3759" t="s">
        <v>661</v>
      </c>
      <c r="U3759">
        <v>8</v>
      </c>
      <c r="V3759">
        <v>2</v>
      </c>
      <c r="W3759">
        <v>120</v>
      </c>
      <c r="X3759">
        <v>2020</v>
      </c>
    </row>
    <row r="3760" spans="1:24" x14ac:dyDescent="0.25">
      <c r="A3760">
        <v>7179</v>
      </c>
      <c r="B3760" t="s">
        <v>32</v>
      </c>
      <c r="C3760">
        <v>24</v>
      </c>
      <c r="D3760" t="s">
        <v>402</v>
      </c>
      <c r="E3760">
        <v>173</v>
      </c>
      <c r="F3760" t="s">
        <v>651</v>
      </c>
      <c r="G3760">
        <v>160</v>
      </c>
      <c r="H3760" t="s">
        <v>747</v>
      </c>
      <c r="I3760">
        <v>4847</v>
      </c>
      <c r="J3760" t="s">
        <v>819</v>
      </c>
      <c r="K3760">
        <v>101</v>
      </c>
      <c r="L3760" t="s">
        <v>1641</v>
      </c>
      <c r="M3760">
        <v>1106</v>
      </c>
      <c r="N3760" t="s">
        <v>654</v>
      </c>
      <c r="O3760">
        <v>3</v>
      </c>
      <c r="P3760" t="s">
        <v>655</v>
      </c>
      <c r="Q3760">
        <v>1</v>
      </c>
      <c r="R3760" t="s">
        <v>656</v>
      </c>
      <c r="S3760">
        <v>2</v>
      </c>
      <c r="T3760" t="s">
        <v>661</v>
      </c>
      <c r="U3760">
        <v>8</v>
      </c>
      <c r="V3760">
        <v>2</v>
      </c>
      <c r="W3760">
        <v>120</v>
      </c>
      <c r="X3760">
        <v>2020</v>
      </c>
    </row>
    <row r="3761" spans="1:24" x14ac:dyDescent="0.25">
      <c r="A3761">
        <v>7178</v>
      </c>
      <c r="B3761" t="s">
        <v>32</v>
      </c>
      <c r="C3761">
        <v>24</v>
      </c>
      <c r="D3761" t="s">
        <v>402</v>
      </c>
      <c r="E3761">
        <v>173</v>
      </c>
      <c r="F3761" t="s">
        <v>651</v>
      </c>
      <c r="G3761">
        <v>160</v>
      </c>
      <c r="H3761" t="s">
        <v>747</v>
      </c>
      <c r="I3761">
        <v>4847</v>
      </c>
      <c r="J3761" t="s">
        <v>819</v>
      </c>
      <c r="K3761">
        <v>101</v>
      </c>
      <c r="L3761" t="s">
        <v>2890</v>
      </c>
      <c r="M3761">
        <v>1700</v>
      </c>
      <c r="N3761" t="s">
        <v>654</v>
      </c>
      <c r="O3761">
        <v>3</v>
      </c>
      <c r="P3761" t="s">
        <v>655</v>
      </c>
      <c r="Q3761">
        <v>1</v>
      </c>
      <c r="R3761" t="s">
        <v>656</v>
      </c>
      <c r="S3761">
        <v>2</v>
      </c>
      <c r="T3761" t="s">
        <v>661</v>
      </c>
      <c r="U3761">
        <v>8</v>
      </c>
      <c r="V3761">
        <v>2</v>
      </c>
      <c r="W3761">
        <v>120</v>
      </c>
      <c r="X3761">
        <v>2020</v>
      </c>
    </row>
    <row r="3762" spans="1:24" x14ac:dyDescent="0.25">
      <c r="A3762">
        <v>7177</v>
      </c>
      <c r="B3762" t="s">
        <v>32</v>
      </c>
      <c r="C3762">
        <v>24</v>
      </c>
      <c r="D3762" t="s">
        <v>540</v>
      </c>
      <c r="E3762">
        <v>172</v>
      </c>
      <c r="F3762" t="s">
        <v>651</v>
      </c>
      <c r="G3762">
        <v>160</v>
      </c>
      <c r="H3762" t="s">
        <v>747</v>
      </c>
      <c r="I3762">
        <v>4847</v>
      </c>
      <c r="J3762" t="s">
        <v>909</v>
      </c>
      <c r="K3762">
        <v>39</v>
      </c>
      <c r="L3762" t="s">
        <v>2265</v>
      </c>
      <c r="M3762">
        <v>1699</v>
      </c>
      <c r="N3762" t="s">
        <v>654</v>
      </c>
      <c r="O3762">
        <v>3</v>
      </c>
      <c r="P3762" t="s">
        <v>655</v>
      </c>
      <c r="Q3762">
        <v>1</v>
      </c>
      <c r="R3762" t="s">
        <v>656</v>
      </c>
      <c r="S3762">
        <v>2</v>
      </c>
      <c r="T3762" t="s">
        <v>661</v>
      </c>
      <c r="U3762">
        <v>8</v>
      </c>
      <c r="V3762">
        <v>2</v>
      </c>
      <c r="W3762">
        <v>120</v>
      </c>
      <c r="X3762">
        <v>2020</v>
      </c>
    </row>
    <row r="3763" spans="1:24" x14ac:dyDescent="0.25">
      <c r="A3763">
        <v>7176</v>
      </c>
      <c r="B3763" t="s">
        <v>32</v>
      </c>
      <c r="C3763">
        <v>24</v>
      </c>
      <c r="D3763" t="s">
        <v>540</v>
      </c>
      <c r="E3763">
        <v>172</v>
      </c>
      <c r="F3763" t="s">
        <v>651</v>
      </c>
      <c r="G3763">
        <v>160</v>
      </c>
      <c r="H3763" t="s">
        <v>747</v>
      </c>
      <c r="I3763">
        <v>4847</v>
      </c>
      <c r="J3763" t="s">
        <v>909</v>
      </c>
      <c r="K3763">
        <v>39</v>
      </c>
      <c r="L3763" t="s">
        <v>2891</v>
      </c>
      <c r="M3763">
        <v>1698</v>
      </c>
      <c r="N3763" t="s">
        <v>654</v>
      </c>
      <c r="O3763">
        <v>3</v>
      </c>
      <c r="P3763" t="s">
        <v>655</v>
      </c>
      <c r="Q3763">
        <v>1</v>
      </c>
      <c r="R3763" t="s">
        <v>656</v>
      </c>
      <c r="S3763">
        <v>2</v>
      </c>
      <c r="T3763" t="s">
        <v>661</v>
      </c>
      <c r="U3763">
        <v>8</v>
      </c>
      <c r="V3763">
        <v>2</v>
      </c>
      <c r="W3763">
        <v>120</v>
      </c>
      <c r="X3763">
        <v>2020</v>
      </c>
    </row>
    <row r="3764" spans="1:24" x14ac:dyDescent="0.25">
      <c r="A3764">
        <v>7174</v>
      </c>
      <c r="B3764" t="s">
        <v>32</v>
      </c>
      <c r="C3764">
        <v>24</v>
      </c>
      <c r="D3764" t="s">
        <v>540</v>
      </c>
      <c r="E3764">
        <v>172</v>
      </c>
      <c r="F3764" t="s">
        <v>651</v>
      </c>
      <c r="G3764">
        <v>160</v>
      </c>
      <c r="H3764" t="s">
        <v>747</v>
      </c>
      <c r="I3764">
        <v>4847</v>
      </c>
      <c r="J3764" t="s">
        <v>736</v>
      </c>
      <c r="K3764">
        <v>8</v>
      </c>
      <c r="L3764" t="s">
        <v>2892</v>
      </c>
      <c r="M3764">
        <v>1696</v>
      </c>
      <c r="N3764" t="s">
        <v>654</v>
      </c>
      <c r="O3764">
        <v>3</v>
      </c>
      <c r="P3764" t="s">
        <v>655</v>
      </c>
      <c r="Q3764">
        <v>1</v>
      </c>
      <c r="R3764" t="s">
        <v>656</v>
      </c>
      <c r="S3764">
        <v>2</v>
      </c>
      <c r="T3764" t="s">
        <v>661</v>
      </c>
      <c r="U3764">
        <v>8</v>
      </c>
      <c r="V3764">
        <v>2</v>
      </c>
      <c r="W3764">
        <v>120</v>
      </c>
      <c r="X3764">
        <v>2020</v>
      </c>
    </row>
    <row r="3765" spans="1:24" x14ac:dyDescent="0.25">
      <c r="A3765">
        <v>7171</v>
      </c>
      <c r="B3765" t="s">
        <v>32</v>
      </c>
      <c r="C3765">
        <v>24</v>
      </c>
      <c r="D3765" t="s">
        <v>540</v>
      </c>
      <c r="E3765">
        <v>172</v>
      </c>
      <c r="F3765" t="s">
        <v>651</v>
      </c>
      <c r="G3765">
        <v>160</v>
      </c>
      <c r="H3765" t="s">
        <v>747</v>
      </c>
      <c r="I3765">
        <v>4847</v>
      </c>
      <c r="J3765" t="s">
        <v>831</v>
      </c>
      <c r="K3765">
        <v>5</v>
      </c>
      <c r="L3765" t="s">
        <v>2678</v>
      </c>
      <c r="M3765">
        <v>1693</v>
      </c>
      <c r="N3765" t="s">
        <v>654</v>
      </c>
      <c r="O3765">
        <v>3</v>
      </c>
      <c r="P3765" t="s">
        <v>655</v>
      </c>
      <c r="Q3765">
        <v>1</v>
      </c>
      <c r="R3765" t="s">
        <v>656</v>
      </c>
      <c r="S3765">
        <v>2</v>
      </c>
      <c r="T3765" t="s">
        <v>661</v>
      </c>
      <c r="U3765">
        <v>8</v>
      </c>
      <c r="V3765">
        <v>2</v>
      </c>
      <c r="W3765">
        <v>120</v>
      </c>
      <c r="X3765">
        <v>2020</v>
      </c>
    </row>
    <row r="3766" spans="1:24" x14ac:dyDescent="0.25">
      <c r="A3766">
        <v>7169</v>
      </c>
      <c r="B3766" t="s">
        <v>32</v>
      </c>
      <c r="C3766">
        <v>24</v>
      </c>
      <c r="D3766" t="s">
        <v>541</v>
      </c>
      <c r="E3766">
        <v>171</v>
      </c>
      <c r="F3766" t="s">
        <v>651</v>
      </c>
      <c r="G3766">
        <v>160</v>
      </c>
      <c r="H3766" t="s">
        <v>747</v>
      </c>
      <c r="I3766">
        <v>4847</v>
      </c>
      <c r="J3766" t="s">
        <v>682</v>
      </c>
      <c r="K3766">
        <v>20</v>
      </c>
      <c r="L3766" t="s">
        <v>2893</v>
      </c>
      <c r="M3766">
        <v>984</v>
      </c>
      <c r="N3766" t="s">
        <v>654</v>
      </c>
      <c r="O3766">
        <v>3</v>
      </c>
      <c r="P3766" t="s">
        <v>655</v>
      </c>
      <c r="Q3766">
        <v>1</v>
      </c>
      <c r="R3766" t="s">
        <v>656</v>
      </c>
      <c r="S3766">
        <v>2</v>
      </c>
      <c r="T3766" t="s">
        <v>661</v>
      </c>
      <c r="U3766">
        <v>8</v>
      </c>
      <c r="V3766">
        <v>2</v>
      </c>
      <c r="W3766">
        <v>120</v>
      </c>
      <c r="X3766">
        <v>2020</v>
      </c>
    </row>
    <row r="3767" spans="1:24" x14ac:dyDescent="0.25">
      <c r="A3767">
        <v>7168</v>
      </c>
      <c r="B3767" t="s">
        <v>32</v>
      </c>
      <c r="C3767">
        <v>24</v>
      </c>
      <c r="D3767" t="s">
        <v>541</v>
      </c>
      <c r="E3767">
        <v>171</v>
      </c>
      <c r="F3767" t="s">
        <v>651</v>
      </c>
      <c r="G3767">
        <v>160</v>
      </c>
      <c r="H3767" t="s">
        <v>747</v>
      </c>
      <c r="I3767">
        <v>4847</v>
      </c>
      <c r="J3767" t="s">
        <v>682</v>
      </c>
      <c r="K3767">
        <v>20</v>
      </c>
      <c r="L3767" t="s">
        <v>2032</v>
      </c>
      <c r="M3767">
        <v>1691</v>
      </c>
      <c r="N3767" t="s">
        <v>654</v>
      </c>
      <c r="O3767">
        <v>3</v>
      </c>
      <c r="P3767" t="s">
        <v>655</v>
      </c>
      <c r="Q3767">
        <v>1</v>
      </c>
      <c r="R3767" t="s">
        <v>656</v>
      </c>
      <c r="S3767">
        <v>2</v>
      </c>
      <c r="T3767" t="s">
        <v>661</v>
      </c>
      <c r="U3767">
        <v>8</v>
      </c>
      <c r="V3767">
        <v>2</v>
      </c>
      <c r="W3767">
        <v>120</v>
      </c>
      <c r="X3767">
        <v>2020</v>
      </c>
    </row>
    <row r="3768" spans="1:24" x14ac:dyDescent="0.25">
      <c r="A3768">
        <v>7166</v>
      </c>
      <c r="B3768" t="s">
        <v>32</v>
      </c>
      <c r="C3768">
        <v>24</v>
      </c>
      <c r="D3768" t="s">
        <v>541</v>
      </c>
      <c r="E3768">
        <v>171</v>
      </c>
      <c r="F3768" t="s">
        <v>651</v>
      </c>
      <c r="G3768">
        <v>160</v>
      </c>
      <c r="H3768" t="s">
        <v>747</v>
      </c>
      <c r="I3768">
        <v>4847</v>
      </c>
      <c r="J3768" t="s">
        <v>65</v>
      </c>
      <c r="K3768">
        <v>15</v>
      </c>
      <c r="L3768" t="s">
        <v>2839</v>
      </c>
      <c r="M3768">
        <v>1689</v>
      </c>
      <c r="N3768" t="s">
        <v>654</v>
      </c>
      <c r="O3768">
        <v>3</v>
      </c>
      <c r="P3768" t="s">
        <v>655</v>
      </c>
      <c r="Q3768">
        <v>1</v>
      </c>
      <c r="R3768" t="s">
        <v>656</v>
      </c>
      <c r="S3768">
        <v>2</v>
      </c>
      <c r="T3768" t="s">
        <v>661</v>
      </c>
      <c r="U3768">
        <v>8</v>
      </c>
      <c r="V3768">
        <v>1</v>
      </c>
      <c r="W3768">
        <v>60</v>
      </c>
      <c r="X3768">
        <v>2020</v>
      </c>
    </row>
    <row r="3769" spans="1:24" x14ac:dyDescent="0.25">
      <c r="A3769">
        <v>7165</v>
      </c>
      <c r="B3769" t="s">
        <v>32</v>
      </c>
      <c r="C3769">
        <v>24</v>
      </c>
      <c r="D3769" t="s">
        <v>541</v>
      </c>
      <c r="E3769">
        <v>171</v>
      </c>
      <c r="F3769" t="s">
        <v>651</v>
      </c>
      <c r="G3769">
        <v>160</v>
      </c>
      <c r="H3769" t="s">
        <v>747</v>
      </c>
      <c r="I3769">
        <v>4847</v>
      </c>
      <c r="J3769" t="s">
        <v>65</v>
      </c>
      <c r="K3769">
        <v>15</v>
      </c>
      <c r="L3769" t="s">
        <v>898</v>
      </c>
      <c r="M3769">
        <v>806</v>
      </c>
      <c r="N3769" t="s">
        <v>654</v>
      </c>
      <c r="O3769">
        <v>3</v>
      </c>
      <c r="P3769" t="s">
        <v>655</v>
      </c>
      <c r="Q3769">
        <v>1</v>
      </c>
      <c r="R3769" t="s">
        <v>656</v>
      </c>
      <c r="S3769">
        <v>2</v>
      </c>
      <c r="T3769" t="s">
        <v>661</v>
      </c>
      <c r="U3769">
        <v>8</v>
      </c>
      <c r="V3769">
        <v>1</v>
      </c>
      <c r="W3769">
        <v>60</v>
      </c>
      <c r="X3769">
        <v>2020</v>
      </c>
    </row>
    <row r="3770" spans="1:24" x14ac:dyDescent="0.25">
      <c r="A3770">
        <v>7164</v>
      </c>
      <c r="B3770" t="s">
        <v>32</v>
      </c>
      <c r="C3770">
        <v>24</v>
      </c>
      <c r="D3770" t="s">
        <v>541</v>
      </c>
      <c r="E3770">
        <v>171</v>
      </c>
      <c r="F3770" t="s">
        <v>651</v>
      </c>
      <c r="G3770">
        <v>160</v>
      </c>
      <c r="H3770" t="s">
        <v>747</v>
      </c>
      <c r="I3770">
        <v>4847</v>
      </c>
      <c r="J3770" t="s">
        <v>65</v>
      </c>
      <c r="K3770">
        <v>15</v>
      </c>
      <c r="L3770" t="s">
        <v>2894</v>
      </c>
      <c r="M3770">
        <v>1688</v>
      </c>
      <c r="N3770" t="s">
        <v>654</v>
      </c>
      <c r="O3770">
        <v>3</v>
      </c>
      <c r="P3770" t="s">
        <v>655</v>
      </c>
      <c r="Q3770">
        <v>1</v>
      </c>
      <c r="R3770" t="s">
        <v>656</v>
      </c>
      <c r="S3770">
        <v>2</v>
      </c>
      <c r="T3770" t="s">
        <v>661</v>
      </c>
      <c r="U3770">
        <v>8</v>
      </c>
      <c r="V3770">
        <v>2</v>
      </c>
      <c r="W3770">
        <v>120</v>
      </c>
      <c r="X3770">
        <v>2020</v>
      </c>
    </row>
    <row r="3771" spans="1:24" x14ac:dyDescent="0.25">
      <c r="A3771">
        <v>7160</v>
      </c>
      <c r="B3771" t="s">
        <v>32</v>
      </c>
      <c r="C3771">
        <v>24</v>
      </c>
      <c r="D3771" t="s">
        <v>542</v>
      </c>
      <c r="E3771">
        <v>170</v>
      </c>
      <c r="F3771" t="s">
        <v>651</v>
      </c>
      <c r="G3771">
        <v>160</v>
      </c>
      <c r="H3771" t="s">
        <v>747</v>
      </c>
      <c r="I3771">
        <v>4847</v>
      </c>
      <c r="J3771" t="s">
        <v>802</v>
      </c>
      <c r="K3771">
        <v>12</v>
      </c>
      <c r="L3771" t="s">
        <v>2895</v>
      </c>
      <c r="M3771">
        <v>1684</v>
      </c>
      <c r="N3771" t="s">
        <v>654</v>
      </c>
      <c r="O3771">
        <v>3</v>
      </c>
      <c r="P3771" t="s">
        <v>655</v>
      </c>
      <c r="Q3771">
        <v>1</v>
      </c>
      <c r="R3771" t="s">
        <v>656</v>
      </c>
      <c r="S3771">
        <v>2</v>
      </c>
      <c r="T3771" t="s">
        <v>661</v>
      </c>
      <c r="U3771">
        <v>8</v>
      </c>
      <c r="V3771">
        <v>2</v>
      </c>
      <c r="W3771">
        <v>120</v>
      </c>
      <c r="X3771">
        <v>2020</v>
      </c>
    </row>
    <row r="3772" spans="1:24" x14ac:dyDescent="0.25">
      <c r="A3772">
        <v>7159</v>
      </c>
      <c r="B3772" t="s">
        <v>32</v>
      </c>
      <c r="C3772">
        <v>24</v>
      </c>
      <c r="D3772" t="s">
        <v>542</v>
      </c>
      <c r="E3772">
        <v>170</v>
      </c>
      <c r="F3772" t="s">
        <v>651</v>
      </c>
      <c r="G3772">
        <v>160</v>
      </c>
      <c r="H3772" t="s">
        <v>747</v>
      </c>
      <c r="I3772">
        <v>4847</v>
      </c>
      <c r="J3772" t="s">
        <v>802</v>
      </c>
      <c r="K3772">
        <v>12</v>
      </c>
      <c r="L3772" t="s">
        <v>2896</v>
      </c>
      <c r="M3772">
        <v>1683</v>
      </c>
      <c r="N3772" t="s">
        <v>654</v>
      </c>
      <c r="O3772">
        <v>3</v>
      </c>
      <c r="P3772" t="s">
        <v>655</v>
      </c>
      <c r="Q3772">
        <v>1</v>
      </c>
      <c r="R3772" t="s">
        <v>656</v>
      </c>
      <c r="S3772">
        <v>2</v>
      </c>
      <c r="T3772" t="s">
        <v>661</v>
      </c>
      <c r="U3772">
        <v>8</v>
      </c>
      <c r="V3772">
        <v>2</v>
      </c>
      <c r="W3772">
        <v>120</v>
      </c>
      <c r="X3772">
        <v>2020</v>
      </c>
    </row>
    <row r="3773" spans="1:24" x14ac:dyDescent="0.25">
      <c r="A3773">
        <v>7156</v>
      </c>
      <c r="B3773" t="s">
        <v>32</v>
      </c>
      <c r="C3773">
        <v>24</v>
      </c>
      <c r="D3773" t="s">
        <v>374</v>
      </c>
      <c r="E3773">
        <v>169</v>
      </c>
      <c r="F3773" t="s">
        <v>651</v>
      </c>
      <c r="G3773">
        <v>160</v>
      </c>
      <c r="H3773" t="s">
        <v>747</v>
      </c>
      <c r="I3773">
        <v>4847</v>
      </c>
      <c r="J3773" t="s">
        <v>864</v>
      </c>
      <c r="K3773">
        <v>14</v>
      </c>
      <c r="L3773" t="s">
        <v>2897</v>
      </c>
      <c r="M3773">
        <v>959</v>
      </c>
      <c r="N3773" t="s">
        <v>654</v>
      </c>
      <c r="O3773">
        <v>3</v>
      </c>
      <c r="P3773" t="s">
        <v>655</v>
      </c>
      <c r="Q3773">
        <v>1</v>
      </c>
      <c r="R3773" t="s">
        <v>656</v>
      </c>
      <c r="S3773">
        <v>2</v>
      </c>
      <c r="T3773" t="s">
        <v>661</v>
      </c>
      <c r="U3773">
        <v>8</v>
      </c>
      <c r="V3773">
        <v>2</v>
      </c>
      <c r="W3773">
        <v>120</v>
      </c>
      <c r="X3773">
        <v>2020</v>
      </c>
    </row>
    <row r="3774" spans="1:24" x14ac:dyDescent="0.25">
      <c r="A3774">
        <v>7154</v>
      </c>
      <c r="B3774" t="s">
        <v>32</v>
      </c>
      <c r="C3774">
        <v>24</v>
      </c>
      <c r="D3774" t="s">
        <v>374</v>
      </c>
      <c r="E3774">
        <v>169</v>
      </c>
      <c r="F3774" t="s">
        <v>651</v>
      </c>
      <c r="G3774">
        <v>160</v>
      </c>
      <c r="H3774" t="s">
        <v>747</v>
      </c>
      <c r="I3774">
        <v>4847</v>
      </c>
      <c r="J3774" t="s">
        <v>864</v>
      </c>
      <c r="K3774">
        <v>14</v>
      </c>
      <c r="L3774" t="s">
        <v>2898</v>
      </c>
      <c r="M3774">
        <v>1681</v>
      </c>
      <c r="N3774" t="s">
        <v>654</v>
      </c>
      <c r="O3774">
        <v>3</v>
      </c>
      <c r="P3774" t="s">
        <v>655</v>
      </c>
      <c r="Q3774">
        <v>1</v>
      </c>
      <c r="R3774" t="s">
        <v>656</v>
      </c>
      <c r="S3774">
        <v>2</v>
      </c>
      <c r="T3774" t="s">
        <v>661</v>
      </c>
      <c r="U3774">
        <v>8</v>
      </c>
      <c r="V3774">
        <v>2</v>
      </c>
      <c r="W3774">
        <v>120</v>
      </c>
      <c r="X3774">
        <v>2020</v>
      </c>
    </row>
    <row r="3775" spans="1:24" x14ac:dyDescent="0.25">
      <c r="A3775">
        <v>7152</v>
      </c>
      <c r="B3775" t="s">
        <v>32</v>
      </c>
      <c r="C3775">
        <v>24</v>
      </c>
      <c r="D3775" t="s">
        <v>374</v>
      </c>
      <c r="E3775">
        <v>169</v>
      </c>
      <c r="F3775" t="s">
        <v>651</v>
      </c>
      <c r="G3775">
        <v>160</v>
      </c>
      <c r="H3775" t="s">
        <v>747</v>
      </c>
      <c r="I3775">
        <v>4847</v>
      </c>
      <c r="J3775" t="s">
        <v>864</v>
      </c>
      <c r="K3775">
        <v>14</v>
      </c>
      <c r="L3775" t="s">
        <v>2899</v>
      </c>
      <c r="M3775">
        <v>1679</v>
      </c>
      <c r="N3775" t="s">
        <v>654</v>
      </c>
      <c r="O3775">
        <v>3</v>
      </c>
      <c r="P3775" t="s">
        <v>655</v>
      </c>
      <c r="Q3775">
        <v>1</v>
      </c>
      <c r="R3775" t="s">
        <v>656</v>
      </c>
      <c r="S3775">
        <v>2</v>
      </c>
      <c r="T3775" t="s">
        <v>661</v>
      </c>
      <c r="U3775">
        <v>8</v>
      </c>
      <c r="V3775">
        <v>2</v>
      </c>
      <c r="W3775">
        <v>120</v>
      </c>
      <c r="X3775">
        <v>2020</v>
      </c>
    </row>
    <row r="3776" spans="1:24" x14ac:dyDescent="0.25">
      <c r="A3776">
        <v>7150</v>
      </c>
      <c r="B3776" t="s">
        <v>32</v>
      </c>
      <c r="C3776">
        <v>24</v>
      </c>
      <c r="D3776" t="s">
        <v>374</v>
      </c>
      <c r="E3776">
        <v>169</v>
      </c>
      <c r="F3776" t="s">
        <v>651</v>
      </c>
      <c r="G3776">
        <v>160</v>
      </c>
      <c r="H3776" t="s">
        <v>747</v>
      </c>
      <c r="I3776">
        <v>4847</v>
      </c>
      <c r="J3776" t="s">
        <v>864</v>
      </c>
      <c r="K3776">
        <v>14</v>
      </c>
      <c r="L3776" t="s">
        <v>2900</v>
      </c>
      <c r="M3776">
        <v>1678</v>
      </c>
      <c r="N3776" t="s">
        <v>654</v>
      </c>
      <c r="O3776">
        <v>3</v>
      </c>
      <c r="P3776" t="s">
        <v>655</v>
      </c>
      <c r="Q3776">
        <v>1</v>
      </c>
      <c r="R3776" t="s">
        <v>656</v>
      </c>
      <c r="S3776">
        <v>2</v>
      </c>
      <c r="T3776" t="s">
        <v>661</v>
      </c>
      <c r="U3776">
        <v>8</v>
      </c>
      <c r="V3776">
        <v>2</v>
      </c>
      <c r="W3776">
        <v>120</v>
      </c>
      <c r="X3776">
        <v>2020</v>
      </c>
    </row>
    <row r="3777" spans="1:24" x14ac:dyDescent="0.25">
      <c r="A3777">
        <v>7149</v>
      </c>
      <c r="B3777" t="s">
        <v>32</v>
      </c>
      <c r="C3777">
        <v>24</v>
      </c>
      <c r="D3777" t="s">
        <v>374</v>
      </c>
      <c r="E3777">
        <v>169</v>
      </c>
      <c r="F3777" t="s">
        <v>651</v>
      </c>
      <c r="G3777">
        <v>160</v>
      </c>
      <c r="H3777" t="s">
        <v>747</v>
      </c>
      <c r="I3777">
        <v>4847</v>
      </c>
      <c r="J3777" t="s">
        <v>864</v>
      </c>
      <c r="K3777">
        <v>14</v>
      </c>
      <c r="L3777" t="s">
        <v>2901</v>
      </c>
      <c r="M3777">
        <v>1677</v>
      </c>
      <c r="N3777" t="s">
        <v>654</v>
      </c>
      <c r="O3777">
        <v>3</v>
      </c>
      <c r="P3777" t="s">
        <v>655</v>
      </c>
      <c r="Q3777">
        <v>1</v>
      </c>
      <c r="R3777" t="s">
        <v>656</v>
      </c>
      <c r="S3777">
        <v>2</v>
      </c>
      <c r="T3777" t="s">
        <v>661</v>
      </c>
      <c r="U3777">
        <v>8</v>
      </c>
      <c r="V3777">
        <v>2</v>
      </c>
      <c r="W3777">
        <v>120</v>
      </c>
      <c r="X3777">
        <v>2020</v>
      </c>
    </row>
    <row r="3778" spans="1:24" x14ac:dyDescent="0.25">
      <c r="A3778">
        <v>7146</v>
      </c>
      <c r="B3778" t="s">
        <v>32</v>
      </c>
      <c r="C3778">
        <v>24</v>
      </c>
      <c r="D3778" t="s">
        <v>426</v>
      </c>
      <c r="E3778">
        <v>168</v>
      </c>
      <c r="F3778" t="s">
        <v>651</v>
      </c>
      <c r="G3778">
        <v>160</v>
      </c>
      <c r="H3778" t="s">
        <v>747</v>
      </c>
      <c r="I3778">
        <v>4847</v>
      </c>
      <c r="J3778" t="s">
        <v>663</v>
      </c>
      <c r="K3778">
        <v>99</v>
      </c>
      <c r="L3778" t="s">
        <v>2902</v>
      </c>
      <c r="M3778">
        <v>1674</v>
      </c>
      <c r="N3778" t="s">
        <v>654</v>
      </c>
      <c r="O3778">
        <v>3</v>
      </c>
      <c r="P3778" t="s">
        <v>655</v>
      </c>
      <c r="Q3778">
        <v>1</v>
      </c>
      <c r="R3778" t="s">
        <v>656</v>
      </c>
      <c r="S3778">
        <v>2</v>
      </c>
      <c r="T3778" t="s">
        <v>661</v>
      </c>
      <c r="U3778">
        <v>8</v>
      </c>
      <c r="V3778">
        <v>2</v>
      </c>
      <c r="W3778">
        <v>120</v>
      </c>
      <c r="X3778">
        <v>2020</v>
      </c>
    </row>
    <row r="3779" spans="1:24" x14ac:dyDescent="0.25">
      <c r="A3779">
        <v>7144</v>
      </c>
      <c r="B3779" t="s">
        <v>32</v>
      </c>
      <c r="C3779">
        <v>24</v>
      </c>
      <c r="D3779" t="s">
        <v>426</v>
      </c>
      <c r="E3779">
        <v>168</v>
      </c>
      <c r="F3779" t="s">
        <v>651</v>
      </c>
      <c r="G3779">
        <v>160</v>
      </c>
      <c r="H3779" t="s">
        <v>747</v>
      </c>
      <c r="I3779">
        <v>4847</v>
      </c>
      <c r="J3779" t="s">
        <v>663</v>
      </c>
      <c r="K3779">
        <v>99</v>
      </c>
      <c r="L3779" t="s">
        <v>2903</v>
      </c>
      <c r="M3779">
        <v>1672</v>
      </c>
      <c r="N3779" t="s">
        <v>654</v>
      </c>
      <c r="O3779">
        <v>3</v>
      </c>
      <c r="P3779" t="s">
        <v>655</v>
      </c>
      <c r="Q3779">
        <v>1</v>
      </c>
      <c r="R3779" t="s">
        <v>656</v>
      </c>
      <c r="S3779">
        <v>2</v>
      </c>
      <c r="T3779" t="s">
        <v>718</v>
      </c>
      <c r="U3779">
        <v>2</v>
      </c>
      <c r="V3779">
        <v>2</v>
      </c>
      <c r="W3779">
        <v>120</v>
      </c>
      <c r="X3779">
        <v>2020</v>
      </c>
    </row>
    <row r="3780" spans="1:24" x14ac:dyDescent="0.25">
      <c r="A3780">
        <v>7143</v>
      </c>
      <c r="B3780" t="s">
        <v>32</v>
      </c>
      <c r="C3780">
        <v>24</v>
      </c>
      <c r="D3780" t="s">
        <v>426</v>
      </c>
      <c r="E3780">
        <v>168</v>
      </c>
      <c r="F3780" t="s">
        <v>651</v>
      </c>
      <c r="G3780">
        <v>160</v>
      </c>
      <c r="H3780" t="s">
        <v>747</v>
      </c>
      <c r="I3780">
        <v>4847</v>
      </c>
      <c r="J3780" t="s">
        <v>663</v>
      </c>
      <c r="K3780">
        <v>99</v>
      </c>
      <c r="L3780" t="s">
        <v>2904</v>
      </c>
      <c r="M3780">
        <v>1671</v>
      </c>
      <c r="N3780" t="s">
        <v>654</v>
      </c>
      <c r="O3780">
        <v>3</v>
      </c>
      <c r="P3780" t="s">
        <v>655</v>
      </c>
      <c r="Q3780">
        <v>1</v>
      </c>
      <c r="R3780" t="s">
        <v>656</v>
      </c>
      <c r="S3780">
        <v>2</v>
      </c>
      <c r="T3780" t="s">
        <v>661</v>
      </c>
      <c r="U3780">
        <v>8</v>
      </c>
      <c r="V3780">
        <v>2</v>
      </c>
      <c r="W3780">
        <v>120</v>
      </c>
      <c r="X3780">
        <v>2020</v>
      </c>
    </row>
    <row r="3781" spans="1:24" x14ac:dyDescent="0.25">
      <c r="A3781">
        <v>7142</v>
      </c>
      <c r="B3781" t="s">
        <v>210</v>
      </c>
      <c r="C3781">
        <v>23</v>
      </c>
      <c r="D3781" t="s">
        <v>543</v>
      </c>
      <c r="E3781">
        <v>167</v>
      </c>
      <c r="F3781" t="s">
        <v>651</v>
      </c>
      <c r="G3781">
        <v>160</v>
      </c>
      <c r="H3781" t="s">
        <v>739</v>
      </c>
      <c r="I3781">
        <v>4413</v>
      </c>
      <c r="J3781" t="s">
        <v>659</v>
      </c>
      <c r="K3781">
        <v>35</v>
      </c>
      <c r="L3781" t="s">
        <v>2610</v>
      </c>
      <c r="M3781">
        <v>1670</v>
      </c>
      <c r="N3781" t="s">
        <v>654</v>
      </c>
      <c r="O3781">
        <v>3</v>
      </c>
      <c r="P3781" t="s">
        <v>655</v>
      </c>
      <c r="Q3781">
        <v>1</v>
      </c>
      <c r="R3781" t="s">
        <v>656</v>
      </c>
      <c r="S3781">
        <v>2</v>
      </c>
      <c r="T3781" t="s">
        <v>661</v>
      </c>
      <c r="U3781">
        <v>8</v>
      </c>
      <c r="V3781">
        <v>2</v>
      </c>
      <c r="W3781">
        <v>120</v>
      </c>
      <c r="X3781">
        <v>2020</v>
      </c>
    </row>
    <row r="3782" spans="1:24" x14ac:dyDescent="0.25">
      <c r="A3782">
        <v>7141</v>
      </c>
      <c r="B3782" t="s">
        <v>210</v>
      </c>
      <c r="C3782">
        <v>23</v>
      </c>
      <c r="D3782" t="s">
        <v>543</v>
      </c>
      <c r="E3782">
        <v>167</v>
      </c>
      <c r="F3782" t="s">
        <v>651</v>
      </c>
      <c r="G3782">
        <v>160</v>
      </c>
      <c r="H3782" t="s">
        <v>739</v>
      </c>
      <c r="I3782">
        <v>4413</v>
      </c>
      <c r="J3782" t="s">
        <v>659</v>
      </c>
      <c r="K3782">
        <v>35</v>
      </c>
      <c r="L3782" t="s">
        <v>2905</v>
      </c>
      <c r="M3782">
        <v>1669</v>
      </c>
      <c r="N3782" t="s">
        <v>654</v>
      </c>
      <c r="O3782">
        <v>3</v>
      </c>
      <c r="P3782" t="s">
        <v>655</v>
      </c>
      <c r="Q3782">
        <v>1</v>
      </c>
      <c r="R3782" t="s">
        <v>656</v>
      </c>
      <c r="S3782">
        <v>2</v>
      </c>
      <c r="T3782" t="s">
        <v>661</v>
      </c>
      <c r="U3782">
        <v>8</v>
      </c>
      <c r="V3782">
        <v>2</v>
      </c>
      <c r="W3782">
        <v>120</v>
      </c>
      <c r="X3782">
        <v>2020</v>
      </c>
    </row>
    <row r="3783" spans="1:24" x14ac:dyDescent="0.25">
      <c r="A3783">
        <v>7140</v>
      </c>
      <c r="B3783" t="s">
        <v>210</v>
      </c>
      <c r="C3783">
        <v>23</v>
      </c>
      <c r="D3783" t="s">
        <v>543</v>
      </c>
      <c r="E3783">
        <v>167</v>
      </c>
      <c r="F3783" t="s">
        <v>651</v>
      </c>
      <c r="G3783">
        <v>160</v>
      </c>
      <c r="H3783" t="s">
        <v>739</v>
      </c>
      <c r="I3783">
        <v>4413</v>
      </c>
      <c r="J3783" t="s">
        <v>659</v>
      </c>
      <c r="K3783">
        <v>35</v>
      </c>
      <c r="L3783" t="s">
        <v>2906</v>
      </c>
      <c r="M3783">
        <v>1668</v>
      </c>
      <c r="N3783" t="s">
        <v>654</v>
      </c>
      <c r="O3783">
        <v>3</v>
      </c>
      <c r="P3783" t="s">
        <v>655</v>
      </c>
      <c r="Q3783">
        <v>1</v>
      </c>
      <c r="R3783" t="s">
        <v>656</v>
      </c>
      <c r="S3783">
        <v>2</v>
      </c>
      <c r="T3783" t="s">
        <v>661</v>
      </c>
      <c r="U3783">
        <v>8</v>
      </c>
      <c r="V3783">
        <v>2</v>
      </c>
      <c r="W3783">
        <v>120</v>
      </c>
      <c r="X3783">
        <v>2020</v>
      </c>
    </row>
    <row r="3784" spans="1:24" x14ac:dyDescent="0.25">
      <c r="A3784">
        <v>7139</v>
      </c>
      <c r="B3784" t="s">
        <v>210</v>
      </c>
      <c r="C3784">
        <v>23</v>
      </c>
      <c r="D3784" t="s">
        <v>543</v>
      </c>
      <c r="E3784">
        <v>167</v>
      </c>
      <c r="F3784" t="s">
        <v>651</v>
      </c>
      <c r="G3784">
        <v>160</v>
      </c>
      <c r="H3784" t="s">
        <v>739</v>
      </c>
      <c r="I3784">
        <v>4413</v>
      </c>
      <c r="J3784" t="s">
        <v>659</v>
      </c>
      <c r="K3784">
        <v>35</v>
      </c>
      <c r="L3784" t="s">
        <v>2907</v>
      </c>
      <c r="M3784">
        <v>1667</v>
      </c>
      <c r="N3784" t="s">
        <v>654</v>
      </c>
      <c r="O3784">
        <v>3</v>
      </c>
      <c r="P3784" t="s">
        <v>655</v>
      </c>
      <c r="Q3784">
        <v>1</v>
      </c>
      <c r="R3784" t="s">
        <v>656</v>
      </c>
      <c r="S3784">
        <v>2</v>
      </c>
      <c r="T3784" t="s">
        <v>661</v>
      </c>
      <c r="U3784">
        <v>8</v>
      </c>
      <c r="V3784">
        <v>2</v>
      </c>
      <c r="W3784">
        <v>120</v>
      </c>
      <c r="X3784">
        <v>2020</v>
      </c>
    </row>
    <row r="3785" spans="1:24" x14ac:dyDescent="0.25">
      <c r="A3785">
        <v>7138</v>
      </c>
      <c r="B3785" t="s">
        <v>210</v>
      </c>
      <c r="C3785">
        <v>23</v>
      </c>
      <c r="D3785" t="s">
        <v>544</v>
      </c>
      <c r="E3785">
        <v>166</v>
      </c>
      <c r="F3785" t="s">
        <v>651</v>
      </c>
      <c r="G3785">
        <v>160</v>
      </c>
      <c r="H3785" t="s">
        <v>739</v>
      </c>
      <c r="I3785">
        <v>4413</v>
      </c>
      <c r="J3785" t="s">
        <v>659</v>
      </c>
      <c r="K3785">
        <v>35</v>
      </c>
      <c r="L3785" t="s">
        <v>1049</v>
      </c>
      <c r="M3785">
        <v>1666</v>
      </c>
      <c r="N3785" t="s">
        <v>654</v>
      </c>
      <c r="O3785">
        <v>3</v>
      </c>
      <c r="P3785" t="s">
        <v>655</v>
      </c>
      <c r="Q3785">
        <v>1</v>
      </c>
      <c r="R3785" t="s">
        <v>656</v>
      </c>
      <c r="S3785">
        <v>2</v>
      </c>
      <c r="T3785" t="s">
        <v>661</v>
      </c>
      <c r="U3785">
        <v>8</v>
      </c>
      <c r="V3785">
        <v>2</v>
      </c>
      <c r="W3785">
        <v>120</v>
      </c>
      <c r="X3785">
        <v>2020</v>
      </c>
    </row>
    <row r="3786" spans="1:24" x14ac:dyDescent="0.25">
      <c r="A3786">
        <v>7136</v>
      </c>
      <c r="B3786" t="s">
        <v>210</v>
      </c>
      <c r="C3786">
        <v>23</v>
      </c>
      <c r="D3786" t="s">
        <v>544</v>
      </c>
      <c r="E3786">
        <v>166</v>
      </c>
      <c r="F3786" t="s">
        <v>651</v>
      </c>
      <c r="G3786">
        <v>160</v>
      </c>
      <c r="H3786" t="s">
        <v>739</v>
      </c>
      <c r="I3786">
        <v>4413</v>
      </c>
      <c r="J3786" t="s">
        <v>659</v>
      </c>
      <c r="K3786">
        <v>35</v>
      </c>
      <c r="L3786" t="s">
        <v>2908</v>
      </c>
      <c r="M3786">
        <v>1664</v>
      </c>
      <c r="N3786" t="s">
        <v>654</v>
      </c>
      <c r="O3786">
        <v>3</v>
      </c>
      <c r="P3786" t="s">
        <v>655</v>
      </c>
      <c r="Q3786">
        <v>1</v>
      </c>
      <c r="R3786" t="s">
        <v>656</v>
      </c>
      <c r="S3786">
        <v>2</v>
      </c>
      <c r="T3786" t="s">
        <v>661</v>
      </c>
      <c r="U3786">
        <v>8</v>
      </c>
      <c r="V3786">
        <v>2</v>
      </c>
      <c r="W3786">
        <v>120</v>
      </c>
      <c r="X3786">
        <v>2020</v>
      </c>
    </row>
    <row r="3787" spans="1:24" x14ac:dyDescent="0.25">
      <c r="A3787">
        <v>7135</v>
      </c>
      <c r="B3787" t="s">
        <v>210</v>
      </c>
      <c r="C3787">
        <v>23</v>
      </c>
      <c r="D3787" t="s">
        <v>544</v>
      </c>
      <c r="E3787">
        <v>166</v>
      </c>
      <c r="F3787" t="s">
        <v>651</v>
      </c>
      <c r="G3787">
        <v>160</v>
      </c>
      <c r="H3787" t="s">
        <v>739</v>
      </c>
      <c r="I3787">
        <v>4413</v>
      </c>
      <c r="J3787" t="s">
        <v>659</v>
      </c>
      <c r="K3787">
        <v>35</v>
      </c>
      <c r="L3787" t="s">
        <v>2909</v>
      </c>
      <c r="M3787">
        <v>1663</v>
      </c>
      <c r="N3787" t="s">
        <v>654</v>
      </c>
      <c r="O3787">
        <v>3</v>
      </c>
      <c r="P3787" t="s">
        <v>655</v>
      </c>
      <c r="Q3787">
        <v>1</v>
      </c>
      <c r="R3787" t="s">
        <v>656</v>
      </c>
      <c r="S3787">
        <v>2</v>
      </c>
      <c r="T3787" t="s">
        <v>661</v>
      </c>
      <c r="U3787">
        <v>8</v>
      </c>
      <c r="V3787">
        <v>2</v>
      </c>
      <c r="W3787">
        <v>120</v>
      </c>
      <c r="X3787">
        <v>2020</v>
      </c>
    </row>
    <row r="3788" spans="1:24" x14ac:dyDescent="0.25">
      <c r="A3788">
        <v>7134</v>
      </c>
      <c r="B3788" t="s">
        <v>210</v>
      </c>
      <c r="C3788">
        <v>23</v>
      </c>
      <c r="D3788" t="s">
        <v>544</v>
      </c>
      <c r="E3788">
        <v>166</v>
      </c>
      <c r="F3788" t="s">
        <v>651</v>
      </c>
      <c r="G3788">
        <v>160</v>
      </c>
      <c r="H3788" t="s">
        <v>739</v>
      </c>
      <c r="I3788">
        <v>4413</v>
      </c>
      <c r="J3788" t="s">
        <v>659</v>
      </c>
      <c r="K3788">
        <v>35</v>
      </c>
      <c r="L3788" t="s">
        <v>660</v>
      </c>
      <c r="M3788">
        <v>1662</v>
      </c>
      <c r="N3788" t="s">
        <v>654</v>
      </c>
      <c r="O3788">
        <v>3</v>
      </c>
      <c r="P3788" t="s">
        <v>655</v>
      </c>
      <c r="Q3788">
        <v>1</v>
      </c>
      <c r="R3788" t="s">
        <v>656</v>
      </c>
      <c r="S3788">
        <v>2</v>
      </c>
      <c r="T3788" t="s">
        <v>661</v>
      </c>
      <c r="U3788">
        <v>8</v>
      </c>
      <c r="V3788">
        <v>2</v>
      </c>
      <c r="W3788">
        <v>120</v>
      </c>
      <c r="X3788">
        <v>2020</v>
      </c>
    </row>
    <row r="3789" spans="1:24" x14ac:dyDescent="0.25">
      <c r="A3789">
        <v>7133</v>
      </c>
      <c r="B3789" t="s">
        <v>210</v>
      </c>
      <c r="C3789">
        <v>23</v>
      </c>
      <c r="D3789" t="s">
        <v>544</v>
      </c>
      <c r="E3789">
        <v>166</v>
      </c>
      <c r="F3789" t="s">
        <v>651</v>
      </c>
      <c r="G3789">
        <v>160</v>
      </c>
      <c r="H3789" t="s">
        <v>739</v>
      </c>
      <c r="I3789">
        <v>4413</v>
      </c>
      <c r="J3789" t="s">
        <v>659</v>
      </c>
      <c r="K3789">
        <v>35</v>
      </c>
      <c r="L3789" t="s">
        <v>662</v>
      </c>
      <c r="M3789">
        <v>1661</v>
      </c>
      <c r="N3789" t="s">
        <v>654</v>
      </c>
      <c r="O3789">
        <v>3</v>
      </c>
      <c r="P3789" t="s">
        <v>655</v>
      </c>
      <c r="Q3789">
        <v>1</v>
      </c>
      <c r="R3789" t="s">
        <v>656</v>
      </c>
      <c r="S3789">
        <v>2</v>
      </c>
      <c r="T3789" t="s">
        <v>661</v>
      </c>
      <c r="U3789">
        <v>8</v>
      </c>
      <c r="V3789">
        <v>2</v>
      </c>
      <c r="W3789">
        <v>120</v>
      </c>
      <c r="X3789">
        <v>2020</v>
      </c>
    </row>
    <row r="3790" spans="1:24" x14ac:dyDescent="0.25">
      <c r="A3790">
        <v>7132</v>
      </c>
      <c r="B3790" t="s">
        <v>305</v>
      </c>
      <c r="C3790">
        <v>22</v>
      </c>
      <c r="D3790" t="s">
        <v>545</v>
      </c>
      <c r="E3790">
        <v>164</v>
      </c>
      <c r="F3790" t="s">
        <v>651</v>
      </c>
      <c r="G3790">
        <v>160</v>
      </c>
      <c r="H3790" t="s">
        <v>739</v>
      </c>
      <c r="I3790">
        <v>4413</v>
      </c>
      <c r="J3790" t="s">
        <v>673</v>
      </c>
      <c r="K3790">
        <v>34</v>
      </c>
      <c r="L3790" t="s">
        <v>2910</v>
      </c>
      <c r="M3790">
        <v>1660</v>
      </c>
      <c r="N3790" t="s">
        <v>654</v>
      </c>
      <c r="O3790">
        <v>3</v>
      </c>
      <c r="P3790" t="s">
        <v>655</v>
      </c>
      <c r="Q3790">
        <v>1</v>
      </c>
      <c r="R3790" t="s">
        <v>656</v>
      </c>
      <c r="S3790">
        <v>2</v>
      </c>
      <c r="T3790" t="s">
        <v>661</v>
      </c>
      <c r="U3790">
        <v>8</v>
      </c>
      <c r="V3790">
        <v>2</v>
      </c>
      <c r="W3790">
        <v>120</v>
      </c>
      <c r="X3790">
        <v>2020</v>
      </c>
    </row>
    <row r="3791" spans="1:24" x14ac:dyDescent="0.25">
      <c r="A3791">
        <v>7130</v>
      </c>
      <c r="B3791" t="s">
        <v>305</v>
      </c>
      <c r="C3791">
        <v>22</v>
      </c>
      <c r="D3791" t="s">
        <v>546</v>
      </c>
      <c r="E3791">
        <v>162</v>
      </c>
      <c r="F3791" t="s">
        <v>651</v>
      </c>
      <c r="G3791">
        <v>160</v>
      </c>
      <c r="H3791" t="s">
        <v>739</v>
      </c>
      <c r="I3791">
        <v>4413</v>
      </c>
      <c r="J3791" t="s">
        <v>673</v>
      </c>
      <c r="K3791">
        <v>34</v>
      </c>
      <c r="L3791" t="s">
        <v>2911</v>
      </c>
      <c r="M3791">
        <v>1658</v>
      </c>
      <c r="N3791" t="s">
        <v>654</v>
      </c>
      <c r="O3791">
        <v>3</v>
      </c>
      <c r="P3791" t="s">
        <v>655</v>
      </c>
      <c r="Q3791">
        <v>1</v>
      </c>
      <c r="R3791" t="s">
        <v>656</v>
      </c>
      <c r="S3791">
        <v>2</v>
      </c>
      <c r="T3791" t="s">
        <v>661</v>
      </c>
      <c r="U3791">
        <v>8</v>
      </c>
      <c r="V3791">
        <v>2</v>
      </c>
      <c r="W3791">
        <v>120</v>
      </c>
      <c r="X3791">
        <v>2020</v>
      </c>
    </row>
    <row r="3792" spans="1:24" x14ac:dyDescent="0.25">
      <c r="A3792">
        <v>7129</v>
      </c>
      <c r="B3792" t="s">
        <v>305</v>
      </c>
      <c r="C3792">
        <v>22</v>
      </c>
      <c r="D3792" t="s">
        <v>546</v>
      </c>
      <c r="E3792">
        <v>162</v>
      </c>
      <c r="F3792" t="s">
        <v>651</v>
      </c>
      <c r="G3792">
        <v>160</v>
      </c>
      <c r="H3792" t="s">
        <v>739</v>
      </c>
      <c r="I3792">
        <v>4413</v>
      </c>
      <c r="J3792" t="s">
        <v>673</v>
      </c>
      <c r="K3792">
        <v>34</v>
      </c>
      <c r="L3792" t="s">
        <v>997</v>
      </c>
      <c r="M3792">
        <v>1657</v>
      </c>
      <c r="N3792" t="s">
        <v>654</v>
      </c>
      <c r="O3792">
        <v>3</v>
      </c>
      <c r="P3792" t="s">
        <v>655</v>
      </c>
      <c r="Q3792">
        <v>1</v>
      </c>
      <c r="R3792" t="s">
        <v>656</v>
      </c>
      <c r="S3792">
        <v>2</v>
      </c>
      <c r="T3792" t="s">
        <v>661</v>
      </c>
      <c r="U3792">
        <v>8</v>
      </c>
      <c r="V3792">
        <v>2</v>
      </c>
      <c r="W3792">
        <v>120</v>
      </c>
      <c r="X3792">
        <v>2020</v>
      </c>
    </row>
    <row r="3793" spans="1:24" x14ac:dyDescent="0.25">
      <c r="A3793">
        <v>7128</v>
      </c>
      <c r="B3793" t="s">
        <v>198</v>
      </c>
      <c r="C3793">
        <v>21</v>
      </c>
      <c r="D3793" t="s">
        <v>547</v>
      </c>
      <c r="E3793">
        <v>160</v>
      </c>
      <c r="F3793" t="s">
        <v>651</v>
      </c>
      <c r="G3793">
        <v>160</v>
      </c>
      <c r="H3793" t="s">
        <v>739</v>
      </c>
      <c r="I3793">
        <v>4413</v>
      </c>
      <c r="J3793" t="s">
        <v>752</v>
      </c>
      <c r="K3793">
        <v>90</v>
      </c>
      <c r="L3793" t="s">
        <v>2912</v>
      </c>
      <c r="M3793">
        <v>1656</v>
      </c>
      <c r="N3793" t="s">
        <v>654</v>
      </c>
      <c r="O3793">
        <v>3</v>
      </c>
      <c r="P3793" t="s">
        <v>655</v>
      </c>
      <c r="Q3793">
        <v>1</v>
      </c>
      <c r="R3793" t="s">
        <v>656</v>
      </c>
      <c r="S3793">
        <v>2</v>
      </c>
      <c r="T3793" t="s">
        <v>661</v>
      </c>
      <c r="U3793">
        <v>8</v>
      </c>
      <c r="V3793">
        <v>2</v>
      </c>
      <c r="W3793">
        <v>120</v>
      </c>
      <c r="X3793">
        <v>2020</v>
      </c>
    </row>
    <row r="3794" spans="1:24" x14ac:dyDescent="0.25">
      <c r="A3794">
        <v>7127</v>
      </c>
      <c r="B3794" t="s">
        <v>198</v>
      </c>
      <c r="C3794">
        <v>21</v>
      </c>
      <c r="D3794" t="s">
        <v>321</v>
      </c>
      <c r="E3794">
        <v>161</v>
      </c>
      <c r="F3794" t="s">
        <v>651</v>
      </c>
      <c r="G3794">
        <v>160</v>
      </c>
      <c r="H3794" t="s">
        <v>739</v>
      </c>
      <c r="I3794">
        <v>4413</v>
      </c>
      <c r="J3794" t="s">
        <v>878</v>
      </c>
      <c r="K3794">
        <v>91</v>
      </c>
      <c r="L3794" t="s">
        <v>2913</v>
      </c>
      <c r="M3794">
        <v>1655</v>
      </c>
      <c r="N3794" t="s">
        <v>654</v>
      </c>
      <c r="O3794">
        <v>3</v>
      </c>
      <c r="P3794" t="s">
        <v>655</v>
      </c>
      <c r="Q3794">
        <v>1</v>
      </c>
      <c r="R3794" t="s">
        <v>656</v>
      </c>
      <c r="S3794">
        <v>2</v>
      </c>
      <c r="T3794" t="s">
        <v>661</v>
      </c>
      <c r="U3794">
        <v>8</v>
      </c>
      <c r="V3794">
        <v>1</v>
      </c>
      <c r="W3794">
        <v>60</v>
      </c>
      <c r="X3794">
        <v>2020</v>
      </c>
    </row>
    <row r="3795" spans="1:24" x14ac:dyDescent="0.25">
      <c r="A3795">
        <v>7126</v>
      </c>
      <c r="B3795" t="s">
        <v>198</v>
      </c>
      <c r="C3795">
        <v>21</v>
      </c>
      <c r="D3795" t="s">
        <v>321</v>
      </c>
      <c r="E3795">
        <v>161</v>
      </c>
      <c r="F3795" t="s">
        <v>651</v>
      </c>
      <c r="G3795">
        <v>160</v>
      </c>
      <c r="H3795" t="s">
        <v>739</v>
      </c>
      <c r="I3795">
        <v>4413</v>
      </c>
      <c r="J3795" t="s">
        <v>878</v>
      </c>
      <c r="K3795">
        <v>91</v>
      </c>
      <c r="L3795" t="s">
        <v>2914</v>
      </c>
      <c r="M3795">
        <v>1654</v>
      </c>
      <c r="N3795" t="s">
        <v>654</v>
      </c>
      <c r="O3795">
        <v>3</v>
      </c>
      <c r="P3795" t="s">
        <v>655</v>
      </c>
      <c r="Q3795">
        <v>1</v>
      </c>
      <c r="R3795" t="s">
        <v>656</v>
      </c>
      <c r="S3795">
        <v>2</v>
      </c>
      <c r="T3795" t="s">
        <v>661</v>
      </c>
      <c r="U3795">
        <v>8</v>
      </c>
      <c r="V3795">
        <v>2</v>
      </c>
      <c r="W3795">
        <v>120</v>
      </c>
      <c r="X3795">
        <v>2020</v>
      </c>
    </row>
    <row r="3796" spans="1:24" x14ac:dyDescent="0.25">
      <c r="A3796">
        <v>7125</v>
      </c>
      <c r="B3796" t="s">
        <v>198</v>
      </c>
      <c r="C3796">
        <v>21</v>
      </c>
      <c r="D3796" t="s">
        <v>321</v>
      </c>
      <c r="E3796">
        <v>161</v>
      </c>
      <c r="F3796" t="s">
        <v>651</v>
      </c>
      <c r="G3796">
        <v>160</v>
      </c>
      <c r="H3796" t="s">
        <v>739</v>
      </c>
      <c r="I3796">
        <v>4413</v>
      </c>
      <c r="J3796" t="s">
        <v>878</v>
      </c>
      <c r="K3796">
        <v>91</v>
      </c>
      <c r="L3796" t="s">
        <v>2915</v>
      </c>
      <c r="M3796">
        <v>1653</v>
      </c>
      <c r="N3796" t="s">
        <v>654</v>
      </c>
      <c r="O3796">
        <v>3</v>
      </c>
      <c r="P3796" t="s">
        <v>655</v>
      </c>
      <c r="Q3796">
        <v>1</v>
      </c>
      <c r="R3796" t="s">
        <v>656</v>
      </c>
      <c r="S3796">
        <v>2</v>
      </c>
      <c r="T3796" t="s">
        <v>661</v>
      </c>
      <c r="U3796">
        <v>8</v>
      </c>
      <c r="V3796">
        <v>1</v>
      </c>
      <c r="W3796">
        <v>60</v>
      </c>
      <c r="X3796">
        <v>2020</v>
      </c>
    </row>
    <row r="3797" spans="1:24" x14ac:dyDescent="0.25">
      <c r="A3797">
        <v>7123</v>
      </c>
      <c r="B3797" t="s">
        <v>198</v>
      </c>
      <c r="C3797">
        <v>21</v>
      </c>
      <c r="D3797" t="s">
        <v>321</v>
      </c>
      <c r="E3797">
        <v>161</v>
      </c>
      <c r="F3797" t="s">
        <v>651</v>
      </c>
      <c r="G3797">
        <v>160</v>
      </c>
      <c r="H3797" t="s">
        <v>739</v>
      </c>
      <c r="I3797">
        <v>4413</v>
      </c>
      <c r="J3797" t="s">
        <v>878</v>
      </c>
      <c r="K3797">
        <v>91</v>
      </c>
      <c r="L3797" t="s">
        <v>2916</v>
      </c>
      <c r="M3797">
        <v>1651</v>
      </c>
      <c r="N3797" t="s">
        <v>654</v>
      </c>
      <c r="O3797">
        <v>3</v>
      </c>
      <c r="P3797" t="s">
        <v>655</v>
      </c>
      <c r="Q3797">
        <v>1</v>
      </c>
      <c r="R3797" t="s">
        <v>656</v>
      </c>
      <c r="S3797">
        <v>2</v>
      </c>
      <c r="T3797" t="s">
        <v>661</v>
      </c>
      <c r="U3797">
        <v>8</v>
      </c>
      <c r="V3797">
        <v>1</v>
      </c>
      <c r="W3797">
        <v>60</v>
      </c>
      <c r="X3797">
        <v>2020</v>
      </c>
    </row>
    <row r="3798" spans="1:24" x14ac:dyDescent="0.25">
      <c r="A3798">
        <v>7122</v>
      </c>
      <c r="B3798" t="s">
        <v>198</v>
      </c>
      <c r="C3798">
        <v>21</v>
      </c>
      <c r="D3798" t="s">
        <v>321</v>
      </c>
      <c r="E3798">
        <v>161</v>
      </c>
      <c r="F3798" t="s">
        <v>651</v>
      </c>
      <c r="G3798">
        <v>160</v>
      </c>
      <c r="H3798" t="s">
        <v>739</v>
      </c>
      <c r="I3798">
        <v>4413</v>
      </c>
      <c r="J3798" t="s">
        <v>878</v>
      </c>
      <c r="K3798">
        <v>91</v>
      </c>
      <c r="L3798" t="s">
        <v>2917</v>
      </c>
      <c r="M3798">
        <v>1650</v>
      </c>
      <c r="N3798" t="s">
        <v>654</v>
      </c>
      <c r="O3798">
        <v>3</v>
      </c>
      <c r="P3798" t="s">
        <v>655</v>
      </c>
      <c r="Q3798">
        <v>1</v>
      </c>
      <c r="R3798" t="s">
        <v>656</v>
      </c>
      <c r="S3798">
        <v>2</v>
      </c>
      <c r="T3798" t="s">
        <v>661</v>
      </c>
      <c r="U3798">
        <v>8</v>
      </c>
      <c r="V3798">
        <v>1</v>
      </c>
      <c r="W3798">
        <v>60</v>
      </c>
      <c r="X3798">
        <v>2020</v>
      </c>
    </row>
    <row r="3799" spans="1:24" x14ac:dyDescent="0.25">
      <c r="A3799">
        <v>7121</v>
      </c>
      <c r="B3799" t="s">
        <v>198</v>
      </c>
      <c r="C3799">
        <v>21</v>
      </c>
      <c r="D3799" t="s">
        <v>322</v>
      </c>
      <c r="E3799">
        <v>159</v>
      </c>
      <c r="F3799" t="s">
        <v>651</v>
      </c>
      <c r="G3799">
        <v>160</v>
      </c>
      <c r="H3799" t="s">
        <v>739</v>
      </c>
      <c r="I3799">
        <v>4413</v>
      </c>
      <c r="J3799" t="s">
        <v>839</v>
      </c>
      <c r="K3799">
        <v>89</v>
      </c>
      <c r="L3799" t="s">
        <v>2918</v>
      </c>
      <c r="M3799">
        <v>1649</v>
      </c>
      <c r="N3799" t="s">
        <v>654</v>
      </c>
      <c r="O3799">
        <v>3</v>
      </c>
      <c r="P3799" t="s">
        <v>655</v>
      </c>
      <c r="Q3799">
        <v>1</v>
      </c>
      <c r="R3799" t="s">
        <v>656</v>
      </c>
      <c r="S3799">
        <v>2</v>
      </c>
      <c r="T3799" t="s">
        <v>661</v>
      </c>
      <c r="U3799">
        <v>8</v>
      </c>
      <c r="V3799">
        <v>2</v>
      </c>
      <c r="W3799">
        <v>120</v>
      </c>
      <c r="X3799">
        <v>2020</v>
      </c>
    </row>
    <row r="3800" spans="1:24" x14ac:dyDescent="0.25">
      <c r="A3800">
        <v>7120</v>
      </c>
      <c r="B3800" t="s">
        <v>198</v>
      </c>
      <c r="C3800">
        <v>21</v>
      </c>
      <c r="D3800" t="s">
        <v>322</v>
      </c>
      <c r="E3800">
        <v>159</v>
      </c>
      <c r="F3800" t="s">
        <v>651</v>
      </c>
      <c r="G3800">
        <v>160</v>
      </c>
      <c r="H3800" t="s">
        <v>739</v>
      </c>
      <c r="I3800">
        <v>4413</v>
      </c>
      <c r="J3800" t="s">
        <v>839</v>
      </c>
      <c r="K3800">
        <v>89</v>
      </c>
      <c r="L3800" t="s">
        <v>2919</v>
      </c>
      <c r="M3800">
        <v>1648</v>
      </c>
      <c r="N3800" t="s">
        <v>654</v>
      </c>
      <c r="O3800">
        <v>3</v>
      </c>
      <c r="P3800" t="s">
        <v>655</v>
      </c>
      <c r="Q3800">
        <v>1</v>
      </c>
      <c r="R3800" t="s">
        <v>656</v>
      </c>
      <c r="S3800">
        <v>2</v>
      </c>
      <c r="T3800" t="s">
        <v>661</v>
      </c>
      <c r="U3800">
        <v>8</v>
      </c>
      <c r="V3800">
        <v>2</v>
      </c>
      <c r="W3800">
        <v>120</v>
      </c>
      <c r="X3800">
        <v>2020</v>
      </c>
    </row>
    <row r="3801" spans="1:24" x14ac:dyDescent="0.25">
      <c r="A3801">
        <v>7119</v>
      </c>
      <c r="B3801" t="s">
        <v>198</v>
      </c>
      <c r="C3801">
        <v>21</v>
      </c>
      <c r="D3801" t="s">
        <v>322</v>
      </c>
      <c r="E3801">
        <v>159</v>
      </c>
      <c r="F3801" t="s">
        <v>651</v>
      </c>
      <c r="G3801">
        <v>160</v>
      </c>
      <c r="H3801" t="s">
        <v>739</v>
      </c>
      <c r="I3801">
        <v>4413</v>
      </c>
      <c r="J3801" t="s">
        <v>839</v>
      </c>
      <c r="K3801">
        <v>89</v>
      </c>
      <c r="L3801" t="s">
        <v>2920</v>
      </c>
      <c r="M3801">
        <v>1647</v>
      </c>
      <c r="N3801" t="s">
        <v>654</v>
      </c>
      <c r="O3801">
        <v>3</v>
      </c>
      <c r="P3801" t="s">
        <v>655</v>
      </c>
      <c r="Q3801">
        <v>1</v>
      </c>
      <c r="R3801" t="s">
        <v>656</v>
      </c>
      <c r="S3801">
        <v>2</v>
      </c>
      <c r="T3801" t="s">
        <v>661</v>
      </c>
      <c r="U3801">
        <v>8</v>
      </c>
      <c r="V3801">
        <v>2</v>
      </c>
      <c r="W3801">
        <v>120</v>
      </c>
      <c r="X3801">
        <v>2020</v>
      </c>
    </row>
    <row r="3802" spans="1:24" x14ac:dyDescent="0.25">
      <c r="A3802">
        <v>7118</v>
      </c>
      <c r="B3802" t="s">
        <v>198</v>
      </c>
      <c r="C3802">
        <v>21</v>
      </c>
      <c r="D3802" t="s">
        <v>322</v>
      </c>
      <c r="E3802">
        <v>159</v>
      </c>
      <c r="F3802" t="s">
        <v>651</v>
      </c>
      <c r="G3802">
        <v>160</v>
      </c>
      <c r="H3802" t="s">
        <v>739</v>
      </c>
      <c r="I3802">
        <v>4413</v>
      </c>
      <c r="J3802" t="s">
        <v>839</v>
      </c>
      <c r="K3802">
        <v>89</v>
      </c>
      <c r="L3802" t="s">
        <v>2921</v>
      </c>
      <c r="M3802">
        <v>1646</v>
      </c>
      <c r="N3802" t="s">
        <v>654</v>
      </c>
      <c r="O3802">
        <v>3</v>
      </c>
      <c r="P3802" t="s">
        <v>655</v>
      </c>
      <c r="Q3802">
        <v>1</v>
      </c>
      <c r="R3802" t="s">
        <v>656</v>
      </c>
      <c r="S3802">
        <v>2</v>
      </c>
      <c r="T3802" t="s">
        <v>661</v>
      </c>
      <c r="U3802">
        <v>8</v>
      </c>
      <c r="V3802">
        <v>1</v>
      </c>
      <c r="W3802">
        <v>60</v>
      </c>
      <c r="X3802">
        <v>2020</v>
      </c>
    </row>
    <row r="3803" spans="1:24" x14ac:dyDescent="0.25">
      <c r="A3803">
        <v>7117</v>
      </c>
      <c r="B3803" t="s">
        <v>198</v>
      </c>
      <c r="C3803">
        <v>21</v>
      </c>
      <c r="D3803" t="s">
        <v>322</v>
      </c>
      <c r="E3803">
        <v>159</v>
      </c>
      <c r="F3803" t="s">
        <v>651</v>
      </c>
      <c r="G3803">
        <v>160</v>
      </c>
      <c r="H3803" t="s">
        <v>739</v>
      </c>
      <c r="I3803">
        <v>4413</v>
      </c>
      <c r="J3803" t="s">
        <v>839</v>
      </c>
      <c r="K3803">
        <v>89</v>
      </c>
      <c r="L3803" t="s">
        <v>2922</v>
      </c>
      <c r="M3803">
        <v>1645</v>
      </c>
      <c r="N3803" t="s">
        <v>654</v>
      </c>
      <c r="O3803">
        <v>3</v>
      </c>
      <c r="P3803" t="s">
        <v>655</v>
      </c>
      <c r="Q3803">
        <v>1</v>
      </c>
      <c r="R3803" t="s">
        <v>656</v>
      </c>
      <c r="S3803">
        <v>2</v>
      </c>
      <c r="T3803" t="s">
        <v>661</v>
      </c>
      <c r="U3803">
        <v>8</v>
      </c>
      <c r="V3803">
        <v>2</v>
      </c>
      <c r="W3803">
        <v>120</v>
      </c>
      <c r="X3803">
        <v>2020</v>
      </c>
    </row>
    <row r="3804" spans="1:24" x14ac:dyDescent="0.25">
      <c r="A3804">
        <v>7116</v>
      </c>
      <c r="B3804" t="s">
        <v>198</v>
      </c>
      <c r="C3804">
        <v>21</v>
      </c>
      <c r="D3804" t="s">
        <v>322</v>
      </c>
      <c r="E3804">
        <v>159</v>
      </c>
      <c r="F3804" t="s">
        <v>651</v>
      </c>
      <c r="G3804">
        <v>160</v>
      </c>
      <c r="H3804" t="s">
        <v>739</v>
      </c>
      <c r="I3804">
        <v>4413</v>
      </c>
      <c r="J3804" t="s">
        <v>839</v>
      </c>
      <c r="K3804">
        <v>89</v>
      </c>
      <c r="L3804" t="s">
        <v>2923</v>
      </c>
      <c r="M3804">
        <v>1644</v>
      </c>
      <c r="N3804" t="s">
        <v>654</v>
      </c>
      <c r="O3804">
        <v>3</v>
      </c>
      <c r="P3804" t="s">
        <v>655</v>
      </c>
      <c r="Q3804">
        <v>1</v>
      </c>
      <c r="R3804" t="s">
        <v>656</v>
      </c>
      <c r="S3804">
        <v>2</v>
      </c>
      <c r="T3804" t="s">
        <v>661</v>
      </c>
      <c r="U3804">
        <v>8</v>
      </c>
      <c r="V3804">
        <v>2</v>
      </c>
      <c r="W3804">
        <v>120</v>
      </c>
      <c r="X3804">
        <v>2020</v>
      </c>
    </row>
    <row r="3805" spans="1:24" x14ac:dyDescent="0.25">
      <c r="A3805">
        <v>7115</v>
      </c>
      <c r="B3805" t="s">
        <v>198</v>
      </c>
      <c r="C3805">
        <v>21</v>
      </c>
      <c r="D3805" t="s">
        <v>322</v>
      </c>
      <c r="E3805">
        <v>159</v>
      </c>
      <c r="F3805" t="s">
        <v>651</v>
      </c>
      <c r="G3805">
        <v>160</v>
      </c>
      <c r="H3805" t="s">
        <v>739</v>
      </c>
      <c r="I3805">
        <v>4413</v>
      </c>
      <c r="J3805" t="s">
        <v>839</v>
      </c>
      <c r="K3805">
        <v>89</v>
      </c>
      <c r="L3805" t="s">
        <v>2924</v>
      </c>
      <c r="M3805">
        <v>1643</v>
      </c>
      <c r="N3805" t="s">
        <v>654</v>
      </c>
      <c r="O3805">
        <v>3</v>
      </c>
      <c r="P3805" t="s">
        <v>655</v>
      </c>
      <c r="Q3805">
        <v>1</v>
      </c>
      <c r="R3805" t="s">
        <v>656</v>
      </c>
      <c r="S3805">
        <v>2</v>
      </c>
      <c r="T3805" t="s">
        <v>661</v>
      </c>
      <c r="U3805">
        <v>8</v>
      </c>
      <c r="V3805">
        <v>1.5</v>
      </c>
      <c r="W3805">
        <v>90</v>
      </c>
      <c r="X3805">
        <v>2020</v>
      </c>
    </row>
    <row r="3806" spans="1:24" x14ac:dyDescent="0.25">
      <c r="A3806">
        <v>7114</v>
      </c>
      <c r="B3806" t="s">
        <v>198</v>
      </c>
      <c r="C3806">
        <v>21</v>
      </c>
      <c r="D3806" t="s">
        <v>322</v>
      </c>
      <c r="E3806">
        <v>159</v>
      </c>
      <c r="F3806" t="s">
        <v>651</v>
      </c>
      <c r="G3806">
        <v>160</v>
      </c>
      <c r="H3806" t="s">
        <v>739</v>
      </c>
      <c r="I3806">
        <v>4413</v>
      </c>
      <c r="J3806" t="s">
        <v>839</v>
      </c>
      <c r="K3806">
        <v>89</v>
      </c>
      <c r="L3806" t="s">
        <v>2925</v>
      </c>
      <c r="M3806">
        <v>1642</v>
      </c>
      <c r="N3806" t="s">
        <v>654</v>
      </c>
      <c r="O3806">
        <v>3</v>
      </c>
      <c r="P3806" t="s">
        <v>655</v>
      </c>
      <c r="Q3806">
        <v>1</v>
      </c>
      <c r="R3806" t="s">
        <v>656</v>
      </c>
      <c r="S3806">
        <v>2</v>
      </c>
      <c r="T3806" t="s">
        <v>661</v>
      </c>
      <c r="U3806">
        <v>8</v>
      </c>
      <c r="V3806">
        <v>1</v>
      </c>
      <c r="W3806">
        <v>60</v>
      </c>
      <c r="X3806">
        <v>2020</v>
      </c>
    </row>
    <row r="3807" spans="1:24" x14ac:dyDescent="0.25">
      <c r="A3807">
        <v>7113</v>
      </c>
      <c r="B3807" t="s">
        <v>198</v>
      </c>
      <c r="C3807">
        <v>21</v>
      </c>
      <c r="D3807" t="s">
        <v>322</v>
      </c>
      <c r="E3807">
        <v>159</v>
      </c>
      <c r="F3807" t="s">
        <v>651</v>
      </c>
      <c r="G3807">
        <v>160</v>
      </c>
      <c r="H3807" t="s">
        <v>739</v>
      </c>
      <c r="I3807">
        <v>4413</v>
      </c>
      <c r="J3807" t="s">
        <v>839</v>
      </c>
      <c r="K3807">
        <v>89</v>
      </c>
      <c r="L3807" t="s">
        <v>2926</v>
      </c>
      <c r="M3807">
        <v>1641</v>
      </c>
      <c r="N3807" t="s">
        <v>654</v>
      </c>
      <c r="O3807">
        <v>3</v>
      </c>
      <c r="P3807" t="s">
        <v>655</v>
      </c>
      <c r="Q3807">
        <v>1</v>
      </c>
      <c r="R3807" t="s">
        <v>656</v>
      </c>
      <c r="S3807">
        <v>2</v>
      </c>
      <c r="T3807" t="s">
        <v>661</v>
      </c>
      <c r="U3807">
        <v>8</v>
      </c>
      <c r="V3807">
        <v>1</v>
      </c>
      <c r="W3807">
        <v>60</v>
      </c>
      <c r="X3807">
        <v>2020</v>
      </c>
    </row>
    <row r="3808" spans="1:24" x14ac:dyDescent="0.25">
      <c r="A3808">
        <v>7112</v>
      </c>
      <c r="B3808" t="s">
        <v>198</v>
      </c>
      <c r="C3808">
        <v>21</v>
      </c>
      <c r="D3808" t="s">
        <v>322</v>
      </c>
      <c r="E3808">
        <v>159</v>
      </c>
      <c r="F3808" t="s">
        <v>651</v>
      </c>
      <c r="G3808">
        <v>160</v>
      </c>
      <c r="H3808" t="s">
        <v>739</v>
      </c>
      <c r="I3808">
        <v>4413</v>
      </c>
      <c r="J3808" t="s">
        <v>839</v>
      </c>
      <c r="K3808">
        <v>89</v>
      </c>
      <c r="L3808" t="s">
        <v>2927</v>
      </c>
      <c r="M3808">
        <v>1640</v>
      </c>
      <c r="N3808" t="s">
        <v>654</v>
      </c>
      <c r="O3808">
        <v>3</v>
      </c>
      <c r="P3808" t="s">
        <v>655</v>
      </c>
      <c r="Q3808">
        <v>1</v>
      </c>
      <c r="R3808" t="s">
        <v>656</v>
      </c>
      <c r="S3808">
        <v>2</v>
      </c>
      <c r="T3808" t="s">
        <v>661</v>
      </c>
      <c r="U3808">
        <v>8</v>
      </c>
      <c r="V3808">
        <v>1</v>
      </c>
      <c r="W3808">
        <v>60</v>
      </c>
      <c r="X3808">
        <v>2020</v>
      </c>
    </row>
    <row r="3809" spans="1:24" x14ac:dyDescent="0.25">
      <c r="A3809">
        <v>7111</v>
      </c>
      <c r="B3809" t="s">
        <v>198</v>
      </c>
      <c r="C3809">
        <v>21</v>
      </c>
      <c r="D3809" t="s">
        <v>322</v>
      </c>
      <c r="E3809">
        <v>159</v>
      </c>
      <c r="F3809" t="s">
        <v>651</v>
      </c>
      <c r="G3809">
        <v>160</v>
      </c>
      <c r="H3809" t="s">
        <v>739</v>
      </c>
      <c r="I3809">
        <v>4413</v>
      </c>
      <c r="J3809" t="s">
        <v>839</v>
      </c>
      <c r="K3809">
        <v>89</v>
      </c>
      <c r="L3809" t="s">
        <v>2928</v>
      </c>
      <c r="M3809">
        <v>1639</v>
      </c>
      <c r="N3809" t="s">
        <v>654</v>
      </c>
      <c r="O3809">
        <v>3</v>
      </c>
      <c r="P3809" t="s">
        <v>655</v>
      </c>
      <c r="Q3809">
        <v>1</v>
      </c>
      <c r="R3809" t="s">
        <v>656</v>
      </c>
      <c r="S3809">
        <v>2</v>
      </c>
      <c r="T3809" t="s">
        <v>661</v>
      </c>
      <c r="U3809">
        <v>8</v>
      </c>
      <c r="V3809">
        <v>1</v>
      </c>
      <c r="W3809">
        <v>60</v>
      </c>
      <c r="X3809">
        <v>2020</v>
      </c>
    </row>
    <row r="3810" spans="1:24" x14ac:dyDescent="0.25">
      <c r="A3810">
        <v>7110</v>
      </c>
      <c r="B3810" t="s">
        <v>198</v>
      </c>
      <c r="C3810">
        <v>21</v>
      </c>
      <c r="D3810" t="s">
        <v>322</v>
      </c>
      <c r="E3810">
        <v>159</v>
      </c>
      <c r="F3810" t="s">
        <v>651</v>
      </c>
      <c r="G3810">
        <v>160</v>
      </c>
      <c r="H3810" t="s">
        <v>739</v>
      </c>
      <c r="I3810">
        <v>4413</v>
      </c>
      <c r="J3810" t="s">
        <v>839</v>
      </c>
      <c r="K3810">
        <v>89</v>
      </c>
      <c r="L3810" t="s">
        <v>2929</v>
      </c>
      <c r="M3810">
        <v>1638</v>
      </c>
      <c r="N3810" t="s">
        <v>654</v>
      </c>
      <c r="O3810">
        <v>3</v>
      </c>
      <c r="P3810" t="s">
        <v>655</v>
      </c>
      <c r="Q3810">
        <v>1</v>
      </c>
      <c r="R3810" t="s">
        <v>656</v>
      </c>
      <c r="S3810">
        <v>2</v>
      </c>
      <c r="T3810" t="s">
        <v>661</v>
      </c>
      <c r="U3810">
        <v>8</v>
      </c>
      <c r="V3810">
        <v>2</v>
      </c>
      <c r="W3810">
        <v>120</v>
      </c>
      <c r="X3810">
        <v>2020</v>
      </c>
    </row>
    <row r="3811" spans="1:24" x14ac:dyDescent="0.25">
      <c r="A3811">
        <v>7109</v>
      </c>
      <c r="B3811" t="s">
        <v>198</v>
      </c>
      <c r="C3811">
        <v>21</v>
      </c>
      <c r="D3811" t="s">
        <v>322</v>
      </c>
      <c r="E3811">
        <v>159</v>
      </c>
      <c r="F3811" t="s">
        <v>651</v>
      </c>
      <c r="G3811">
        <v>160</v>
      </c>
      <c r="H3811" t="s">
        <v>739</v>
      </c>
      <c r="I3811">
        <v>4413</v>
      </c>
      <c r="J3811" t="s">
        <v>839</v>
      </c>
      <c r="K3811">
        <v>89</v>
      </c>
      <c r="L3811" t="s">
        <v>2930</v>
      </c>
      <c r="M3811">
        <v>1637</v>
      </c>
      <c r="N3811" t="s">
        <v>654</v>
      </c>
      <c r="O3811">
        <v>3</v>
      </c>
      <c r="P3811" t="s">
        <v>655</v>
      </c>
      <c r="Q3811">
        <v>1</v>
      </c>
      <c r="R3811" t="s">
        <v>656</v>
      </c>
      <c r="S3811">
        <v>2</v>
      </c>
      <c r="T3811" t="s">
        <v>661</v>
      </c>
      <c r="U3811">
        <v>8</v>
      </c>
      <c r="V3811">
        <v>2</v>
      </c>
      <c r="W3811">
        <v>120</v>
      </c>
      <c r="X3811">
        <v>2020</v>
      </c>
    </row>
    <row r="3812" spans="1:24" x14ac:dyDescent="0.25">
      <c r="A3812">
        <v>7108</v>
      </c>
      <c r="B3812" t="s">
        <v>14</v>
      </c>
      <c r="C3812">
        <v>20</v>
      </c>
      <c r="D3812" t="s">
        <v>557</v>
      </c>
      <c r="E3812">
        <v>143</v>
      </c>
      <c r="F3812" t="s">
        <v>651</v>
      </c>
      <c r="G3812">
        <v>160</v>
      </c>
      <c r="H3812" t="s">
        <v>739</v>
      </c>
      <c r="I3812">
        <v>4413</v>
      </c>
      <c r="J3812" t="s">
        <v>848</v>
      </c>
      <c r="K3812">
        <v>62</v>
      </c>
      <c r="L3812" t="s">
        <v>2931</v>
      </c>
      <c r="M3812">
        <v>1636</v>
      </c>
      <c r="N3812" t="s">
        <v>654</v>
      </c>
      <c r="O3812">
        <v>3</v>
      </c>
      <c r="P3812" t="s">
        <v>655</v>
      </c>
      <c r="Q3812">
        <v>1</v>
      </c>
      <c r="R3812" t="s">
        <v>656</v>
      </c>
      <c r="S3812">
        <v>2</v>
      </c>
      <c r="T3812" t="s">
        <v>661</v>
      </c>
      <c r="U3812">
        <v>8</v>
      </c>
      <c r="V3812">
        <v>2</v>
      </c>
      <c r="W3812">
        <v>120</v>
      </c>
      <c r="X3812">
        <v>2020</v>
      </c>
    </row>
    <row r="3813" spans="1:24" x14ac:dyDescent="0.25">
      <c r="A3813">
        <v>7107</v>
      </c>
      <c r="B3813" t="s">
        <v>14</v>
      </c>
      <c r="C3813">
        <v>20</v>
      </c>
      <c r="D3813" t="s">
        <v>557</v>
      </c>
      <c r="E3813">
        <v>143</v>
      </c>
      <c r="F3813" t="s">
        <v>651</v>
      </c>
      <c r="G3813">
        <v>160</v>
      </c>
      <c r="H3813" t="s">
        <v>739</v>
      </c>
      <c r="I3813">
        <v>4413</v>
      </c>
      <c r="J3813" t="s">
        <v>848</v>
      </c>
      <c r="K3813">
        <v>62</v>
      </c>
      <c r="L3813" t="s">
        <v>2932</v>
      </c>
      <c r="M3813">
        <v>1635</v>
      </c>
      <c r="N3813" t="s">
        <v>654</v>
      </c>
      <c r="O3813">
        <v>3</v>
      </c>
      <c r="P3813" t="s">
        <v>655</v>
      </c>
      <c r="Q3813">
        <v>1</v>
      </c>
      <c r="R3813" t="s">
        <v>656</v>
      </c>
      <c r="S3813">
        <v>2</v>
      </c>
      <c r="T3813" t="s">
        <v>718</v>
      </c>
      <c r="U3813">
        <v>2</v>
      </c>
      <c r="V3813">
        <v>2</v>
      </c>
      <c r="W3813">
        <v>120</v>
      </c>
      <c r="X3813">
        <v>2020</v>
      </c>
    </row>
    <row r="3814" spans="1:24" x14ac:dyDescent="0.25">
      <c r="A3814">
        <v>7106</v>
      </c>
      <c r="B3814" t="s">
        <v>14</v>
      </c>
      <c r="C3814">
        <v>20</v>
      </c>
      <c r="D3814" t="s">
        <v>548</v>
      </c>
      <c r="E3814">
        <v>158</v>
      </c>
      <c r="F3814" t="s">
        <v>651</v>
      </c>
      <c r="G3814">
        <v>160</v>
      </c>
      <c r="H3814" t="s">
        <v>739</v>
      </c>
      <c r="I3814">
        <v>4413</v>
      </c>
      <c r="J3814" t="s">
        <v>679</v>
      </c>
      <c r="K3814">
        <v>32</v>
      </c>
      <c r="L3814" t="s">
        <v>2933</v>
      </c>
      <c r="M3814">
        <v>1634</v>
      </c>
      <c r="N3814" t="s">
        <v>654</v>
      </c>
      <c r="O3814">
        <v>3</v>
      </c>
      <c r="P3814" t="s">
        <v>655</v>
      </c>
      <c r="Q3814">
        <v>1</v>
      </c>
      <c r="R3814" t="s">
        <v>656</v>
      </c>
      <c r="S3814">
        <v>2</v>
      </c>
      <c r="T3814" t="s">
        <v>657</v>
      </c>
      <c r="U3814">
        <v>7</v>
      </c>
      <c r="V3814">
        <v>2</v>
      </c>
      <c r="W3814">
        <v>120</v>
      </c>
      <c r="X3814">
        <v>2020</v>
      </c>
    </row>
    <row r="3815" spans="1:24" x14ac:dyDescent="0.25">
      <c r="A3815">
        <v>7103</v>
      </c>
      <c r="B3815" t="s">
        <v>14</v>
      </c>
      <c r="C3815">
        <v>20</v>
      </c>
      <c r="D3815" t="s">
        <v>508</v>
      </c>
      <c r="E3815">
        <v>157</v>
      </c>
      <c r="F3815" t="s">
        <v>651</v>
      </c>
      <c r="G3815">
        <v>160</v>
      </c>
      <c r="H3815" t="s">
        <v>854</v>
      </c>
      <c r="I3815">
        <v>1</v>
      </c>
      <c r="J3815" t="s">
        <v>864</v>
      </c>
      <c r="K3815">
        <v>14</v>
      </c>
      <c r="L3815" t="s">
        <v>2934</v>
      </c>
      <c r="M3815">
        <v>1631</v>
      </c>
      <c r="N3815" t="s">
        <v>654</v>
      </c>
      <c r="O3815">
        <v>3</v>
      </c>
      <c r="P3815" t="s">
        <v>655</v>
      </c>
      <c r="Q3815">
        <v>1</v>
      </c>
      <c r="R3815" t="s">
        <v>656</v>
      </c>
      <c r="S3815">
        <v>2</v>
      </c>
      <c r="T3815" t="s">
        <v>657</v>
      </c>
      <c r="U3815">
        <v>7</v>
      </c>
      <c r="V3815">
        <v>2</v>
      </c>
      <c r="W3815">
        <v>120</v>
      </c>
      <c r="X3815">
        <v>2020</v>
      </c>
    </row>
    <row r="3816" spans="1:24" x14ac:dyDescent="0.25">
      <c r="A3816">
        <v>7101</v>
      </c>
      <c r="B3816" t="s">
        <v>14</v>
      </c>
      <c r="C3816">
        <v>20</v>
      </c>
      <c r="D3816" t="s">
        <v>509</v>
      </c>
      <c r="E3816">
        <v>154</v>
      </c>
      <c r="F3816" t="s">
        <v>651</v>
      </c>
      <c r="G3816">
        <v>160</v>
      </c>
      <c r="H3816" t="s">
        <v>739</v>
      </c>
      <c r="I3816">
        <v>4413</v>
      </c>
      <c r="J3816" t="s">
        <v>864</v>
      </c>
      <c r="K3816">
        <v>14</v>
      </c>
      <c r="L3816" t="s">
        <v>2935</v>
      </c>
      <c r="M3816">
        <v>1629</v>
      </c>
      <c r="N3816" t="s">
        <v>654</v>
      </c>
      <c r="O3816">
        <v>3</v>
      </c>
      <c r="P3816" t="s">
        <v>655</v>
      </c>
      <c r="Q3816">
        <v>1</v>
      </c>
      <c r="R3816" t="s">
        <v>656</v>
      </c>
      <c r="S3816">
        <v>2</v>
      </c>
      <c r="T3816" t="s">
        <v>661</v>
      </c>
      <c r="U3816">
        <v>8</v>
      </c>
      <c r="V3816">
        <v>2</v>
      </c>
      <c r="W3816">
        <v>120</v>
      </c>
      <c r="X3816">
        <v>2020</v>
      </c>
    </row>
    <row r="3817" spans="1:24" x14ac:dyDescent="0.25">
      <c r="A3817">
        <v>7100</v>
      </c>
      <c r="B3817" t="s">
        <v>14</v>
      </c>
      <c r="C3817">
        <v>20</v>
      </c>
      <c r="D3817" t="s">
        <v>508</v>
      </c>
      <c r="E3817">
        <v>157</v>
      </c>
      <c r="F3817" t="s">
        <v>651</v>
      </c>
      <c r="G3817">
        <v>160</v>
      </c>
      <c r="H3817" t="s">
        <v>739</v>
      </c>
      <c r="I3817">
        <v>4413</v>
      </c>
      <c r="J3817" t="s">
        <v>864</v>
      </c>
      <c r="K3817">
        <v>14</v>
      </c>
      <c r="L3817" t="s">
        <v>2936</v>
      </c>
      <c r="M3817">
        <v>1188</v>
      </c>
      <c r="N3817" t="s">
        <v>654</v>
      </c>
      <c r="O3817">
        <v>3</v>
      </c>
      <c r="P3817" t="s">
        <v>655</v>
      </c>
      <c r="Q3817">
        <v>1</v>
      </c>
      <c r="R3817" t="s">
        <v>656</v>
      </c>
      <c r="S3817">
        <v>2</v>
      </c>
      <c r="T3817" t="s">
        <v>657</v>
      </c>
      <c r="U3817">
        <v>7</v>
      </c>
      <c r="V3817">
        <v>2</v>
      </c>
      <c r="W3817">
        <v>120</v>
      </c>
      <c r="X3817">
        <v>2020</v>
      </c>
    </row>
    <row r="3818" spans="1:24" x14ac:dyDescent="0.25">
      <c r="A3818">
        <v>7099</v>
      </c>
      <c r="B3818" t="s">
        <v>14</v>
      </c>
      <c r="C3818">
        <v>20</v>
      </c>
      <c r="D3818" t="s">
        <v>549</v>
      </c>
      <c r="E3818">
        <v>156</v>
      </c>
      <c r="F3818" t="s">
        <v>651</v>
      </c>
      <c r="G3818">
        <v>160</v>
      </c>
      <c r="H3818" t="s">
        <v>739</v>
      </c>
      <c r="I3818">
        <v>4413</v>
      </c>
      <c r="J3818" t="s">
        <v>864</v>
      </c>
      <c r="K3818">
        <v>14</v>
      </c>
      <c r="L3818" t="s">
        <v>2937</v>
      </c>
      <c r="M3818">
        <v>1628</v>
      </c>
      <c r="N3818" t="s">
        <v>654</v>
      </c>
      <c r="O3818">
        <v>3</v>
      </c>
      <c r="P3818" t="s">
        <v>655</v>
      </c>
      <c r="Q3818">
        <v>1</v>
      </c>
      <c r="R3818" t="s">
        <v>656</v>
      </c>
      <c r="S3818">
        <v>2</v>
      </c>
      <c r="T3818" t="s">
        <v>657</v>
      </c>
      <c r="U3818">
        <v>7</v>
      </c>
      <c r="V3818">
        <v>2</v>
      </c>
      <c r="W3818">
        <v>120</v>
      </c>
      <c r="X3818">
        <v>2020</v>
      </c>
    </row>
    <row r="3819" spans="1:24" x14ac:dyDescent="0.25">
      <c r="A3819">
        <v>7098</v>
      </c>
      <c r="B3819" t="s">
        <v>14</v>
      </c>
      <c r="C3819">
        <v>20</v>
      </c>
      <c r="D3819" t="s">
        <v>549</v>
      </c>
      <c r="E3819">
        <v>156</v>
      </c>
      <c r="F3819" t="s">
        <v>651</v>
      </c>
      <c r="G3819">
        <v>160</v>
      </c>
      <c r="H3819" t="s">
        <v>739</v>
      </c>
      <c r="I3819">
        <v>4413</v>
      </c>
      <c r="J3819" t="s">
        <v>864</v>
      </c>
      <c r="K3819">
        <v>14</v>
      </c>
      <c r="L3819" t="s">
        <v>2938</v>
      </c>
      <c r="M3819">
        <v>1627</v>
      </c>
      <c r="N3819" t="s">
        <v>654</v>
      </c>
      <c r="O3819">
        <v>3</v>
      </c>
      <c r="P3819" t="s">
        <v>655</v>
      </c>
      <c r="Q3819">
        <v>1</v>
      </c>
      <c r="R3819" t="s">
        <v>656</v>
      </c>
      <c r="S3819">
        <v>2</v>
      </c>
      <c r="T3819" t="s">
        <v>657</v>
      </c>
      <c r="U3819">
        <v>7</v>
      </c>
      <c r="V3819">
        <v>2</v>
      </c>
      <c r="W3819">
        <v>120</v>
      </c>
      <c r="X3819">
        <v>2020</v>
      </c>
    </row>
    <row r="3820" spans="1:24" x14ac:dyDescent="0.25">
      <c r="A3820">
        <v>7097</v>
      </c>
      <c r="B3820" t="s">
        <v>14</v>
      </c>
      <c r="C3820">
        <v>20</v>
      </c>
      <c r="D3820" t="s">
        <v>550</v>
      </c>
      <c r="E3820">
        <v>155</v>
      </c>
      <c r="F3820" t="s">
        <v>651</v>
      </c>
      <c r="G3820">
        <v>160</v>
      </c>
      <c r="H3820" t="s">
        <v>2939</v>
      </c>
      <c r="I3820">
        <v>17</v>
      </c>
      <c r="J3820" t="s">
        <v>864</v>
      </c>
      <c r="K3820">
        <v>14</v>
      </c>
      <c r="L3820" t="s">
        <v>2940</v>
      </c>
      <c r="M3820">
        <v>1626</v>
      </c>
      <c r="N3820" t="s">
        <v>654</v>
      </c>
      <c r="O3820">
        <v>3</v>
      </c>
      <c r="P3820" t="s">
        <v>655</v>
      </c>
      <c r="Q3820">
        <v>1</v>
      </c>
      <c r="R3820" t="s">
        <v>656</v>
      </c>
      <c r="S3820">
        <v>2</v>
      </c>
      <c r="T3820" t="s">
        <v>661</v>
      </c>
      <c r="U3820">
        <v>8</v>
      </c>
      <c r="V3820">
        <v>2</v>
      </c>
      <c r="W3820">
        <v>120</v>
      </c>
      <c r="X3820">
        <v>2020</v>
      </c>
    </row>
    <row r="3821" spans="1:24" x14ac:dyDescent="0.25">
      <c r="A3821">
        <v>7096</v>
      </c>
      <c r="B3821" t="s">
        <v>14</v>
      </c>
      <c r="C3821">
        <v>20</v>
      </c>
      <c r="D3821" t="s">
        <v>550</v>
      </c>
      <c r="E3821">
        <v>155</v>
      </c>
      <c r="F3821" t="s">
        <v>651</v>
      </c>
      <c r="G3821">
        <v>160</v>
      </c>
      <c r="H3821" t="s">
        <v>739</v>
      </c>
      <c r="I3821">
        <v>4413</v>
      </c>
      <c r="J3821" t="s">
        <v>864</v>
      </c>
      <c r="K3821">
        <v>14</v>
      </c>
      <c r="L3821" t="s">
        <v>2503</v>
      </c>
      <c r="M3821">
        <v>1625</v>
      </c>
      <c r="N3821" t="s">
        <v>654</v>
      </c>
      <c r="O3821">
        <v>3</v>
      </c>
      <c r="P3821" t="s">
        <v>655</v>
      </c>
      <c r="Q3821">
        <v>1</v>
      </c>
      <c r="R3821" t="s">
        <v>656</v>
      </c>
      <c r="S3821">
        <v>2</v>
      </c>
      <c r="T3821" t="s">
        <v>661</v>
      </c>
      <c r="U3821">
        <v>8</v>
      </c>
      <c r="V3821">
        <v>2</v>
      </c>
      <c r="W3821">
        <v>120</v>
      </c>
      <c r="X3821">
        <v>2020</v>
      </c>
    </row>
    <row r="3822" spans="1:24" x14ac:dyDescent="0.25">
      <c r="A3822">
        <v>7095</v>
      </c>
      <c r="B3822" t="s">
        <v>14</v>
      </c>
      <c r="C3822">
        <v>20</v>
      </c>
      <c r="D3822" t="s">
        <v>550</v>
      </c>
      <c r="E3822">
        <v>155</v>
      </c>
      <c r="F3822" t="s">
        <v>651</v>
      </c>
      <c r="G3822">
        <v>160</v>
      </c>
      <c r="H3822" t="s">
        <v>652</v>
      </c>
      <c r="I3822">
        <v>2094</v>
      </c>
      <c r="J3822" t="s">
        <v>864</v>
      </c>
      <c r="K3822">
        <v>14</v>
      </c>
      <c r="L3822" t="s">
        <v>2941</v>
      </c>
      <c r="M3822">
        <v>1624</v>
      </c>
      <c r="N3822" t="s">
        <v>654</v>
      </c>
      <c r="O3822">
        <v>3</v>
      </c>
      <c r="P3822" t="s">
        <v>655</v>
      </c>
      <c r="Q3822">
        <v>1</v>
      </c>
      <c r="R3822" t="s">
        <v>656</v>
      </c>
      <c r="S3822">
        <v>2</v>
      </c>
      <c r="T3822" t="s">
        <v>661</v>
      </c>
      <c r="U3822">
        <v>8</v>
      </c>
      <c r="V3822">
        <v>2</v>
      </c>
      <c r="W3822">
        <v>120</v>
      </c>
      <c r="X3822">
        <v>2020</v>
      </c>
    </row>
    <row r="3823" spans="1:24" x14ac:dyDescent="0.25">
      <c r="A3823">
        <v>7091</v>
      </c>
      <c r="B3823" t="s">
        <v>14</v>
      </c>
      <c r="C3823">
        <v>20</v>
      </c>
      <c r="D3823" t="s">
        <v>509</v>
      </c>
      <c r="E3823">
        <v>154</v>
      </c>
      <c r="F3823" t="s">
        <v>651</v>
      </c>
      <c r="G3823">
        <v>160</v>
      </c>
      <c r="H3823" t="s">
        <v>739</v>
      </c>
      <c r="I3823">
        <v>4413</v>
      </c>
      <c r="J3823" t="s">
        <v>864</v>
      </c>
      <c r="K3823">
        <v>14</v>
      </c>
      <c r="L3823" t="s">
        <v>2942</v>
      </c>
      <c r="M3823">
        <v>1620</v>
      </c>
      <c r="N3823" t="s">
        <v>654</v>
      </c>
      <c r="O3823">
        <v>3</v>
      </c>
      <c r="P3823" t="s">
        <v>655</v>
      </c>
      <c r="Q3823">
        <v>1</v>
      </c>
      <c r="R3823" t="s">
        <v>656</v>
      </c>
      <c r="S3823">
        <v>2</v>
      </c>
      <c r="T3823" t="s">
        <v>661</v>
      </c>
      <c r="U3823">
        <v>8</v>
      </c>
      <c r="V3823">
        <v>2</v>
      </c>
      <c r="W3823">
        <v>120</v>
      </c>
      <c r="X3823">
        <v>2020</v>
      </c>
    </row>
    <row r="3824" spans="1:24" x14ac:dyDescent="0.25">
      <c r="A3824">
        <v>7087</v>
      </c>
      <c r="B3824" t="s">
        <v>14</v>
      </c>
      <c r="C3824">
        <v>20</v>
      </c>
      <c r="D3824" t="s">
        <v>509</v>
      </c>
      <c r="E3824">
        <v>154</v>
      </c>
      <c r="F3824" t="s">
        <v>651</v>
      </c>
      <c r="G3824">
        <v>160</v>
      </c>
      <c r="H3824" t="s">
        <v>739</v>
      </c>
      <c r="I3824">
        <v>4413</v>
      </c>
      <c r="J3824" t="s">
        <v>864</v>
      </c>
      <c r="K3824">
        <v>14</v>
      </c>
      <c r="L3824" t="s">
        <v>2943</v>
      </c>
      <c r="M3824">
        <v>1616</v>
      </c>
      <c r="N3824" t="s">
        <v>654</v>
      </c>
      <c r="O3824">
        <v>3</v>
      </c>
      <c r="P3824" t="s">
        <v>655</v>
      </c>
      <c r="Q3824">
        <v>1</v>
      </c>
      <c r="R3824" t="s">
        <v>656</v>
      </c>
      <c r="S3824">
        <v>2</v>
      </c>
      <c r="T3824" t="s">
        <v>661</v>
      </c>
      <c r="U3824">
        <v>8</v>
      </c>
      <c r="V3824">
        <v>2</v>
      </c>
      <c r="W3824">
        <v>120</v>
      </c>
      <c r="X3824">
        <v>2020</v>
      </c>
    </row>
    <row r="3825" spans="1:24" x14ac:dyDescent="0.25">
      <c r="A3825">
        <v>7086</v>
      </c>
      <c r="B3825" t="s">
        <v>14</v>
      </c>
      <c r="C3825">
        <v>20</v>
      </c>
      <c r="D3825" t="s">
        <v>402</v>
      </c>
      <c r="E3825">
        <v>153</v>
      </c>
      <c r="F3825" t="s">
        <v>651</v>
      </c>
      <c r="G3825">
        <v>160</v>
      </c>
      <c r="H3825" t="s">
        <v>739</v>
      </c>
      <c r="I3825">
        <v>4413</v>
      </c>
      <c r="J3825" t="s">
        <v>819</v>
      </c>
      <c r="K3825">
        <v>101</v>
      </c>
      <c r="L3825" t="s">
        <v>2944</v>
      </c>
      <c r="M3825">
        <v>1615</v>
      </c>
      <c r="N3825" t="s">
        <v>654</v>
      </c>
      <c r="O3825">
        <v>3</v>
      </c>
      <c r="P3825" t="s">
        <v>655</v>
      </c>
      <c r="Q3825">
        <v>1</v>
      </c>
      <c r="R3825" t="s">
        <v>656</v>
      </c>
      <c r="S3825">
        <v>2</v>
      </c>
      <c r="T3825" t="s">
        <v>661</v>
      </c>
      <c r="U3825">
        <v>8</v>
      </c>
      <c r="V3825">
        <v>2</v>
      </c>
      <c r="W3825">
        <v>120</v>
      </c>
      <c r="X3825">
        <v>2020</v>
      </c>
    </row>
    <row r="3826" spans="1:24" x14ac:dyDescent="0.25">
      <c r="A3826">
        <v>7085</v>
      </c>
      <c r="B3826" t="s">
        <v>14</v>
      </c>
      <c r="C3826">
        <v>20</v>
      </c>
      <c r="D3826" t="s">
        <v>402</v>
      </c>
      <c r="E3826">
        <v>153</v>
      </c>
      <c r="F3826" t="s">
        <v>651</v>
      </c>
      <c r="G3826">
        <v>160</v>
      </c>
      <c r="H3826" t="s">
        <v>739</v>
      </c>
      <c r="I3826">
        <v>4413</v>
      </c>
      <c r="J3826" t="s">
        <v>819</v>
      </c>
      <c r="K3826">
        <v>101</v>
      </c>
      <c r="L3826" t="s">
        <v>2945</v>
      </c>
      <c r="M3826">
        <v>1614</v>
      </c>
      <c r="N3826" t="s">
        <v>654</v>
      </c>
      <c r="O3826">
        <v>3</v>
      </c>
      <c r="P3826" t="s">
        <v>655</v>
      </c>
      <c r="Q3826">
        <v>1</v>
      </c>
      <c r="R3826" t="s">
        <v>656</v>
      </c>
      <c r="S3826">
        <v>2</v>
      </c>
      <c r="T3826" t="s">
        <v>661</v>
      </c>
      <c r="U3826">
        <v>8</v>
      </c>
      <c r="V3826">
        <v>2</v>
      </c>
      <c r="W3826">
        <v>120</v>
      </c>
      <c r="X3826">
        <v>2020</v>
      </c>
    </row>
    <row r="3827" spans="1:24" x14ac:dyDescent="0.25">
      <c r="A3827">
        <v>7083</v>
      </c>
      <c r="B3827" t="s">
        <v>14</v>
      </c>
      <c r="C3827">
        <v>20</v>
      </c>
      <c r="D3827" t="s">
        <v>402</v>
      </c>
      <c r="E3827">
        <v>153</v>
      </c>
      <c r="F3827" t="s">
        <v>651</v>
      </c>
      <c r="G3827">
        <v>160</v>
      </c>
      <c r="H3827" t="s">
        <v>739</v>
      </c>
      <c r="I3827">
        <v>4413</v>
      </c>
      <c r="J3827" t="s">
        <v>819</v>
      </c>
      <c r="K3827">
        <v>101</v>
      </c>
      <c r="L3827" t="s">
        <v>2946</v>
      </c>
      <c r="M3827">
        <v>1612</v>
      </c>
      <c r="N3827" t="s">
        <v>654</v>
      </c>
      <c r="O3827">
        <v>3</v>
      </c>
      <c r="P3827" t="s">
        <v>655</v>
      </c>
      <c r="Q3827">
        <v>1</v>
      </c>
      <c r="R3827" t="s">
        <v>656</v>
      </c>
      <c r="S3827">
        <v>2</v>
      </c>
      <c r="T3827" t="s">
        <v>661</v>
      </c>
      <c r="U3827">
        <v>8</v>
      </c>
      <c r="V3827">
        <v>2</v>
      </c>
      <c r="W3827">
        <v>120</v>
      </c>
      <c r="X3827">
        <v>2020</v>
      </c>
    </row>
    <row r="3828" spans="1:24" x14ac:dyDescent="0.25">
      <c r="A3828">
        <v>7082</v>
      </c>
      <c r="B3828" t="s">
        <v>14</v>
      </c>
      <c r="C3828">
        <v>20</v>
      </c>
      <c r="D3828" t="s">
        <v>551</v>
      </c>
      <c r="E3828">
        <v>152</v>
      </c>
      <c r="F3828" t="s">
        <v>651</v>
      </c>
      <c r="G3828">
        <v>160</v>
      </c>
      <c r="H3828" t="s">
        <v>739</v>
      </c>
      <c r="I3828">
        <v>4413</v>
      </c>
      <c r="J3828" t="s">
        <v>682</v>
      </c>
      <c r="K3828">
        <v>20</v>
      </c>
      <c r="L3828" t="s">
        <v>2947</v>
      </c>
      <c r="M3828">
        <v>1611</v>
      </c>
      <c r="N3828" t="s">
        <v>654</v>
      </c>
      <c r="O3828">
        <v>3</v>
      </c>
      <c r="P3828" t="s">
        <v>655</v>
      </c>
      <c r="Q3828">
        <v>1</v>
      </c>
      <c r="R3828" t="s">
        <v>656</v>
      </c>
      <c r="S3828">
        <v>2</v>
      </c>
      <c r="T3828" t="s">
        <v>661</v>
      </c>
      <c r="U3828">
        <v>8</v>
      </c>
      <c r="V3828">
        <v>2</v>
      </c>
      <c r="W3828">
        <v>120</v>
      </c>
      <c r="X3828">
        <v>2020</v>
      </c>
    </row>
    <row r="3829" spans="1:24" x14ac:dyDescent="0.25">
      <c r="A3829">
        <v>7081</v>
      </c>
      <c r="B3829" t="s">
        <v>14</v>
      </c>
      <c r="C3829">
        <v>20</v>
      </c>
      <c r="D3829" t="s">
        <v>551</v>
      </c>
      <c r="E3829">
        <v>152</v>
      </c>
      <c r="F3829" t="s">
        <v>651</v>
      </c>
      <c r="G3829">
        <v>160</v>
      </c>
      <c r="H3829" t="s">
        <v>739</v>
      </c>
      <c r="I3829">
        <v>4413</v>
      </c>
      <c r="J3829" t="s">
        <v>682</v>
      </c>
      <c r="K3829">
        <v>20</v>
      </c>
      <c r="L3829" t="s">
        <v>2948</v>
      </c>
      <c r="M3829">
        <v>1610</v>
      </c>
      <c r="N3829" t="s">
        <v>654</v>
      </c>
      <c r="O3829">
        <v>3</v>
      </c>
      <c r="P3829" t="s">
        <v>655</v>
      </c>
      <c r="Q3829">
        <v>1</v>
      </c>
      <c r="R3829" t="s">
        <v>656</v>
      </c>
      <c r="S3829">
        <v>2</v>
      </c>
      <c r="T3829" t="s">
        <v>718</v>
      </c>
      <c r="U3829">
        <v>2</v>
      </c>
      <c r="V3829">
        <v>2</v>
      </c>
      <c r="W3829">
        <v>120</v>
      </c>
      <c r="X3829">
        <v>2020</v>
      </c>
    </row>
    <row r="3830" spans="1:24" x14ac:dyDescent="0.25">
      <c r="A3830">
        <v>7080</v>
      </c>
      <c r="B3830" t="s">
        <v>14</v>
      </c>
      <c r="C3830">
        <v>20</v>
      </c>
      <c r="D3830" t="s">
        <v>551</v>
      </c>
      <c r="E3830">
        <v>152</v>
      </c>
      <c r="F3830" t="s">
        <v>651</v>
      </c>
      <c r="G3830">
        <v>160</v>
      </c>
      <c r="H3830" t="s">
        <v>739</v>
      </c>
      <c r="I3830">
        <v>4413</v>
      </c>
      <c r="J3830" t="s">
        <v>682</v>
      </c>
      <c r="K3830">
        <v>20</v>
      </c>
      <c r="L3830" t="s">
        <v>2949</v>
      </c>
      <c r="M3830">
        <v>1609</v>
      </c>
      <c r="N3830" t="s">
        <v>654</v>
      </c>
      <c r="O3830">
        <v>3</v>
      </c>
      <c r="P3830" t="s">
        <v>655</v>
      </c>
      <c r="Q3830">
        <v>1</v>
      </c>
      <c r="R3830" t="s">
        <v>656</v>
      </c>
      <c r="S3830">
        <v>2</v>
      </c>
      <c r="T3830" t="s">
        <v>661</v>
      </c>
      <c r="U3830">
        <v>8</v>
      </c>
      <c r="V3830">
        <v>2</v>
      </c>
      <c r="W3830">
        <v>120</v>
      </c>
      <c r="X3830">
        <v>2020</v>
      </c>
    </row>
    <row r="3831" spans="1:24" x14ac:dyDescent="0.25">
      <c r="A3831">
        <v>7079</v>
      </c>
      <c r="B3831" t="s">
        <v>14</v>
      </c>
      <c r="C3831">
        <v>20</v>
      </c>
      <c r="D3831" t="s">
        <v>551</v>
      </c>
      <c r="E3831">
        <v>152</v>
      </c>
      <c r="F3831" t="s">
        <v>651</v>
      </c>
      <c r="G3831">
        <v>160</v>
      </c>
      <c r="H3831" t="s">
        <v>739</v>
      </c>
      <c r="I3831">
        <v>4413</v>
      </c>
      <c r="J3831" t="s">
        <v>682</v>
      </c>
      <c r="K3831">
        <v>20</v>
      </c>
      <c r="L3831" t="s">
        <v>2950</v>
      </c>
      <c r="M3831">
        <v>1608</v>
      </c>
      <c r="N3831" t="s">
        <v>654</v>
      </c>
      <c r="O3831">
        <v>3</v>
      </c>
      <c r="P3831" t="s">
        <v>655</v>
      </c>
      <c r="Q3831">
        <v>1</v>
      </c>
      <c r="R3831" t="s">
        <v>656</v>
      </c>
      <c r="S3831">
        <v>2</v>
      </c>
      <c r="T3831" t="s">
        <v>718</v>
      </c>
      <c r="U3831">
        <v>2</v>
      </c>
      <c r="V3831">
        <v>2</v>
      </c>
      <c r="W3831">
        <v>120</v>
      </c>
      <c r="X3831">
        <v>2020</v>
      </c>
    </row>
    <row r="3832" spans="1:24" x14ac:dyDescent="0.25">
      <c r="A3832">
        <v>7077</v>
      </c>
      <c r="B3832" t="s">
        <v>14</v>
      </c>
      <c r="C3832">
        <v>20</v>
      </c>
      <c r="D3832" t="s">
        <v>551</v>
      </c>
      <c r="E3832">
        <v>152</v>
      </c>
      <c r="F3832" t="s">
        <v>651</v>
      </c>
      <c r="G3832">
        <v>160</v>
      </c>
      <c r="H3832" t="s">
        <v>739</v>
      </c>
      <c r="I3832">
        <v>4413</v>
      </c>
      <c r="J3832" t="s">
        <v>682</v>
      </c>
      <c r="K3832">
        <v>20</v>
      </c>
      <c r="L3832" t="s">
        <v>904</v>
      </c>
      <c r="M3832">
        <v>1606</v>
      </c>
      <c r="N3832" t="s">
        <v>654</v>
      </c>
      <c r="O3832">
        <v>3</v>
      </c>
      <c r="P3832" t="s">
        <v>655</v>
      </c>
      <c r="Q3832">
        <v>1</v>
      </c>
      <c r="R3832" t="s">
        <v>656</v>
      </c>
      <c r="S3832">
        <v>2</v>
      </c>
      <c r="T3832" t="s">
        <v>718</v>
      </c>
      <c r="U3832">
        <v>2</v>
      </c>
      <c r="V3832">
        <v>2</v>
      </c>
      <c r="W3832">
        <v>120</v>
      </c>
      <c r="X3832">
        <v>2020</v>
      </c>
    </row>
    <row r="3833" spans="1:24" x14ac:dyDescent="0.25">
      <c r="A3833">
        <v>7076</v>
      </c>
      <c r="B3833" t="s">
        <v>14</v>
      </c>
      <c r="C3833">
        <v>20</v>
      </c>
      <c r="D3833" t="s">
        <v>551</v>
      </c>
      <c r="E3833">
        <v>152</v>
      </c>
      <c r="F3833" t="s">
        <v>651</v>
      </c>
      <c r="G3833">
        <v>160</v>
      </c>
      <c r="H3833" t="s">
        <v>739</v>
      </c>
      <c r="I3833">
        <v>4413</v>
      </c>
      <c r="J3833" t="s">
        <v>682</v>
      </c>
      <c r="K3833">
        <v>20</v>
      </c>
      <c r="L3833" t="s">
        <v>904</v>
      </c>
      <c r="M3833">
        <v>1606</v>
      </c>
      <c r="N3833" t="s">
        <v>654</v>
      </c>
      <c r="O3833">
        <v>3</v>
      </c>
      <c r="P3833" t="s">
        <v>746</v>
      </c>
      <c r="Q3833">
        <v>2</v>
      </c>
      <c r="R3833" t="s">
        <v>656</v>
      </c>
      <c r="S3833">
        <v>2</v>
      </c>
      <c r="T3833" t="s">
        <v>661</v>
      </c>
      <c r="U3833">
        <v>8</v>
      </c>
      <c r="V3833">
        <v>2</v>
      </c>
      <c r="W3833">
        <v>120</v>
      </c>
      <c r="X3833">
        <v>2020</v>
      </c>
    </row>
    <row r="3834" spans="1:24" x14ac:dyDescent="0.25">
      <c r="A3834">
        <v>7075</v>
      </c>
      <c r="B3834" t="s">
        <v>14</v>
      </c>
      <c r="C3834">
        <v>20</v>
      </c>
      <c r="D3834" t="s">
        <v>551</v>
      </c>
      <c r="E3834">
        <v>152</v>
      </c>
      <c r="F3834" t="s">
        <v>651</v>
      </c>
      <c r="G3834">
        <v>160</v>
      </c>
      <c r="H3834" t="s">
        <v>739</v>
      </c>
      <c r="I3834">
        <v>4413</v>
      </c>
      <c r="J3834" t="s">
        <v>682</v>
      </c>
      <c r="K3834">
        <v>20</v>
      </c>
      <c r="L3834" t="s">
        <v>904</v>
      </c>
      <c r="M3834">
        <v>1606</v>
      </c>
      <c r="N3834" t="s">
        <v>654</v>
      </c>
      <c r="O3834">
        <v>3</v>
      </c>
      <c r="P3834" t="s">
        <v>655</v>
      </c>
      <c r="Q3834">
        <v>1</v>
      </c>
      <c r="R3834" t="s">
        <v>656</v>
      </c>
      <c r="S3834">
        <v>2</v>
      </c>
      <c r="T3834" t="s">
        <v>661</v>
      </c>
      <c r="U3834">
        <v>8</v>
      </c>
      <c r="V3834">
        <v>2</v>
      </c>
      <c r="W3834">
        <v>120</v>
      </c>
      <c r="X3834">
        <v>2020</v>
      </c>
    </row>
    <row r="3835" spans="1:24" x14ac:dyDescent="0.25">
      <c r="A3835">
        <v>7074</v>
      </c>
      <c r="B3835" t="s">
        <v>14</v>
      </c>
      <c r="C3835">
        <v>20</v>
      </c>
      <c r="D3835" t="s">
        <v>551</v>
      </c>
      <c r="E3835">
        <v>152</v>
      </c>
      <c r="F3835" t="s">
        <v>651</v>
      </c>
      <c r="G3835">
        <v>160</v>
      </c>
      <c r="H3835" t="s">
        <v>739</v>
      </c>
      <c r="I3835">
        <v>4413</v>
      </c>
      <c r="J3835" t="s">
        <v>682</v>
      </c>
      <c r="K3835">
        <v>20</v>
      </c>
      <c r="L3835" t="s">
        <v>2951</v>
      </c>
      <c r="M3835">
        <v>1605</v>
      </c>
      <c r="N3835" t="s">
        <v>654</v>
      </c>
      <c r="O3835">
        <v>3</v>
      </c>
      <c r="P3835" t="s">
        <v>655</v>
      </c>
      <c r="Q3835">
        <v>1</v>
      </c>
      <c r="R3835" t="s">
        <v>656</v>
      </c>
      <c r="S3835">
        <v>2</v>
      </c>
      <c r="T3835" t="s">
        <v>718</v>
      </c>
      <c r="U3835">
        <v>2</v>
      </c>
      <c r="V3835">
        <v>2</v>
      </c>
      <c r="W3835">
        <v>120</v>
      </c>
      <c r="X3835">
        <v>2020</v>
      </c>
    </row>
    <row r="3836" spans="1:24" x14ac:dyDescent="0.25">
      <c r="A3836">
        <v>7073</v>
      </c>
      <c r="B3836" t="s">
        <v>14</v>
      </c>
      <c r="C3836">
        <v>20</v>
      </c>
      <c r="D3836" t="s">
        <v>554</v>
      </c>
      <c r="E3836">
        <v>149</v>
      </c>
      <c r="F3836" t="s">
        <v>651</v>
      </c>
      <c r="G3836">
        <v>160</v>
      </c>
      <c r="H3836" t="s">
        <v>739</v>
      </c>
      <c r="I3836">
        <v>4413</v>
      </c>
      <c r="J3836" t="s">
        <v>294</v>
      </c>
      <c r="K3836">
        <v>31</v>
      </c>
      <c r="L3836" t="s">
        <v>2952</v>
      </c>
      <c r="M3836">
        <v>1604</v>
      </c>
      <c r="N3836" t="s">
        <v>654</v>
      </c>
      <c r="O3836">
        <v>3</v>
      </c>
      <c r="P3836" t="s">
        <v>655</v>
      </c>
      <c r="Q3836">
        <v>1</v>
      </c>
      <c r="R3836" t="s">
        <v>656</v>
      </c>
      <c r="S3836">
        <v>2</v>
      </c>
      <c r="T3836" t="s">
        <v>657</v>
      </c>
      <c r="U3836">
        <v>7</v>
      </c>
      <c r="V3836">
        <v>2</v>
      </c>
      <c r="W3836">
        <v>120</v>
      </c>
      <c r="X3836">
        <v>2020</v>
      </c>
    </row>
    <row r="3837" spans="1:24" x14ac:dyDescent="0.25">
      <c r="A3837">
        <v>7072</v>
      </c>
      <c r="B3837" t="s">
        <v>14</v>
      </c>
      <c r="C3837">
        <v>20</v>
      </c>
      <c r="D3837" t="s">
        <v>554</v>
      </c>
      <c r="E3837">
        <v>149</v>
      </c>
      <c r="F3837" t="s">
        <v>651</v>
      </c>
      <c r="G3837">
        <v>160</v>
      </c>
      <c r="H3837" t="s">
        <v>739</v>
      </c>
      <c r="I3837">
        <v>4413</v>
      </c>
      <c r="J3837" t="s">
        <v>294</v>
      </c>
      <c r="K3837">
        <v>31</v>
      </c>
      <c r="L3837" t="s">
        <v>2952</v>
      </c>
      <c r="M3837">
        <v>1604</v>
      </c>
      <c r="N3837" t="s">
        <v>654</v>
      </c>
      <c r="O3837">
        <v>3</v>
      </c>
      <c r="P3837" t="s">
        <v>746</v>
      </c>
      <c r="Q3837">
        <v>2</v>
      </c>
      <c r="R3837" t="s">
        <v>656</v>
      </c>
      <c r="S3837">
        <v>2</v>
      </c>
      <c r="T3837" t="s">
        <v>661</v>
      </c>
      <c r="U3837">
        <v>8</v>
      </c>
      <c r="V3837">
        <v>2</v>
      </c>
      <c r="W3837">
        <v>120</v>
      </c>
      <c r="X3837">
        <v>2020</v>
      </c>
    </row>
    <row r="3838" spans="1:24" x14ac:dyDescent="0.25">
      <c r="A3838">
        <v>7071</v>
      </c>
      <c r="B3838" t="s">
        <v>14</v>
      </c>
      <c r="C3838">
        <v>20</v>
      </c>
      <c r="D3838" t="s">
        <v>554</v>
      </c>
      <c r="E3838">
        <v>149</v>
      </c>
      <c r="F3838" t="s">
        <v>651</v>
      </c>
      <c r="G3838">
        <v>160</v>
      </c>
      <c r="H3838" t="s">
        <v>739</v>
      </c>
      <c r="I3838">
        <v>4413</v>
      </c>
      <c r="J3838" t="s">
        <v>294</v>
      </c>
      <c r="K3838">
        <v>31</v>
      </c>
      <c r="L3838" t="s">
        <v>2952</v>
      </c>
      <c r="M3838">
        <v>1604</v>
      </c>
      <c r="N3838" t="s">
        <v>654</v>
      </c>
      <c r="O3838">
        <v>3</v>
      </c>
      <c r="P3838" t="s">
        <v>655</v>
      </c>
      <c r="Q3838">
        <v>1</v>
      </c>
      <c r="R3838" t="s">
        <v>656</v>
      </c>
      <c r="S3838">
        <v>2</v>
      </c>
      <c r="T3838" t="s">
        <v>661</v>
      </c>
      <c r="U3838">
        <v>8</v>
      </c>
      <c r="V3838">
        <v>2</v>
      </c>
      <c r="W3838">
        <v>120</v>
      </c>
      <c r="X3838">
        <v>2020</v>
      </c>
    </row>
    <row r="3839" spans="1:24" x14ac:dyDescent="0.25">
      <c r="A3839">
        <v>7069</v>
      </c>
      <c r="B3839" t="s">
        <v>14</v>
      </c>
      <c r="C3839">
        <v>20</v>
      </c>
      <c r="D3839" t="s">
        <v>553</v>
      </c>
      <c r="E3839">
        <v>150</v>
      </c>
      <c r="F3839" t="s">
        <v>651</v>
      </c>
      <c r="G3839">
        <v>160</v>
      </c>
      <c r="H3839" t="s">
        <v>739</v>
      </c>
      <c r="I3839">
        <v>4413</v>
      </c>
      <c r="J3839" t="s">
        <v>295</v>
      </c>
      <c r="K3839">
        <v>30</v>
      </c>
      <c r="L3839" t="s">
        <v>2953</v>
      </c>
      <c r="M3839">
        <v>1602</v>
      </c>
      <c r="N3839" t="s">
        <v>654</v>
      </c>
      <c r="O3839">
        <v>3</v>
      </c>
      <c r="P3839" t="s">
        <v>655</v>
      </c>
      <c r="Q3839">
        <v>1</v>
      </c>
      <c r="R3839" t="s">
        <v>656</v>
      </c>
      <c r="S3839">
        <v>2</v>
      </c>
      <c r="T3839" t="s">
        <v>661</v>
      </c>
      <c r="U3839">
        <v>8</v>
      </c>
      <c r="V3839">
        <v>2</v>
      </c>
      <c r="W3839">
        <v>120</v>
      </c>
      <c r="X3839">
        <v>2020</v>
      </c>
    </row>
    <row r="3840" spans="1:24" x14ac:dyDescent="0.25">
      <c r="A3840">
        <v>7068</v>
      </c>
      <c r="B3840" t="s">
        <v>14</v>
      </c>
      <c r="C3840">
        <v>20</v>
      </c>
      <c r="D3840" t="s">
        <v>554</v>
      </c>
      <c r="E3840">
        <v>149</v>
      </c>
      <c r="F3840" t="s">
        <v>651</v>
      </c>
      <c r="G3840">
        <v>160</v>
      </c>
      <c r="H3840" t="s">
        <v>739</v>
      </c>
      <c r="I3840">
        <v>4413</v>
      </c>
      <c r="J3840" t="s">
        <v>295</v>
      </c>
      <c r="K3840">
        <v>30</v>
      </c>
      <c r="L3840" t="s">
        <v>1955</v>
      </c>
      <c r="M3840">
        <v>917</v>
      </c>
      <c r="N3840" t="s">
        <v>654</v>
      </c>
      <c r="O3840">
        <v>3</v>
      </c>
      <c r="P3840" t="s">
        <v>655</v>
      </c>
      <c r="Q3840">
        <v>1</v>
      </c>
      <c r="R3840" t="s">
        <v>656</v>
      </c>
      <c r="S3840">
        <v>2</v>
      </c>
      <c r="T3840" t="s">
        <v>661</v>
      </c>
      <c r="U3840">
        <v>8</v>
      </c>
      <c r="V3840">
        <v>2</v>
      </c>
      <c r="W3840">
        <v>120</v>
      </c>
      <c r="X3840">
        <v>2020</v>
      </c>
    </row>
    <row r="3841" spans="1:24" x14ac:dyDescent="0.25">
      <c r="A3841">
        <v>7067</v>
      </c>
      <c r="B3841" t="s">
        <v>14</v>
      </c>
      <c r="C3841">
        <v>20</v>
      </c>
      <c r="D3841" t="s">
        <v>554</v>
      </c>
      <c r="E3841">
        <v>149</v>
      </c>
      <c r="F3841" t="s">
        <v>651</v>
      </c>
      <c r="G3841">
        <v>160</v>
      </c>
      <c r="H3841" t="s">
        <v>739</v>
      </c>
      <c r="I3841">
        <v>4413</v>
      </c>
      <c r="J3841" t="s">
        <v>295</v>
      </c>
      <c r="K3841">
        <v>30</v>
      </c>
      <c r="L3841" t="s">
        <v>1955</v>
      </c>
      <c r="M3841">
        <v>917</v>
      </c>
      <c r="N3841" t="s">
        <v>654</v>
      </c>
      <c r="O3841">
        <v>3</v>
      </c>
      <c r="P3841" t="s">
        <v>746</v>
      </c>
      <c r="Q3841">
        <v>2</v>
      </c>
      <c r="R3841" t="s">
        <v>656</v>
      </c>
      <c r="S3841">
        <v>2</v>
      </c>
      <c r="T3841" t="s">
        <v>661</v>
      </c>
      <c r="U3841">
        <v>8</v>
      </c>
      <c r="V3841">
        <v>2</v>
      </c>
      <c r="W3841">
        <v>120</v>
      </c>
      <c r="X3841">
        <v>2020</v>
      </c>
    </row>
    <row r="3842" spans="1:24" x14ac:dyDescent="0.25">
      <c r="A3842">
        <v>7066</v>
      </c>
      <c r="B3842" t="s">
        <v>14</v>
      </c>
      <c r="C3842">
        <v>20</v>
      </c>
      <c r="D3842" t="s">
        <v>554</v>
      </c>
      <c r="E3842">
        <v>149</v>
      </c>
      <c r="F3842" t="s">
        <v>651</v>
      </c>
      <c r="G3842">
        <v>160</v>
      </c>
      <c r="H3842" t="s">
        <v>677</v>
      </c>
      <c r="I3842">
        <v>5060</v>
      </c>
      <c r="J3842" t="s">
        <v>295</v>
      </c>
      <c r="K3842">
        <v>30</v>
      </c>
      <c r="L3842" t="s">
        <v>653</v>
      </c>
      <c r="M3842">
        <v>1601</v>
      </c>
      <c r="N3842" t="s">
        <v>654</v>
      </c>
      <c r="O3842">
        <v>3</v>
      </c>
      <c r="P3842" t="s">
        <v>655</v>
      </c>
      <c r="Q3842">
        <v>1</v>
      </c>
      <c r="R3842" t="s">
        <v>656</v>
      </c>
      <c r="S3842">
        <v>2</v>
      </c>
      <c r="T3842" t="s">
        <v>661</v>
      </c>
      <c r="U3842">
        <v>8</v>
      </c>
      <c r="V3842">
        <v>2</v>
      </c>
      <c r="W3842">
        <v>120</v>
      </c>
      <c r="X3842">
        <v>2020</v>
      </c>
    </row>
    <row r="3843" spans="1:24" x14ac:dyDescent="0.25">
      <c r="A3843">
        <v>7065</v>
      </c>
      <c r="B3843" t="s">
        <v>14</v>
      </c>
      <c r="C3843">
        <v>20</v>
      </c>
      <c r="D3843" t="s">
        <v>554</v>
      </c>
      <c r="E3843">
        <v>149</v>
      </c>
      <c r="F3843" t="s">
        <v>651</v>
      </c>
      <c r="G3843">
        <v>160</v>
      </c>
      <c r="H3843" t="s">
        <v>739</v>
      </c>
      <c r="I3843">
        <v>4413</v>
      </c>
      <c r="J3843" t="s">
        <v>295</v>
      </c>
      <c r="K3843">
        <v>30</v>
      </c>
      <c r="L3843" t="s">
        <v>653</v>
      </c>
      <c r="M3843">
        <v>1601</v>
      </c>
      <c r="N3843" t="s">
        <v>654</v>
      </c>
      <c r="O3843">
        <v>3</v>
      </c>
      <c r="P3843" t="s">
        <v>655</v>
      </c>
      <c r="Q3843">
        <v>1</v>
      </c>
      <c r="R3843" t="s">
        <v>656</v>
      </c>
      <c r="S3843">
        <v>2</v>
      </c>
      <c r="T3843" t="s">
        <v>661</v>
      </c>
      <c r="U3843">
        <v>8</v>
      </c>
      <c r="V3843">
        <v>2</v>
      </c>
      <c r="W3843">
        <v>120</v>
      </c>
      <c r="X3843">
        <v>2020</v>
      </c>
    </row>
    <row r="3844" spans="1:24" x14ac:dyDescent="0.25">
      <c r="A3844">
        <v>7064</v>
      </c>
      <c r="B3844" t="s">
        <v>14</v>
      </c>
      <c r="C3844">
        <v>20</v>
      </c>
      <c r="D3844" t="s">
        <v>554</v>
      </c>
      <c r="E3844">
        <v>149</v>
      </c>
      <c r="F3844" t="s">
        <v>651</v>
      </c>
      <c r="G3844">
        <v>160</v>
      </c>
      <c r="H3844" t="s">
        <v>739</v>
      </c>
      <c r="I3844">
        <v>4413</v>
      </c>
      <c r="J3844" t="s">
        <v>295</v>
      </c>
      <c r="K3844">
        <v>30</v>
      </c>
      <c r="L3844" t="s">
        <v>653</v>
      </c>
      <c r="M3844">
        <v>1601</v>
      </c>
      <c r="N3844" t="s">
        <v>654</v>
      </c>
      <c r="O3844">
        <v>3</v>
      </c>
      <c r="P3844" t="s">
        <v>746</v>
      </c>
      <c r="Q3844">
        <v>2</v>
      </c>
      <c r="R3844" t="s">
        <v>656</v>
      </c>
      <c r="S3844">
        <v>2</v>
      </c>
      <c r="T3844" t="s">
        <v>661</v>
      </c>
      <c r="U3844">
        <v>8</v>
      </c>
      <c r="V3844">
        <v>2</v>
      </c>
      <c r="W3844">
        <v>120</v>
      </c>
      <c r="X3844">
        <v>2020</v>
      </c>
    </row>
    <row r="3845" spans="1:24" x14ac:dyDescent="0.25">
      <c r="A3845">
        <v>7063</v>
      </c>
      <c r="B3845" t="s">
        <v>14</v>
      </c>
      <c r="C3845">
        <v>20</v>
      </c>
      <c r="D3845" t="s">
        <v>554</v>
      </c>
      <c r="E3845">
        <v>149</v>
      </c>
      <c r="F3845" t="s">
        <v>651</v>
      </c>
      <c r="G3845">
        <v>160</v>
      </c>
      <c r="H3845" t="s">
        <v>739</v>
      </c>
      <c r="I3845">
        <v>4413</v>
      </c>
      <c r="J3845" t="s">
        <v>295</v>
      </c>
      <c r="K3845">
        <v>30</v>
      </c>
      <c r="L3845" t="s">
        <v>653</v>
      </c>
      <c r="M3845">
        <v>1601</v>
      </c>
      <c r="N3845" t="s">
        <v>654</v>
      </c>
      <c r="O3845">
        <v>3</v>
      </c>
      <c r="P3845" t="s">
        <v>655</v>
      </c>
      <c r="Q3845">
        <v>1</v>
      </c>
      <c r="R3845" t="s">
        <v>656</v>
      </c>
      <c r="S3845">
        <v>2</v>
      </c>
      <c r="T3845" t="s">
        <v>718</v>
      </c>
      <c r="U3845">
        <v>2</v>
      </c>
      <c r="V3845">
        <v>2</v>
      </c>
      <c r="W3845">
        <v>120</v>
      </c>
      <c r="X3845">
        <v>2020</v>
      </c>
    </row>
    <row r="3846" spans="1:24" x14ac:dyDescent="0.25">
      <c r="A3846">
        <v>7062</v>
      </c>
      <c r="B3846" t="s">
        <v>14</v>
      </c>
      <c r="C3846">
        <v>20</v>
      </c>
      <c r="D3846" t="s">
        <v>554</v>
      </c>
      <c r="E3846">
        <v>149</v>
      </c>
      <c r="F3846" t="s">
        <v>651</v>
      </c>
      <c r="G3846">
        <v>160</v>
      </c>
      <c r="H3846" t="s">
        <v>739</v>
      </c>
      <c r="I3846">
        <v>4413</v>
      </c>
      <c r="J3846" t="s">
        <v>295</v>
      </c>
      <c r="K3846">
        <v>30</v>
      </c>
      <c r="L3846" t="s">
        <v>1966</v>
      </c>
      <c r="M3846">
        <v>1029</v>
      </c>
      <c r="N3846" t="s">
        <v>654</v>
      </c>
      <c r="O3846">
        <v>3</v>
      </c>
      <c r="P3846" t="s">
        <v>655</v>
      </c>
      <c r="Q3846">
        <v>1</v>
      </c>
      <c r="R3846" t="s">
        <v>656</v>
      </c>
      <c r="S3846">
        <v>2</v>
      </c>
      <c r="T3846" t="s">
        <v>657</v>
      </c>
      <c r="U3846">
        <v>7</v>
      </c>
      <c r="V3846">
        <v>2</v>
      </c>
      <c r="W3846">
        <v>120</v>
      </c>
      <c r="X3846">
        <v>2020</v>
      </c>
    </row>
    <row r="3847" spans="1:24" x14ac:dyDescent="0.25">
      <c r="A3847">
        <v>7061</v>
      </c>
      <c r="B3847" t="s">
        <v>14</v>
      </c>
      <c r="C3847">
        <v>20</v>
      </c>
      <c r="D3847" t="s">
        <v>554</v>
      </c>
      <c r="E3847">
        <v>149</v>
      </c>
      <c r="F3847" t="s">
        <v>651</v>
      </c>
      <c r="G3847">
        <v>160</v>
      </c>
      <c r="H3847" t="s">
        <v>739</v>
      </c>
      <c r="I3847">
        <v>4413</v>
      </c>
      <c r="J3847" t="s">
        <v>295</v>
      </c>
      <c r="K3847">
        <v>30</v>
      </c>
      <c r="L3847" t="s">
        <v>2954</v>
      </c>
      <c r="M3847">
        <v>1600</v>
      </c>
      <c r="N3847" t="s">
        <v>654</v>
      </c>
      <c r="O3847">
        <v>3</v>
      </c>
      <c r="P3847" t="s">
        <v>655</v>
      </c>
      <c r="Q3847">
        <v>1</v>
      </c>
      <c r="R3847" t="s">
        <v>656</v>
      </c>
      <c r="S3847">
        <v>2</v>
      </c>
      <c r="T3847" t="s">
        <v>718</v>
      </c>
      <c r="U3847">
        <v>2</v>
      </c>
      <c r="V3847">
        <v>2</v>
      </c>
      <c r="W3847">
        <v>120</v>
      </c>
      <c r="X3847">
        <v>2020</v>
      </c>
    </row>
    <row r="3848" spans="1:24" x14ac:dyDescent="0.25">
      <c r="A3848">
        <v>7058</v>
      </c>
      <c r="B3848" t="s">
        <v>14</v>
      </c>
      <c r="C3848">
        <v>20</v>
      </c>
      <c r="D3848" t="s">
        <v>554</v>
      </c>
      <c r="E3848">
        <v>149</v>
      </c>
      <c r="F3848" t="s">
        <v>651</v>
      </c>
      <c r="G3848">
        <v>160</v>
      </c>
      <c r="H3848" t="s">
        <v>739</v>
      </c>
      <c r="I3848">
        <v>4413</v>
      </c>
      <c r="J3848" t="s">
        <v>807</v>
      </c>
      <c r="K3848">
        <v>25</v>
      </c>
      <c r="L3848" t="s">
        <v>2955</v>
      </c>
      <c r="M3848">
        <v>1597</v>
      </c>
      <c r="N3848" t="s">
        <v>654</v>
      </c>
      <c r="O3848">
        <v>3</v>
      </c>
      <c r="P3848" t="s">
        <v>655</v>
      </c>
      <c r="Q3848">
        <v>1</v>
      </c>
      <c r="R3848" t="s">
        <v>656</v>
      </c>
      <c r="S3848">
        <v>2</v>
      </c>
      <c r="T3848" t="s">
        <v>1467</v>
      </c>
      <c r="U3848">
        <v>22</v>
      </c>
      <c r="V3848">
        <v>2</v>
      </c>
      <c r="W3848">
        <v>120</v>
      </c>
      <c r="X3848">
        <v>2020</v>
      </c>
    </row>
    <row r="3849" spans="1:24" x14ac:dyDescent="0.25">
      <c r="A3849">
        <v>7057</v>
      </c>
      <c r="B3849" t="s">
        <v>14</v>
      </c>
      <c r="C3849">
        <v>20</v>
      </c>
      <c r="D3849" t="s">
        <v>554</v>
      </c>
      <c r="E3849">
        <v>149</v>
      </c>
      <c r="F3849" t="s">
        <v>651</v>
      </c>
      <c r="G3849">
        <v>160</v>
      </c>
      <c r="H3849" t="s">
        <v>739</v>
      </c>
      <c r="I3849">
        <v>4413</v>
      </c>
      <c r="J3849" t="s">
        <v>807</v>
      </c>
      <c r="K3849">
        <v>25</v>
      </c>
      <c r="L3849" t="s">
        <v>2956</v>
      </c>
      <c r="M3849">
        <v>1024</v>
      </c>
      <c r="N3849" t="s">
        <v>654</v>
      </c>
      <c r="O3849">
        <v>3</v>
      </c>
      <c r="P3849" t="s">
        <v>655</v>
      </c>
      <c r="Q3849">
        <v>1</v>
      </c>
      <c r="R3849" t="s">
        <v>656</v>
      </c>
      <c r="S3849">
        <v>2</v>
      </c>
      <c r="T3849" t="s">
        <v>661</v>
      </c>
      <c r="U3849">
        <v>8</v>
      </c>
      <c r="V3849">
        <v>2</v>
      </c>
      <c r="W3849">
        <v>120</v>
      </c>
      <c r="X3849">
        <v>2020</v>
      </c>
    </row>
    <row r="3850" spans="1:24" x14ac:dyDescent="0.25">
      <c r="A3850">
        <v>7056</v>
      </c>
      <c r="B3850" t="s">
        <v>14</v>
      </c>
      <c r="C3850">
        <v>20</v>
      </c>
      <c r="D3850" t="s">
        <v>554</v>
      </c>
      <c r="E3850">
        <v>149</v>
      </c>
      <c r="F3850" t="s">
        <v>651</v>
      </c>
      <c r="G3850">
        <v>160</v>
      </c>
      <c r="H3850" t="s">
        <v>739</v>
      </c>
      <c r="I3850">
        <v>4413</v>
      </c>
      <c r="J3850" t="s">
        <v>807</v>
      </c>
      <c r="K3850">
        <v>25</v>
      </c>
      <c r="L3850" t="s">
        <v>2957</v>
      </c>
      <c r="M3850">
        <v>1596</v>
      </c>
      <c r="N3850" t="s">
        <v>654</v>
      </c>
      <c r="O3850">
        <v>3</v>
      </c>
      <c r="P3850" t="s">
        <v>655</v>
      </c>
      <c r="Q3850">
        <v>1</v>
      </c>
      <c r="R3850" t="s">
        <v>656</v>
      </c>
      <c r="S3850">
        <v>2</v>
      </c>
      <c r="T3850" t="s">
        <v>661</v>
      </c>
      <c r="U3850">
        <v>8</v>
      </c>
      <c r="V3850">
        <v>2</v>
      </c>
      <c r="W3850">
        <v>120</v>
      </c>
      <c r="X3850">
        <v>2020</v>
      </c>
    </row>
    <row r="3851" spans="1:24" x14ac:dyDescent="0.25">
      <c r="A3851">
        <v>7054</v>
      </c>
      <c r="B3851" t="s">
        <v>14</v>
      </c>
      <c r="C3851">
        <v>20</v>
      </c>
      <c r="D3851" t="s">
        <v>554</v>
      </c>
      <c r="E3851">
        <v>149</v>
      </c>
      <c r="F3851" t="s">
        <v>651</v>
      </c>
      <c r="G3851">
        <v>160</v>
      </c>
      <c r="H3851" t="s">
        <v>739</v>
      </c>
      <c r="I3851">
        <v>4413</v>
      </c>
      <c r="J3851" t="s">
        <v>807</v>
      </c>
      <c r="K3851">
        <v>25</v>
      </c>
      <c r="L3851" t="s">
        <v>2958</v>
      </c>
      <c r="M3851">
        <v>1595</v>
      </c>
      <c r="N3851" t="s">
        <v>654</v>
      </c>
      <c r="O3851">
        <v>3</v>
      </c>
      <c r="P3851" t="s">
        <v>655</v>
      </c>
      <c r="Q3851">
        <v>1</v>
      </c>
      <c r="R3851" t="s">
        <v>656</v>
      </c>
      <c r="S3851">
        <v>2</v>
      </c>
      <c r="T3851" t="s">
        <v>661</v>
      </c>
      <c r="U3851">
        <v>8</v>
      </c>
      <c r="V3851">
        <v>2</v>
      </c>
      <c r="W3851">
        <v>120</v>
      </c>
      <c r="X3851">
        <v>2020</v>
      </c>
    </row>
    <row r="3852" spans="1:24" x14ac:dyDescent="0.25">
      <c r="A3852">
        <v>7051</v>
      </c>
      <c r="B3852" t="s">
        <v>14</v>
      </c>
      <c r="C3852">
        <v>20</v>
      </c>
      <c r="D3852" t="s">
        <v>554</v>
      </c>
      <c r="E3852">
        <v>149</v>
      </c>
      <c r="F3852" t="s">
        <v>651</v>
      </c>
      <c r="G3852">
        <v>160</v>
      </c>
      <c r="H3852" t="s">
        <v>739</v>
      </c>
      <c r="I3852">
        <v>4413</v>
      </c>
      <c r="J3852" t="s">
        <v>955</v>
      </c>
      <c r="K3852">
        <v>29</v>
      </c>
      <c r="L3852" t="s">
        <v>2959</v>
      </c>
      <c r="M3852">
        <v>1593</v>
      </c>
      <c r="N3852" t="s">
        <v>654</v>
      </c>
      <c r="O3852">
        <v>3</v>
      </c>
      <c r="P3852" t="s">
        <v>655</v>
      </c>
      <c r="Q3852">
        <v>1</v>
      </c>
      <c r="R3852" t="s">
        <v>656</v>
      </c>
      <c r="S3852">
        <v>2</v>
      </c>
      <c r="T3852" t="s">
        <v>729</v>
      </c>
      <c r="U3852">
        <v>4</v>
      </c>
      <c r="V3852">
        <v>2</v>
      </c>
      <c r="W3852">
        <v>120</v>
      </c>
      <c r="X3852">
        <v>2020</v>
      </c>
    </row>
    <row r="3853" spans="1:24" x14ac:dyDescent="0.25">
      <c r="A3853">
        <v>7049</v>
      </c>
      <c r="B3853" t="s">
        <v>14</v>
      </c>
      <c r="C3853">
        <v>20</v>
      </c>
      <c r="D3853" t="s">
        <v>554</v>
      </c>
      <c r="E3853">
        <v>149</v>
      </c>
      <c r="F3853" t="s">
        <v>651</v>
      </c>
      <c r="G3853">
        <v>160</v>
      </c>
      <c r="H3853" t="s">
        <v>739</v>
      </c>
      <c r="I3853">
        <v>4413</v>
      </c>
      <c r="J3853" t="s">
        <v>955</v>
      </c>
      <c r="K3853">
        <v>29</v>
      </c>
      <c r="L3853" t="s">
        <v>2089</v>
      </c>
      <c r="M3853">
        <v>1050</v>
      </c>
      <c r="N3853" t="s">
        <v>654</v>
      </c>
      <c r="O3853">
        <v>3</v>
      </c>
      <c r="P3853" t="s">
        <v>655</v>
      </c>
      <c r="Q3853">
        <v>1</v>
      </c>
      <c r="R3853" t="s">
        <v>656</v>
      </c>
      <c r="S3853">
        <v>2</v>
      </c>
      <c r="T3853" t="s">
        <v>661</v>
      </c>
      <c r="U3853">
        <v>8</v>
      </c>
      <c r="V3853">
        <v>2</v>
      </c>
      <c r="W3853">
        <v>120</v>
      </c>
      <c r="X3853">
        <v>2020</v>
      </c>
    </row>
    <row r="3854" spans="1:24" x14ac:dyDescent="0.25">
      <c r="A3854">
        <v>7047</v>
      </c>
      <c r="B3854" t="s">
        <v>14</v>
      </c>
      <c r="C3854">
        <v>20</v>
      </c>
      <c r="D3854" t="s">
        <v>554</v>
      </c>
      <c r="E3854">
        <v>149</v>
      </c>
      <c r="F3854" t="s">
        <v>651</v>
      </c>
      <c r="G3854">
        <v>160</v>
      </c>
      <c r="H3854" t="s">
        <v>739</v>
      </c>
      <c r="I3854">
        <v>4413</v>
      </c>
      <c r="J3854" t="s">
        <v>813</v>
      </c>
      <c r="K3854">
        <v>24</v>
      </c>
      <c r="L3854" t="s">
        <v>2960</v>
      </c>
      <c r="M3854">
        <v>1591</v>
      </c>
      <c r="N3854" t="s">
        <v>654</v>
      </c>
      <c r="O3854">
        <v>3</v>
      </c>
      <c r="P3854" t="s">
        <v>655</v>
      </c>
      <c r="Q3854">
        <v>1</v>
      </c>
      <c r="R3854" t="s">
        <v>656</v>
      </c>
      <c r="S3854">
        <v>2</v>
      </c>
      <c r="T3854" t="s">
        <v>661</v>
      </c>
      <c r="U3854">
        <v>8</v>
      </c>
      <c r="V3854">
        <v>2</v>
      </c>
      <c r="W3854">
        <v>120</v>
      </c>
      <c r="X3854">
        <v>2020</v>
      </c>
    </row>
    <row r="3855" spans="1:24" x14ac:dyDescent="0.25">
      <c r="A3855">
        <v>7044</v>
      </c>
      <c r="B3855" t="s">
        <v>14</v>
      </c>
      <c r="C3855">
        <v>20</v>
      </c>
      <c r="D3855" t="s">
        <v>554</v>
      </c>
      <c r="E3855">
        <v>149</v>
      </c>
      <c r="F3855" t="s">
        <v>651</v>
      </c>
      <c r="G3855">
        <v>160</v>
      </c>
      <c r="H3855" t="s">
        <v>739</v>
      </c>
      <c r="I3855">
        <v>4413</v>
      </c>
      <c r="J3855" t="s">
        <v>813</v>
      </c>
      <c r="K3855">
        <v>24</v>
      </c>
      <c r="L3855" t="s">
        <v>2961</v>
      </c>
      <c r="M3855">
        <v>1588</v>
      </c>
      <c r="N3855" t="s">
        <v>654</v>
      </c>
      <c r="O3855">
        <v>3</v>
      </c>
      <c r="P3855" t="s">
        <v>655</v>
      </c>
      <c r="Q3855">
        <v>1</v>
      </c>
      <c r="R3855" t="s">
        <v>656</v>
      </c>
      <c r="S3855">
        <v>2</v>
      </c>
      <c r="T3855" t="s">
        <v>661</v>
      </c>
      <c r="U3855">
        <v>8</v>
      </c>
      <c r="V3855">
        <v>2</v>
      </c>
      <c r="W3855">
        <v>120</v>
      </c>
      <c r="X3855">
        <v>2020</v>
      </c>
    </row>
    <row r="3856" spans="1:24" x14ac:dyDescent="0.25">
      <c r="A3856">
        <v>7043</v>
      </c>
      <c r="B3856" t="s">
        <v>14</v>
      </c>
      <c r="C3856">
        <v>20</v>
      </c>
      <c r="D3856" t="s">
        <v>554</v>
      </c>
      <c r="E3856">
        <v>149</v>
      </c>
      <c r="F3856" t="s">
        <v>651</v>
      </c>
      <c r="G3856">
        <v>160</v>
      </c>
      <c r="H3856" t="s">
        <v>739</v>
      </c>
      <c r="I3856">
        <v>4413</v>
      </c>
      <c r="J3856" t="s">
        <v>813</v>
      </c>
      <c r="K3856">
        <v>24</v>
      </c>
      <c r="L3856" t="s">
        <v>2962</v>
      </c>
      <c r="M3856">
        <v>1587</v>
      </c>
      <c r="N3856" t="s">
        <v>654</v>
      </c>
      <c r="O3856">
        <v>3</v>
      </c>
      <c r="P3856" t="s">
        <v>655</v>
      </c>
      <c r="Q3856">
        <v>1</v>
      </c>
      <c r="R3856" t="s">
        <v>656</v>
      </c>
      <c r="S3856">
        <v>2</v>
      </c>
      <c r="T3856" t="s">
        <v>661</v>
      </c>
      <c r="U3856">
        <v>8</v>
      </c>
      <c r="V3856">
        <v>2</v>
      </c>
      <c r="W3856">
        <v>120</v>
      </c>
      <c r="X3856">
        <v>2020</v>
      </c>
    </row>
    <row r="3857" spans="1:24" x14ac:dyDescent="0.25">
      <c r="A3857">
        <v>7042</v>
      </c>
      <c r="B3857" t="s">
        <v>14</v>
      </c>
      <c r="C3857">
        <v>20</v>
      </c>
      <c r="D3857" t="s">
        <v>554</v>
      </c>
      <c r="E3857">
        <v>149</v>
      </c>
      <c r="F3857" t="s">
        <v>651</v>
      </c>
      <c r="G3857">
        <v>160</v>
      </c>
      <c r="H3857" t="s">
        <v>739</v>
      </c>
      <c r="I3857">
        <v>4413</v>
      </c>
      <c r="J3857" t="s">
        <v>299</v>
      </c>
      <c r="K3857">
        <v>27</v>
      </c>
      <c r="L3857" t="s">
        <v>2963</v>
      </c>
      <c r="M3857">
        <v>1586</v>
      </c>
      <c r="N3857" t="s">
        <v>654</v>
      </c>
      <c r="O3857">
        <v>3</v>
      </c>
      <c r="P3857" t="s">
        <v>746</v>
      </c>
      <c r="Q3857">
        <v>2</v>
      </c>
      <c r="R3857" t="s">
        <v>656</v>
      </c>
      <c r="S3857">
        <v>2</v>
      </c>
      <c r="T3857" t="s">
        <v>661</v>
      </c>
      <c r="U3857">
        <v>8</v>
      </c>
      <c r="V3857">
        <v>2</v>
      </c>
      <c r="W3857">
        <v>120</v>
      </c>
      <c r="X3857">
        <v>2020</v>
      </c>
    </row>
    <row r="3858" spans="1:24" x14ac:dyDescent="0.25">
      <c r="A3858">
        <v>7041</v>
      </c>
      <c r="B3858" t="s">
        <v>14</v>
      </c>
      <c r="C3858">
        <v>20</v>
      </c>
      <c r="D3858" t="s">
        <v>554</v>
      </c>
      <c r="E3858">
        <v>149</v>
      </c>
      <c r="F3858" t="s">
        <v>651</v>
      </c>
      <c r="G3858">
        <v>160</v>
      </c>
      <c r="H3858" t="s">
        <v>739</v>
      </c>
      <c r="I3858">
        <v>4413</v>
      </c>
      <c r="J3858" t="s">
        <v>299</v>
      </c>
      <c r="K3858">
        <v>27</v>
      </c>
      <c r="L3858" t="s">
        <v>2963</v>
      </c>
      <c r="M3858">
        <v>1586</v>
      </c>
      <c r="N3858" t="s">
        <v>654</v>
      </c>
      <c r="O3858">
        <v>3</v>
      </c>
      <c r="P3858" t="s">
        <v>655</v>
      </c>
      <c r="Q3858">
        <v>1</v>
      </c>
      <c r="R3858" t="s">
        <v>656</v>
      </c>
      <c r="S3858">
        <v>2</v>
      </c>
      <c r="T3858" t="s">
        <v>661</v>
      </c>
      <c r="U3858">
        <v>8</v>
      </c>
      <c r="V3858">
        <v>2</v>
      </c>
      <c r="W3858">
        <v>120</v>
      </c>
      <c r="X3858">
        <v>2020</v>
      </c>
    </row>
    <row r="3859" spans="1:24" x14ac:dyDescent="0.25">
      <c r="A3859">
        <v>7040</v>
      </c>
      <c r="B3859" t="s">
        <v>14</v>
      </c>
      <c r="C3859">
        <v>20</v>
      </c>
      <c r="D3859" t="s">
        <v>554</v>
      </c>
      <c r="E3859">
        <v>149</v>
      </c>
      <c r="F3859" t="s">
        <v>651</v>
      </c>
      <c r="G3859">
        <v>160</v>
      </c>
      <c r="H3859" t="s">
        <v>739</v>
      </c>
      <c r="I3859">
        <v>4413</v>
      </c>
      <c r="J3859" t="s">
        <v>299</v>
      </c>
      <c r="K3859">
        <v>27</v>
      </c>
      <c r="L3859" t="s">
        <v>1583</v>
      </c>
      <c r="M3859">
        <v>1585</v>
      </c>
      <c r="N3859" t="s">
        <v>654</v>
      </c>
      <c r="O3859">
        <v>3</v>
      </c>
      <c r="P3859" t="s">
        <v>746</v>
      </c>
      <c r="Q3859">
        <v>2</v>
      </c>
      <c r="R3859" t="s">
        <v>656</v>
      </c>
      <c r="S3859">
        <v>2</v>
      </c>
      <c r="T3859" t="s">
        <v>661</v>
      </c>
      <c r="U3859">
        <v>8</v>
      </c>
      <c r="V3859">
        <v>2</v>
      </c>
      <c r="W3859">
        <v>120</v>
      </c>
      <c r="X3859">
        <v>2020</v>
      </c>
    </row>
    <row r="3860" spans="1:24" x14ac:dyDescent="0.25">
      <c r="A3860">
        <v>7039</v>
      </c>
      <c r="B3860" t="s">
        <v>14</v>
      </c>
      <c r="C3860">
        <v>20</v>
      </c>
      <c r="D3860" t="s">
        <v>554</v>
      </c>
      <c r="E3860">
        <v>149</v>
      </c>
      <c r="F3860" t="s">
        <v>651</v>
      </c>
      <c r="G3860">
        <v>160</v>
      </c>
      <c r="H3860" t="s">
        <v>739</v>
      </c>
      <c r="I3860">
        <v>4413</v>
      </c>
      <c r="J3860" t="s">
        <v>299</v>
      </c>
      <c r="K3860">
        <v>27</v>
      </c>
      <c r="L3860" t="s">
        <v>1583</v>
      </c>
      <c r="M3860">
        <v>1585</v>
      </c>
      <c r="N3860" t="s">
        <v>654</v>
      </c>
      <c r="O3860">
        <v>3</v>
      </c>
      <c r="P3860" t="s">
        <v>655</v>
      </c>
      <c r="Q3860">
        <v>1</v>
      </c>
      <c r="R3860" t="s">
        <v>656</v>
      </c>
      <c r="S3860">
        <v>2</v>
      </c>
      <c r="T3860" t="s">
        <v>661</v>
      </c>
      <c r="U3860">
        <v>8</v>
      </c>
      <c r="V3860">
        <v>2</v>
      </c>
      <c r="W3860">
        <v>120</v>
      </c>
      <c r="X3860">
        <v>2020</v>
      </c>
    </row>
    <row r="3861" spans="1:24" x14ac:dyDescent="0.25">
      <c r="A3861">
        <v>7038</v>
      </c>
      <c r="B3861" t="s">
        <v>14</v>
      </c>
      <c r="C3861">
        <v>20</v>
      </c>
      <c r="D3861" t="s">
        <v>554</v>
      </c>
      <c r="E3861">
        <v>149</v>
      </c>
      <c r="F3861" t="s">
        <v>651</v>
      </c>
      <c r="G3861">
        <v>160</v>
      </c>
      <c r="H3861" t="s">
        <v>739</v>
      </c>
      <c r="I3861">
        <v>4413</v>
      </c>
      <c r="J3861" t="s">
        <v>299</v>
      </c>
      <c r="K3861">
        <v>27</v>
      </c>
      <c r="L3861" t="s">
        <v>2964</v>
      </c>
      <c r="M3861">
        <v>1584</v>
      </c>
      <c r="N3861" t="s">
        <v>654</v>
      </c>
      <c r="O3861">
        <v>3</v>
      </c>
      <c r="P3861" t="s">
        <v>655</v>
      </c>
      <c r="Q3861">
        <v>1</v>
      </c>
      <c r="R3861" t="s">
        <v>656</v>
      </c>
      <c r="S3861">
        <v>2</v>
      </c>
      <c r="T3861" t="s">
        <v>661</v>
      </c>
      <c r="U3861">
        <v>8</v>
      </c>
      <c r="V3861">
        <v>2</v>
      </c>
      <c r="W3861">
        <v>120</v>
      </c>
      <c r="X3861">
        <v>2020</v>
      </c>
    </row>
    <row r="3862" spans="1:24" x14ac:dyDescent="0.25">
      <c r="A3862">
        <v>7036</v>
      </c>
      <c r="B3862" t="s">
        <v>14</v>
      </c>
      <c r="C3862">
        <v>20</v>
      </c>
      <c r="D3862" t="s">
        <v>554</v>
      </c>
      <c r="E3862">
        <v>149</v>
      </c>
      <c r="F3862" t="s">
        <v>651</v>
      </c>
      <c r="G3862">
        <v>160</v>
      </c>
      <c r="H3862" t="s">
        <v>739</v>
      </c>
      <c r="I3862">
        <v>4413</v>
      </c>
      <c r="J3862" t="s">
        <v>299</v>
      </c>
      <c r="K3862">
        <v>27</v>
      </c>
      <c r="L3862" t="s">
        <v>2234</v>
      </c>
      <c r="M3862">
        <v>1582</v>
      </c>
      <c r="N3862" t="s">
        <v>654</v>
      </c>
      <c r="O3862">
        <v>3</v>
      </c>
      <c r="P3862" t="s">
        <v>655</v>
      </c>
      <c r="Q3862">
        <v>1</v>
      </c>
      <c r="R3862" t="s">
        <v>656</v>
      </c>
      <c r="S3862">
        <v>2</v>
      </c>
      <c r="T3862" t="s">
        <v>661</v>
      </c>
      <c r="U3862">
        <v>8</v>
      </c>
      <c r="V3862">
        <v>2</v>
      </c>
      <c r="W3862">
        <v>120</v>
      </c>
      <c r="X3862">
        <v>2020</v>
      </c>
    </row>
    <row r="3863" spans="1:24" x14ac:dyDescent="0.25">
      <c r="A3863">
        <v>7035</v>
      </c>
      <c r="B3863" t="s">
        <v>14</v>
      </c>
      <c r="C3863">
        <v>20</v>
      </c>
      <c r="D3863" t="s">
        <v>554</v>
      </c>
      <c r="E3863">
        <v>149</v>
      </c>
      <c r="F3863" t="s">
        <v>651</v>
      </c>
      <c r="G3863">
        <v>160</v>
      </c>
      <c r="H3863" t="s">
        <v>739</v>
      </c>
      <c r="I3863">
        <v>4413</v>
      </c>
      <c r="J3863" t="s">
        <v>1559</v>
      </c>
      <c r="K3863">
        <v>96</v>
      </c>
      <c r="L3863" t="s">
        <v>2965</v>
      </c>
      <c r="M3863">
        <v>1581</v>
      </c>
      <c r="N3863" t="s">
        <v>654</v>
      </c>
      <c r="O3863">
        <v>3</v>
      </c>
      <c r="P3863" t="s">
        <v>655</v>
      </c>
      <c r="Q3863">
        <v>1</v>
      </c>
      <c r="R3863" t="s">
        <v>656</v>
      </c>
      <c r="S3863">
        <v>2</v>
      </c>
      <c r="T3863" t="s">
        <v>661</v>
      </c>
      <c r="U3863">
        <v>8</v>
      </c>
      <c r="V3863">
        <v>2</v>
      </c>
      <c r="W3863">
        <v>120</v>
      </c>
      <c r="X3863">
        <v>2020</v>
      </c>
    </row>
    <row r="3864" spans="1:24" x14ac:dyDescent="0.25">
      <c r="A3864">
        <v>7034</v>
      </c>
      <c r="B3864" t="s">
        <v>14</v>
      </c>
      <c r="C3864">
        <v>20</v>
      </c>
      <c r="D3864" t="s">
        <v>554</v>
      </c>
      <c r="E3864">
        <v>149</v>
      </c>
      <c r="F3864" t="s">
        <v>651</v>
      </c>
      <c r="G3864">
        <v>160</v>
      </c>
      <c r="H3864" t="s">
        <v>739</v>
      </c>
      <c r="I3864">
        <v>4413</v>
      </c>
      <c r="J3864" t="s">
        <v>1559</v>
      </c>
      <c r="K3864">
        <v>96</v>
      </c>
      <c r="L3864" t="s">
        <v>2966</v>
      </c>
      <c r="M3864">
        <v>1580</v>
      </c>
      <c r="N3864" t="s">
        <v>654</v>
      </c>
      <c r="O3864">
        <v>3</v>
      </c>
      <c r="P3864" t="s">
        <v>655</v>
      </c>
      <c r="Q3864">
        <v>1</v>
      </c>
      <c r="R3864" t="s">
        <v>656</v>
      </c>
      <c r="S3864">
        <v>2</v>
      </c>
      <c r="T3864" t="s">
        <v>661</v>
      </c>
      <c r="U3864">
        <v>8</v>
      </c>
      <c r="V3864">
        <v>2</v>
      </c>
      <c r="W3864">
        <v>120</v>
      </c>
      <c r="X3864">
        <v>2020</v>
      </c>
    </row>
    <row r="3865" spans="1:24" x14ac:dyDescent="0.25">
      <c r="A3865">
        <v>7033</v>
      </c>
      <c r="B3865" t="s">
        <v>14</v>
      </c>
      <c r="C3865">
        <v>20</v>
      </c>
      <c r="D3865" t="s">
        <v>554</v>
      </c>
      <c r="E3865">
        <v>149</v>
      </c>
      <c r="F3865" t="s">
        <v>651</v>
      </c>
      <c r="G3865">
        <v>160</v>
      </c>
      <c r="H3865" t="s">
        <v>739</v>
      </c>
      <c r="I3865">
        <v>4413</v>
      </c>
      <c r="J3865" t="s">
        <v>296</v>
      </c>
      <c r="K3865">
        <v>97</v>
      </c>
      <c r="L3865" t="s">
        <v>2967</v>
      </c>
      <c r="M3865">
        <v>992</v>
      </c>
      <c r="N3865" t="s">
        <v>654</v>
      </c>
      <c r="O3865">
        <v>3</v>
      </c>
      <c r="P3865" t="s">
        <v>655</v>
      </c>
      <c r="Q3865">
        <v>1</v>
      </c>
      <c r="R3865" t="s">
        <v>656</v>
      </c>
      <c r="S3865">
        <v>2</v>
      </c>
      <c r="T3865" t="s">
        <v>661</v>
      </c>
      <c r="U3865">
        <v>8</v>
      </c>
      <c r="V3865">
        <v>2</v>
      </c>
      <c r="W3865">
        <v>120</v>
      </c>
      <c r="X3865">
        <v>2020</v>
      </c>
    </row>
    <row r="3866" spans="1:24" x14ac:dyDescent="0.25">
      <c r="A3866">
        <v>7032</v>
      </c>
      <c r="B3866" t="s">
        <v>14</v>
      </c>
      <c r="C3866">
        <v>20</v>
      </c>
      <c r="D3866" t="s">
        <v>554</v>
      </c>
      <c r="E3866">
        <v>149</v>
      </c>
      <c r="F3866" t="s">
        <v>651</v>
      </c>
      <c r="G3866">
        <v>160</v>
      </c>
      <c r="H3866" t="s">
        <v>739</v>
      </c>
      <c r="I3866">
        <v>4413</v>
      </c>
      <c r="J3866" t="s">
        <v>301</v>
      </c>
      <c r="K3866">
        <v>26</v>
      </c>
      <c r="L3866" t="s">
        <v>1912</v>
      </c>
      <c r="M3866">
        <v>1579</v>
      </c>
      <c r="N3866" t="s">
        <v>654</v>
      </c>
      <c r="O3866">
        <v>3</v>
      </c>
      <c r="P3866" t="s">
        <v>746</v>
      </c>
      <c r="Q3866">
        <v>2</v>
      </c>
      <c r="R3866" t="s">
        <v>656</v>
      </c>
      <c r="S3866">
        <v>2</v>
      </c>
      <c r="T3866" t="s">
        <v>661</v>
      </c>
      <c r="U3866">
        <v>8</v>
      </c>
      <c r="V3866">
        <v>2</v>
      </c>
      <c r="W3866">
        <v>120</v>
      </c>
      <c r="X3866">
        <v>2020</v>
      </c>
    </row>
    <row r="3867" spans="1:24" x14ac:dyDescent="0.25">
      <c r="A3867">
        <v>7030</v>
      </c>
      <c r="B3867" t="s">
        <v>14</v>
      </c>
      <c r="C3867">
        <v>20</v>
      </c>
      <c r="D3867" t="s">
        <v>552</v>
      </c>
      <c r="E3867">
        <v>151</v>
      </c>
      <c r="F3867" t="s">
        <v>651</v>
      </c>
      <c r="G3867">
        <v>160</v>
      </c>
      <c r="H3867" t="s">
        <v>739</v>
      </c>
      <c r="I3867">
        <v>4413</v>
      </c>
      <c r="J3867" t="s">
        <v>301</v>
      </c>
      <c r="K3867">
        <v>26</v>
      </c>
      <c r="L3867" t="s">
        <v>2417</v>
      </c>
      <c r="M3867">
        <v>1577</v>
      </c>
      <c r="N3867" t="s">
        <v>654</v>
      </c>
      <c r="O3867">
        <v>3</v>
      </c>
      <c r="P3867" t="s">
        <v>655</v>
      </c>
      <c r="Q3867">
        <v>1</v>
      </c>
      <c r="R3867" t="s">
        <v>656</v>
      </c>
      <c r="S3867">
        <v>2</v>
      </c>
      <c r="T3867" t="s">
        <v>718</v>
      </c>
      <c r="U3867">
        <v>2</v>
      </c>
      <c r="V3867">
        <v>2</v>
      </c>
      <c r="W3867">
        <v>120</v>
      </c>
      <c r="X3867">
        <v>2020</v>
      </c>
    </row>
    <row r="3868" spans="1:24" x14ac:dyDescent="0.25">
      <c r="A3868">
        <v>7029</v>
      </c>
      <c r="B3868" t="s">
        <v>14</v>
      </c>
      <c r="C3868">
        <v>20</v>
      </c>
      <c r="D3868" t="s">
        <v>552</v>
      </c>
      <c r="E3868">
        <v>151</v>
      </c>
      <c r="F3868" t="s">
        <v>651</v>
      </c>
      <c r="G3868">
        <v>160</v>
      </c>
      <c r="H3868" t="s">
        <v>739</v>
      </c>
      <c r="I3868">
        <v>4413</v>
      </c>
      <c r="J3868" t="s">
        <v>301</v>
      </c>
      <c r="K3868">
        <v>26</v>
      </c>
      <c r="L3868" t="s">
        <v>2968</v>
      </c>
      <c r="M3868">
        <v>1576</v>
      </c>
      <c r="N3868" t="s">
        <v>654</v>
      </c>
      <c r="O3868">
        <v>3</v>
      </c>
      <c r="P3868" t="s">
        <v>655</v>
      </c>
      <c r="Q3868">
        <v>1</v>
      </c>
      <c r="R3868" t="s">
        <v>656</v>
      </c>
      <c r="S3868">
        <v>2</v>
      </c>
      <c r="T3868" t="s">
        <v>661</v>
      </c>
      <c r="U3868">
        <v>8</v>
      </c>
      <c r="V3868">
        <v>2</v>
      </c>
      <c r="W3868">
        <v>120</v>
      </c>
      <c r="X3868">
        <v>2020</v>
      </c>
    </row>
    <row r="3869" spans="1:24" x14ac:dyDescent="0.25">
      <c r="A3869">
        <v>7028</v>
      </c>
      <c r="B3869" t="s">
        <v>14</v>
      </c>
      <c r="C3869">
        <v>20</v>
      </c>
      <c r="D3869" t="s">
        <v>552</v>
      </c>
      <c r="E3869">
        <v>151</v>
      </c>
      <c r="F3869" t="s">
        <v>651</v>
      </c>
      <c r="G3869">
        <v>160</v>
      </c>
      <c r="H3869" t="s">
        <v>739</v>
      </c>
      <c r="I3869">
        <v>4413</v>
      </c>
      <c r="J3869" t="s">
        <v>301</v>
      </c>
      <c r="K3869">
        <v>26</v>
      </c>
      <c r="L3869" t="s">
        <v>2968</v>
      </c>
      <c r="M3869">
        <v>1576</v>
      </c>
      <c r="N3869" t="s">
        <v>654</v>
      </c>
      <c r="O3869">
        <v>3</v>
      </c>
      <c r="P3869" t="s">
        <v>746</v>
      </c>
      <c r="Q3869">
        <v>2</v>
      </c>
      <c r="R3869" t="s">
        <v>656</v>
      </c>
      <c r="S3869">
        <v>2</v>
      </c>
      <c r="T3869" t="s">
        <v>661</v>
      </c>
      <c r="U3869">
        <v>8</v>
      </c>
      <c r="V3869">
        <v>2</v>
      </c>
      <c r="W3869">
        <v>120</v>
      </c>
      <c r="X3869">
        <v>2020</v>
      </c>
    </row>
    <row r="3870" spans="1:24" x14ac:dyDescent="0.25">
      <c r="A3870">
        <v>7027</v>
      </c>
      <c r="B3870" t="s">
        <v>14</v>
      </c>
      <c r="C3870">
        <v>20</v>
      </c>
      <c r="D3870" t="s">
        <v>552</v>
      </c>
      <c r="E3870">
        <v>151</v>
      </c>
      <c r="F3870" t="s">
        <v>651</v>
      </c>
      <c r="G3870">
        <v>160</v>
      </c>
      <c r="H3870" t="s">
        <v>739</v>
      </c>
      <c r="I3870">
        <v>4413</v>
      </c>
      <c r="J3870" t="s">
        <v>301</v>
      </c>
      <c r="K3870">
        <v>26</v>
      </c>
      <c r="L3870" t="s">
        <v>301</v>
      </c>
      <c r="M3870">
        <v>969</v>
      </c>
      <c r="N3870" t="s">
        <v>654</v>
      </c>
      <c r="O3870">
        <v>3</v>
      </c>
      <c r="P3870" t="s">
        <v>655</v>
      </c>
      <c r="Q3870">
        <v>1</v>
      </c>
      <c r="R3870" t="s">
        <v>656</v>
      </c>
      <c r="S3870">
        <v>2</v>
      </c>
      <c r="T3870" t="s">
        <v>661</v>
      </c>
      <c r="U3870">
        <v>8</v>
      </c>
      <c r="V3870">
        <v>2</v>
      </c>
      <c r="W3870">
        <v>120</v>
      </c>
      <c r="X3870">
        <v>2020</v>
      </c>
    </row>
    <row r="3871" spans="1:24" x14ac:dyDescent="0.25">
      <c r="A3871">
        <v>7026</v>
      </c>
      <c r="B3871" t="s">
        <v>14</v>
      </c>
      <c r="C3871">
        <v>20</v>
      </c>
      <c r="D3871" t="s">
        <v>552</v>
      </c>
      <c r="E3871">
        <v>151</v>
      </c>
      <c r="F3871" t="s">
        <v>651</v>
      </c>
      <c r="G3871">
        <v>160</v>
      </c>
      <c r="H3871" t="s">
        <v>739</v>
      </c>
      <c r="I3871">
        <v>4413</v>
      </c>
      <c r="J3871" t="s">
        <v>301</v>
      </c>
      <c r="K3871">
        <v>26</v>
      </c>
      <c r="L3871" t="s">
        <v>301</v>
      </c>
      <c r="M3871">
        <v>969</v>
      </c>
      <c r="N3871" t="s">
        <v>654</v>
      </c>
      <c r="O3871">
        <v>3</v>
      </c>
      <c r="P3871" t="s">
        <v>746</v>
      </c>
      <c r="Q3871">
        <v>2</v>
      </c>
      <c r="R3871" t="s">
        <v>656</v>
      </c>
      <c r="S3871">
        <v>2</v>
      </c>
      <c r="T3871" t="s">
        <v>661</v>
      </c>
      <c r="U3871">
        <v>8</v>
      </c>
      <c r="V3871">
        <v>2</v>
      </c>
      <c r="W3871">
        <v>120</v>
      </c>
      <c r="X3871">
        <v>2020</v>
      </c>
    </row>
    <row r="3872" spans="1:24" x14ac:dyDescent="0.25">
      <c r="A3872">
        <v>7025</v>
      </c>
      <c r="B3872" t="s">
        <v>14</v>
      </c>
      <c r="C3872">
        <v>20</v>
      </c>
      <c r="D3872" t="s">
        <v>387</v>
      </c>
      <c r="E3872">
        <v>148</v>
      </c>
      <c r="F3872" t="s">
        <v>651</v>
      </c>
      <c r="G3872">
        <v>160</v>
      </c>
      <c r="H3872" t="s">
        <v>739</v>
      </c>
      <c r="I3872">
        <v>4413</v>
      </c>
      <c r="J3872" t="s">
        <v>684</v>
      </c>
      <c r="K3872">
        <v>22</v>
      </c>
      <c r="L3872" t="s">
        <v>2969</v>
      </c>
      <c r="M3872">
        <v>1575</v>
      </c>
      <c r="N3872" t="s">
        <v>654</v>
      </c>
      <c r="O3872">
        <v>3</v>
      </c>
      <c r="P3872" t="s">
        <v>655</v>
      </c>
      <c r="Q3872">
        <v>1</v>
      </c>
      <c r="R3872" t="s">
        <v>656</v>
      </c>
      <c r="S3872">
        <v>2</v>
      </c>
      <c r="T3872" t="s">
        <v>657</v>
      </c>
      <c r="U3872">
        <v>7</v>
      </c>
      <c r="V3872">
        <v>2</v>
      </c>
      <c r="W3872">
        <v>120</v>
      </c>
      <c r="X3872">
        <v>2020</v>
      </c>
    </row>
    <row r="3873" spans="1:24" x14ac:dyDescent="0.25">
      <c r="A3873">
        <v>7024</v>
      </c>
      <c r="B3873" t="s">
        <v>14</v>
      </c>
      <c r="C3873">
        <v>20</v>
      </c>
      <c r="D3873" t="s">
        <v>387</v>
      </c>
      <c r="E3873">
        <v>148</v>
      </c>
      <c r="F3873" t="s">
        <v>651</v>
      </c>
      <c r="G3873">
        <v>160</v>
      </c>
      <c r="H3873" t="s">
        <v>739</v>
      </c>
      <c r="I3873">
        <v>4413</v>
      </c>
      <c r="J3873" t="s">
        <v>684</v>
      </c>
      <c r="K3873">
        <v>22</v>
      </c>
      <c r="L3873" t="s">
        <v>906</v>
      </c>
      <c r="M3873">
        <v>725</v>
      </c>
      <c r="N3873" t="s">
        <v>654</v>
      </c>
      <c r="O3873">
        <v>3</v>
      </c>
      <c r="P3873" t="s">
        <v>655</v>
      </c>
      <c r="Q3873">
        <v>1</v>
      </c>
      <c r="R3873" t="s">
        <v>656</v>
      </c>
      <c r="S3873">
        <v>2</v>
      </c>
      <c r="T3873" t="s">
        <v>661</v>
      </c>
      <c r="U3873">
        <v>8</v>
      </c>
      <c r="V3873">
        <v>2</v>
      </c>
      <c r="W3873">
        <v>120</v>
      </c>
      <c r="X3873">
        <v>2020</v>
      </c>
    </row>
    <row r="3874" spans="1:24" x14ac:dyDescent="0.25">
      <c r="A3874">
        <v>7023</v>
      </c>
      <c r="B3874" t="s">
        <v>14</v>
      </c>
      <c r="C3874">
        <v>20</v>
      </c>
      <c r="D3874" t="s">
        <v>387</v>
      </c>
      <c r="E3874">
        <v>148</v>
      </c>
      <c r="F3874" t="s">
        <v>651</v>
      </c>
      <c r="G3874">
        <v>160</v>
      </c>
      <c r="H3874" t="s">
        <v>739</v>
      </c>
      <c r="I3874">
        <v>4413</v>
      </c>
      <c r="J3874" t="s">
        <v>684</v>
      </c>
      <c r="K3874">
        <v>22</v>
      </c>
      <c r="L3874" t="s">
        <v>2970</v>
      </c>
      <c r="M3874">
        <v>1574</v>
      </c>
      <c r="N3874" t="s">
        <v>654</v>
      </c>
      <c r="O3874">
        <v>3</v>
      </c>
      <c r="P3874" t="s">
        <v>655</v>
      </c>
      <c r="Q3874">
        <v>1</v>
      </c>
      <c r="R3874" t="s">
        <v>656</v>
      </c>
      <c r="S3874">
        <v>2</v>
      </c>
      <c r="T3874" t="s">
        <v>661</v>
      </c>
      <c r="U3874">
        <v>8</v>
      </c>
      <c r="V3874">
        <v>2</v>
      </c>
      <c r="W3874">
        <v>120</v>
      </c>
      <c r="X3874">
        <v>2020</v>
      </c>
    </row>
    <row r="3875" spans="1:24" x14ac:dyDescent="0.25">
      <c r="A3875">
        <v>7022</v>
      </c>
      <c r="B3875" t="s">
        <v>14</v>
      </c>
      <c r="C3875">
        <v>20</v>
      </c>
      <c r="D3875" t="s">
        <v>387</v>
      </c>
      <c r="E3875">
        <v>148</v>
      </c>
      <c r="F3875" t="s">
        <v>651</v>
      </c>
      <c r="G3875">
        <v>160</v>
      </c>
      <c r="H3875" t="s">
        <v>739</v>
      </c>
      <c r="I3875">
        <v>4413</v>
      </c>
      <c r="J3875" t="s">
        <v>684</v>
      </c>
      <c r="K3875">
        <v>22</v>
      </c>
      <c r="L3875" t="s">
        <v>2971</v>
      </c>
      <c r="M3875">
        <v>1573</v>
      </c>
      <c r="N3875" t="s">
        <v>654</v>
      </c>
      <c r="O3875">
        <v>3</v>
      </c>
      <c r="P3875" t="s">
        <v>655</v>
      </c>
      <c r="Q3875">
        <v>1</v>
      </c>
      <c r="R3875" t="s">
        <v>656</v>
      </c>
      <c r="S3875">
        <v>2</v>
      </c>
      <c r="T3875" t="s">
        <v>661</v>
      </c>
      <c r="U3875">
        <v>8</v>
      </c>
      <c r="V3875">
        <v>2</v>
      </c>
      <c r="W3875">
        <v>120</v>
      </c>
      <c r="X3875">
        <v>2020</v>
      </c>
    </row>
    <row r="3876" spans="1:24" x14ac:dyDescent="0.25">
      <c r="A3876">
        <v>7021</v>
      </c>
      <c r="B3876" t="s">
        <v>14</v>
      </c>
      <c r="C3876">
        <v>20</v>
      </c>
      <c r="D3876" t="s">
        <v>387</v>
      </c>
      <c r="E3876">
        <v>148</v>
      </c>
      <c r="F3876" t="s">
        <v>651</v>
      </c>
      <c r="G3876">
        <v>160</v>
      </c>
      <c r="H3876" t="s">
        <v>739</v>
      </c>
      <c r="I3876">
        <v>4413</v>
      </c>
      <c r="J3876" t="s">
        <v>684</v>
      </c>
      <c r="K3876">
        <v>22</v>
      </c>
      <c r="L3876" t="s">
        <v>1037</v>
      </c>
      <c r="M3876">
        <v>1572</v>
      </c>
      <c r="N3876" t="s">
        <v>654</v>
      </c>
      <c r="O3876">
        <v>3</v>
      </c>
      <c r="P3876" t="s">
        <v>655</v>
      </c>
      <c r="Q3876">
        <v>1</v>
      </c>
      <c r="R3876" t="s">
        <v>656</v>
      </c>
      <c r="S3876">
        <v>2</v>
      </c>
      <c r="T3876" t="s">
        <v>661</v>
      </c>
      <c r="U3876">
        <v>8</v>
      </c>
      <c r="V3876">
        <v>2</v>
      </c>
      <c r="W3876">
        <v>120</v>
      </c>
      <c r="X3876">
        <v>2020</v>
      </c>
    </row>
    <row r="3877" spans="1:24" x14ac:dyDescent="0.25">
      <c r="A3877">
        <v>7019</v>
      </c>
      <c r="B3877" t="s">
        <v>14</v>
      </c>
      <c r="C3877">
        <v>20</v>
      </c>
      <c r="D3877" t="s">
        <v>387</v>
      </c>
      <c r="E3877">
        <v>148</v>
      </c>
      <c r="F3877" t="s">
        <v>651</v>
      </c>
      <c r="G3877">
        <v>160</v>
      </c>
      <c r="H3877" t="s">
        <v>739</v>
      </c>
      <c r="I3877">
        <v>4413</v>
      </c>
      <c r="J3877" t="s">
        <v>684</v>
      </c>
      <c r="K3877">
        <v>22</v>
      </c>
      <c r="L3877" t="s">
        <v>2972</v>
      </c>
      <c r="M3877">
        <v>1570</v>
      </c>
      <c r="N3877" t="s">
        <v>654</v>
      </c>
      <c r="O3877">
        <v>3</v>
      </c>
      <c r="P3877" t="s">
        <v>655</v>
      </c>
      <c r="Q3877">
        <v>1</v>
      </c>
      <c r="R3877" t="s">
        <v>656</v>
      </c>
      <c r="S3877">
        <v>2</v>
      </c>
      <c r="T3877" t="s">
        <v>729</v>
      </c>
      <c r="U3877">
        <v>4</v>
      </c>
      <c r="V3877">
        <v>2</v>
      </c>
      <c r="W3877">
        <v>120</v>
      </c>
      <c r="X3877">
        <v>2020</v>
      </c>
    </row>
    <row r="3878" spans="1:24" x14ac:dyDescent="0.25">
      <c r="A3878">
        <v>7017</v>
      </c>
      <c r="B3878" t="s">
        <v>14</v>
      </c>
      <c r="C3878">
        <v>20</v>
      </c>
      <c r="D3878" t="s">
        <v>387</v>
      </c>
      <c r="E3878">
        <v>148</v>
      </c>
      <c r="F3878" t="s">
        <v>651</v>
      </c>
      <c r="G3878">
        <v>160</v>
      </c>
      <c r="H3878" t="s">
        <v>739</v>
      </c>
      <c r="I3878">
        <v>4413</v>
      </c>
      <c r="J3878" t="s">
        <v>684</v>
      </c>
      <c r="K3878">
        <v>22</v>
      </c>
      <c r="L3878" t="s">
        <v>2973</v>
      </c>
      <c r="M3878">
        <v>1568</v>
      </c>
      <c r="N3878" t="s">
        <v>654</v>
      </c>
      <c r="O3878">
        <v>3</v>
      </c>
      <c r="P3878" t="s">
        <v>655</v>
      </c>
      <c r="Q3878">
        <v>1</v>
      </c>
      <c r="R3878" t="s">
        <v>656</v>
      </c>
      <c r="S3878">
        <v>2</v>
      </c>
      <c r="T3878" t="s">
        <v>661</v>
      </c>
      <c r="U3878">
        <v>8</v>
      </c>
      <c r="V3878">
        <v>2</v>
      </c>
      <c r="W3878">
        <v>120</v>
      </c>
      <c r="X3878">
        <v>2020</v>
      </c>
    </row>
    <row r="3879" spans="1:24" x14ac:dyDescent="0.25">
      <c r="A3879">
        <v>7016</v>
      </c>
      <c r="B3879" t="s">
        <v>14</v>
      </c>
      <c r="C3879">
        <v>20</v>
      </c>
      <c r="D3879" t="s">
        <v>387</v>
      </c>
      <c r="E3879">
        <v>148</v>
      </c>
      <c r="F3879" t="s">
        <v>651</v>
      </c>
      <c r="G3879">
        <v>160</v>
      </c>
      <c r="H3879" t="s">
        <v>739</v>
      </c>
      <c r="I3879">
        <v>4413</v>
      </c>
      <c r="J3879" t="s">
        <v>684</v>
      </c>
      <c r="K3879">
        <v>22</v>
      </c>
      <c r="L3879" t="s">
        <v>2973</v>
      </c>
      <c r="M3879">
        <v>1568</v>
      </c>
      <c r="N3879" t="s">
        <v>654</v>
      </c>
      <c r="O3879">
        <v>3</v>
      </c>
      <c r="P3879" t="s">
        <v>746</v>
      </c>
      <c r="Q3879">
        <v>2</v>
      </c>
      <c r="R3879" t="s">
        <v>656</v>
      </c>
      <c r="S3879">
        <v>2</v>
      </c>
      <c r="T3879" t="s">
        <v>661</v>
      </c>
      <c r="U3879">
        <v>8</v>
      </c>
      <c r="V3879">
        <v>2</v>
      </c>
      <c r="W3879">
        <v>120</v>
      </c>
      <c r="X3879">
        <v>2020</v>
      </c>
    </row>
    <row r="3880" spans="1:24" x14ac:dyDescent="0.25">
      <c r="A3880">
        <v>7015</v>
      </c>
      <c r="B3880" t="s">
        <v>14</v>
      </c>
      <c r="C3880">
        <v>20</v>
      </c>
      <c r="D3880" t="s">
        <v>387</v>
      </c>
      <c r="E3880">
        <v>148</v>
      </c>
      <c r="F3880" t="s">
        <v>651</v>
      </c>
      <c r="G3880">
        <v>160</v>
      </c>
      <c r="H3880" t="s">
        <v>739</v>
      </c>
      <c r="I3880">
        <v>4413</v>
      </c>
      <c r="J3880" t="s">
        <v>868</v>
      </c>
      <c r="K3880">
        <v>23</v>
      </c>
      <c r="L3880" t="s">
        <v>2974</v>
      </c>
      <c r="M3880">
        <v>1567</v>
      </c>
      <c r="N3880" t="s">
        <v>654</v>
      </c>
      <c r="O3880">
        <v>3</v>
      </c>
      <c r="P3880" t="s">
        <v>655</v>
      </c>
      <c r="Q3880">
        <v>1</v>
      </c>
      <c r="R3880" t="s">
        <v>656</v>
      </c>
      <c r="S3880">
        <v>2</v>
      </c>
      <c r="T3880" t="s">
        <v>661</v>
      </c>
      <c r="U3880">
        <v>8</v>
      </c>
      <c r="V3880">
        <v>2</v>
      </c>
      <c r="W3880">
        <v>120</v>
      </c>
      <c r="X3880">
        <v>2020</v>
      </c>
    </row>
    <row r="3881" spans="1:24" x14ac:dyDescent="0.25">
      <c r="A3881">
        <v>7013</v>
      </c>
      <c r="B3881" t="s">
        <v>14</v>
      </c>
      <c r="C3881">
        <v>20</v>
      </c>
      <c r="D3881" t="s">
        <v>387</v>
      </c>
      <c r="E3881">
        <v>148</v>
      </c>
      <c r="F3881" t="s">
        <v>651</v>
      </c>
      <c r="G3881">
        <v>160</v>
      </c>
      <c r="H3881" t="s">
        <v>739</v>
      </c>
      <c r="I3881">
        <v>4413</v>
      </c>
      <c r="J3881" t="s">
        <v>868</v>
      </c>
      <c r="K3881">
        <v>23</v>
      </c>
      <c r="L3881" t="s">
        <v>2099</v>
      </c>
      <c r="M3881">
        <v>1565</v>
      </c>
      <c r="N3881" t="s">
        <v>654</v>
      </c>
      <c r="O3881">
        <v>3</v>
      </c>
      <c r="P3881" t="s">
        <v>655</v>
      </c>
      <c r="Q3881">
        <v>1</v>
      </c>
      <c r="R3881" t="s">
        <v>656</v>
      </c>
      <c r="S3881">
        <v>2</v>
      </c>
      <c r="T3881" t="s">
        <v>661</v>
      </c>
      <c r="U3881">
        <v>8</v>
      </c>
      <c r="V3881">
        <v>2</v>
      </c>
      <c r="W3881">
        <v>120</v>
      </c>
      <c r="X3881">
        <v>2020</v>
      </c>
    </row>
    <row r="3882" spans="1:24" x14ac:dyDescent="0.25">
      <c r="A3882">
        <v>7012</v>
      </c>
      <c r="B3882" t="s">
        <v>14</v>
      </c>
      <c r="C3882">
        <v>20</v>
      </c>
      <c r="D3882" t="s">
        <v>387</v>
      </c>
      <c r="E3882">
        <v>148</v>
      </c>
      <c r="F3882" t="s">
        <v>651</v>
      </c>
      <c r="G3882">
        <v>160</v>
      </c>
      <c r="H3882" t="s">
        <v>739</v>
      </c>
      <c r="I3882">
        <v>4413</v>
      </c>
      <c r="J3882" t="s">
        <v>868</v>
      </c>
      <c r="K3882">
        <v>23</v>
      </c>
      <c r="L3882" t="s">
        <v>2434</v>
      </c>
      <c r="M3882">
        <v>1294</v>
      </c>
      <c r="N3882" t="s">
        <v>654</v>
      </c>
      <c r="O3882">
        <v>3</v>
      </c>
      <c r="P3882" t="s">
        <v>655</v>
      </c>
      <c r="Q3882">
        <v>1</v>
      </c>
      <c r="R3882" t="s">
        <v>656</v>
      </c>
      <c r="S3882">
        <v>2</v>
      </c>
      <c r="T3882" t="s">
        <v>661</v>
      </c>
      <c r="U3882">
        <v>8</v>
      </c>
      <c r="V3882">
        <v>2</v>
      </c>
      <c r="W3882">
        <v>120</v>
      </c>
      <c r="X3882">
        <v>2020</v>
      </c>
    </row>
    <row r="3883" spans="1:24" x14ac:dyDescent="0.25">
      <c r="A3883">
        <v>7011</v>
      </c>
      <c r="B3883" t="s">
        <v>14</v>
      </c>
      <c r="C3883">
        <v>20</v>
      </c>
      <c r="D3883" t="s">
        <v>387</v>
      </c>
      <c r="E3883">
        <v>148</v>
      </c>
      <c r="F3883" t="s">
        <v>651</v>
      </c>
      <c r="G3883">
        <v>160</v>
      </c>
      <c r="H3883" t="s">
        <v>739</v>
      </c>
      <c r="I3883">
        <v>4413</v>
      </c>
      <c r="J3883" t="s">
        <v>868</v>
      </c>
      <c r="K3883">
        <v>23</v>
      </c>
      <c r="L3883" t="s">
        <v>2975</v>
      </c>
      <c r="M3883">
        <v>1564</v>
      </c>
      <c r="N3883" t="s">
        <v>654</v>
      </c>
      <c r="O3883">
        <v>3</v>
      </c>
      <c r="P3883" t="s">
        <v>655</v>
      </c>
      <c r="Q3883">
        <v>1</v>
      </c>
      <c r="R3883" t="s">
        <v>656</v>
      </c>
      <c r="S3883">
        <v>2</v>
      </c>
      <c r="T3883" t="s">
        <v>661</v>
      </c>
      <c r="U3883">
        <v>8</v>
      </c>
      <c r="V3883">
        <v>2</v>
      </c>
      <c r="W3883">
        <v>120</v>
      </c>
      <c r="X3883">
        <v>2020</v>
      </c>
    </row>
    <row r="3884" spans="1:24" x14ac:dyDescent="0.25">
      <c r="A3884">
        <v>7010</v>
      </c>
      <c r="B3884" t="s">
        <v>14</v>
      </c>
      <c r="C3884">
        <v>20</v>
      </c>
      <c r="D3884" t="s">
        <v>387</v>
      </c>
      <c r="E3884">
        <v>148</v>
      </c>
      <c r="F3884" t="s">
        <v>651</v>
      </c>
      <c r="G3884">
        <v>160</v>
      </c>
      <c r="H3884" t="s">
        <v>739</v>
      </c>
      <c r="I3884">
        <v>4413</v>
      </c>
      <c r="J3884" t="s">
        <v>868</v>
      </c>
      <c r="K3884">
        <v>23</v>
      </c>
      <c r="L3884" t="s">
        <v>2976</v>
      </c>
      <c r="M3884">
        <v>1563</v>
      </c>
      <c r="N3884" t="s">
        <v>654</v>
      </c>
      <c r="O3884">
        <v>3</v>
      </c>
      <c r="P3884" t="s">
        <v>655</v>
      </c>
      <c r="Q3884">
        <v>1</v>
      </c>
      <c r="R3884" t="s">
        <v>656</v>
      </c>
      <c r="S3884">
        <v>2</v>
      </c>
      <c r="T3884" t="s">
        <v>661</v>
      </c>
      <c r="U3884">
        <v>8</v>
      </c>
      <c r="V3884">
        <v>2</v>
      </c>
      <c r="W3884">
        <v>120</v>
      </c>
      <c r="X3884">
        <v>2020</v>
      </c>
    </row>
    <row r="3885" spans="1:24" x14ac:dyDescent="0.25">
      <c r="A3885">
        <v>7009</v>
      </c>
      <c r="B3885" t="s">
        <v>14</v>
      </c>
      <c r="C3885">
        <v>20</v>
      </c>
      <c r="D3885" t="s">
        <v>387</v>
      </c>
      <c r="E3885">
        <v>148</v>
      </c>
      <c r="F3885" t="s">
        <v>651</v>
      </c>
      <c r="G3885">
        <v>160</v>
      </c>
      <c r="H3885" t="s">
        <v>739</v>
      </c>
      <c r="I3885">
        <v>4413</v>
      </c>
      <c r="J3885" t="s">
        <v>868</v>
      </c>
      <c r="K3885">
        <v>23</v>
      </c>
      <c r="L3885" t="s">
        <v>2977</v>
      </c>
      <c r="M3885">
        <v>1562</v>
      </c>
      <c r="N3885" t="s">
        <v>654</v>
      </c>
      <c r="O3885">
        <v>3</v>
      </c>
      <c r="P3885" t="s">
        <v>655</v>
      </c>
      <c r="Q3885">
        <v>1</v>
      </c>
      <c r="R3885" t="s">
        <v>656</v>
      </c>
      <c r="S3885">
        <v>2</v>
      </c>
      <c r="T3885" t="s">
        <v>657</v>
      </c>
      <c r="U3885">
        <v>7</v>
      </c>
      <c r="V3885">
        <v>2</v>
      </c>
      <c r="W3885">
        <v>120</v>
      </c>
      <c r="X3885">
        <v>2020</v>
      </c>
    </row>
    <row r="3886" spans="1:24" x14ac:dyDescent="0.25">
      <c r="A3886">
        <v>7008</v>
      </c>
      <c r="B3886" t="s">
        <v>14</v>
      </c>
      <c r="C3886">
        <v>20</v>
      </c>
      <c r="D3886" t="s">
        <v>387</v>
      </c>
      <c r="E3886">
        <v>148</v>
      </c>
      <c r="F3886" t="s">
        <v>651</v>
      </c>
      <c r="G3886">
        <v>160</v>
      </c>
      <c r="H3886" t="s">
        <v>739</v>
      </c>
      <c r="I3886">
        <v>4413</v>
      </c>
      <c r="J3886" t="s">
        <v>868</v>
      </c>
      <c r="K3886">
        <v>23</v>
      </c>
      <c r="L3886" t="s">
        <v>2978</v>
      </c>
      <c r="M3886">
        <v>1561</v>
      </c>
      <c r="N3886" t="s">
        <v>654</v>
      </c>
      <c r="O3886">
        <v>3</v>
      </c>
      <c r="P3886" t="s">
        <v>655</v>
      </c>
      <c r="Q3886">
        <v>1</v>
      </c>
      <c r="R3886" t="s">
        <v>656</v>
      </c>
      <c r="S3886">
        <v>2</v>
      </c>
      <c r="T3886" t="s">
        <v>661</v>
      </c>
      <c r="U3886">
        <v>8</v>
      </c>
      <c r="V3886">
        <v>2</v>
      </c>
      <c r="W3886">
        <v>120</v>
      </c>
      <c r="X3886">
        <v>2020</v>
      </c>
    </row>
    <row r="3887" spans="1:24" x14ac:dyDescent="0.25">
      <c r="A3887">
        <v>7006</v>
      </c>
      <c r="B3887" t="s">
        <v>14</v>
      </c>
      <c r="C3887">
        <v>20</v>
      </c>
      <c r="D3887" t="s">
        <v>555</v>
      </c>
      <c r="E3887">
        <v>147</v>
      </c>
      <c r="F3887" t="s">
        <v>651</v>
      </c>
      <c r="G3887">
        <v>160</v>
      </c>
      <c r="H3887" t="s">
        <v>739</v>
      </c>
      <c r="I3887">
        <v>4413</v>
      </c>
      <c r="J3887" t="s">
        <v>703</v>
      </c>
      <c r="K3887">
        <v>16</v>
      </c>
      <c r="L3887" t="s">
        <v>2979</v>
      </c>
      <c r="M3887">
        <v>1559</v>
      </c>
      <c r="N3887" t="s">
        <v>654</v>
      </c>
      <c r="O3887">
        <v>3</v>
      </c>
      <c r="P3887" t="s">
        <v>655</v>
      </c>
      <c r="Q3887">
        <v>1</v>
      </c>
      <c r="R3887" t="s">
        <v>656</v>
      </c>
      <c r="S3887">
        <v>2</v>
      </c>
      <c r="T3887" t="s">
        <v>657</v>
      </c>
      <c r="U3887">
        <v>7</v>
      </c>
      <c r="V3887">
        <v>2</v>
      </c>
      <c r="W3887">
        <v>120</v>
      </c>
      <c r="X3887">
        <v>2020</v>
      </c>
    </row>
    <row r="3888" spans="1:24" x14ac:dyDescent="0.25">
      <c r="A3888">
        <v>7005</v>
      </c>
      <c r="B3888" t="s">
        <v>14</v>
      </c>
      <c r="C3888">
        <v>20</v>
      </c>
      <c r="D3888" t="s">
        <v>555</v>
      </c>
      <c r="E3888">
        <v>147</v>
      </c>
      <c r="F3888" t="s">
        <v>651</v>
      </c>
      <c r="G3888">
        <v>160</v>
      </c>
      <c r="H3888" t="s">
        <v>739</v>
      </c>
      <c r="I3888">
        <v>4413</v>
      </c>
      <c r="J3888" t="s">
        <v>703</v>
      </c>
      <c r="K3888">
        <v>16</v>
      </c>
      <c r="L3888" t="s">
        <v>2980</v>
      </c>
      <c r="M3888">
        <v>1558</v>
      </c>
      <c r="N3888" t="s">
        <v>654</v>
      </c>
      <c r="O3888">
        <v>3</v>
      </c>
      <c r="P3888" t="s">
        <v>655</v>
      </c>
      <c r="Q3888">
        <v>1</v>
      </c>
      <c r="R3888" t="s">
        <v>656</v>
      </c>
      <c r="S3888">
        <v>2</v>
      </c>
      <c r="T3888" t="s">
        <v>657</v>
      </c>
      <c r="U3888">
        <v>7</v>
      </c>
      <c r="V3888">
        <v>2</v>
      </c>
      <c r="W3888">
        <v>120</v>
      </c>
      <c r="X3888">
        <v>2020</v>
      </c>
    </row>
    <row r="3889" spans="1:24" x14ac:dyDescent="0.25">
      <c r="A3889">
        <v>7004</v>
      </c>
      <c r="B3889" t="s">
        <v>14</v>
      </c>
      <c r="C3889">
        <v>20</v>
      </c>
      <c r="D3889" t="s">
        <v>555</v>
      </c>
      <c r="E3889">
        <v>147</v>
      </c>
      <c r="F3889" t="s">
        <v>651</v>
      </c>
      <c r="G3889">
        <v>160</v>
      </c>
      <c r="H3889" t="s">
        <v>739</v>
      </c>
      <c r="I3889">
        <v>4413</v>
      </c>
      <c r="J3889" t="s">
        <v>703</v>
      </c>
      <c r="K3889">
        <v>16</v>
      </c>
      <c r="L3889" t="s">
        <v>1652</v>
      </c>
      <c r="M3889">
        <v>1557</v>
      </c>
      <c r="N3889" t="s">
        <v>654</v>
      </c>
      <c r="O3889">
        <v>3</v>
      </c>
      <c r="P3889" t="s">
        <v>655</v>
      </c>
      <c r="Q3889">
        <v>1</v>
      </c>
      <c r="R3889" t="s">
        <v>656</v>
      </c>
      <c r="S3889">
        <v>2</v>
      </c>
      <c r="T3889" t="s">
        <v>661</v>
      </c>
      <c r="U3889">
        <v>8</v>
      </c>
      <c r="V3889">
        <v>2</v>
      </c>
      <c r="W3889">
        <v>120</v>
      </c>
      <c r="X3889">
        <v>2020</v>
      </c>
    </row>
    <row r="3890" spans="1:24" x14ac:dyDescent="0.25">
      <c r="A3890">
        <v>7003</v>
      </c>
      <c r="B3890" t="s">
        <v>14</v>
      </c>
      <c r="C3890">
        <v>20</v>
      </c>
      <c r="D3890" t="s">
        <v>555</v>
      </c>
      <c r="E3890">
        <v>147</v>
      </c>
      <c r="F3890" t="s">
        <v>651</v>
      </c>
      <c r="G3890">
        <v>160</v>
      </c>
      <c r="H3890" t="s">
        <v>739</v>
      </c>
      <c r="I3890">
        <v>4413</v>
      </c>
      <c r="J3890" t="s">
        <v>703</v>
      </c>
      <c r="K3890">
        <v>16</v>
      </c>
      <c r="L3890" t="s">
        <v>2981</v>
      </c>
      <c r="M3890">
        <v>1556</v>
      </c>
      <c r="N3890" t="s">
        <v>654</v>
      </c>
      <c r="O3890">
        <v>3</v>
      </c>
      <c r="P3890" t="s">
        <v>655</v>
      </c>
      <c r="Q3890">
        <v>1</v>
      </c>
      <c r="R3890" t="s">
        <v>656</v>
      </c>
      <c r="S3890">
        <v>2</v>
      </c>
      <c r="T3890" t="s">
        <v>661</v>
      </c>
      <c r="U3890">
        <v>8</v>
      </c>
      <c r="V3890">
        <v>2</v>
      </c>
      <c r="W3890">
        <v>120</v>
      </c>
      <c r="X3890">
        <v>2020</v>
      </c>
    </row>
    <row r="3891" spans="1:24" x14ac:dyDescent="0.25">
      <c r="A3891">
        <v>7001</v>
      </c>
      <c r="B3891" t="s">
        <v>14</v>
      </c>
      <c r="C3891">
        <v>20</v>
      </c>
      <c r="D3891" t="s">
        <v>555</v>
      </c>
      <c r="E3891">
        <v>147</v>
      </c>
      <c r="F3891" t="s">
        <v>651</v>
      </c>
      <c r="G3891">
        <v>160</v>
      </c>
      <c r="H3891" t="s">
        <v>739</v>
      </c>
      <c r="I3891">
        <v>4413</v>
      </c>
      <c r="J3891" t="s">
        <v>703</v>
      </c>
      <c r="K3891">
        <v>16</v>
      </c>
      <c r="L3891" t="s">
        <v>2982</v>
      </c>
      <c r="M3891">
        <v>1554</v>
      </c>
      <c r="N3891" t="s">
        <v>654</v>
      </c>
      <c r="O3891">
        <v>3</v>
      </c>
      <c r="P3891" t="s">
        <v>655</v>
      </c>
      <c r="Q3891">
        <v>1</v>
      </c>
      <c r="R3891" t="s">
        <v>656</v>
      </c>
      <c r="S3891">
        <v>2</v>
      </c>
      <c r="T3891" t="s">
        <v>661</v>
      </c>
      <c r="U3891">
        <v>8</v>
      </c>
      <c r="V3891">
        <v>2</v>
      </c>
      <c r="W3891">
        <v>120</v>
      </c>
      <c r="X3891">
        <v>2020</v>
      </c>
    </row>
    <row r="3892" spans="1:24" x14ac:dyDescent="0.25">
      <c r="A3892">
        <v>6990</v>
      </c>
      <c r="B3892" t="s">
        <v>14</v>
      </c>
      <c r="C3892">
        <v>20</v>
      </c>
      <c r="D3892" t="s">
        <v>551</v>
      </c>
      <c r="E3892">
        <v>152</v>
      </c>
      <c r="F3892" t="s">
        <v>651</v>
      </c>
      <c r="G3892">
        <v>160</v>
      </c>
      <c r="H3892" t="s">
        <v>739</v>
      </c>
      <c r="I3892">
        <v>4413</v>
      </c>
      <c r="J3892" t="s">
        <v>894</v>
      </c>
      <c r="K3892">
        <v>18</v>
      </c>
      <c r="L3892" t="s">
        <v>2983</v>
      </c>
      <c r="M3892">
        <v>1543</v>
      </c>
      <c r="N3892" t="s">
        <v>654</v>
      </c>
      <c r="O3892">
        <v>3</v>
      </c>
      <c r="P3892" t="s">
        <v>655</v>
      </c>
      <c r="Q3892">
        <v>1</v>
      </c>
      <c r="R3892" t="s">
        <v>656</v>
      </c>
      <c r="S3892">
        <v>2</v>
      </c>
      <c r="T3892" t="s">
        <v>718</v>
      </c>
      <c r="U3892">
        <v>2</v>
      </c>
      <c r="V3892">
        <v>2</v>
      </c>
      <c r="W3892">
        <v>120</v>
      </c>
      <c r="X3892">
        <v>2020</v>
      </c>
    </row>
    <row r="3893" spans="1:24" x14ac:dyDescent="0.25">
      <c r="A3893">
        <v>6988</v>
      </c>
      <c r="B3893" t="s">
        <v>14</v>
      </c>
      <c r="C3893">
        <v>20</v>
      </c>
      <c r="D3893" t="s">
        <v>551</v>
      </c>
      <c r="E3893">
        <v>152</v>
      </c>
      <c r="F3893" t="s">
        <v>651</v>
      </c>
      <c r="G3893">
        <v>160</v>
      </c>
      <c r="H3893" t="s">
        <v>739</v>
      </c>
      <c r="I3893">
        <v>4413</v>
      </c>
      <c r="J3893" t="s">
        <v>894</v>
      </c>
      <c r="K3893">
        <v>18</v>
      </c>
      <c r="L3893" t="s">
        <v>2984</v>
      </c>
      <c r="M3893">
        <v>1541</v>
      </c>
      <c r="N3893" t="s">
        <v>654</v>
      </c>
      <c r="O3893">
        <v>3</v>
      </c>
      <c r="P3893" t="s">
        <v>655</v>
      </c>
      <c r="Q3893">
        <v>1</v>
      </c>
      <c r="R3893" t="s">
        <v>656</v>
      </c>
      <c r="S3893">
        <v>2</v>
      </c>
      <c r="T3893" t="s">
        <v>661</v>
      </c>
      <c r="U3893">
        <v>8</v>
      </c>
      <c r="V3893">
        <v>2</v>
      </c>
      <c r="W3893">
        <v>120</v>
      </c>
      <c r="X3893">
        <v>2020</v>
      </c>
    </row>
    <row r="3894" spans="1:24" x14ac:dyDescent="0.25">
      <c r="A3894">
        <v>6986</v>
      </c>
      <c r="B3894" t="s">
        <v>14</v>
      </c>
      <c r="C3894">
        <v>20</v>
      </c>
      <c r="D3894" t="s">
        <v>551</v>
      </c>
      <c r="E3894">
        <v>152</v>
      </c>
      <c r="F3894" t="s">
        <v>651</v>
      </c>
      <c r="G3894">
        <v>160</v>
      </c>
      <c r="H3894" t="s">
        <v>739</v>
      </c>
      <c r="I3894">
        <v>4413</v>
      </c>
      <c r="J3894" t="s">
        <v>894</v>
      </c>
      <c r="K3894">
        <v>18</v>
      </c>
      <c r="L3894" t="s">
        <v>2985</v>
      </c>
      <c r="M3894">
        <v>1539</v>
      </c>
      <c r="N3894" t="s">
        <v>654</v>
      </c>
      <c r="O3894">
        <v>3</v>
      </c>
      <c r="P3894" t="s">
        <v>655</v>
      </c>
      <c r="Q3894">
        <v>1</v>
      </c>
      <c r="R3894" t="s">
        <v>656</v>
      </c>
      <c r="S3894">
        <v>2</v>
      </c>
      <c r="T3894" t="s">
        <v>718</v>
      </c>
      <c r="U3894">
        <v>2</v>
      </c>
      <c r="V3894">
        <v>2</v>
      </c>
      <c r="W3894">
        <v>120</v>
      </c>
      <c r="X3894">
        <v>2020</v>
      </c>
    </row>
    <row r="3895" spans="1:24" x14ac:dyDescent="0.25">
      <c r="A3895">
        <v>6984</v>
      </c>
      <c r="B3895" t="s">
        <v>14</v>
      </c>
      <c r="C3895">
        <v>20</v>
      </c>
      <c r="D3895" t="s">
        <v>556</v>
      </c>
      <c r="E3895">
        <v>146</v>
      </c>
      <c r="F3895" t="s">
        <v>651</v>
      </c>
      <c r="G3895">
        <v>160</v>
      </c>
      <c r="H3895" t="s">
        <v>739</v>
      </c>
      <c r="I3895">
        <v>4413</v>
      </c>
      <c r="J3895" t="s">
        <v>894</v>
      </c>
      <c r="K3895">
        <v>18</v>
      </c>
      <c r="L3895" t="s">
        <v>2986</v>
      </c>
      <c r="M3895">
        <v>1537</v>
      </c>
      <c r="N3895" t="s">
        <v>654</v>
      </c>
      <c r="O3895">
        <v>3</v>
      </c>
      <c r="P3895" t="s">
        <v>746</v>
      </c>
      <c r="Q3895">
        <v>2</v>
      </c>
      <c r="R3895" t="s">
        <v>656</v>
      </c>
      <c r="S3895">
        <v>2</v>
      </c>
      <c r="T3895" t="s">
        <v>661</v>
      </c>
      <c r="U3895">
        <v>8</v>
      </c>
      <c r="V3895">
        <v>2</v>
      </c>
      <c r="W3895">
        <v>120</v>
      </c>
      <c r="X3895">
        <v>2020</v>
      </c>
    </row>
    <row r="3896" spans="1:24" x14ac:dyDescent="0.25">
      <c r="A3896">
        <v>6983</v>
      </c>
      <c r="B3896" t="s">
        <v>14</v>
      </c>
      <c r="C3896">
        <v>20</v>
      </c>
      <c r="D3896" t="s">
        <v>556</v>
      </c>
      <c r="E3896">
        <v>146</v>
      </c>
      <c r="F3896" t="s">
        <v>651</v>
      </c>
      <c r="G3896">
        <v>160</v>
      </c>
      <c r="H3896" t="s">
        <v>739</v>
      </c>
      <c r="I3896">
        <v>4413</v>
      </c>
      <c r="J3896" t="s">
        <v>894</v>
      </c>
      <c r="K3896">
        <v>18</v>
      </c>
      <c r="L3896" t="s">
        <v>2986</v>
      </c>
      <c r="M3896">
        <v>1537</v>
      </c>
      <c r="N3896" t="s">
        <v>654</v>
      </c>
      <c r="O3896">
        <v>3</v>
      </c>
      <c r="P3896" t="s">
        <v>655</v>
      </c>
      <c r="Q3896">
        <v>1</v>
      </c>
      <c r="R3896" t="s">
        <v>656</v>
      </c>
      <c r="S3896">
        <v>2</v>
      </c>
      <c r="T3896" t="s">
        <v>661</v>
      </c>
      <c r="U3896">
        <v>8</v>
      </c>
      <c r="V3896">
        <v>2</v>
      </c>
      <c r="W3896">
        <v>120</v>
      </c>
      <c r="X3896">
        <v>2020</v>
      </c>
    </row>
    <row r="3897" spans="1:24" x14ac:dyDescent="0.25">
      <c r="A3897">
        <v>6982</v>
      </c>
      <c r="B3897" t="s">
        <v>14</v>
      </c>
      <c r="C3897">
        <v>20</v>
      </c>
      <c r="D3897" t="s">
        <v>556</v>
      </c>
      <c r="E3897">
        <v>146</v>
      </c>
      <c r="F3897" t="s">
        <v>651</v>
      </c>
      <c r="G3897">
        <v>160</v>
      </c>
      <c r="H3897" t="s">
        <v>739</v>
      </c>
      <c r="I3897">
        <v>4413</v>
      </c>
      <c r="J3897" t="s">
        <v>691</v>
      </c>
      <c r="K3897">
        <v>21</v>
      </c>
      <c r="L3897" t="s">
        <v>2987</v>
      </c>
      <c r="M3897">
        <v>1536</v>
      </c>
      <c r="N3897" t="s">
        <v>654</v>
      </c>
      <c r="O3897">
        <v>3</v>
      </c>
      <c r="P3897" t="s">
        <v>655</v>
      </c>
      <c r="Q3897">
        <v>1</v>
      </c>
      <c r="R3897" t="s">
        <v>656</v>
      </c>
      <c r="S3897">
        <v>2</v>
      </c>
      <c r="T3897" t="s">
        <v>661</v>
      </c>
      <c r="U3897">
        <v>8</v>
      </c>
      <c r="V3897">
        <v>2</v>
      </c>
      <c r="W3897">
        <v>120</v>
      </c>
      <c r="X3897">
        <v>2020</v>
      </c>
    </row>
    <row r="3898" spans="1:24" x14ac:dyDescent="0.25">
      <c r="A3898">
        <v>6981</v>
      </c>
      <c r="B3898" t="s">
        <v>14</v>
      </c>
      <c r="C3898">
        <v>20</v>
      </c>
      <c r="D3898" t="s">
        <v>551</v>
      </c>
      <c r="E3898">
        <v>152</v>
      </c>
      <c r="F3898" t="s">
        <v>651</v>
      </c>
      <c r="G3898">
        <v>160</v>
      </c>
      <c r="H3898" t="s">
        <v>739</v>
      </c>
      <c r="I3898">
        <v>4413</v>
      </c>
      <c r="J3898" t="s">
        <v>691</v>
      </c>
      <c r="K3898">
        <v>21</v>
      </c>
      <c r="L3898" t="s">
        <v>2988</v>
      </c>
      <c r="M3898">
        <v>1535</v>
      </c>
      <c r="N3898" t="s">
        <v>654</v>
      </c>
      <c r="O3898">
        <v>3</v>
      </c>
      <c r="P3898" t="s">
        <v>655</v>
      </c>
      <c r="Q3898">
        <v>1</v>
      </c>
      <c r="R3898" t="s">
        <v>656</v>
      </c>
      <c r="S3898">
        <v>2</v>
      </c>
      <c r="T3898" t="s">
        <v>657</v>
      </c>
      <c r="U3898">
        <v>7</v>
      </c>
      <c r="V3898">
        <v>2</v>
      </c>
      <c r="W3898">
        <v>120</v>
      </c>
      <c r="X3898">
        <v>2020</v>
      </c>
    </row>
    <row r="3899" spans="1:24" x14ac:dyDescent="0.25">
      <c r="A3899">
        <v>6980</v>
      </c>
      <c r="B3899" t="s">
        <v>14</v>
      </c>
      <c r="C3899">
        <v>20</v>
      </c>
      <c r="D3899" t="s">
        <v>551</v>
      </c>
      <c r="E3899">
        <v>152</v>
      </c>
      <c r="F3899" t="s">
        <v>651</v>
      </c>
      <c r="G3899">
        <v>160</v>
      </c>
      <c r="H3899" t="s">
        <v>739</v>
      </c>
      <c r="I3899">
        <v>4413</v>
      </c>
      <c r="J3899" t="s">
        <v>691</v>
      </c>
      <c r="K3899">
        <v>21</v>
      </c>
      <c r="L3899" t="s">
        <v>2648</v>
      </c>
      <c r="M3899">
        <v>1534</v>
      </c>
      <c r="N3899" t="s">
        <v>654</v>
      </c>
      <c r="O3899">
        <v>3</v>
      </c>
      <c r="P3899" t="s">
        <v>655</v>
      </c>
      <c r="Q3899">
        <v>1</v>
      </c>
      <c r="R3899" t="s">
        <v>656</v>
      </c>
      <c r="S3899">
        <v>2</v>
      </c>
      <c r="T3899" t="s">
        <v>718</v>
      </c>
      <c r="U3899">
        <v>2</v>
      </c>
      <c r="V3899">
        <v>2</v>
      </c>
      <c r="W3899">
        <v>120</v>
      </c>
      <c r="X3899">
        <v>2020</v>
      </c>
    </row>
    <row r="3900" spans="1:24" x14ac:dyDescent="0.25">
      <c r="A3900">
        <v>6979</v>
      </c>
      <c r="B3900" t="s">
        <v>14</v>
      </c>
      <c r="C3900">
        <v>20</v>
      </c>
      <c r="D3900" t="s">
        <v>551</v>
      </c>
      <c r="E3900">
        <v>152</v>
      </c>
      <c r="F3900" t="s">
        <v>651</v>
      </c>
      <c r="G3900">
        <v>160</v>
      </c>
      <c r="H3900" t="s">
        <v>739</v>
      </c>
      <c r="I3900">
        <v>4413</v>
      </c>
      <c r="J3900" t="s">
        <v>691</v>
      </c>
      <c r="K3900">
        <v>21</v>
      </c>
      <c r="L3900" t="s">
        <v>2989</v>
      </c>
      <c r="M3900">
        <v>1533</v>
      </c>
      <c r="N3900" t="s">
        <v>654</v>
      </c>
      <c r="O3900">
        <v>3</v>
      </c>
      <c r="P3900" t="s">
        <v>655</v>
      </c>
      <c r="Q3900">
        <v>1</v>
      </c>
      <c r="R3900" t="s">
        <v>656</v>
      </c>
      <c r="S3900">
        <v>2</v>
      </c>
      <c r="T3900" t="s">
        <v>661</v>
      </c>
      <c r="U3900">
        <v>8</v>
      </c>
      <c r="V3900">
        <v>2</v>
      </c>
      <c r="W3900">
        <v>120</v>
      </c>
      <c r="X3900">
        <v>2020</v>
      </c>
    </row>
    <row r="3901" spans="1:24" x14ac:dyDescent="0.25">
      <c r="A3901">
        <v>6978</v>
      </c>
      <c r="B3901" t="s">
        <v>14</v>
      </c>
      <c r="C3901">
        <v>20</v>
      </c>
      <c r="D3901" t="s">
        <v>551</v>
      </c>
      <c r="E3901">
        <v>152</v>
      </c>
      <c r="F3901" t="s">
        <v>651</v>
      </c>
      <c r="G3901">
        <v>160</v>
      </c>
      <c r="H3901" t="s">
        <v>739</v>
      </c>
      <c r="I3901">
        <v>4413</v>
      </c>
      <c r="J3901" t="s">
        <v>691</v>
      </c>
      <c r="K3901">
        <v>21</v>
      </c>
      <c r="L3901" t="s">
        <v>2989</v>
      </c>
      <c r="M3901">
        <v>1533</v>
      </c>
      <c r="N3901" t="s">
        <v>654</v>
      </c>
      <c r="O3901">
        <v>3</v>
      </c>
      <c r="P3901" t="s">
        <v>746</v>
      </c>
      <c r="Q3901">
        <v>2</v>
      </c>
      <c r="R3901" t="s">
        <v>656</v>
      </c>
      <c r="S3901">
        <v>2</v>
      </c>
      <c r="T3901" t="s">
        <v>661</v>
      </c>
      <c r="U3901">
        <v>8</v>
      </c>
      <c r="V3901">
        <v>2</v>
      </c>
      <c r="W3901">
        <v>120</v>
      </c>
      <c r="X3901">
        <v>2020</v>
      </c>
    </row>
    <row r="3902" spans="1:24" x14ac:dyDescent="0.25">
      <c r="A3902">
        <v>6977</v>
      </c>
      <c r="B3902" t="s">
        <v>14</v>
      </c>
      <c r="C3902">
        <v>20</v>
      </c>
      <c r="D3902" t="s">
        <v>551</v>
      </c>
      <c r="E3902">
        <v>152</v>
      </c>
      <c r="F3902" t="s">
        <v>651</v>
      </c>
      <c r="G3902">
        <v>160</v>
      </c>
      <c r="H3902" t="s">
        <v>739</v>
      </c>
      <c r="I3902">
        <v>4413</v>
      </c>
      <c r="J3902" t="s">
        <v>691</v>
      </c>
      <c r="K3902">
        <v>21</v>
      </c>
      <c r="L3902" t="s">
        <v>2990</v>
      </c>
      <c r="M3902">
        <v>1532</v>
      </c>
      <c r="N3902" t="s">
        <v>654</v>
      </c>
      <c r="O3902">
        <v>3</v>
      </c>
      <c r="P3902" t="s">
        <v>655</v>
      </c>
      <c r="Q3902">
        <v>1</v>
      </c>
      <c r="R3902" t="s">
        <v>656</v>
      </c>
      <c r="S3902">
        <v>2</v>
      </c>
      <c r="T3902" t="s">
        <v>1035</v>
      </c>
      <c r="U3902">
        <v>46</v>
      </c>
      <c r="V3902">
        <v>2</v>
      </c>
      <c r="W3902">
        <v>120</v>
      </c>
      <c r="X3902">
        <v>2020</v>
      </c>
    </row>
    <row r="3903" spans="1:24" x14ac:dyDescent="0.25">
      <c r="A3903">
        <v>6976</v>
      </c>
      <c r="B3903" t="s">
        <v>14</v>
      </c>
      <c r="C3903">
        <v>20</v>
      </c>
      <c r="D3903" t="s">
        <v>551</v>
      </c>
      <c r="E3903">
        <v>152</v>
      </c>
      <c r="F3903" t="s">
        <v>651</v>
      </c>
      <c r="G3903">
        <v>160</v>
      </c>
      <c r="H3903" t="s">
        <v>739</v>
      </c>
      <c r="I3903">
        <v>4413</v>
      </c>
      <c r="J3903" t="s">
        <v>691</v>
      </c>
      <c r="K3903">
        <v>21</v>
      </c>
      <c r="L3903" t="s">
        <v>2991</v>
      </c>
      <c r="M3903">
        <v>1131</v>
      </c>
      <c r="N3903" t="s">
        <v>654</v>
      </c>
      <c r="O3903">
        <v>3</v>
      </c>
      <c r="P3903" t="s">
        <v>655</v>
      </c>
      <c r="Q3903">
        <v>1</v>
      </c>
      <c r="R3903" t="s">
        <v>656</v>
      </c>
      <c r="S3903">
        <v>2</v>
      </c>
      <c r="T3903" t="s">
        <v>661</v>
      </c>
      <c r="U3903">
        <v>8</v>
      </c>
      <c r="V3903">
        <v>2</v>
      </c>
      <c r="W3903">
        <v>120</v>
      </c>
      <c r="X3903">
        <v>2020</v>
      </c>
    </row>
    <row r="3904" spans="1:24" x14ac:dyDescent="0.25">
      <c r="A3904">
        <v>6975</v>
      </c>
      <c r="B3904" t="s">
        <v>14</v>
      </c>
      <c r="C3904">
        <v>20</v>
      </c>
      <c r="D3904" t="s">
        <v>551</v>
      </c>
      <c r="E3904">
        <v>152</v>
      </c>
      <c r="F3904" t="s">
        <v>651</v>
      </c>
      <c r="G3904">
        <v>160</v>
      </c>
      <c r="H3904" t="s">
        <v>739</v>
      </c>
      <c r="I3904">
        <v>4413</v>
      </c>
      <c r="J3904" t="s">
        <v>691</v>
      </c>
      <c r="K3904">
        <v>21</v>
      </c>
      <c r="L3904" t="s">
        <v>2991</v>
      </c>
      <c r="M3904">
        <v>1131</v>
      </c>
      <c r="N3904" t="s">
        <v>654</v>
      </c>
      <c r="O3904">
        <v>3</v>
      </c>
      <c r="P3904" t="s">
        <v>746</v>
      </c>
      <c r="Q3904">
        <v>2</v>
      </c>
      <c r="R3904" t="s">
        <v>656</v>
      </c>
      <c r="S3904">
        <v>2</v>
      </c>
      <c r="T3904" t="s">
        <v>661</v>
      </c>
      <c r="U3904">
        <v>8</v>
      </c>
      <c r="V3904">
        <v>2</v>
      </c>
      <c r="W3904">
        <v>120</v>
      </c>
      <c r="X3904">
        <v>2020</v>
      </c>
    </row>
    <row r="3905" spans="1:24" x14ac:dyDescent="0.25">
      <c r="A3905">
        <v>6974</v>
      </c>
      <c r="B3905" t="s">
        <v>14</v>
      </c>
      <c r="C3905">
        <v>20</v>
      </c>
      <c r="D3905" t="s">
        <v>551</v>
      </c>
      <c r="E3905">
        <v>152</v>
      </c>
      <c r="F3905" t="s">
        <v>651</v>
      </c>
      <c r="G3905">
        <v>160</v>
      </c>
      <c r="H3905" t="s">
        <v>739</v>
      </c>
      <c r="I3905">
        <v>4413</v>
      </c>
      <c r="J3905" t="s">
        <v>691</v>
      </c>
      <c r="K3905">
        <v>21</v>
      </c>
      <c r="L3905" t="s">
        <v>2992</v>
      </c>
      <c r="M3905">
        <v>1531</v>
      </c>
      <c r="N3905" t="s">
        <v>654</v>
      </c>
      <c r="O3905">
        <v>3</v>
      </c>
      <c r="P3905" t="s">
        <v>655</v>
      </c>
      <c r="Q3905">
        <v>1</v>
      </c>
      <c r="R3905" t="s">
        <v>656</v>
      </c>
      <c r="S3905">
        <v>2</v>
      </c>
      <c r="T3905" t="s">
        <v>661</v>
      </c>
      <c r="U3905">
        <v>8</v>
      </c>
      <c r="V3905">
        <v>2</v>
      </c>
      <c r="W3905">
        <v>120</v>
      </c>
      <c r="X3905">
        <v>2020</v>
      </c>
    </row>
    <row r="3906" spans="1:24" x14ac:dyDescent="0.25">
      <c r="A3906">
        <v>6973</v>
      </c>
      <c r="B3906" t="s">
        <v>14</v>
      </c>
      <c r="C3906">
        <v>20</v>
      </c>
      <c r="D3906" t="s">
        <v>551</v>
      </c>
      <c r="E3906">
        <v>152</v>
      </c>
      <c r="F3906" t="s">
        <v>651</v>
      </c>
      <c r="G3906">
        <v>160</v>
      </c>
      <c r="H3906" t="s">
        <v>739</v>
      </c>
      <c r="I3906">
        <v>4413</v>
      </c>
      <c r="J3906" t="s">
        <v>691</v>
      </c>
      <c r="K3906">
        <v>21</v>
      </c>
      <c r="L3906" t="s">
        <v>2993</v>
      </c>
      <c r="M3906">
        <v>1530</v>
      </c>
      <c r="N3906" t="s">
        <v>654</v>
      </c>
      <c r="O3906">
        <v>3</v>
      </c>
      <c r="P3906" t="s">
        <v>655</v>
      </c>
      <c r="Q3906">
        <v>1</v>
      </c>
      <c r="R3906" t="s">
        <v>656</v>
      </c>
      <c r="S3906">
        <v>2</v>
      </c>
      <c r="T3906" t="s">
        <v>661</v>
      </c>
      <c r="U3906">
        <v>8</v>
      </c>
      <c r="V3906">
        <v>2</v>
      </c>
      <c r="W3906">
        <v>120</v>
      </c>
      <c r="X3906">
        <v>2020</v>
      </c>
    </row>
    <row r="3907" spans="1:24" x14ac:dyDescent="0.25">
      <c r="A3907">
        <v>6972</v>
      </c>
      <c r="B3907" t="s">
        <v>14</v>
      </c>
      <c r="C3907">
        <v>20</v>
      </c>
      <c r="D3907" t="s">
        <v>551</v>
      </c>
      <c r="E3907">
        <v>152</v>
      </c>
      <c r="F3907" t="s">
        <v>651</v>
      </c>
      <c r="G3907">
        <v>160</v>
      </c>
      <c r="H3907" t="s">
        <v>739</v>
      </c>
      <c r="I3907">
        <v>4413</v>
      </c>
      <c r="J3907" t="s">
        <v>691</v>
      </c>
      <c r="K3907">
        <v>21</v>
      </c>
      <c r="L3907" t="s">
        <v>2993</v>
      </c>
      <c r="M3907">
        <v>1530</v>
      </c>
      <c r="N3907" t="s">
        <v>654</v>
      </c>
      <c r="O3907">
        <v>3</v>
      </c>
      <c r="P3907" t="s">
        <v>746</v>
      </c>
      <c r="Q3907">
        <v>2</v>
      </c>
      <c r="R3907" t="s">
        <v>656</v>
      </c>
      <c r="S3907">
        <v>2</v>
      </c>
      <c r="T3907" t="s">
        <v>661</v>
      </c>
      <c r="U3907">
        <v>8</v>
      </c>
      <c r="V3907">
        <v>2</v>
      </c>
      <c r="W3907">
        <v>120</v>
      </c>
      <c r="X3907">
        <v>2020</v>
      </c>
    </row>
    <row r="3908" spans="1:24" x14ac:dyDescent="0.25">
      <c r="A3908">
        <v>6969</v>
      </c>
      <c r="B3908" t="s">
        <v>14</v>
      </c>
      <c r="C3908">
        <v>20</v>
      </c>
      <c r="D3908" t="s">
        <v>551</v>
      </c>
      <c r="E3908">
        <v>152</v>
      </c>
      <c r="F3908" t="s">
        <v>651</v>
      </c>
      <c r="G3908">
        <v>160</v>
      </c>
      <c r="H3908" t="s">
        <v>739</v>
      </c>
      <c r="I3908">
        <v>4413</v>
      </c>
      <c r="J3908" t="s">
        <v>691</v>
      </c>
      <c r="K3908">
        <v>21</v>
      </c>
      <c r="L3908" t="s">
        <v>2994</v>
      </c>
      <c r="M3908">
        <v>1527</v>
      </c>
      <c r="N3908" t="s">
        <v>654</v>
      </c>
      <c r="O3908">
        <v>3</v>
      </c>
      <c r="P3908" t="s">
        <v>655</v>
      </c>
      <c r="Q3908">
        <v>1</v>
      </c>
      <c r="R3908" t="s">
        <v>656</v>
      </c>
      <c r="S3908">
        <v>2</v>
      </c>
      <c r="T3908" t="s">
        <v>718</v>
      </c>
      <c r="U3908">
        <v>2</v>
      </c>
      <c r="V3908">
        <v>2</v>
      </c>
      <c r="W3908">
        <v>120</v>
      </c>
      <c r="X3908">
        <v>2020</v>
      </c>
    </row>
    <row r="3909" spans="1:24" x14ac:dyDescent="0.25">
      <c r="A3909">
        <v>6967</v>
      </c>
      <c r="B3909" t="s">
        <v>14</v>
      </c>
      <c r="C3909">
        <v>20</v>
      </c>
      <c r="D3909" t="s">
        <v>553</v>
      </c>
      <c r="E3909">
        <v>150</v>
      </c>
      <c r="F3909" t="s">
        <v>651</v>
      </c>
      <c r="G3909">
        <v>160</v>
      </c>
      <c r="H3909" t="s">
        <v>739</v>
      </c>
      <c r="I3909">
        <v>4413</v>
      </c>
      <c r="J3909" t="s">
        <v>756</v>
      </c>
      <c r="K3909">
        <v>19</v>
      </c>
      <c r="L3909" t="s">
        <v>2995</v>
      </c>
      <c r="M3909">
        <v>1525</v>
      </c>
      <c r="N3909" t="s">
        <v>654</v>
      </c>
      <c r="O3909">
        <v>3</v>
      </c>
      <c r="P3909" t="s">
        <v>655</v>
      </c>
      <c r="Q3909">
        <v>1</v>
      </c>
      <c r="R3909" t="s">
        <v>656</v>
      </c>
      <c r="S3909">
        <v>2</v>
      </c>
      <c r="T3909" t="s">
        <v>661</v>
      </c>
      <c r="U3909">
        <v>8</v>
      </c>
      <c r="V3909">
        <v>2</v>
      </c>
      <c r="W3909">
        <v>120</v>
      </c>
      <c r="X3909">
        <v>2020</v>
      </c>
    </row>
    <row r="3910" spans="1:24" x14ac:dyDescent="0.25">
      <c r="A3910">
        <v>6966</v>
      </c>
      <c r="B3910" t="s">
        <v>14</v>
      </c>
      <c r="C3910">
        <v>20</v>
      </c>
      <c r="D3910" t="s">
        <v>556</v>
      </c>
      <c r="E3910">
        <v>146</v>
      </c>
      <c r="F3910" t="s">
        <v>651</v>
      </c>
      <c r="G3910">
        <v>160</v>
      </c>
      <c r="H3910" t="s">
        <v>739</v>
      </c>
      <c r="I3910">
        <v>4413</v>
      </c>
      <c r="J3910" t="s">
        <v>756</v>
      </c>
      <c r="K3910">
        <v>19</v>
      </c>
      <c r="L3910" t="s">
        <v>2584</v>
      </c>
      <c r="M3910">
        <v>1146</v>
      </c>
      <c r="N3910" t="s">
        <v>654</v>
      </c>
      <c r="O3910">
        <v>3</v>
      </c>
      <c r="P3910" t="s">
        <v>655</v>
      </c>
      <c r="Q3910">
        <v>1</v>
      </c>
      <c r="R3910" t="s">
        <v>656</v>
      </c>
      <c r="S3910">
        <v>2</v>
      </c>
      <c r="T3910" t="s">
        <v>661</v>
      </c>
      <c r="U3910">
        <v>8</v>
      </c>
      <c r="V3910">
        <v>2</v>
      </c>
      <c r="W3910">
        <v>120</v>
      </c>
      <c r="X3910">
        <v>2020</v>
      </c>
    </row>
    <row r="3911" spans="1:24" x14ac:dyDescent="0.25">
      <c r="A3911">
        <v>6964</v>
      </c>
      <c r="B3911" t="s">
        <v>14</v>
      </c>
      <c r="C3911">
        <v>20</v>
      </c>
      <c r="D3911" t="s">
        <v>553</v>
      </c>
      <c r="E3911">
        <v>150</v>
      </c>
      <c r="F3911" t="s">
        <v>651</v>
      </c>
      <c r="G3911">
        <v>160</v>
      </c>
      <c r="H3911" t="s">
        <v>739</v>
      </c>
      <c r="I3911">
        <v>4413</v>
      </c>
      <c r="J3911" t="s">
        <v>756</v>
      </c>
      <c r="K3911">
        <v>19</v>
      </c>
      <c r="L3911" t="s">
        <v>2996</v>
      </c>
      <c r="M3911">
        <v>1523</v>
      </c>
      <c r="N3911" t="s">
        <v>654</v>
      </c>
      <c r="O3911">
        <v>3</v>
      </c>
      <c r="P3911" t="s">
        <v>655</v>
      </c>
      <c r="Q3911">
        <v>1</v>
      </c>
      <c r="R3911" t="s">
        <v>656</v>
      </c>
      <c r="S3911">
        <v>2</v>
      </c>
      <c r="T3911" t="s">
        <v>718</v>
      </c>
      <c r="U3911">
        <v>2</v>
      </c>
      <c r="V3911">
        <v>2</v>
      </c>
      <c r="W3911">
        <v>120</v>
      </c>
      <c r="X3911">
        <v>2020</v>
      </c>
    </row>
    <row r="3912" spans="1:24" x14ac:dyDescent="0.25">
      <c r="A3912">
        <v>6963</v>
      </c>
      <c r="B3912" t="s">
        <v>14</v>
      </c>
      <c r="C3912">
        <v>20</v>
      </c>
      <c r="D3912" t="s">
        <v>553</v>
      </c>
      <c r="E3912">
        <v>150</v>
      </c>
      <c r="F3912" t="s">
        <v>651</v>
      </c>
      <c r="G3912">
        <v>160</v>
      </c>
      <c r="H3912" t="s">
        <v>739</v>
      </c>
      <c r="I3912">
        <v>4413</v>
      </c>
      <c r="J3912" t="s">
        <v>756</v>
      </c>
      <c r="K3912">
        <v>19</v>
      </c>
      <c r="L3912" t="s">
        <v>2997</v>
      </c>
      <c r="M3912">
        <v>1522</v>
      </c>
      <c r="N3912" t="s">
        <v>654</v>
      </c>
      <c r="O3912">
        <v>3</v>
      </c>
      <c r="P3912" t="s">
        <v>655</v>
      </c>
      <c r="Q3912">
        <v>1</v>
      </c>
      <c r="R3912" t="s">
        <v>656</v>
      </c>
      <c r="S3912">
        <v>2</v>
      </c>
      <c r="T3912" t="s">
        <v>718</v>
      </c>
      <c r="U3912">
        <v>2</v>
      </c>
      <c r="V3912">
        <v>2</v>
      </c>
      <c r="W3912">
        <v>120</v>
      </c>
      <c r="X3912">
        <v>2020</v>
      </c>
    </row>
    <row r="3913" spans="1:24" x14ac:dyDescent="0.25">
      <c r="A3913">
        <v>6961</v>
      </c>
      <c r="B3913" t="s">
        <v>14</v>
      </c>
      <c r="C3913">
        <v>20</v>
      </c>
      <c r="D3913" t="s">
        <v>553</v>
      </c>
      <c r="E3913">
        <v>150</v>
      </c>
      <c r="F3913" t="s">
        <v>651</v>
      </c>
      <c r="G3913">
        <v>160</v>
      </c>
      <c r="H3913" t="s">
        <v>739</v>
      </c>
      <c r="I3913">
        <v>4413</v>
      </c>
      <c r="J3913" t="s">
        <v>756</v>
      </c>
      <c r="K3913">
        <v>19</v>
      </c>
      <c r="L3913" t="s">
        <v>2998</v>
      </c>
      <c r="M3913">
        <v>1520</v>
      </c>
      <c r="N3913" t="s">
        <v>654</v>
      </c>
      <c r="O3913">
        <v>3</v>
      </c>
      <c r="P3913" t="s">
        <v>655</v>
      </c>
      <c r="Q3913">
        <v>1</v>
      </c>
      <c r="R3913" t="s">
        <v>656</v>
      </c>
      <c r="S3913">
        <v>2</v>
      </c>
      <c r="T3913" t="s">
        <v>769</v>
      </c>
      <c r="U3913">
        <v>3</v>
      </c>
      <c r="V3913">
        <v>2</v>
      </c>
      <c r="W3913">
        <v>120</v>
      </c>
      <c r="X3913">
        <v>2020</v>
      </c>
    </row>
    <row r="3914" spans="1:24" x14ac:dyDescent="0.25">
      <c r="A3914">
        <v>6959</v>
      </c>
      <c r="B3914" t="s">
        <v>14</v>
      </c>
      <c r="C3914">
        <v>20</v>
      </c>
      <c r="D3914" t="s">
        <v>553</v>
      </c>
      <c r="E3914">
        <v>150</v>
      </c>
      <c r="F3914" t="s">
        <v>651</v>
      </c>
      <c r="G3914">
        <v>160</v>
      </c>
      <c r="H3914" t="s">
        <v>739</v>
      </c>
      <c r="I3914">
        <v>4413</v>
      </c>
      <c r="J3914" t="s">
        <v>756</v>
      </c>
      <c r="K3914">
        <v>19</v>
      </c>
      <c r="L3914" t="s">
        <v>2999</v>
      </c>
      <c r="M3914">
        <v>1518</v>
      </c>
      <c r="N3914" t="s">
        <v>654</v>
      </c>
      <c r="O3914">
        <v>3</v>
      </c>
      <c r="P3914" t="s">
        <v>655</v>
      </c>
      <c r="Q3914">
        <v>1</v>
      </c>
      <c r="R3914" t="s">
        <v>656</v>
      </c>
      <c r="S3914">
        <v>2</v>
      </c>
      <c r="T3914" t="s">
        <v>661</v>
      </c>
      <c r="U3914">
        <v>8</v>
      </c>
      <c r="V3914">
        <v>2</v>
      </c>
      <c r="W3914">
        <v>120</v>
      </c>
      <c r="X3914">
        <v>2020</v>
      </c>
    </row>
    <row r="3915" spans="1:24" x14ac:dyDescent="0.25">
      <c r="A3915">
        <v>6958</v>
      </c>
      <c r="B3915" t="s">
        <v>14</v>
      </c>
      <c r="C3915">
        <v>20</v>
      </c>
      <c r="D3915" t="s">
        <v>553</v>
      </c>
      <c r="E3915">
        <v>150</v>
      </c>
      <c r="F3915" t="s">
        <v>651</v>
      </c>
      <c r="G3915">
        <v>160</v>
      </c>
      <c r="H3915" t="s">
        <v>739</v>
      </c>
      <c r="I3915">
        <v>4413</v>
      </c>
      <c r="J3915" t="s">
        <v>756</v>
      </c>
      <c r="K3915">
        <v>19</v>
      </c>
      <c r="L3915" t="s">
        <v>3000</v>
      </c>
      <c r="M3915">
        <v>1517</v>
      </c>
      <c r="N3915" t="s">
        <v>654</v>
      </c>
      <c r="O3915">
        <v>3</v>
      </c>
      <c r="P3915" t="s">
        <v>655</v>
      </c>
      <c r="Q3915">
        <v>1</v>
      </c>
      <c r="R3915" t="s">
        <v>656</v>
      </c>
      <c r="S3915">
        <v>2</v>
      </c>
      <c r="T3915" t="s">
        <v>661</v>
      </c>
      <c r="U3915">
        <v>8</v>
      </c>
      <c r="V3915">
        <v>2</v>
      </c>
      <c r="W3915">
        <v>120</v>
      </c>
      <c r="X3915">
        <v>2020</v>
      </c>
    </row>
    <row r="3916" spans="1:24" x14ac:dyDescent="0.25">
      <c r="A3916">
        <v>6956</v>
      </c>
      <c r="B3916" t="s">
        <v>14</v>
      </c>
      <c r="C3916">
        <v>20</v>
      </c>
      <c r="D3916" t="s">
        <v>556</v>
      </c>
      <c r="E3916">
        <v>146</v>
      </c>
      <c r="F3916" t="s">
        <v>651</v>
      </c>
      <c r="G3916">
        <v>160</v>
      </c>
      <c r="H3916" t="s">
        <v>739</v>
      </c>
      <c r="I3916">
        <v>4413</v>
      </c>
      <c r="J3916" t="s">
        <v>756</v>
      </c>
      <c r="K3916">
        <v>19</v>
      </c>
      <c r="L3916" t="s">
        <v>3001</v>
      </c>
      <c r="M3916">
        <v>1515</v>
      </c>
      <c r="N3916" t="s">
        <v>654</v>
      </c>
      <c r="O3916">
        <v>3</v>
      </c>
      <c r="P3916" t="s">
        <v>655</v>
      </c>
      <c r="Q3916">
        <v>1</v>
      </c>
      <c r="R3916" t="s">
        <v>656</v>
      </c>
      <c r="S3916">
        <v>2</v>
      </c>
      <c r="T3916" t="s">
        <v>657</v>
      </c>
      <c r="U3916">
        <v>7</v>
      </c>
      <c r="V3916">
        <v>2</v>
      </c>
      <c r="W3916">
        <v>120</v>
      </c>
      <c r="X3916">
        <v>2020</v>
      </c>
    </row>
    <row r="3917" spans="1:24" x14ac:dyDescent="0.25">
      <c r="A3917">
        <v>6955</v>
      </c>
      <c r="B3917" t="s">
        <v>14</v>
      </c>
      <c r="C3917">
        <v>20</v>
      </c>
      <c r="D3917" t="s">
        <v>553</v>
      </c>
      <c r="E3917">
        <v>150</v>
      </c>
      <c r="F3917" t="s">
        <v>651</v>
      </c>
      <c r="G3917">
        <v>160</v>
      </c>
      <c r="H3917" t="s">
        <v>739</v>
      </c>
      <c r="I3917">
        <v>4413</v>
      </c>
      <c r="J3917" t="s">
        <v>756</v>
      </c>
      <c r="K3917">
        <v>19</v>
      </c>
      <c r="L3917" t="s">
        <v>3002</v>
      </c>
      <c r="M3917">
        <v>1514</v>
      </c>
      <c r="N3917" t="s">
        <v>654</v>
      </c>
      <c r="O3917">
        <v>3</v>
      </c>
      <c r="P3917" t="s">
        <v>655</v>
      </c>
      <c r="Q3917">
        <v>1</v>
      </c>
      <c r="R3917" t="s">
        <v>656</v>
      </c>
      <c r="S3917">
        <v>2</v>
      </c>
      <c r="T3917" t="s">
        <v>661</v>
      </c>
      <c r="U3917">
        <v>8</v>
      </c>
      <c r="V3917">
        <v>2</v>
      </c>
      <c r="W3917">
        <v>120</v>
      </c>
      <c r="X3917">
        <v>2020</v>
      </c>
    </row>
    <row r="3918" spans="1:24" x14ac:dyDescent="0.25">
      <c r="A3918">
        <v>6954</v>
      </c>
      <c r="B3918" t="s">
        <v>14</v>
      </c>
      <c r="C3918">
        <v>20</v>
      </c>
      <c r="D3918" t="s">
        <v>553</v>
      </c>
      <c r="E3918">
        <v>150</v>
      </c>
      <c r="F3918" t="s">
        <v>651</v>
      </c>
      <c r="G3918">
        <v>160</v>
      </c>
      <c r="H3918" t="s">
        <v>739</v>
      </c>
      <c r="I3918">
        <v>4413</v>
      </c>
      <c r="J3918" t="s">
        <v>756</v>
      </c>
      <c r="K3918">
        <v>19</v>
      </c>
      <c r="L3918" t="s">
        <v>3003</v>
      </c>
      <c r="M3918">
        <v>1513</v>
      </c>
      <c r="N3918" t="s">
        <v>654</v>
      </c>
      <c r="O3918">
        <v>3</v>
      </c>
      <c r="P3918" t="s">
        <v>655</v>
      </c>
      <c r="Q3918">
        <v>1</v>
      </c>
      <c r="R3918" t="s">
        <v>656</v>
      </c>
      <c r="S3918">
        <v>2</v>
      </c>
      <c r="T3918" t="s">
        <v>661</v>
      </c>
      <c r="U3918">
        <v>8</v>
      </c>
      <c r="V3918">
        <v>2</v>
      </c>
      <c r="W3918">
        <v>120</v>
      </c>
      <c r="X3918">
        <v>2020</v>
      </c>
    </row>
    <row r="3919" spans="1:24" x14ac:dyDescent="0.25">
      <c r="A3919">
        <v>6953</v>
      </c>
      <c r="B3919" t="s">
        <v>14</v>
      </c>
      <c r="C3919">
        <v>20</v>
      </c>
      <c r="D3919" t="s">
        <v>556</v>
      </c>
      <c r="E3919">
        <v>146</v>
      </c>
      <c r="F3919" t="s">
        <v>651</v>
      </c>
      <c r="G3919">
        <v>160</v>
      </c>
      <c r="H3919" t="s">
        <v>739</v>
      </c>
      <c r="I3919">
        <v>4413</v>
      </c>
      <c r="J3919" t="s">
        <v>802</v>
      </c>
      <c r="K3919">
        <v>12</v>
      </c>
      <c r="L3919" t="s">
        <v>3004</v>
      </c>
      <c r="M3919">
        <v>1512</v>
      </c>
      <c r="N3919" t="s">
        <v>654</v>
      </c>
      <c r="O3919">
        <v>3</v>
      </c>
      <c r="P3919" t="s">
        <v>655</v>
      </c>
      <c r="Q3919">
        <v>1</v>
      </c>
      <c r="R3919" t="s">
        <v>656</v>
      </c>
      <c r="S3919">
        <v>2</v>
      </c>
      <c r="T3919" t="s">
        <v>661</v>
      </c>
      <c r="U3919">
        <v>8</v>
      </c>
      <c r="V3919">
        <v>2</v>
      </c>
      <c r="W3919">
        <v>120</v>
      </c>
      <c r="X3919">
        <v>2020</v>
      </c>
    </row>
    <row r="3920" spans="1:24" x14ac:dyDescent="0.25">
      <c r="A3920">
        <v>6952</v>
      </c>
      <c r="B3920" t="s">
        <v>14</v>
      </c>
      <c r="C3920">
        <v>20</v>
      </c>
      <c r="D3920" t="s">
        <v>556</v>
      </c>
      <c r="E3920">
        <v>146</v>
      </c>
      <c r="F3920" t="s">
        <v>651</v>
      </c>
      <c r="G3920">
        <v>160</v>
      </c>
      <c r="H3920" t="s">
        <v>739</v>
      </c>
      <c r="I3920">
        <v>4413</v>
      </c>
      <c r="J3920" t="s">
        <v>802</v>
      </c>
      <c r="K3920">
        <v>12</v>
      </c>
      <c r="L3920" t="s">
        <v>3005</v>
      </c>
      <c r="M3920">
        <v>1511</v>
      </c>
      <c r="N3920" t="s">
        <v>654</v>
      </c>
      <c r="O3920">
        <v>3</v>
      </c>
      <c r="P3920" t="s">
        <v>655</v>
      </c>
      <c r="Q3920">
        <v>1</v>
      </c>
      <c r="R3920" t="s">
        <v>656</v>
      </c>
      <c r="S3920">
        <v>2</v>
      </c>
      <c r="T3920" t="s">
        <v>661</v>
      </c>
      <c r="U3920">
        <v>8</v>
      </c>
      <c r="V3920">
        <v>2</v>
      </c>
      <c r="W3920">
        <v>120</v>
      </c>
      <c r="X3920">
        <v>2020</v>
      </c>
    </row>
    <row r="3921" spans="1:24" x14ac:dyDescent="0.25">
      <c r="A3921">
        <v>6951</v>
      </c>
      <c r="B3921" t="s">
        <v>14</v>
      </c>
      <c r="C3921">
        <v>20</v>
      </c>
      <c r="D3921" t="s">
        <v>556</v>
      </c>
      <c r="E3921">
        <v>146</v>
      </c>
      <c r="F3921" t="s">
        <v>651</v>
      </c>
      <c r="G3921">
        <v>160</v>
      </c>
      <c r="H3921" t="s">
        <v>739</v>
      </c>
      <c r="I3921">
        <v>4413</v>
      </c>
      <c r="J3921" t="s">
        <v>802</v>
      </c>
      <c r="K3921">
        <v>12</v>
      </c>
      <c r="L3921" t="s">
        <v>3006</v>
      </c>
      <c r="M3921">
        <v>1510</v>
      </c>
      <c r="N3921" t="s">
        <v>654</v>
      </c>
      <c r="O3921">
        <v>3</v>
      </c>
      <c r="P3921" t="s">
        <v>655</v>
      </c>
      <c r="Q3921">
        <v>1</v>
      </c>
      <c r="R3921" t="s">
        <v>656</v>
      </c>
      <c r="S3921">
        <v>2</v>
      </c>
      <c r="T3921" t="s">
        <v>661</v>
      </c>
      <c r="U3921">
        <v>8</v>
      </c>
      <c r="V3921">
        <v>2</v>
      </c>
      <c r="W3921">
        <v>120</v>
      </c>
      <c r="X3921">
        <v>2020</v>
      </c>
    </row>
    <row r="3922" spans="1:24" x14ac:dyDescent="0.25">
      <c r="A3922">
        <v>6950</v>
      </c>
      <c r="B3922" t="s">
        <v>14</v>
      </c>
      <c r="C3922">
        <v>20</v>
      </c>
      <c r="D3922" t="s">
        <v>556</v>
      </c>
      <c r="E3922">
        <v>146</v>
      </c>
      <c r="F3922" t="s">
        <v>651</v>
      </c>
      <c r="G3922">
        <v>160</v>
      </c>
      <c r="H3922" t="s">
        <v>739</v>
      </c>
      <c r="I3922">
        <v>4413</v>
      </c>
      <c r="J3922" t="s">
        <v>802</v>
      </c>
      <c r="K3922">
        <v>12</v>
      </c>
      <c r="L3922" t="s">
        <v>3007</v>
      </c>
      <c r="M3922">
        <v>1509</v>
      </c>
      <c r="N3922" t="s">
        <v>654</v>
      </c>
      <c r="O3922">
        <v>3</v>
      </c>
      <c r="P3922" t="s">
        <v>655</v>
      </c>
      <c r="Q3922">
        <v>1</v>
      </c>
      <c r="R3922" t="s">
        <v>656</v>
      </c>
      <c r="S3922">
        <v>2</v>
      </c>
      <c r="T3922" t="s">
        <v>661</v>
      </c>
      <c r="U3922">
        <v>8</v>
      </c>
      <c r="V3922">
        <v>2</v>
      </c>
      <c r="W3922">
        <v>120</v>
      </c>
      <c r="X3922">
        <v>2020</v>
      </c>
    </row>
    <row r="3923" spans="1:24" x14ac:dyDescent="0.25">
      <c r="A3923">
        <v>6949</v>
      </c>
      <c r="B3923" t="s">
        <v>14</v>
      </c>
      <c r="C3923">
        <v>20</v>
      </c>
      <c r="D3923" t="s">
        <v>556</v>
      </c>
      <c r="E3923">
        <v>146</v>
      </c>
      <c r="F3923" t="s">
        <v>651</v>
      </c>
      <c r="G3923">
        <v>160</v>
      </c>
      <c r="H3923" t="s">
        <v>739</v>
      </c>
      <c r="I3923">
        <v>4413</v>
      </c>
      <c r="J3923" t="s">
        <v>802</v>
      </c>
      <c r="K3923">
        <v>12</v>
      </c>
      <c r="L3923" t="s">
        <v>3008</v>
      </c>
      <c r="M3923">
        <v>1508</v>
      </c>
      <c r="N3923" t="s">
        <v>654</v>
      </c>
      <c r="O3923">
        <v>3</v>
      </c>
      <c r="P3923" t="s">
        <v>655</v>
      </c>
      <c r="Q3923">
        <v>1</v>
      </c>
      <c r="R3923" t="s">
        <v>656</v>
      </c>
      <c r="S3923">
        <v>2</v>
      </c>
      <c r="T3923" t="s">
        <v>657</v>
      </c>
      <c r="U3923">
        <v>7</v>
      </c>
      <c r="V3923">
        <v>2</v>
      </c>
      <c r="W3923">
        <v>120</v>
      </c>
      <c r="X3923">
        <v>2020</v>
      </c>
    </row>
    <row r="3924" spans="1:24" x14ac:dyDescent="0.25">
      <c r="A3924">
        <v>6948</v>
      </c>
      <c r="B3924" t="s">
        <v>14</v>
      </c>
      <c r="C3924">
        <v>20</v>
      </c>
      <c r="D3924" t="s">
        <v>556</v>
      </c>
      <c r="E3924">
        <v>146</v>
      </c>
      <c r="F3924" t="s">
        <v>651</v>
      </c>
      <c r="G3924">
        <v>160</v>
      </c>
      <c r="H3924" t="s">
        <v>739</v>
      </c>
      <c r="I3924">
        <v>4413</v>
      </c>
      <c r="J3924" t="s">
        <v>802</v>
      </c>
      <c r="K3924">
        <v>12</v>
      </c>
      <c r="L3924" t="s">
        <v>3009</v>
      </c>
      <c r="M3924">
        <v>1507</v>
      </c>
      <c r="N3924" t="s">
        <v>654</v>
      </c>
      <c r="O3924">
        <v>3</v>
      </c>
      <c r="P3924" t="s">
        <v>655</v>
      </c>
      <c r="Q3924">
        <v>1</v>
      </c>
      <c r="R3924" t="s">
        <v>656</v>
      </c>
      <c r="S3924">
        <v>2</v>
      </c>
      <c r="T3924" t="s">
        <v>661</v>
      </c>
      <c r="U3924">
        <v>8</v>
      </c>
      <c r="V3924">
        <v>2</v>
      </c>
      <c r="W3924">
        <v>120</v>
      </c>
      <c r="X3924">
        <v>2020</v>
      </c>
    </row>
    <row r="3925" spans="1:24" x14ac:dyDescent="0.25">
      <c r="A3925">
        <v>6947</v>
      </c>
      <c r="B3925" t="s">
        <v>14</v>
      </c>
      <c r="C3925">
        <v>20</v>
      </c>
      <c r="D3925" t="s">
        <v>556</v>
      </c>
      <c r="E3925">
        <v>146</v>
      </c>
      <c r="F3925" t="s">
        <v>651</v>
      </c>
      <c r="G3925">
        <v>160</v>
      </c>
      <c r="H3925" t="s">
        <v>739</v>
      </c>
      <c r="I3925">
        <v>4413</v>
      </c>
      <c r="J3925" t="s">
        <v>866</v>
      </c>
      <c r="K3925">
        <v>9</v>
      </c>
      <c r="L3925" t="s">
        <v>3010</v>
      </c>
      <c r="M3925">
        <v>1506</v>
      </c>
      <c r="N3925" t="s">
        <v>654</v>
      </c>
      <c r="O3925">
        <v>3</v>
      </c>
      <c r="P3925" t="s">
        <v>655</v>
      </c>
      <c r="Q3925">
        <v>1</v>
      </c>
      <c r="R3925" t="s">
        <v>656</v>
      </c>
      <c r="S3925">
        <v>2</v>
      </c>
      <c r="T3925" t="s">
        <v>657</v>
      </c>
      <c r="U3925">
        <v>7</v>
      </c>
      <c r="V3925">
        <v>2</v>
      </c>
      <c r="W3925">
        <v>120</v>
      </c>
      <c r="X3925">
        <v>2020</v>
      </c>
    </row>
    <row r="3926" spans="1:24" x14ac:dyDescent="0.25">
      <c r="A3926">
        <v>6945</v>
      </c>
      <c r="B3926" t="s">
        <v>14</v>
      </c>
      <c r="C3926">
        <v>20</v>
      </c>
      <c r="D3926" t="s">
        <v>556</v>
      </c>
      <c r="E3926">
        <v>146</v>
      </c>
      <c r="F3926" t="s">
        <v>651</v>
      </c>
      <c r="G3926">
        <v>160</v>
      </c>
      <c r="H3926" t="s">
        <v>739</v>
      </c>
      <c r="I3926">
        <v>4413</v>
      </c>
      <c r="J3926" t="s">
        <v>866</v>
      </c>
      <c r="K3926">
        <v>9</v>
      </c>
      <c r="L3926" t="s">
        <v>3011</v>
      </c>
      <c r="M3926">
        <v>1504</v>
      </c>
      <c r="N3926" t="s">
        <v>654</v>
      </c>
      <c r="O3926">
        <v>3</v>
      </c>
      <c r="P3926" t="s">
        <v>655</v>
      </c>
      <c r="Q3926">
        <v>1</v>
      </c>
      <c r="R3926" t="s">
        <v>656</v>
      </c>
      <c r="S3926">
        <v>2</v>
      </c>
      <c r="T3926" t="s">
        <v>661</v>
      </c>
      <c r="U3926">
        <v>8</v>
      </c>
      <c r="V3926">
        <v>2</v>
      </c>
      <c r="W3926">
        <v>120</v>
      </c>
      <c r="X3926">
        <v>2020</v>
      </c>
    </row>
    <row r="3927" spans="1:24" x14ac:dyDescent="0.25">
      <c r="A3927">
        <v>6944</v>
      </c>
      <c r="B3927" t="s">
        <v>14</v>
      </c>
      <c r="C3927">
        <v>20</v>
      </c>
      <c r="D3927" t="s">
        <v>556</v>
      </c>
      <c r="E3927">
        <v>146</v>
      </c>
      <c r="F3927" t="s">
        <v>651</v>
      </c>
      <c r="G3927">
        <v>160</v>
      </c>
      <c r="H3927" t="s">
        <v>739</v>
      </c>
      <c r="I3927">
        <v>4413</v>
      </c>
      <c r="J3927" t="s">
        <v>866</v>
      </c>
      <c r="K3927">
        <v>9</v>
      </c>
      <c r="L3927" t="s">
        <v>3012</v>
      </c>
      <c r="M3927">
        <v>1503</v>
      </c>
      <c r="N3927" t="s">
        <v>654</v>
      </c>
      <c r="O3927">
        <v>3</v>
      </c>
      <c r="P3927" t="s">
        <v>655</v>
      </c>
      <c r="Q3927">
        <v>1</v>
      </c>
      <c r="R3927" t="s">
        <v>656</v>
      </c>
      <c r="S3927">
        <v>2</v>
      </c>
      <c r="T3927" t="s">
        <v>661</v>
      </c>
      <c r="U3927">
        <v>8</v>
      </c>
      <c r="V3927">
        <v>2</v>
      </c>
      <c r="W3927">
        <v>120</v>
      </c>
      <c r="X3927">
        <v>2020</v>
      </c>
    </row>
    <row r="3928" spans="1:24" x14ac:dyDescent="0.25">
      <c r="A3928">
        <v>6941</v>
      </c>
      <c r="B3928" t="s">
        <v>14</v>
      </c>
      <c r="C3928">
        <v>20</v>
      </c>
      <c r="D3928" t="s">
        <v>556</v>
      </c>
      <c r="E3928">
        <v>146</v>
      </c>
      <c r="F3928" t="s">
        <v>651</v>
      </c>
      <c r="G3928">
        <v>160</v>
      </c>
      <c r="H3928" t="s">
        <v>739</v>
      </c>
      <c r="I3928">
        <v>4413</v>
      </c>
      <c r="J3928" t="s">
        <v>895</v>
      </c>
      <c r="K3928">
        <v>13</v>
      </c>
      <c r="L3928" t="s">
        <v>3013</v>
      </c>
      <c r="M3928">
        <v>1500</v>
      </c>
      <c r="N3928" t="s">
        <v>654</v>
      </c>
      <c r="O3928">
        <v>3</v>
      </c>
      <c r="P3928" t="s">
        <v>655</v>
      </c>
      <c r="Q3928">
        <v>1</v>
      </c>
      <c r="R3928" t="s">
        <v>656</v>
      </c>
      <c r="S3928">
        <v>2</v>
      </c>
      <c r="T3928" t="s">
        <v>661</v>
      </c>
      <c r="U3928">
        <v>8</v>
      </c>
      <c r="V3928">
        <v>2</v>
      </c>
      <c r="W3928">
        <v>120</v>
      </c>
      <c r="X3928">
        <v>2020</v>
      </c>
    </row>
    <row r="3929" spans="1:24" x14ac:dyDescent="0.25">
      <c r="A3929">
        <v>6940</v>
      </c>
      <c r="B3929" t="s">
        <v>14</v>
      </c>
      <c r="C3929">
        <v>20</v>
      </c>
      <c r="D3929" t="s">
        <v>426</v>
      </c>
      <c r="E3929">
        <v>145</v>
      </c>
      <c r="F3929" t="s">
        <v>651</v>
      </c>
      <c r="G3929">
        <v>160</v>
      </c>
      <c r="H3929" t="s">
        <v>739</v>
      </c>
      <c r="I3929">
        <v>4413</v>
      </c>
      <c r="J3929" t="s">
        <v>895</v>
      </c>
      <c r="K3929">
        <v>13</v>
      </c>
      <c r="L3929" t="s">
        <v>3014</v>
      </c>
      <c r="M3929">
        <v>1499</v>
      </c>
      <c r="N3929" t="s">
        <v>654</v>
      </c>
      <c r="O3929">
        <v>3</v>
      </c>
      <c r="P3929" t="s">
        <v>655</v>
      </c>
      <c r="Q3929">
        <v>1</v>
      </c>
      <c r="R3929" t="s">
        <v>656</v>
      </c>
      <c r="S3929">
        <v>2</v>
      </c>
      <c r="T3929" t="s">
        <v>657</v>
      </c>
      <c r="U3929">
        <v>7</v>
      </c>
      <c r="V3929">
        <v>2</v>
      </c>
      <c r="W3929">
        <v>120</v>
      </c>
      <c r="X3929">
        <v>2020</v>
      </c>
    </row>
    <row r="3930" spans="1:24" x14ac:dyDescent="0.25">
      <c r="A3930">
        <v>6939</v>
      </c>
      <c r="B3930" t="s">
        <v>14</v>
      </c>
      <c r="C3930">
        <v>20</v>
      </c>
      <c r="D3930" t="s">
        <v>426</v>
      </c>
      <c r="E3930">
        <v>145</v>
      </c>
      <c r="F3930" t="s">
        <v>651</v>
      </c>
      <c r="G3930">
        <v>160</v>
      </c>
      <c r="H3930" t="s">
        <v>739</v>
      </c>
      <c r="I3930">
        <v>4413</v>
      </c>
      <c r="J3930" t="s">
        <v>663</v>
      </c>
      <c r="K3930">
        <v>99</v>
      </c>
      <c r="L3930" t="s">
        <v>3015</v>
      </c>
      <c r="M3930">
        <v>1498</v>
      </c>
      <c r="N3930" t="s">
        <v>654</v>
      </c>
      <c r="O3930">
        <v>3</v>
      </c>
      <c r="P3930" t="s">
        <v>655</v>
      </c>
      <c r="Q3930">
        <v>1</v>
      </c>
      <c r="R3930" t="s">
        <v>656</v>
      </c>
      <c r="S3930">
        <v>2</v>
      </c>
      <c r="T3930" t="s">
        <v>3016</v>
      </c>
      <c r="U3930">
        <v>337</v>
      </c>
      <c r="V3930">
        <v>2</v>
      </c>
      <c r="W3930">
        <v>120</v>
      </c>
      <c r="X3930">
        <v>2020</v>
      </c>
    </row>
    <row r="3931" spans="1:24" x14ac:dyDescent="0.25">
      <c r="A3931">
        <v>6938</v>
      </c>
      <c r="B3931" t="s">
        <v>14</v>
      </c>
      <c r="C3931">
        <v>20</v>
      </c>
      <c r="D3931" t="s">
        <v>426</v>
      </c>
      <c r="E3931">
        <v>145</v>
      </c>
      <c r="F3931" t="s">
        <v>651</v>
      </c>
      <c r="G3931">
        <v>160</v>
      </c>
      <c r="H3931" t="s">
        <v>739</v>
      </c>
      <c r="I3931">
        <v>4413</v>
      </c>
      <c r="J3931" t="s">
        <v>663</v>
      </c>
      <c r="K3931">
        <v>99</v>
      </c>
      <c r="L3931" t="s">
        <v>3017</v>
      </c>
      <c r="M3931">
        <v>1497</v>
      </c>
      <c r="N3931" t="s">
        <v>654</v>
      </c>
      <c r="O3931">
        <v>3</v>
      </c>
      <c r="P3931" t="s">
        <v>655</v>
      </c>
      <c r="Q3931">
        <v>1</v>
      </c>
      <c r="R3931" t="s">
        <v>656</v>
      </c>
      <c r="S3931">
        <v>2</v>
      </c>
      <c r="T3931" t="s">
        <v>3016</v>
      </c>
      <c r="U3931">
        <v>337</v>
      </c>
      <c r="V3931">
        <v>2</v>
      </c>
      <c r="W3931">
        <v>120</v>
      </c>
      <c r="X3931">
        <v>2020</v>
      </c>
    </row>
    <row r="3932" spans="1:24" x14ac:dyDescent="0.25">
      <c r="A3932">
        <v>6937</v>
      </c>
      <c r="B3932" t="s">
        <v>14</v>
      </c>
      <c r="C3932">
        <v>20</v>
      </c>
      <c r="D3932" t="s">
        <v>426</v>
      </c>
      <c r="E3932">
        <v>145</v>
      </c>
      <c r="F3932" t="s">
        <v>651</v>
      </c>
      <c r="G3932">
        <v>160</v>
      </c>
      <c r="H3932" t="s">
        <v>739</v>
      </c>
      <c r="I3932">
        <v>4413</v>
      </c>
      <c r="J3932" t="s">
        <v>663</v>
      </c>
      <c r="K3932">
        <v>99</v>
      </c>
      <c r="L3932" t="s">
        <v>3018</v>
      </c>
      <c r="M3932">
        <v>871</v>
      </c>
      <c r="N3932" t="s">
        <v>654</v>
      </c>
      <c r="O3932">
        <v>3</v>
      </c>
      <c r="P3932" t="s">
        <v>655</v>
      </c>
      <c r="Q3932">
        <v>1</v>
      </c>
      <c r="R3932" t="s">
        <v>656</v>
      </c>
      <c r="S3932">
        <v>2</v>
      </c>
      <c r="T3932" t="s">
        <v>661</v>
      </c>
      <c r="U3932">
        <v>8</v>
      </c>
      <c r="V3932">
        <v>2</v>
      </c>
      <c r="W3932">
        <v>120</v>
      </c>
      <c r="X3932">
        <v>2020</v>
      </c>
    </row>
    <row r="3933" spans="1:24" x14ac:dyDescent="0.25">
      <c r="A3933">
        <v>6936</v>
      </c>
      <c r="B3933" t="s">
        <v>14</v>
      </c>
      <c r="C3933">
        <v>20</v>
      </c>
      <c r="D3933" t="s">
        <v>426</v>
      </c>
      <c r="E3933">
        <v>145</v>
      </c>
      <c r="F3933" t="s">
        <v>651</v>
      </c>
      <c r="G3933">
        <v>160</v>
      </c>
      <c r="H3933" t="s">
        <v>739</v>
      </c>
      <c r="I3933">
        <v>4413</v>
      </c>
      <c r="J3933" t="s">
        <v>663</v>
      </c>
      <c r="K3933">
        <v>99</v>
      </c>
      <c r="L3933" t="s">
        <v>3019</v>
      </c>
      <c r="M3933">
        <v>1496</v>
      </c>
      <c r="N3933" t="s">
        <v>654</v>
      </c>
      <c r="O3933">
        <v>3</v>
      </c>
      <c r="P3933" t="s">
        <v>655</v>
      </c>
      <c r="Q3933">
        <v>1</v>
      </c>
      <c r="R3933" t="s">
        <v>656</v>
      </c>
      <c r="S3933">
        <v>2</v>
      </c>
      <c r="T3933" t="s">
        <v>718</v>
      </c>
      <c r="U3933">
        <v>2</v>
      </c>
      <c r="V3933">
        <v>2</v>
      </c>
      <c r="W3933">
        <v>120</v>
      </c>
      <c r="X3933">
        <v>2020</v>
      </c>
    </row>
    <row r="3934" spans="1:24" x14ac:dyDescent="0.25">
      <c r="A3934">
        <v>6935</v>
      </c>
      <c r="B3934" t="s">
        <v>14</v>
      </c>
      <c r="C3934">
        <v>20</v>
      </c>
      <c r="D3934" t="s">
        <v>426</v>
      </c>
      <c r="E3934">
        <v>145</v>
      </c>
      <c r="F3934" t="s">
        <v>651</v>
      </c>
      <c r="G3934">
        <v>160</v>
      </c>
      <c r="H3934" t="s">
        <v>739</v>
      </c>
      <c r="I3934">
        <v>4413</v>
      </c>
      <c r="J3934" t="s">
        <v>663</v>
      </c>
      <c r="K3934">
        <v>99</v>
      </c>
      <c r="L3934" t="s">
        <v>3020</v>
      </c>
      <c r="M3934">
        <v>1495</v>
      </c>
      <c r="N3934" t="s">
        <v>654</v>
      </c>
      <c r="O3934">
        <v>3</v>
      </c>
      <c r="P3934" t="s">
        <v>655</v>
      </c>
      <c r="Q3934">
        <v>1</v>
      </c>
      <c r="R3934" t="s">
        <v>656</v>
      </c>
      <c r="S3934">
        <v>2</v>
      </c>
      <c r="T3934" t="s">
        <v>657</v>
      </c>
      <c r="U3934">
        <v>7</v>
      </c>
      <c r="V3934">
        <v>2</v>
      </c>
      <c r="W3934">
        <v>120</v>
      </c>
      <c r="X3934">
        <v>2020</v>
      </c>
    </row>
    <row r="3935" spans="1:24" x14ac:dyDescent="0.25">
      <c r="A3935">
        <v>6934</v>
      </c>
      <c r="B3935" t="s">
        <v>14</v>
      </c>
      <c r="C3935">
        <v>20</v>
      </c>
      <c r="D3935" t="s">
        <v>426</v>
      </c>
      <c r="E3935">
        <v>145</v>
      </c>
      <c r="F3935" t="s">
        <v>651</v>
      </c>
      <c r="G3935">
        <v>160</v>
      </c>
      <c r="H3935" t="s">
        <v>739</v>
      </c>
      <c r="I3935">
        <v>4413</v>
      </c>
      <c r="J3935" t="s">
        <v>663</v>
      </c>
      <c r="K3935">
        <v>99</v>
      </c>
      <c r="L3935" t="s">
        <v>3021</v>
      </c>
      <c r="M3935">
        <v>880</v>
      </c>
      <c r="N3935" t="s">
        <v>654</v>
      </c>
      <c r="O3935">
        <v>3</v>
      </c>
      <c r="P3935" t="s">
        <v>655</v>
      </c>
      <c r="Q3935">
        <v>1</v>
      </c>
      <c r="R3935" t="s">
        <v>656</v>
      </c>
      <c r="S3935">
        <v>2</v>
      </c>
      <c r="T3935" t="s">
        <v>718</v>
      </c>
      <c r="U3935">
        <v>2</v>
      </c>
      <c r="V3935">
        <v>2</v>
      </c>
      <c r="W3935">
        <v>120</v>
      </c>
      <c r="X3935">
        <v>2020</v>
      </c>
    </row>
    <row r="3936" spans="1:24" x14ac:dyDescent="0.25">
      <c r="A3936">
        <v>6933</v>
      </c>
      <c r="B3936" t="s">
        <v>14</v>
      </c>
      <c r="C3936">
        <v>20</v>
      </c>
      <c r="D3936" t="s">
        <v>426</v>
      </c>
      <c r="E3936">
        <v>145</v>
      </c>
      <c r="F3936" t="s">
        <v>651</v>
      </c>
      <c r="G3936">
        <v>160</v>
      </c>
      <c r="H3936" t="s">
        <v>739</v>
      </c>
      <c r="I3936">
        <v>4413</v>
      </c>
      <c r="J3936" t="s">
        <v>663</v>
      </c>
      <c r="K3936">
        <v>99</v>
      </c>
      <c r="L3936" t="s">
        <v>3022</v>
      </c>
      <c r="M3936">
        <v>1494</v>
      </c>
      <c r="N3936" t="s">
        <v>654</v>
      </c>
      <c r="O3936">
        <v>3</v>
      </c>
      <c r="P3936" t="s">
        <v>655</v>
      </c>
      <c r="Q3936">
        <v>1</v>
      </c>
      <c r="R3936" t="s">
        <v>656</v>
      </c>
      <c r="S3936">
        <v>2</v>
      </c>
      <c r="T3936" t="s">
        <v>769</v>
      </c>
      <c r="U3936">
        <v>3</v>
      </c>
      <c r="V3936">
        <v>2</v>
      </c>
      <c r="W3936">
        <v>120</v>
      </c>
      <c r="X3936">
        <v>2020</v>
      </c>
    </row>
    <row r="3937" spans="1:24" x14ac:dyDescent="0.25">
      <c r="A3937">
        <v>6930</v>
      </c>
      <c r="B3937" t="s">
        <v>14</v>
      </c>
      <c r="C3937">
        <v>20</v>
      </c>
      <c r="D3937" t="s">
        <v>426</v>
      </c>
      <c r="E3937">
        <v>145</v>
      </c>
      <c r="F3937" t="s">
        <v>651</v>
      </c>
      <c r="G3937">
        <v>160</v>
      </c>
      <c r="H3937" t="s">
        <v>739</v>
      </c>
      <c r="I3937">
        <v>4413</v>
      </c>
      <c r="J3937" t="s">
        <v>663</v>
      </c>
      <c r="K3937">
        <v>99</v>
      </c>
      <c r="L3937" t="s">
        <v>3023</v>
      </c>
      <c r="M3937">
        <v>1491</v>
      </c>
      <c r="N3937" t="s">
        <v>654</v>
      </c>
      <c r="O3937">
        <v>3</v>
      </c>
      <c r="P3937" t="s">
        <v>655</v>
      </c>
      <c r="Q3937">
        <v>1</v>
      </c>
      <c r="R3937" t="s">
        <v>656</v>
      </c>
      <c r="S3937">
        <v>2</v>
      </c>
      <c r="T3937" t="s">
        <v>661</v>
      </c>
      <c r="U3937">
        <v>8</v>
      </c>
      <c r="V3937">
        <v>2</v>
      </c>
      <c r="W3937">
        <v>120</v>
      </c>
      <c r="X3937">
        <v>2020</v>
      </c>
    </row>
    <row r="3938" spans="1:24" x14ac:dyDescent="0.25">
      <c r="A3938">
        <v>6929</v>
      </c>
      <c r="B3938" t="s">
        <v>14</v>
      </c>
      <c r="C3938">
        <v>20</v>
      </c>
      <c r="D3938" t="s">
        <v>426</v>
      </c>
      <c r="E3938">
        <v>145</v>
      </c>
      <c r="F3938" t="s">
        <v>651</v>
      </c>
      <c r="G3938">
        <v>160</v>
      </c>
      <c r="H3938" t="s">
        <v>739</v>
      </c>
      <c r="I3938">
        <v>4413</v>
      </c>
      <c r="J3938" t="s">
        <v>663</v>
      </c>
      <c r="K3938">
        <v>99</v>
      </c>
      <c r="L3938" t="s">
        <v>3024</v>
      </c>
      <c r="M3938">
        <v>1490</v>
      </c>
      <c r="N3938" t="s">
        <v>654</v>
      </c>
      <c r="O3938">
        <v>3</v>
      </c>
      <c r="P3938" t="s">
        <v>655</v>
      </c>
      <c r="Q3938">
        <v>1</v>
      </c>
      <c r="R3938" t="s">
        <v>656</v>
      </c>
      <c r="S3938">
        <v>2</v>
      </c>
      <c r="T3938" t="s">
        <v>661</v>
      </c>
      <c r="U3938">
        <v>8</v>
      </c>
      <c r="V3938">
        <v>2</v>
      </c>
      <c r="W3938">
        <v>120</v>
      </c>
      <c r="X3938">
        <v>2020</v>
      </c>
    </row>
    <row r="3939" spans="1:24" x14ac:dyDescent="0.25">
      <c r="A3939">
        <v>6928</v>
      </c>
      <c r="B3939" t="s">
        <v>14</v>
      </c>
      <c r="C3939">
        <v>20</v>
      </c>
      <c r="D3939" t="s">
        <v>426</v>
      </c>
      <c r="E3939">
        <v>145</v>
      </c>
      <c r="F3939" t="s">
        <v>651</v>
      </c>
      <c r="G3939">
        <v>160</v>
      </c>
      <c r="H3939" t="s">
        <v>739</v>
      </c>
      <c r="I3939">
        <v>4413</v>
      </c>
      <c r="J3939" t="s">
        <v>663</v>
      </c>
      <c r="K3939">
        <v>99</v>
      </c>
      <c r="L3939" t="s">
        <v>3025</v>
      </c>
      <c r="M3939">
        <v>1489</v>
      </c>
      <c r="N3939" t="s">
        <v>654</v>
      </c>
      <c r="O3939">
        <v>3</v>
      </c>
      <c r="P3939" t="s">
        <v>655</v>
      </c>
      <c r="Q3939">
        <v>1</v>
      </c>
      <c r="R3939" t="s">
        <v>656</v>
      </c>
      <c r="S3939">
        <v>2</v>
      </c>
      <c r="T3939" t="s">
        <v>729</v>
      </c>
      <c r="U3939">
        <v>4</v>
      </c>
      <c r="V3939">
        <v>2</v>
      </c>
      <c r="W3939">
        <v>120</v>
      </c>
      <c r="X3939">
        <v>2020</v>
      </c>
    </row>
    <row r="3940" spans="1:24" x14ac:dyDescent="0.25">
      <c r="A3940">
        <v>6927</v>
      </c>
      <c r="B3940" t="s">
        <v>14</v>
      </c>
      <c r="C3940">
        <v>20</v>
      </c>
      <c r="D3940" t="s">
        <v>426</v>
      </c>
      <c r="E3940">
        <v>145</v>
      </c>
      <c r="F3940" t="s">
        <v>651</v>
      </c>
      <c r="G3940">
        <v>160</v>
      </c>
      <c r="H3940" t="s">
        <v>739</v>
      </c>
      <c r="I3940">
        <v>4413</v>
      </c>
      <c r="J3940" t="s">
        <v>663</v>
      </c>
      <c r="K3940">
        <v>99</v>
      </c>
      <c r="L3940" t="s">
        <v>3026</v>
      </c>
      <c r="M3940">
        <v>1488</v>
      </c>
      <c r="N3940" t="s">
        <v>654</v>
      </c>
      <c r="O3940">
        <v>3</v>
      </c>
      <c r="P3940" t="s">
        <v>655</v>
      </c>
      <c r="Q3940">
        <v>1</v>
      </c>
      <c r="R3940" t="s">
        <v>656</v>
      </c>
      <c r="S3940">
        <v>2</v>
      </c>
      <c r="T3940" t="s">
        <v>1009</v>
      </c>
      <c r="U3940">
        <v>35</v>
      </c>
      <c r="V3940">
        <v>2</v>
      </c>
      <c r="W3940">
        <v>120</v>
      </c>
      <c r="X3940">
        <v>2020</v>
      </c>
    </row>
    <row r="3941" spans="1:24" x14ac:dyDescent="0.25">
      <c r="A3941">
        <v>6926</v>
      </c>
      <c r="B3941" t="s">
        <v>14</v>
      </c>
      <c r="C3941">
        <v>20</v>
      </c>
      <c r="D3941" t="s">
        <v>426</v>
      </c>
      <c r="E3941">
        <v>145</v>
      </c>
      <c r="F3941" t="s">
        <v>651</v>
      </c>
      <c r="G3941">
        <v>160</v>
      </c>
      <c r="H3941" t="s">
        <v>739</v>
      </c>
      <c r="I3941">
        <v>4413</v>
      </c>
      <c r="J3941" t="s">
        <v>663</v>
      </c>
      <c r="K3941">
        <v>99</v>
      </c>
      <c r="L3941" t="s">
        <v>3027</v>
      </c>
      <c r="M3941">
        <v>1487</v>
      </c>
      <c r="N3941" t="s">
        <v>654</v>
      </c>
      <c r="O3941">
        <v>3</v>
      </c>
      <c r="P3941" t="s">
        <v>655</v>
      </c>
      <c r="Q3941">
        <v>1</v>
      </c>
      <c r="R3941" t="s">
        <v>656</v>
      </c>
      <c r="S3941">
        <v>2</v>
      </c>
      <c r="T3941" t="s">
        <v>3028</v>
      </c>
      <c r="U3941">
        <v>336</v>
      </c>
      <c r="V3941">
        <v>2</v>
      </c>
      <c r="W3941">
        <v>120</v>
      </c>
      <c r="X3941">
        <v>2020</v>
      </c>
    </row>
    <row r="3942" spans="1:24" x14ac:dyDescent="0.25">
      <c r="A3942">
        <v>6925</v>
      </c>
      <c r="B3942" t="s">
        <v>14</v>
      </c>
      <c r="C3942">
        <v>20</v>
      </c>
      <c r="D3942" t="s">
        <v>11</v>
      </c>
      <c r="E3942">
        <v>144</v>
      </c>
      <c r="F3942" t="s">
        <v>651</v>
      </c>
      <c r="G3942">
        <v>160</v>
      </c>
      <c r="H3942" t="s">
        <v>739</v>
      </c>
      <c r="I3942">
        <v>4413</v>
      </c>
      <c r="J3942" t="s">
        <v>65</v>
      </c>
      <c r="K3942">
        <v>15</v>
      </c>
      <c r="L3942" t="s">
        <v>740</v>
      </c>
      <c r="M3942">
        <v>1169</v>
      </c>
      <c r="N3942" t="s">
        <v>654</v>
      </c>
      <c r="O3942">
        <v>3</v>
      </c>
      <c r="P3942" t="s">
        <v>655</v>
      </c>
      <c r="Q3942">
        <v>1</v>
      </c>
      <c r="R3942" t="s">
        <v>656</v>
      </c>
      <c r="S3942">
        <v>2</v>
      </c>
      <c r="T3942" t="s">
        <v>661</v>
      </c>
      <c r="U3942">
        <v>8</v>
      </c>
      <c r="V3942">
        <v>1</v>
      </c>
      <c r="W3942">
        <v>60</v>
      </c>
      <c r="X3942">
        <v>2020</v>
      </c>
    </row>
    <row r="3943" spans="1:24" x14ac:dyDescent="0.25">
      <c r="A3943">
        <v>6924</v>
      </c>
      <c r="B3943" t="s">
        <v>14</v>
      </c>
      <c r="C3943">
        <v>20</v>
      </c>
      <c r="D3943" t="s">
        <v>11</v>
      </c>
      <c r="E3943">
        <v>144</v>
      </c>
      <c r="F3943" t="s">
        <v>651</v>
      </c>
      <c r="G3943">
        <v>160</v>
      </c>
      <c r="H3943" t="s">
        <v>739</v>
      </c>
      <c r="I3943">
        <v>4413</v>
      </c>
      <c r="J3943" t="s">
        <v>65</v>
      </c>
      <c r="K3943">
        <v>15</v>
      </c>
      <c r="L3943" t="s">
        <v>3029</v>
      </c>
      <c r="M3943">
        <v>1486</v>
      </c>
      <c r="N3943" t="s">
        <v>654</v>
      </c>
      <c r="O3943">
        <v>3</v>
      </c>
      <c r="P3943" t="s">
        <v>655</v>
      </c>
      <c r="Q3943">
        <v>1</v>
      </c>
      <c r="R3943" t="s">
        <v>656</v>
      </c>
      <c r="S3943">
        <v>2</v>
      </c>
      <c r="T3943" t="s">
        <v>718</v>
      </c>
      <c r="U3943">
        <v>2</v>
      </c>
      <c r="V3943">
        <v>1</v>
      </c>
      <c r="W3943">
        <v>60</v>
      </c>
      <c r="X3943">
        <v>2020</v>
      </c>
    </row>
    <row r="3944" spans="1:24" x14ac:dyDescent="0.25">
      <c r="A3944">
        <v>6922</v>
      </c>
      <c r="B3944" t="s">
        <v>14</v>
      </c>
      <c r="C3944">
        <v>20</v>
      </c>
      <c r="D3944" t="s">
        <v>11</v>
      </c>
      <c r="E3944">
        <v>144</v>
      </c>
      <c r="F3944" t="s">
        <v>651</v>
      </c>
      <c r="G3944">
        <v>160</v>
      </c>
      <c r="H3944" t="s">
        <v>739</v>
      </c>
      <c r="I3944">
        <v>4413</v>
      </c>
      <c r="J3944" t="s">
        <v>65</v>
      </c>
      <c r="K3944">
        <v>15</v>
      </c>
      <c r="L3944" t="s">
        <v>3030</v>
      </c>
      <c r="M3944">
        <v>1167</v>
      </c>
      <c r="N3944" t="s">
        <v>654</v>
      </c>
      <c r="O3944">
        <v>3</v>
      </c>
      <c r="P3944" t="s">
        <v>655</v>
      </c>
      <c r="Q3944">
        <v>1</v>
      </c>
      <c r="R3944" t="s">
        <v>656</v>
      </c>
      <c r="S3944">
        <v>2</v>
      </c>
      <c r="T3944" t="s">
        <v>661</v>
      </c>
      <c r="U3944">
        <v>8</v>
      </c>
      <c r="V3944">
        <v>1</v>
      </c>
      <c r="W3944">
        <v>60</v>
      </c>
      <c r="X3944">
        <v>2020</v>
      </c>
    </row>
    <row r="3945" spans="1:24" x14ac:dyDescent="0.25">
      <c r="A3945">
        <v>6921</v>
      </c>
      <c r="B3945" t="s">
        <v>14</v>
      </c>
      <c r="C3945">
        <v>20</v>
      </c>
      <c r="D3945" t="s">
        <v>11</v>
      </c>
      <c r="E3945">
        <v>144</v>
      </c>
      <c r="F3945" t="s">
        <v>651</v>
      </c>
      <c r="G3945">
        <v>160</v>
      </c>
      <c r="H3945" t="s">
        <v>739</v>
      </c>
      <c r="I3945">
        <v>4413</v>
      </c>
      <c r="J3945" t="s">
        <v>65</v>
      </c>
      <c r="K3945">
        <v>15</v>
      </c>
      <c r="L3945" t="s">
        <v>3031</v>
      </c>
      <c r="M3945">
        <v>1484</v>
      </c>
      <c r="N3945" t="s">
        <v>654</v>
      </c>
      <c r="O3945">
        <v>3</v>
      </c>
      <c r="P3945" t="s">
        <v>655</v>
      </c>
      <c r="Q3945">
        <v>1</v>
      </c>
      <c r="R3945" t="s">
        <v>656</v>
      </c>
      <c r="S3945">
        <v>2</v>
      </c>
      <c r="T3945" t="s">
        <v>661</v>
      </c>
      <c r="U3945">
        <v>8</v>
      </c>
      <c r="V3945">
        <v>1</v>
      </c>
      <c r="W3945">
        <v>60</v>
      </c>
      <c r="X3945">
        <v>2020</v>
      </c>
    </row>
    <row r="3946" spans="1:24" x14ac:dyDescent="0.25">
      <c r="A3946">
        <v>6920</v>
      </c>
      <c r="B3946" t="s">
        <v>14</v>
      </c>
      <c r="C3946">
        <v>20</v>
      </c>
      <c r="D3946" t="s">
        <v>11</v>
      </c>
      <c r="E3946">
        <v>144</v>
      </c>
      <c r="F3946" t="s">
        <v>651</v>
      </c>
      <c r="G3946">
        <v>160</v>
      </c>
      <c r="H3946" t="s">
        <v>739</v>
      </c>
      <c r="I3946">
        <v>4413</v>
      </c>
      <c r="J3946" t="s">
        <v>65</v>
      </c>
      <c r="K3946">
        <v>15</v>
      </c>
      <c r="L3946" t="s">
        <v>3032</v>
      </c>
      <c r="M3946">
        <v>1483</v>
      </c>
      <c r="N3946" t="s">
        <v>654</v>
      </c>
      <c r="O3946">
        <v>3</v>
      </c>
      <c r="P3946" t="s">
        <v>655</v>
      </c>
      <c r="Q3946">
        <v>1</v>
      </c>
      <c r="R3946" t="s">
        <v>656</v>
      </c>
      <c r="S3946">
        <v>2</v>
      </c>
      <c r="T3946" t="s">
        <v>769</v>
      </c>
      <c r="U3946">
        <v>3</v>
      </c>
      <c r="V3946">
        <v>1</v>
      </c>
      <c r="W3946">
        <v>60</v>
      </c>
      <c r="X3946">
        <v>2020</v>
      </c>
    </row>
    <row r="3947" spans="1:24" x14ac:dyDescent="0.25">
      <c r="A3947">
        <v>6919</v>
      </c>
      <c r="B3947" t="s">
        <v>14</v>
      </c>
      <c r="C3947">
        <v>20</v>
      </c>
      <c r="D3947" t="s">
        <v>11</v>
      </c>
      <c r="E3947">
        <v>144</v>
      </c>
      <c r="F3947" t="s">
        <v>651</v>
      </c>
      <c r="G3947">
        <v>160</v>
      </c>
      <c r="H3947" t="s">
        <v>739</v>
      </c>
      <c r="I3947">
        <v>4413</v>
      </c>
      <c r="J3947" t="s">
        <v>65</v>
      </c>
      <c r="K3947">
        <v>15</v>
      </c>
      <c r="L3947" t="s">
        <v>3033</v>
      </c>
      <c r="M3947">
        <v>1482</v>
      </c>
      <c r="N3947" t="s">
        <v>654</v>
      </c>
      <c r="O3947">
        <v>3</v>
      </c>
      <c r="P3947" t="s">
        <v>655</v>
      </c>
      <c r="Q3947">
        <v>1</v>
      </c>
      <c r="R3947" t="s">
        <v>656</v>
      </c>
      <c r="S3947">
        <v>2</v>
      </c>
      <c r="T3947" t="s">
        <v>657</v>
      </c>
      <c r="U3947">
        <v>7</v>
      </c>
      <c r="V3947">
        <v>1</v>
      </c>
      <c r="W3947">
        <v>60</v>
      </c>
      <c r="X3947">
        <v>2020</v>
      </c>
    </row>
    <row r="3948" spans="1:24" x14ac:dyDescent="0.25">
      <c r="A3948">
        <v>6917</v>
      </c>
      <c r="B3948" t="s">
        <v>14</v>
      </c>
      <c r="C3948">
        <v>20</v>
      </c>
      <c r="D3948" t="s">
        <v>557</v>
      </c>
      <c r="E3948">
        <v>143</v>
      </c>
      <c r="F3948" t="s">
        <v>651</v>
      </c>
      <c r="G3948">
        <v>160</v>
      </c>
      <c r="H3948" t="s">
        <v>739</v>
      </c>
      <c r="I3948">
        <v>4413</v>
      </c>
      <c r="J3948" t="s">
        <v>736</v>
      </c>
      <c r="K3948">
        <v>8</v>
      </c>
      <c r="L3948" t="s">
        <v>3034</v>
      </c>
      <c r="M3948">
        <v>1480</v>
      </c>
      <c r="N3948" t="s">
        <v>654</v>
      </c>
      <c r="O3948">
        <v>3</v>
      </c>
      <c r="P3948" t="s">
        <v>655</v>
      </c>
      <c r="Q3948">
        <v>1</v>
      </c>
      <c r="R3948" t="s">
        <v>656</v>
      </c>
      <c r="S3948">
        <v>2</v>
      </c>
      <c r="T3948" t="s">
        <v>661</v>
      </c>
      <c r="U3948">
        <v>8</v>
      </c>
      <c r="V3948">
        <v>2</v>
      </c>
      <c r="W3948">
        <v>120</v>
      </c>
      <c r="X3948">
        <v>2020</v>
      </c>
    </row>
    <row r="3949" spans="1:24" x14ac:dyDescent="0.25">
      <c r="A3949">
        <v>6914</v>
      </c>
      <c r="B3949" t="s">
        <v>14</v>
      </c>
      <c r="C3949">
        <v>20</v>
      </c>
      <c r="D3949" t="s">
        <v>557</v>
      </c>
      <c r="E3949">
        <v>143</v>
      </c>
      <c r="F3949" t="s">
        <v>651</v>
      </c>
      <c r="G3949">
        <v>160</v>
      </c>
      <c r="H3949" t="s">
        <v>739</v>
      </c>
      <c r="I3949">
        <v>4413</v>
      </c>
      <c r="J3949" t="s">
        <v>736</v>
      </c>
      <c r="K3949">
        <v>8</v>
      </c>
      <c r="L3949" t="s">
        <v>3035</v>
      </c>
      <c r="M3949">
        <v>1478</v>
      </c>
      <c r="N3949" t="s">
        <v>654</v>
      </c>
      <c r="O3949">
        <v>3</v>
      </c>
      <c r="P3949" t="s">
        <v>655</v>
      </c>
      <c r="Q3949">
        <v>1</v>
      </c>
      <c r="R3949" t="s">
        <v>656</v>
      </c>
      <c r="S3949">
        <v>2</v>
      </c>
      <c r="T3949" t="s">
        <v>661</v>
      </c>
      <c r="U3949">
        <v>8</v>
      </c>
      <c r="V3949">
        <v>2</v>
      </c>
      <c r="W3949">
        <v>120</v>
      </c>
      <c r="X3949">
        <v>2020</v>
      </c>
    </row>
    <row r="3950" spans="1:24" x14ac:dyDescent="0.25">
      <c r="A3950">
        <v>6912</v>
      </c>
      <c r="B3950" t="s">
        <v>14</v>
      </c>
      <c r="C3950">
        <v>20</v>
      </c>
      <c r="D3950" t="s">
        <v>557</v>
      </c>
      <c r="E3950">
        <v>143</v>
      </c>
      <c r="F3950" t="s">
        <v>651</v>
      </c>
      <c r="G3950">
        <v>160</v>
      </c>
      <c r="H3950" t="s">
        <v>739</v>
      </c>
      <c r="I3950">
        <v>4413</v>
      </c>
      <c r="J3950" t="s">
        <v>736</v>
      </c>
      <c r="K3950">
        <v>8</v>
      </c>
      <c r="L3950" t="s">
        <v>3036</v>
      </c>
      <c r="M3950">
        <v>1477</v>
      </c>
      <c r="N3950" t="s">
        <v>654</v>
      </c>
      <c r="O3950">
        <v>3</v>
      </c>
      <c r="P3950" t="s">
        <v>655</v>
      </c>
      <c r="Q3950">
        <v>1</v>
      </c>
      <c r="R3950" t="s">
        <v>656</v>
      </c>
      <c r="S3950">
        <v>2</v>
      </c>
      <c r="T3950" t="s">
        <v>661</v>
      </c>
      <c r="U3950">
        <v>8</v>
      </c>
      <c r="V3950">
        <v>2</v>
      </c>
      <c r="W3950">
        <v>120</v>
      </c>
      <c r="X3950">
        <v>2020</v>
      </c>
    </row>
    <row r="3951" spans="1:24" x14ac:dyDescent="0.25">
      <c r="A3951">
        <v>6911</v>
      </c>
      <c r="B3951" t="s">
        <v>14</v>
      </c>
      <c r="C3951">
        <v>20</v>
      </c>
      <c r="D3951" t="s">
        <v>386</v>
      </c>
      <c r="E3951">
        <v>142</v>
      </c>
      <c r="F3951" t="s">
        <v>651</v>
      </c>
      <c r="G3951">
        <v>160</v>
      </c>
      <c r="H3951" t="s">
        <v>1875</v>
      </c>
      <c r="I3951">
        <v>2551</v>
      </c>
      <c r="J3951" t="s">
        <v>792</v>
      </c>
      <c r="K3951">
        <v>6</v>
      </c>
      <c r="L3951" t="s">
        <v>3037</v>
      </c>
      <c r="M3951">
        <v>1476</v>
      </c>
      <c r="N3951" t="s">
        <v>654</v>
      </c>
      <c r="O3951">
        <v>3</v>
      </c>
      <c r="P3951" t="s">
        <v>655</v>
      </c>
      <c r="Q3951">
        <v>1</v>
      </c>
      <c r="R3951" t="s">
        <v>656</v>
      </c>
      <c r="S3951">
        <v>2</v>
      </c>
      <c r="T3951" t="s">
        <v>661</v>
      </c>
      <c r="U3951">
        <v>8</v>
      </c>
      <c r="V3951">
        <v>2</v>
      </c>
      <c r="W3951">
        <v>120</v>
      </c>
      <c r="X3951">
        <v>2020</v>
      </c>
    </row>
    <row r="3952" spans="1:24" x14ac:dyDescent="0.25">
      <c r="A3952">
        <v>6909</v>
      </c>
      <c r="B3952" t="s">
        <v>14</v>
      </c>
      <c r="C3952">
        <v>20</v>
      </c>
      <c r="D3952" t="s">
        <v>386</v>
      </c>
      <c r="E3952">
        <v>142</v>
      </c>
      <c r="F3952" t="s">
        <v>651</v>
      </c>
      <c r="G3952">
        <v>160</v>
      </c>
      <c r="H3952" t="s">
        <v>739</v>
      </c>
      <c r="I3952">
        <v>4413</v>
      </c>
      <c r="J3952" t="s">
        <v>792</v>
      </c>
      <c r="K3952">
        <v>6</v>
      </c>
      <c r="L3952" t="s">
        <v>3038</v>
      </c>
      <c r="M3952">
        <v>1474</v>
      </c>
      <c r="N3952" t="s">
        <v>654</v>
      </c>
      <c r="O3952">
        <v>3</v>
      </c>
      <c r="P3952" t="s">
        <v>655</v>
      </c>
      <c r="Q3952">
        <v>1</v>
      </c>
      <c r="R3952" t="s">
        <v>656</v>
      </c>
      <c r="S3952">
        <v>2</v>
      </c>
      <c r="T3952" t="s">
        <v>657</v>
      </c>
      <c r="U3952">
        <v>7</v>
      </c>
      <c r="V3952">
        <v>2</v>
      </c>
      <c r="W3952">
        <v>120</v>
      </c>
      <c r="X3952">
        <v>2020</v>
      </c>
    </row>
    <row r="3953" spans="1:24" x14ac:dyDescent="0.25">
      <c r="A3953">
        <v>6908</v>
      </c>
      <c r="B3953" t="s">
        <v>14</v>
      </c>
      <c r="C3953">
        <v>20</v>
      </c>
      <c r="D3953" t="s">
        <v>386</v>
      </c>
      <c r="E3953">
        <v>142</v>
      </c>
      <c r="F3953" t="s">
        <v>651</v>
      </c>
      <c r="G3953">
        <v>160</v>
      </c>
      <c r="H3953" t="s">
        <v>3039</v>
      </c>
      <c r="I3953">
        <v>8167</v>
      </c>
      <c r="J3953" t="s">
        <v>792</v>
      </c>
      <c r="K3953">
        <v>6</v>
      </c>
      <c r="L3953" t="s">
        <v>3040</v>
      </c>
      <c r="M3953">
        <v>1473</v>
      </c>
      <c r="N3953" t="s">
        <v>654</v>
      </c>
      <c r="O3953">
        <v>3</v>
      </c>
      <c r="P3953" t="s">
        <v>655</v>
      </c>
      <c r="Q3953">
        <v>1</v>
      </c>
      <c r="R3953" t="s">
        <v>656</v>
      </c>
      <c r="S3953">
        <v>2</v>
      </c>
      <c r="T3953" t="s">
        <v>661</v>
      </c>
      <c r="U3953">
        <v>8</v>
      </c>
      <c r="V3953">
        <v>2</v>
      </c>
      <c r="W3953">
        <v>120</v>
      </c>
      <c r="X3953">
        <v>2020</v>
      </c>
    </row>
    <row r="3954" spans="1:24" x14ac:dyDescent="0.25">
      <c r="A3954">
        <v>6907</v>
      </c>
      <c r="B3954" t="s">
        <v>14</v>
      </c>
      <c r="C3954">
        <v>20</v>
      </c>
      <c r="D3954" t="s">
        <v>386</v>
      </c>
      <c r="E3954">
        <v>142</v>
      </c>
      <c r="F3954" t="s">
        <v>651</v>
      </c>
      <c r="G3954">
        <v>160</v>
      </c>
      <c r="H3954" t="s">
        <v>739</v>
      </c>
      <c r="I3954">
        <v>4413</v>
      </c>
      <c r="J3954" t="s">
        <v>792</v>
      </c>
      <c r="K3954">
        <v>6</v>
      </c>
      <c r="L3954" t="s">
        <v>3041</v>
      </c>
      <c r="M3954">
        <v>1472</v>
      </c>
      <c r="N3954" t="s">
        <v>654</v>
      </c>
      <c r="O3954">
        <v>3</v>
      </c>
      <c r="P3954" t="s">
        <v>655</v>
      </c>
      <c r="Q3954">
        <v>1</v>
      </c>
      <c r="R3954" t="s">
        <v>656</v>
      </c>
      <c r="S3954">
        <v>2</v>
      </c>
      <c r="T3954" t="s">
        <v>661</v>
      </c>
      <c r="U3954">
        <v>8</v>
      </c>
      <c r="V3954">
        <v>2</v>
      </c>
      <c r="W3954">
        <v>120</v>
      </c>
      <c r="X3954">
        <v>2020</v>
      </c>
    </row>
    <row r="3955" spans="1:24" x14ac:dyDescent="0.25">
      <c r="A3955">
        <v>6906</v>
      </c>
      <c r="B3955" t="s">
        <v>14</v>
      </c>
      <c r="C3955">
        <v>20</v>
      </c>
      <c r="D3955" t="s">
        <v>386</v>
      </c>
      <c r="E3955">
        <v>142</v>
      </c>
      <c r="F3955" t="s">
        <v>651</v>
      </c>
      <c r="G3955">
        <v>160</v>
      </c>
      <c r="H3955" t="s">
        <v>739</v>
      </c>
      <c r="I3955">
        <v>4413</v>
      </c>
      <c r="J3955" t="s">
        <v>792</v>
      </c>
      <c r="K3955">
        <v>6</v>
      </c>
      <c r="L3955" t="s">
        <v>3042</v>
      </c>
      <c r="M3955">
        <v>1471</v>
      </c>
      <c r="N3955" t="s">
        <v>654</v>
      </c>
      <c r="O3955">
        <v>3</v>
      </c>
      <c r="P3955" t="s">
        <v>655</v>
      </c>
      <c r="Q3955">
        <v>1</v>
      </c>
      <c r="R3955" t="s">
        <v>656</v>
      </c>
      <c r="S3955">
        <v>2</v>
      </c>
      <c r="T3955" t="s">
        <v>661</v>
      </c>
      <c r="U3955">
        <v>8</v>
      </c>
      <c r="V3955">
        <v>2</v>
      </c>
      <c r="W3955">
        <v>120</v>
      </c>
      <c r="X3955">
        <v>2020</v>
      </c>
    </row>
    <row r="3956" spans="1:24" x14ac:dyDescent="0.25">
      <c r="A3956">
        <v>6905</v>
      </c>
      <c r="B3956" t="s">
        <v>14</v>
      </c>
      <c r="C3956">
        <v>20</v>
      </c>
      <c r="D3956" t="s">
        <v>386</v>
      </c>
      <c r="E3956">
        <v>142</v>
      </c>
      <c r="F3956" t="s">
        <v>651</v>
      </c>
      <c r="G3956">
        <v>160</v>
      </c>
      <c r="H3956" t="s">
        <v>739</v>
      </c>
      <c r="I3956">
        <v>4413</v>
      </c>
      <c r="J3956" t="s">
        <v>792</v>
      </c>
      <c r="K3956">
        <v>6</v>
      </c>
      <c r="L3956" t="s">
        <v>2641</v>
      </c>
      <c r="M3956">
        <v>724</v>
      </c>
      <c r="N3956" t="s">
        <v>654</v>
      </c>
      <c r="O3956">
        <v>3</v>
      </c>
      <c r="P3956" t="s">
        <v>655</v>
      </c>
      <c r="Q3956">
        <v>1</v>
      </c>
      <c r="R3956" t="s">
        <v>656</v>
      </c>
      <c r="S3956">
        <v>2</v>
      </c>
      <c r="T3956" t="s">
        <v>661</v>
      </c>
      <c r="U3956">
        <v>8</v>
      </c>
      <c r="V3956">
        <v>2</v>
      </c>
      <c r="W3956">
        <v>120</v>
      </c>
      <c r="X3956">
        <v>2020</v>
      </c>
    </row>
    <row r="3957" spans="1:24" x14ac:dyDescent="0.25">
      <c r="A3957">
        <v>6903</v>
      </c>
      <c r="B3957" t="s">
        <v>14</v>
      </c>
      <c r="C3957">
        <v>20</v>
      </c>
      <c r="D3957" t="s">
        <v>386</v>
      </c>
      <c r="E3957">
        <v>142</v>
      </c>
      <c r="F3957" t="s">
        <v>651</v>
      </c>
      <c r="G3957">
        <v>160</v>
      </c>
      <c r="H3957" t="s">
        <v>3043</v>
      </c>
      <c r="I3957">
        <v>4615</v>
      </c>
      <c r="J3957" t="s">
        <v>792</v>
      </c>
      <c r="K3957">
        <v>6</v>
      </c>
      <c r="L3957" t="s">
        <v>3044</v>
      </c>
      <c r="M3957">
        <v>1469</v>
      </c>
      <c r="N3957" t="s">
        <v>654</v>
      </c>
      <c r="O3957">
        <v>3</v>
      </c>
      <c r="P3957" t="s">
        <v>655</v>
      </c>
      <c r="Q3957">
        <v>1</v>
      </c>
      <c r="R3957" t="s">
        <v>656</v>
      </c>
      <c r="S3957">
        <v>2</v>
      </c>
      <c r="T3957" t="s">
        <v>657</v>
      </c>
      <c r="U3957">
        <v>7</v>
      </c>
      <c r="V3957">
        <v>2</v>
      </c>
      <c r="W3957">
        <v>120</v>
      </c>
      <c r="X3957">
        <v>2020</v>
      </c>
    </row>
    <row r="3958" spans="1:24" x14ac:dyDescent="0.25">
      <c r="A3958">
        <v>6901</v>
      </c>
      <c r="B3958" t="s">
        <v>14</v>
      </c>
      <c r="C3958">
        <v>20</v>
      </c>
      <c r="D3958" t="s">
        <v>386</v>
      </c>
      <c r="E3958">
        <v>142</v>
      </c>
      <c r="F3958" t="s">
        <v>651</v>
      </c>
      <c r="G3958">
        <v>160</v>
      </c>
      <c r="H3958" t="s">
        <v>739</v>
      </c>
      <c r="I3958">
        <v>4413</v>
      </c>
      <c r="J3958" t="s">
        <v>792</v>
      </c>
      <c r="K3958">
        <v>6</v>
      </c>
      <c r="L3958" t="s">
        <v>3045</v>
      </c>
      <c r="M3958">
        <v>1467</v>
      </c>
      <c r="N3958" t="s">
        <v>654</v>
      </c>
      <c r="O3958">
        <v>3</v>
      </c>
      <c r="P3958" t="s">
        <v>746</v>
      </c>
      <c r="Q3958">
        <v>2</v>
      </c>
      <c r="R3958" t="s">
        <v>656</v>
      </c>
      <c r="S3958">
        <v>2</v>
      </c>
      <c r="T3958" t="s">
        <v>661</v>
      </c>
      <c r="U3958">
        <v>8</v>
      </c>
      <c r="V3958">
        <v>2</v>
      </c>
      <c r="W3958">
        <v>120</v>
      </c>
      <c r="X3958">
        <v>2020</v>
      </c>
    </row>
    <row r="3959" spans="1:24" x14ac:dyDescent="0.25">
      <c r="A3959">
        <v>6900</v>
      </c>
      <c r="B3959" t="s">
        <v>14</v>
      </c>
      <c r="C3959">
        <v>20</v>
      </c>
      <c r="D3959" t="s">
        <v>386</v>
      </c>
      <c r="E3959">
        <v>142</v>
      </c>
      <c r="F3959" t="s">
        <v>651</v>
      </c>
      <c r="G3959">
        <v>160</v>
      </c>
      <c r="H3959" t="s">
        <v>739</v>
      </c>
      <c r="I3959">
        <v>4413</v>
      </c>
      <c r="J3959" t="s">
        <v>792</v>
      </c>
      <c r="K3959">
        <v>6</v>
      </c>
      <c r="L3959" t="s">
        <v>3045</v>
      </c>
      <c r="M3959">
        <v>1467</v>
      </c>
      <c r="N3959" t="s">
        <v>654</v>
      </c>
      <c r="O3959">
        <v>3</v>
      </c>
      <c r="P3959" t="s">
        <v>655</v>
      </c>
      <c r="Q3959">
        <v>1</v>
      </c>
      <c r="R3959" t="s">
        <v>656</v>
      </c>
      <c r="S3959">
        <v>2</v>
      </c>
      <c r="T3959" t="s">
        <v>661</v>
      </c>
      <c r="U3959">
        <v>8</v>
      </c>
      <c r="V3959">
        <v>2</v>
      </c>
      <c r="W3959">
        <v>120</v>
      </c>
      <c r="X3959">
        <v>2020</v>
      </c>
    </row>
    <row r="3960" spans="1:24" x14ac:dyDescent="0.25">
      <c r="A3960">
        <v>6897</v>
      </c>
      <c r="B3960" t="s">
        <v>14</v>
      </c>
      <c r="C3960">
        <v>20</v>
      </c>
      <c r="D3960" t="s">
        <v>558</v>
      </c>
      <c r="E3960">
        <v>141</v>
      </c>
      <c r="F3960" t="s">
        <v>651</v>
      </c>
      <c r="G3960">
        <v>160</v>
      </c>
      <c r="H3960" t="s">
        <v>739</v>
      </c>
      <c r="I3960">
        <v>4413</v>
      </c>
      <c r="J3960" t="s">
        <v>831</v>
      </c>
      <c r="K3960">
        <v>5</v>
      </c>
      <c r="L3960" t="s">
        <v>1637</v>
      </c>
      <c r="M3960">
        <v>780</v>
      </c>
      <c r="N3960" t="s">
        <v>654</v>
      </c>
      <c r="O3960">
        <v>3</v>
      </c>
      <c r="P3960" t="s">
        <v>655</v>
      </c>
      <c r="Q3960">
        <v>1</v>
      </c>
      <c r="R3960" t="s">
        <v>656</v>
      </c>
      <c r="S3960">
        <v>2</v>
      </c>
      <c r="T3960" t="s">
        <v>657</v>
      </c>
      <c r="U3960">
        <v>7</v>
      </c>
      <c r="V3960">
        <v>2</v>
      </c>
      <c r="W3960">
        <v>120</v>
      </c>
      <c r="X3960">
        <v>2020</v>
      </c>
    </row>
    <row r="3961" spans="1:24" x14ac:dyDescent="0.25">
      <c r="A3961">
        <v>6896</v>
      </c>
      <c r="B3961" t="s">
        <v>14</v>
      </c>
      <c r="C3961">
        <v>20</v>
      </c>
      <c r="D3961" t="s">
        <v>558</v>
      </c>
      <c r="E3961">
        <v>141</v>
      </c>
      <c r="F3961" t="s">
        <v>651</v>
      </c>
      <c r="G3961">
        <v>160</v>
      </c>
      <c r="H3961" t="s">
        <v>739</v>
      </c>
      <c r="I3961">
        <v>4413</v>
      </c>
      <c r="J3961" t="s">
        <v>831</v>
      </c>
      <c r="K3961">
        <v>5</v>
      </c>
      <c r="L3961" t="s">
        <v>1637</v>
      </c>
      <c r="M3961">
        <v>780</v>
      </c>
      <c r="N3961" t="s">
        <v>654</v>
      </c>
      <c r="O3961">
        <v>3</v>
      </c>
      <c r="P3961" t="s">
        <v>655</v>
      </c>
      <c r="Q3961">
        <v>1</v>
      </c>
      <c r="R3961" t="s">
        <v>656</v>
      </c>
      <c r="S3961">
        <v>2</v>
      </c>
      <c r="T3961" t="s">
        <v>661</v>
      </c>
      <c r="U3961">
        <v>8</v>
      </c>
      <c r="V3961">
        <v>2</v>
      </c>
      <c r="W3961">
        <v>120</v>
      </c>
      <c r="X3961">
        <v>2020</v>
      </c>
    </row>
    <row r="3962" spans="1:24" x14ac:dyDescent="0.25">
      <c r="A3962">
        <v>6895</v>
      </c>
      <c r="B3962" t="s">
        <v>14</v>
      </c>
      <c r="C3962">
        <v>20</v>
      </c>
      <c r="D3962" t="s">
        <v>558</v>
      </c>
      <c r="E3962">
        <v>141</v>
      </c>
      <c r="F3962" t="s">
        <v>651</v>
      </c>
      <c r="G3962">
        <v>160</v>
      </c>
      <c r="H3962" t="s">
        <v>739</v>
      </c>
      <c r="I3962">
        <v>4413</v>
      </c>
      <c r="J3962" t="s">
        <v>831</v>
      </c>
      <c r="K3962">
        <v>5</v>
      </c>
      <c r="L3962" t="s">
        <v>3046</v>
      </c>
      <c r="M3962">
        <v>1464</v>
      </c>
      <c r="N3962" t="s">
        <v>654</v>
      </c>
      <c r="O3962">
        <v>3</v>
      </c>
      <c r="P3962" t="s">
        <v>655</v>
      </c>
      <c r="Q3962">
        <v>1</v>
      </c>
      <c r="R3962" t="s">
        <v>656</v>
      </c>
      <c r="S3962">
        <v>2</v>
      </c>
      <c r="T3962" t="s">
        <v>661</v>
      </c>
      <c r="U3962">
        <v>8</v>
      </c>
      <c r="V3962">
        <v>2</v>
      </c>
      <c r="W3962">
        <v>120</v>
      </c>
      <c r="X3962">
        <v>2020</v>
      </c>
    </row>
    <row r="3963" spans="1:24" x14ac:dyDescent="0.25">
      <c r="A3963">
        <v>6893</v>
      </c>
      <c r="B3963" t="s">
        <v>14</v>
      </c>
      <c r="C3963">
        <v>20</v>
      </c>
      <c r="D3963" t="s">
        <v>558</v>
      </c>
      <c r="E3963">
        <v>141</v>
      </c>
      <c r="F3963" t="s">
        <v>651</v>
      </c>
      <c r="G3963">
        <v>160</v>
      </c>
      <c r="H3963" t="s">
        <v>739</v>
      </c>
      <c r="I3963">
        <v>4413</v>
      </c>
      <c r="J3963" t="s">
        <v>831</v>
      </c>
      <c r="K3963">
        <v>5</v>
      </c>
      <c r="L3963" t="s">
        <v>3047</v>
      </c>
      <c r="M3963">
        <v>1462</v>
      </c>
      <c r="N3963" t="s">
        <v>654</v>
      </c>
      <c r="O3963">
        <v>3</v>
      </c>
      <c r="P3963" t="s">
        <v>746</v>
      </c>
      <c r="Q3963">
        <v>2</v>
      </c>
      <c r="R3963" t="s">
        <v>656</v>
      </c>
      <c r="S3963">
        <v>2</v>
      </c>
      <c r="T3963" t="s">
        <v>661</v>
      </c>
      <c r="U3963">
        <v>8</v>
      </c>
      <c r="V3963">
        <v>2</v>
      </c>
      <c r="W3963">
        <v>120</v>
      </c>
      <c r="X3963">
        <v>2020</v>
      </c>
    </row>
    <row r="3964" spans="1:24" x14ac:dyDescent="0.25">
      <c r="A3964">
        <v>6892</v>
      </c>
      <c r="B3964" t="s">
        <v>14</v>
      </c>
      <c r="C3964">
        <v>20</v>
      </c>
      <c r="D3964" t="s">
        <v>558</v>
      </c>
      <c r="E3964">
        <v>141</v>
      </c>
      <c r="F3964" t="s">
        <v>651</v>
      </c>
      <c r="G3964">
        <v>160</v>
      </c>
      <c r="H3964" t="s">
        <v>739</v>
      </c>
      <c r="I3964">
        <v>4413</v>
      </c>
      <c r="J3964" t="s">
        <v>831</v>
      </c>
      <c r="K3964">
        <v>5</v>
      </c>
      <c r="L3964" t="s">
        <v>3047</v>
      </c>
      <c r="M3964">
        <v>1462</v>
      </c>
      <c r="N3964" t="s">
        <v>654</v>
      </c>
      <c r="O3964">
        <v>3</v>
      </c>
      <c r="P3964" t="s">
        <v>655</v>
      </c>
      <c r="Q3964">
        <v>1</v>
      </c>
      <c r="R3964" t="s">
        <v>656</v>
      </c>
      <c r="S3964">
        <v>2</v>
      </c>
      <c r="T3964" t="s">
        <v>661</v>
      </c>
      <c r="U3964">
        <v>8</v>
      </c>
      <c r="V3964">
        <v>2</v>
      </c>
      <c r="W3964">
        <v>120</v>
      </c>
      <c r="X3964">
        <v>2020</v>
      </c>
    </row>
    <row r="3965" spans="1:24" x14ac:dyDescent="0.25">
      <c r="A3965">
        <v>6891</v>
      </c>
      <c r="B3965" t="s">
        <v>14</v>
      </c>
      <c r="C3965">
        <v>20</v>
      </c>
      <c r="D3965" t="s">
        <v>558</v>
      </c>
      <c r="E3965">
        <v>141</v>
      </c>
      <c r="F3965" t="s">
        <v>651</v>
      </c>
      <c r="G3965">
        <v>160</v>
      </c>
      <c r="H3965" t="s">
        <v>739</v>
      </c>
      <c r="I3965">
        <v>4413</v>
      </c>
      <c r="J3965" t="s">
        <v>831</v>
      </c>
      <c r="K3965">
        <v>5</v>
      </c>
      <c r="L3965" t="s">
        <v>3048</v>
      </c>
      <c r="M3965">
        <v>1461</v>
      </c>
      <c r="N3965" t="s">
        <v>654</v>
      </c>
      <c r="O3965">
        <v>3</v>
      </c>
      <c r="P3965" t="s">
        <v>655</v>
      </c>
      <c r="Q3965">
        <v>1</v>
      </c>
      <c r="R3965" t="s">
        <v>656</v>
      </c>
      <c r="S3965">
        <v>2</v>
      </c>
      <c r="T3965" t="s">
        <v>657</v>
      </c>
      <c r="U3965">
        <v>7</v>
      </c>
      <c r="V3965">
        <v>2</v>
      </c>
      <c r="W3965">
        <v>120</v>
      </c>
      <c r="X3965">
        <v>2020</v>
      </c>
    </row>
    <row r="3966" spans="1:24" x14ac:dyDescent="0.25">
      <c r="A3966">
        <v>6890</v>
      </c>
      <c r="B3966" t="s">
        <v>14</v>
      </c>
      <c r="C3966">
        <v>20</v>
      </c>
      <c r="D3966" t="s">
        <v>558</v>
      </c>
      <c r="E3966">
        <v>141</v>
      </c>
      <c r="F3966" t="s">
        <v>651</v>
      </c>
      <c r="G3966">
        <v>160</v>
      </c>
      <c r="H3966" t="s">
        <v>739</v>
      </c>
      <c r="I3966">
        <v>4413</v>
      </c>
      <c r="J3966" t="s">
        <v>831</v>
      </c>
      <c r="K3966">
        <v>5</v>
      </c>
      <c r="L3966" t="s">
        <v>3049</v>
      </c>
      <c r="M3966">
        <v>1460</v>
      </c>
      <c r="N3966" t="s">
        <v>654</v>
      </c>
      <c r="O3966">
        <v>3</v>
      </c>
      <c r="P3966" t="s">
        <v>655</v>
      </c>
      <c r="Q3966">
        <v>1</v>
      </c>
      <c r="R3966" t="s">
        <v>656</v>
      </c>
      <c r="S3966">
        <v>2</v>
      </c>
      <c r="T3966" t="s">
        <v>661</v>
      </c>
      <c r="U3966">
        <v>8</v>
      </c>
      <c r="V3966">
        <v>2</v>
      </c>
      <c r="W3966">
        <v>120</v>
      </c>
      <c r="X3966">
        <v>2020</v>
      </c>
    </row>
    <row r="3967" spans="1:24" x14ac:dyDescent="0.25">
      <c r="A3967">
        <v>6888</v>
      </c>
      <c r="B3967" t="s">
        <v>14</v>
      </c>
      <c r="C3967">
        <v>20</v>
      </c>
      <c r="D3967" t="s">
        <v>558</v>
      </c>
      <c r="E3967">
        <v>141</v>
      </c>
      <c r="F3967" t="s">
        <v>651</v>
      </c>
      <c r="G3967">
        <v>160</v>
      </c>
      <c r="H3967" t="s">
        <v>739</v>
      </c>
      <c r="I3967">
        <v>4413</v>
      </c>
      <c r="J3967" t="s">
        <v>831</v>
      </c>
      <c r="K3967">
        <v>5</v>
      </c>
      <c r="L3967" t="s">
        <v>3050</v>
      </c>
      <c r="M3967">
        <v>1458</v>
      </c>
      <c r="N3967" t="s">
        <v>654</v>
      </c>
      <c r="O3967">
        <v>3</v>
      </c>
      <c r="P3967" t="s">
        <v>655</v>
      </c>
      <c r="Q3967">
        <v>1</v>
      </c>
      <c r="R3967" t="s">
        <v>656</v>
      </c>
      <c r="S3967">
        <v>2</v>
      </c>
      <c r="T3967" t="s">
        <v>661</v>
      </c>
      <c r="U3967">
        <v>8</v>
      </c>
      <c r="V3967">
        <v>2</v>
      </c>
      <c r="W3967">
        <v>120</v>
      </c>
      <c r="X3967">
        <v>2020</v>
      </c>
    </row>
    <row r="3968" spans="1:24" x14ac:dyDescent="0.25">
      <c r="A3968">
        <v>6886</v>
      </c>
      <c r="B3968" t="s">
        <v>14</v>
      </c>
      <c r="C3968">
        <v>20</v>
      </c>
      <c r="D3968" t="s">
        <v>559</v>
      </c>
      <c r="E3968">
        <v>140</v>
      </c>
      <c r="F3968" t="s">
        <v>651</v>
      </c>
      <c r="G3968">
        <v>160</v>
      </c>
      <c r="H3968" t="s">
        <v>739</v>
      </c>
      <c r="I3968">
        <v>4413</v>
      </c>
      <c r="J3968" t="s">
        <v>742</v>
      </c>
      <c r="K3968">
        <v>48</v>
      </c>
      <c r="L3968" t="s">
        <v>3051</v>
      </c>
      <c r="M3968">
        <v>1456</v>
      </c>
      <c r="N3968" t="s">
        <v>654</v>
      </c>
      <c r="O3968">
        <v>3</v>
      </c>
      <c r="P3968" t="s">
        <v>655</v>
      </c>
      <c r="Q3968">
        <v>1</v>
      </c>
      <c r="R3968" t="s">
        <v>656</v>
      </c>
      <c r="S3968">
        <v>2</v>
      </c>
      <c r="T3968" t="s">
        <v>661</v>
      </c>
      <c r="U3968">
        <v>8</v>
      </c>
      <c r="V3968">
        <v>2</v>
      </c>
      <c r="W3968">
        <v>120</v>
      </c>
      <c r="X3968">
        <v>2020</v>
      </c>
    </row>
    <row r="3969" spans="1:24" x14ac:dyDescent="0.25">
      <c r="A3969">
        <v>6884</v>
      </c>
      <c r="B3969" t="s">
        <v>14</v>
      </c>
      <c r="C3969">
        <v>20</v>
      </c>
      <c r="D3969" t="s">
        <v>559</v>
      </c>
      <c r="E3969">
        <v>140</v>
      </c>
      <c r="F3969" t="s">
        <v>651</v>
      </c>
      <c r="G3969">
        <v>160</v>
      </c>
      <c r="H3969" t="s">
        <v>739</v>
      </c>
      <c r="I3969">
        <v>4413</v>
      </c>
      <c r="J3969" t="s">
        <v>742</v>
      </c>
      <c r="K3969">
        <v>48</v>
      </c>
      <c r="L3969" t="s">
        <v>3052</v>
      </c>
      <c r="M3969">
        <v>1455</v>
      </c>
      <c r="N3969" t="s">
        <v>654</v>
      </c>
      <c r="O3969">
        <v>3</v>
      </c>
      <c r="P3969" t="s">
        <v>655</v>
      </c>
      <c r="Q3969">
        <v>1</v>
      </c>
      <c r="R3969" t="s">
        <v>656</v>
      </c>
      <c r="S3969">
        <v>2</v>
      </c>
      <c r="T3969" t="s">
        <v>661</v>
      </c>
      <c r="U3969">
        <v>8</v>
      </c>
      <c r="V3969">
        <v>2</v>
      </c>
      <c r="W3969">
        <v>120</v>
      </c>
      <c r="X3969">
        <v>2020</v>
      </c>
    </row>
    <row r="3970" spans="1:24" x14ac:dyDescent="0.25">
      <c r="A3970">
        <v>6882</v>
      </c>
      <c r="B3970" t="s">
        <v>14</v>
      </c>
      <c r="C3970">
        <v>20</v>
      </c>
      <c r="D3970" t="s">
        <v>559</v>
      </c>
      <c r="E3970">
        <v>140</v>
      </c>
      <c r="F3970" t="s">
        <v>651</v>
      </c>
      <c r="G3970">
        <v>160</v>
      </c>
      <c r="H3970" t="s">
        <v>739</v>
      </c>
      <c r="I3970">
        <v>4413</v>
      </c>
      <c r="J3970" t="s">
        <v>742</v>
      </c>
      <c r="K3970">
        <v>48</v>
      </c>
      <c r="L3970" t="s">
        <v>3052</v>
      </c>
      <c r="M3970">
        <v>1455</v>
      </c>
      <c r="N3970" t="s">
        <v>654</v>
      </c>
      <c r="O3970">
        <v>3</v>
      </c>
      <c r="P3970" t="s">
        <v>655</v>
      </c>
      <c r="Q3970">
        <v>1</v>
      </c>
      <c r="R3970" t="s">
        <v>656</v>
      </c>
      <c r="S3970">
        <v>2</v>
      </c>
      <c r="T3970" t="s">
        <v>718</v>
      </c>
      <c r="U3970">
        <v>2</v>
      </c>
      <c r="V3970">
        <v>2</v>
      </c>
      <c r="W3970">
        <v>120</v>
      </c>
      <c r="X3970">
        <v>2020</v>
      </c>
    </row>
    <row r="3971" spans="1:24" x14ac:dyDescent="0.25">
      <c r="A3971">
        <v>6880</v>
      </c>
      <c r="B3971" t="s">
        <v>14</v>
      </c>
      <c r="C3971">
        <v>20</v>
      </c>
      <c r="D3971" t="s">
        <v>559</v>
      </c>
      <c r="E3971">
        <v>140</v>
      </c>
      <c r="F3971" t="s">
        <v>651</v>
      </c>
      <c r="G3971">
        <v>160</v>
      </c>
      <c r="H3971" t="s">
        <v>739</v>
      </c>
      <c r="I3971">
        <v>4413</v>
      </c>
      <c r="J3971" t="s">
        <v>742</v>
      </c>
      <c r="K3971">
        <v>48</v>
      </c>
      <c r="L3971" t="s">
        <v>3053</v>
      </c>
      <c r="M3971">
        <v>1454</v>
      </c>
      <c r="N3971" t="s">
        <v>654</v>
      </c>
      <c r="O3971">
        <v>3</v>
      </c>
      <c r="P3971" t="s">
        <v>655</v>
      </c>
      <c r="Q3971">
        <v>1</v>
      </c>
      <c r="R3971" t="s">
        <v>656</v>
      </c>
      <c r="S3971">
        <v>2</v>
      </c>
      <c r="T3971" t="s">
        <v>661</v>
      </c>
      <c r="U3971">
        <v>8</v>
      </c>
      <c r="V3971">
        <v>2</v>
      </c>
      <c r="W3971">
        <v>120</v>
      </c>
      <c r="X3971">
        <v>2020</v>
      </c>
    </row>
    <row r="3972" spans="1:24" x14ac:dyDescent="0.25">
      <c r="A3972">
        <v>6878</v>
      </c>
      <c r="B3972" t="s">
        <v>14</v>
      </c>
      <c r="C3972">
        <v>20</v>
      </c>
      <c r="D3972" t="s">
        <v>559</v>
      </c>
      <c r="E3972">
        <v>140</v>
      </c>
      <c r="F3972" t="s">
        <v>651</v>
      </c>
      <c r="G3972">
        <v>160</v>
      </c>
      <c r="H3972" t="s">
        <v>739</v>
      </c>
      <c r="I3972">
        <v>4413</v>
      </c>
      <c r="J3972" t="s">
        <v>742</v>
      </c>
      <c r="K3972">
        <v>48</v>
      </c>
      <c r="L3972" t="s">
        <v>3054</v>
      </c>
      <c r="M3972">
        <v>1453</v>
      </c>
      <c r="N3972" t="s">
        <v>654</v>
      </c>
      <c r="O3972">
        <v>3</v>
      </c>
      <c r="P3972" t="s">
        <v>655</v>
      </c>
      <c r="Q3972">
        <v>1</v>
      </c>
      <c r="R3972" t="s">
        <v>656</v>
      </c>
      <c r="S3972">
        <v>2</v>
      </c>
      <c r="T3972" t="s">
        <v>661</v>
      </c>
      <c r="U3972">
        <v>8</v>
      </c>
      <c r="V3972">
        <v>2</v>
      </c>
      <c r="W3972">
        <v>120</v>
      </c>
      <c r="X3972">
        <v>2020</v>
      </c>
    </row>
    <row r="3973" spans="1:24" x14ac:dyDescent="0.25">
      <c r="A3973">
        <v>6876</v>
      </c>
      <c r="B3973" t="s">
        <v>14</v>
      </c>
      <c r="C3973">
        <v>20</v>
      </c>
      <c r="D3973" t="s">
        <v>559</v>
      </c>
      <c r="E3973">
        <v>140</v>
      </c>
      <c r="F3973" t="s">
        <v>651</v>
      </c>
      <c r="G3973">
        <v>160</v>
      </c>
      <c r="H3973" t="s">
        <v>739</v>
      </c>
      <c r="I3973">
        <v>4413</v>
      </c>
      <c r="J3973" t="s">
        <v>897</v>
      </c>
      <c r="K3973">
        <v>3</v>
      </c>
      <c r="L3973" t="s">
        <v>3055</v>
      </c>
      <c r="M3973">
        <v>1452</v>
      </c>
      <c r="N3973" t="s">
        <v>654</v>
      </c>
      <c r="O3973">
        <v>3</v>
      </c>
      <c r="P3973" t="s">
        <v>655</v>
      </c>
      <c r="Q3973">
        <v>1</v>
      </c>
      <c r="R3973" t="s">
        <v>656</v>
      </c>
      <c r="S3973">
        <v>2</v>
      </c>
      <c r="T3973" t="s">
        <v>657</v>
      </c>
      <c r="U3973">
        <v>7</v>
      </c>
      <c r="V3973">
        <v>2</v>
      </c>
      <c r="W3973">
        <v>120</v>
      </c>
      <c r="X3973">
        <v>2020</v>
      </c>
    </row>
    <row r="3974" spans="1:24" x14ac:dyDescent="0.25">
      <c r="A3974">
        <v>6875</v>
      </c>
      <c r="B3974" t="s">
        <v>14</v>
      </c>
      <c r="C3974">
        <v>20</v>
      </c>
      <c r="D3974" t="s">
        <v>559</v>
      </c>
      <c r="E3974">
        <v>140</v>
      </c>
      <c r="F3974" t="s">
        <v>651</v>
      </c>
      <c r="G3974">
        <v>160</v>
      </c>
      <c r="H3974" t="s">
        <v>739</v>
      </c>
      <c r="I3974">
        <v>4413</v>
      </c>
      <c r="J3974" t="s">
        <v>897</v>
      </c>
      <c r="K3974">
        <v>3</v>
      </c>
      <c r="L3974" t="s">
        <v>3056</v>
      </c>
      <c r="M3974">
        <v>1451</v>
      </c>
      <c r="N3974" t="s">
        <v>654</v>
      </c>
      <c r="O3974">
        <v>3</v>
      </c>
      <c r="P3974" t="s">
        <v>655</v>
      </c>
      <c r="Q3974">
        <v>1</v>
      </c>
      <c r="R3974" t="s">
        <v>656</v>
      </c>
      <c r="S3974">
        <v>2</v>
      </c>
      <c r="T3974" t="s">
        <v>718</v>
      </c>
      <c r="U3974">
        <v>2</v>
      </c>
      <c r="V3974">
        <v>2</v>
      </c>
      <c r="W3974">
        <v>120</v>
      </c>
      <c r="X3974">
        <v>2020</v>
      </c>
    </row>
    <row r="3975" spans="1:24" x14ac:dyDescent="0.25">
      <c r="A3975">
        <v>6872</v>
      </c>
      <c r="B3975" t="s">
        <v>14</v>
      </c>
      <c r="C3975">
        <v>20</v>
      </c>
      <c r="D3975" t="s">
        <v>559</v>
      </c>
      <c r="E3975">
        <v>140</v>
      </c>
      <c r="F3975" t="s">
        <v>651</v>
      </c>
      <c r="G3975">
        <v>160</v>
      </c>
      <c r="H3975" t="s">
        <v>739</v>
      </c>
      <c r="I3975">
        <v>4413</v>
      </c>
      <c r="J3975" t="s">
        <v>897</v>
      </c>
      <c r="K3975">
        <v>3</v>
      </c>
      <c r="L3975" t="s">
        <v>907</v>
      </c>
      <c r="M3975">
        <v>1449</v>
      </c>
      <c r="N3975" t="s">
        <v>654</v>
      </c>
      <c r="O3975">
        <v>3</v>
      </c>
      <c r="P3975" t="s">
        <v>655</v>
      </c>
      <c r="Q3975">
        <v>1</v>
      </c>
      <c r="R3975" t="s">
        <v>656</v>
      </c>
      <c r="S3975">
        <v>2</v>
      </c>
      <c r="T3975" t="s">
        <v>661</v>
      </c>
      <c r="U3975">
        <v>8</v>
      </c>
      <c r="V3975">
        <v>2</v>
      </c>
      <c r="W3975">
        <v>120</v>
      </c>
      <c r="X3975">
        <v>2020</v>
      </c>
    </row>
    <row r="3976" spans="1:24" x14ac:dyDescent="0.25">
      <c r="A3976">
        <v>6871</v>
      </c>
      <c r="B3976" t="s">
        <v>14</v>
      </c>
      <c r="C3976">
        <v>20</v>
      </c>
      <c r="D3976" t="s">
        <v>559</v>
      </c>
      <c r="E3976">
        <v>140</v>
      </c>
      <c r="F3976" t="s">
        <v>651</v>
      </c>
      <c r="G3976">
        <v>160</v>
      </c>
      <c r="H3976" t="s">
        <v>739</v>
      </c>
      <c r="I3976">
        <v>4413</v>
      </c>
      <c r="J3976" t="s">
        <v>897</v>
      </c>
      <c r="K3976">
        <v>3</v>
      </c>
      <c r="L3976" t="s">
        <v>1052</v>
      </c>
      <c r="M3976">
        <v>1448</v>
      </c>
      <c r="N3976" t="s">
        <v>654</v>
      </c>
      <c r="O3976">
        <v>3</v>
      </c>
      <c r="P3976" t="s">
        <v>655</v>
      </c>
      <c r="Q3976">
        <v>1</v>
      </c>
      <c r="R3976" t="s">
        <v>656</v>
      </c>
      <c r="S3976">
        <v>2</v>
      </c>
      <c r="T3976" t="s">
        <v>661</v>
      </c>
      <c r="U3976">
        <v>8</v>
      </c>
      <c r="V3976">
        <v>2</v>
      </c>
      <c r="W3976">
        <v>120</v>
      </c>
      <c r="X3976">
        <v>2020</v>
      </c>
    </row>
    <row r="3977" spans="1:24" x14ac:dyDescent="0.25">
      <c r="A3977">
        <v>6870</v>
      </c>
      <c r="B3977" t="s">
        <v>14</v>
      </c>
      <c r="C3977">
        <v>20</v>
      </c>
      <c r="D3977" t="s">
        <v>559</v>
      </c>
      <c r="E3977">
        <v>140</v>
      </c>
      <c r="F3977" t="s">
        <v>651</v>
      </c>
      <c r="G3977">
        <v>160</v>
      </c>
      <c r="H3977" t="s">
        <v>739</v>
      </c>
      <c r="I3977">
        <v>4413</v>
      </c>
      <c r="J3977" t="s">
        <v>897</v>
      </c>
      <c r="K3977">
        <v>3</v>
      </c>
      <c r="L3977" t="s">
        <v>3057</v>
      </c>
      <c r="M3977">
        <v>1447</v>
      </c>
      <c r="N3977" t="s">
        <v>654</v>
      </c>
      <c r="O3977">
        <v>3</v>
      </c>
      <c r="P3977" t="s">
        <v>655</v>
      </c>
      <c r="Q3977">
        <v>1</v>
      </c>
      <c r="R3977" t="s">
        <v>656</v>
      </c>
      <c r="S3977">
        <v>2</v>
      </c>
      <c r="T3977" t="s">
        <v>1295</v>
      </c>
      <c r="U3977">
        <v>10</v>
      </c>
      <c r="V3977">
        <v>2</v>
      </c>
      <c r="W3977">
        <v>120</v>
      </c>
      <c r="X3977">
        <v>2020</v>
      </c>
    </row>
    <row r="3978" spans="1:24" x14ac:dyDescent="0.25">
      <c r="A3978">
        <v>6866</v>
      </c>
      <c r="B3978" t="s">
        <v>14</v>
      </c>
      <c r="C3978">
        <v>20</v>
      </c>
      <c r="D3978" t="s">
        <v>457</v>
      </c>
      <c r="E3978">
        <v>139</v>
      </c>
      <c r="F3978" t="s">
        <v>651</v>
      </c>
      <c r="G3978">
        <v>160</v>
      </c>
      <c r="H3978" t="s">
        <v>739</v>
      </c>
      <c r="I3978">
        <v>4413</v>
      </c>
      <c r="J3978" t="s">
        <v>726</v>
      </c>
      <c r="K3978">
        <v>2</v>
      </c>
      <c r="L3978" t="s">
        <v>3058</v>
      </c>
      <c r="M3978">
        <v>1444</v>
      </c>
      <c r="N3978" t="s">
        <v>654</v>
      </c>
      <c r="O3978">
        <v>3</v>
      </c>
      <c r="P3978" t="s">
        <v>655</v>
      </c>
      <c r="Q3978">
        <v>1</v>
      </c>
      <c r="R3978" t="s">
        <v>656</v>
      </c>
      <c r="S3978">
        <v>2</v>
      </c>
      <c r="T3978" t="s">
        <v>718</v>
      </c>
      <c r="U3978">
        <v>2</v>
      </c>
      <c r="V3978">
        <v>2</v>
      </c>
      <c r="W3978">
        <v>120</v>
      </c>
      <c r="X3978">
        <v>2020</v>
      </c>
    </row>
    <row r="3979" spans="1:24" x14ac:dyDescent="0.25">
      <c r="A3979">
        <v>6865</v>
      </c>
      <c r="B3979" t="s">
        <v>14</v>
      </c>
      <c r="C3979">
        <v>20</v>
      </c>
      <c r="D3979" t="s">
        <v>457</v>
      </c>
      <c r="E3979">
        <v>139</v>
      </c>
      <c r="F3979" t="s">
        <v>651</v>
      </c>
      <c r="G3979">
        <v>160</v>
      </c>
      <c r="H3979" t="s">
        <v>739</v>
      </c>
      <c r="I3979">
        <v>4413</v>
      </c>
      <c r="J3979" t="s">
        <v>726</v>
      </c>
      <c r="K3979">
        <v>2</v>
      </c>
      <c r="L3979" t="s">
        <v>3059</v>
      </c>
      <c r="M3979">
        <v>1443</v>
      </c>
      <c r="N3979" t="s">
        <v>654</v>
      </c>
      <c r="O3979">
        <v>3</v>
      </c>
      <c r="P3979" t="s">
        <v>655</v>
      </c>
      <c r="Q3979">
        <v>1</v>
      </c>
      <c r="R3979" t="s">
        <v>656</v>
      </c>
      <c r="S3979">
        <v>2</v>
      </c>
      <c r="T3979" t="s">
        <v>718</v>
      </c>
      <c r="U3979">
        <v>2</v>
      </c>
      <c r="V3979">
        <v>2</v>
      </c>
      <c r="W3979">
        <v>120</v>
      </c>
      <c r="X3979">
        <v>2020</v>
      </c>
    </row>
    <row r="3980" spans="1:24" x14ac:dyDescent="0.25">
      <c r="A3980">
        <v>6863</v>
      </c>
      <c r="B3980" t="s">
        <v>14</v>
      </c>
      <c r="C3980">
        <v>20</v>
      </c>
      <c r="D3980" t="s">
        <v>457</v>
      </c>
      <c r="E3980">
        <v>139</v>
      </c>
      <c r="F3980" t="s">
        <v>651</v>
      </c>
      <c r="G3980">
        <v>160</v>
      </c>
      <c r="H3980" t="s">
        <v>739</v>
      </c>
      <c r="I3980">
        <v>4413</v>
      </c>
      <c r="J3980" t="s">
        <v>726</v>
      </c>
      <c r="K3980">
        <v>2</v>
      </c>
      <c r="L3980" t="s">
        <v>2646</v>
      </c>
      <c r="M3980">
        <v>1441</v>
      </c>
      <c r="N3980" t="s">
        <v>654</v>
      </c>
      <c r="O3980">
        <v>3</v>
      </c>
      <c r="P3980" t="s">
        <v>655</v>
      </c>
      <c r="Q3980">
        <v>1</v>
      </c>
      <c r="R3980" t="s">
        <v>656</v>
      </c>
      <c r="S3980">
        <v>2</v>
      </c>
      <c r="T3980" t="s">
        <v>661</v>
      </c>
      <c r="U3980">
        <v>8</v>
      </c>
      <c r="V3980">
        <v>2</v>
      </c>
      <c r="W3980">
        <v>120</v>
      </c>
      <c r="X3980">
        <v>2020</v>
      </c>
    </row>
    <row r="3981" spans="1:24" x14ac:dyDescent="0.25">
      <c r="A3981">
        <v>6859</v>
      </c>
      <c r="B3981" t="s">
        <v>14</v>
      </c>
      <c r="C3981">
        <v>20</v>
      </c>
      <c r="D3981" t="s">
        <v>458</v>
      </c>
      <c r="E3981">
        <v>138</v>
      </c>
      <c r="F3981" t="s">
        <v>651</v>
      </c>
      <c r="G3981">
        <v>160</v>
      </c>
      <c r="H3981" t="s">
        <v>739</v>
      </c>
      <c r="I3981">
        <v>4413</v>
      </c>
      <c r="J3981" t="s">
        <v>885</v>
      </c>
      <c r="K3981">
        <v>1</v>
      </c>
      <c r="L3981" t="s">
        <v>3060</v>
      </c>
      <c r="M3981">
        <v>1439</v>
      </c>
      <c r="N3981" t="s">
        <v>654</v>
      </c>
      <c r="O3981">
        <v>3</v>
      </c>
      <c r="P3981" t="s">
        <v>655</v>
      </c>
      <c r="Q3981">
        <v>1</v>
      </c>
      <c r="R3981" t="s">
        <v>656</v>
      </c>
      <c r="S3981">
        <v>2</v>
      </c>
      <c r="T3981" t="s">
        <v>657</v>
      </c>
      <c r="U3981">
        <v>7</v>
      </c>
      <c r="V3981">
        <v>2</v>
      </c>
      <c r="W3981">
        <v>120</v>
      </c>
      <c r="X3981">
        <v>2020</v>
      </c>
    </row>
    <row r="3982" spans="1:24" x14ac:dyDescent="0.25">
      <c r="A3982">
        <v>6854</v>
      </c>
      <c r="B3982" t="s">
        <v>14</v>
      </c>
      <c r="C3982">
        <v>20</v>
      </c>
      <c r="D3982" t="s">
        <v>458</v>
      </c>
      <c r="E3982">
        <v>138</v>
      </c>
      <c r="F3982" t="s">
        <v>651</v>
      </c>
      <c r="G3982">
        <v>160</v>
      </c>
      <c r="H3982" t="s">
        <v>739</v>
      </c>
      <c r="I3982">
        <v>4413</v>
      </c>
      <c r="J3982" t="s">
        <v>676</v>
      </c>
      <c r="K3982">
        <v>4</v>
      </c>
      <c r="L3982" t="s">
        <v>3061</v>
      </c>
      <c r="M3982">
        <v>1436</v>
      </c>
      <c r="N3982" t="s">
        <v>654</v>
      </c>
      <c r="O3982">
        <v>3</v>
      </c>
      <c r="P3982" t="s">
        <v>655</v>
      </c>
      <c r="Q3982">
        <v>1</v>
      </c>
      <c r="R3982" t="s">
        <v>656</v>
      </c>
      <c r="S3982">
        <v>2</v>
      </c>
      <c r="T3982" t="s">
        <v>657</v>
      </c>
      <c r="U3982">
        <v>7</v>
      </c>
      <c r="V3982">
        <v>2</v>
      </c>
      <c r="W3982">
        <v>120</v>
      </c>
      <c r="X3982">
        <v>2020</v>
      </c>
    </row>
    <row r="3983" spans="1:24" x14ac:dyDescent="0.25">
      <c r="A3983">
        <v>6853</v>
      </c>
      <c r="B3983" t="s">
        <v>14</v>
      </c>
      <c r="C3983">
        <v>20</v>
      </c>
      <c r="D3983" t="s">
        <v>458</v>
      </c>
      <c r="E3983">
        <v>138</v>
      </c>
      <c r="F3983" t="s">
        <v>651</v>
      </c>
      <c r="G3983">
        <v>160</v>
      </c>
      <c r="H3983" t="s">
        <v>739</v>
      </c>
      <c r="I3983">
        <v>4413</v>
      </c>
      <c r="J3983" t="s">
        <v>676</v>
      </c>
      <c r="K3983">
        <v>4</v>
      </c>
      <c r="L3983" t="s">
        <v>3062</v>
      </c>
      <c r="M3983">
        <v>1435</v>
      </c>
      <c r="N3983" t="s">
        <v>654</v>
      </c>
      <c r="O3983">
        <v>3</v>
      </c>
      <c r="P3983" t="s">
        <v>655</v>
      </c>
      <c r="Q3983">
        <v>1</v>
      </c>
      <c r="R3983" t="s">
        <v>656</v>
      </c>
      <c r="S3983">
        <v>2</v>
      </c>
      <c r="T3983" t="s">
        <v>718</v>
      </c>
      <c r="U3983">
        <v>2</v>
      </c>
      <c r="V3983">
        <v>2</v>
      </c>
      <c r="W3983">
        <v>120</v>
      </c>
      <c r="X3983">
        <v>2020</v>
      </c>
    </row>
    <row r="3984" spans="1:24" x14ac:dyDescent="0.25">
      <c r="A3984">
        <v>6852</v>
      </c>
      <c r="B3984" t="s">
        <v>14</v>
      </c>
      <c r="C3984">
        <v>20</v>
      </c>
      <c r="D3984" t="s">
        <v>458</v>
      </c>
      <c r="E3984">
        <v>138</v>
      </c>
      <c r="F3984" t="s">
        <v>651</v>
      </c>
      <c r="G3984">
        <v>160</v>
      </c>
      <c r="H3984" t="s">
        <v>739</v>
      </c>
      <c r="I3984">
        <v>4413</v>
      </c>
      <c r="J3984" t="s">
        <v>676</v>
      </c>
      <c r="K3984">
        <v>4</v>
      </c>
      <c r="L3984" t="s">
        <v>3063</v>
      </c>
      <c r="M3984">
        <v>1434</v>
      </c>
      <c r="N3984" t="s">
        <v>654</v>
      </c>
      <c r="O3984">
        <v>3</v>
      </c>
      <c r="P3984" t="s">
        <v>655</v>
      </c>
      <c r="Q3984">
        <v>1</v>
      </c>
      <c r="R3984" t="s">
        <v>656</v>
      </c>
      <c r="S3984">
        <v>2</v>
      </c>
      <c r="T3984" t="s">
        <v>657</v>
      </c>
      <c r="U3984">
        <v>7</v>
      </c>
      <c r="V3984">
        <v>2</v>
      </c>
      <c r="W3984">
        <v>120</v>
      </c>
      <c r="X3984">
        <v>2020</v>
      </c>
    </row>
    <row r="3985" spans="1:24" x14ac:dyDescent="0.25">
      <c r="A3985">
        <v>6851</v>
      </c>
      <c r="B3985" t="s">
        <v>14</v>
      </c>
      <c r="C3985">
        <v>20</v>
      </c>
      <c r="D3985" t="s">
        <v>458</v>
      </c>
      <c r="E3985">
        <v>138</v>
      </c>
      <c r="F3985" t="s">
        <v>651</v>
      </c>
      <c r="G3985">
        <v>160</v>
      </c>
      <c r="H3985" t="s">
        <v>739</v>
      </c>
      <c r="I3985">
        <v>4413</v>
      </c>
      <c r="J3985" t="s">
        <v>676</v>
      </c>
      <c r="K3985">
        <v>4</v>
      </c>
      <c r="L3985" t="s">
        <v>3064</v>
      </c>
      <c r="M3985">
        <v>1433</v>
      </c>
      <c r="N3985" t="s">
        <v>654</v>
      </c>
      <c r="O3985">
        <v>3</v>
      </c>
      <c r="P3985" t="s">
        <v>655</v>
      </c>
      <c r="Q3985">
        <v>1</v>
      </c>
      <c r="R3985" t="s">
        <v>656</v>
      </c>
      <c r="S3985">
        <v>2</v>
      </c>
      <c r="T3985" t="s">
        <v>718</v>
      </c>
      <c r="U3985">
        <v>2</v>
      </c>
      <c r="V3985">
        <v>2</v>
      </c>
      <c r="W3985">
        <v>120</v>
      </c>
      <c r="X3985">
        <v>2020</v>
      </c>
    </row>
    <row r="3986" spans="1:24" x14ac:dyDescent="0.25">
      <c r="A3986">
        <v>6849</v>
      </c>
      <c r="B3986" t="s">
        <v>14</v>
      </c>
      <c r="C3986">
        <v>20</v>
      </c>
      <c r="D3986" t="s">
        <v>458</v>
      </c>
      <c r="E3986">
        <v>138</v>
      </c>
      <c r="F3986" t="s">
        <v>651</v>
      </c>
      <c r="G3986">
        <v>160</v>
      </c>
      <c r="H3986" t="s">
        <v>739</v>
      </c>
      <c r="I3986">
        <v>4413</v>
      </c>
      <c r="J3986" t="s">
        <v>676</v>
      </c>
      <c r="K3986">
        <v>4</v>
      </c>
      <c r="L3986" t="s">
        <v>2569</v>
      </c>
      <c r="M3986">
        <v>1431</v>
      </c>
      <c r="N3986" t="s">
        <v>654</v>
      </c>
      <c r="O3986">
        <v>3</v>
      </c>
      <c r="P3986" t="s">
        <v>655</v>
      </c>
      <c r="Q3986">
        <v>1</v>
      </c>
      <c r="R3986" t="s">
        <v>656</v>
      </c>
      <c r="S3986">
        <v>2</v>
      </c>
      <c r="T3986" t="s">
        <v>661</v>
      </c>
      <c r="U3986">
        <v>8</v>
      </c>
      <c r="V3986">
        <v>2</v>
      </c>
      <c r="W3986">
        <v>120</v>
      </c>
      <c r="X3986">
        <v>2020</v>
      </c>
    </row>
    <row r="3987" spans="1:24" x14ac:dyDescent="0.25">
      <c r="A3987">
        <v>6848</v>
      </c>
      <c r="B3987" t="s">
        <v>14</v>
      </c>
      <c r="C3987">
        <v>20</v>
      </c>
      <c r="D3987" t="s">
        <v>458</v>
      </c>
      <c r="E3987">
        <v>138</v>
      </c>
      <c r="F3987" t="s">
        <v>651</v>
      </c>
      <c r="G3987">
        <v>160</v>
      </c>
      <c r="H3987" t="s">
        <v>739</v>
      </c>
      <c r="I3987">
        <v>4413</v>
      </c>
      <c r="J3987" t="s">
        <v>676</v>
      </c>
      <c r="K3987">
        <v>4</v>
      </c>
      <c r="L3987" t="s">
        <v>3065</v>
      </c>
      <c r="M3987">
        <v>1430</v>
      </c>
      <c r="N3987" t="s">
        <v>654</v>
      </c>
      <c r="O3987">
        <v>3</v>
      </c>
      <c r="P3987" t="s">
        <v>655</v>
      </c>
      <c r="Q3987">
        <v>1</v>
      </c>
      <c r="R3987" t="s">
        <v>656</v>
      </c>
      <c r="S3987">
        <v>2</v>
      </c>
      <c r="T3987" t="s">
        <v>718</v>
      </c>
      <c r="U3987">
        <v>2</v>
      </c>
      <c r="V3987">
        <v>2</v>
      </c>
      <c r="W3987">
        <v>120</v>
      </c>
      <c r="X3987">
        <v>2020</v>
      </c>
    </row>
    <row r="3988" spans="1:24" x14ac:dyDescent="0.25">
      <c r="A3988">
        <v>6844</v>
      </c>
      <c r="B3988" t="s">
        <v>14</v>
      </c>
      <c r="C3988">
        <v>20</v>
      </c>
      <c r="D3988" t="s">
        <v>458</v>
      </c>
      <c r="E3988">
        <v>138</v>
      </c>
      <c r="F3988" t="s">
        <v>651</v>
      </c>
      <c r="G3988">
        <v>160</v>
      </c>
      <c r="H3988" t="s">
        <v>739</v>
      </c>
      <c r="I3988">
        <v>4413</v>
      </c>
      <c r="J3988" t="s">
        <v>676</v>
      </c>
      <c r="K3988">
        <v>4</v>
      </c>
      <c r="L3988" t="s">
        <v>2198</v>
      </c>
      <c r="M3988">
        <v>896</v>
      </c>
      <c r="N3988" t="s">
        <v>654</v>
      </c>
      <c r="O3988">
        <v>3</v>
      </c>
      <c r="P3988" t="s">
        <v>655</v>
      </c>
      <c r="Q3988">
        <v>1</v>
      </c>
      <c r="R3988" t="s">
        <v>656</v>
      </c>
      <c r="S3988">
        <v>2</v>
      </c>
      <c r="T3988" t="s">
        <v>718</v>
      </c>
      <c r="U3988">
        <v>2</v>
      </c>
      <c r="V3988">
        <v>2</v>
      </c>
      <c r="W3988">
        <v>120</v>
      </c>
      <c r="X3988">
        <v>2020</v>
      </c>
    </row>
    <row r="3989" spans="1:24" x14ac:dyDescent="0.25">
      <c r="A3989">
        <v>6843</v>
      </c>
      <c r="B3989" t="s">
        <v>14</v>
      </c>
      <c r="C3989">
        <v>20</v>
      </c>
      <c r="D3989" t="s">
        <v>458</v>
      </c>
      <c r="E3989">
        <v>138</v>
      </c>
      <c r="F3989" t="s">
        <v>651</v>
      </c>
      <c r="G3989">
        <v>160</v>
      </c>
      <c r="H3989" t="s">
        <v>739</v>
      </c>
      <c r="I3989">
        <v>4413</v>
      </c>
      <c r="J3989" t="s">
        <v>676</v>
      </c>
      <c r="K3989">
        <v>4</v>
      </c>
      <c r="L3989" t="s">
        <v>3066</v>
      </c>
      <c r="M3989">
        <v>1426</v>
      </c>
      <c r="N3989" t="s">
        <v>654</v>
      </c>
      <c r="O3989">
        <v>3</v>
      </c>
      <c r="P3989" t="s">
        <v>655</v>
      </c>
      <c r="Q3989">
        <v>1</v>
      </c>
      <c r="R3989" t="s">
        <v>656</v>
      </c>
      <c r="S3989">
        <v>2</v>
      </c>
      <c r="T3989" t="s">
        <v>661</v>
      </c>
      <c r="U3989">
        <v>8</v>
      </c>
      <c r="V3989">
        <v>2</v>
      </c>
      <c r="W3989">
        <v>120</v>
      </c>
      <c r="X3989">
        <v>2020</v>
      </c>
    </row>
    <row r="3990" spans="1:24" x14ac:dyDescent="0.25">
      <c r="A3990">
        <v>6842</v>
      </c>
      <c r="B3990" t="s">
        <v>192</v>
      </c>
      <c r="C3990">
        <v>19</v>
      </c>
      <c r="D3990" t="s">
        <v>350</v>
      </c>
      <c r="E3990">
        <v>616</v>
      </c>
      <c r="F3990" t="s">
        <v>651</v>
      </c>
      <c r="G3990">
        <v>160</v>
      </c>
      <c r="H3990" t="s">
        <v>739</v>
      </c>
      <c r="I3990">
        <v>4413</v>
      </c>
      <c r="J3990" t="s">
        <v>880</v>
      </c>
      <c r="K3990">
        <v>58</v>
      </c>
      <c r="L3990" t="s">
        <v>1562</v>
      </c>
      <c r="M3990">
        <v>1425</v>
      </c>
      <c r="N3990" t="s">
        <v>654</v>
      </c>
      <c r="O3990">
        <v>3</v>
      </c>
      <c r="P3990" t="s">
        <v>655</v>
      </c>
      <c r="Q3990">
        <v>1</v>
      </c>
      <c r="R3990" t="s">
        <v>656</v>
      </c>
      <c r="S3990">
        <v>2</v>
      </c>
      <c r="T3990" t="s">
        <v>661</v>
      </c>
      <c r="U3990">
        <v>8</v>
      </c>
      <c r="V3990">
        <v>2</v>
      </c>
      <c r="W3990">
        <v>120</v>
      </c>
      <c r="X3990">
        <v>2020</v>
      </c>
    </row>
    <row r="3991" spans="1:24" x14ac:dyDescent="0.25">
      <c r="A3991">
        <v>6841</v>
      </c>
      <c r="B3991" t="s">
        <v>192</v>
      </c>
      <c r="C3991">
        <v>19</v>
      </c>
      <c r="D3991" t="s">
        <v>350</v>
      </c>
      <c r="E3991">
        <v>616</v>
      </c>
      <c r="F3991" t="s">
        <v>651</v>
      </c>
      <c r="G3991">
        <v>160</v>
      </c>
      <c r="H3991" t="s">
        <v>739</v>
      </c>
      <c r="I3991">
        <v>4413</v>
      </c>
      <c r="J3991" t="s">
        <v>880</v>
      </c>
      <c r="K3991">
        <v>58</v>
      </c>
      <c r="L3991" t="s">
        <v>3067</v>
      </c>
      <c r="M3991">
        <v>1424</v>
      </c>
      <c r="N3991" t="s">
        <v>654</v>
      </c>
      <c r="O3991">
        <v>3</v>
      </c>
      <c r="P3991" t="s">
        <v>655</v>
      </c>
      <c r="Q3991">
        <v>1</v>
      </c>
      <c r="R3991" t="s">
        <v>656</v>
      </c>
      <c r="S3991">
        <v>2</v>
      </c>
      <c r="T3991" t="s">
        <v>661</v>
      </c>
      <c r="U3991">
        <v>8</v>
      </c>
      <c r="V3991">
        <v>2</v>
      </c>
      <c r="W3991">
        <v>120</v>
      </c>
      <c r="X3991">
        <v>2020</v>
      </c>
    </row>
    <row r="3992" spans="1:24" x14ac:dyDescent="0.25">
      <c r="A3992">
        <v>6840</v>
      </c>
      <c r="B3992" t="s">
        <v>192</v>
      </c>
      <c r="C3992">
        <v>19</v>
      </c>
      <c r="D3992" t="s">
        <v>350</v>
      </c>
      <c r="E3992">
        <v>616</v>
      </c>
      <c r="F3992" t="s">
        <v>651</v>
      </c>
      <c r="G3992">
        <v>160</v>
      </c>
      <c r="H3992" t="s">
        <v>739</v>
      </c>
      <c r="I3992">
        <v>4413</v>
      </c>
      <c r="J3992" t="s">
        <v>880</v>
      </c>
      <c r="K3992">
        <v>58</v>
      </c>
      <c r="L3992" t="s">
        <v>3068</v>
      </c>
      <c r="M3992">
        <v>1423</v>
      </c>
      <c r="N3992" t="s">
        <v>654</v>
      </c>
      <c r="O3992">
        <v>3</v>
      </c>
      <c r="P3992" t="s">
        <v>655</v>
      </c>
      <c r="Q3992">
        <v>1</v>
      </c>
      <c r="R3992" t="s">
        <v>656</v>
      </c>
      <c r="S3992">
        <v>2</v>
      </c>
      <c r="T3992" t="s">
        <v>661</v>
      </c>
      <c r="U3992">
        <v>8</v>
      </c>
      <c r="V3992">
        <v>2</v>
      </c>
      <c r="W3992">
        <v>120</v>
      </c>
      <c r="X3992">
        <v>2020</v>
      </c>
    </row>
    <row r="3993" spans="1:24" x14ac:dyDescent="0.25">
      <c r="A3993">
        <v>6839</v>
      </c>
      <c r="B3993" t="s">
        <v>192</v>
      </c>
      <c r="C3993">
        <v>19</v>
      </c>
      <c r="D3993" t="s">
        <v>350</v>
      </c>
      <c r="E3993">
        <v>616</v>
      </c>
      <c r="F3993" t="s">
        <v>651</v>
      </c>
      <c r="G3993">
        <v>160</v>
      </c>
      <c r="H3993" t="s">
        <v>739</v>
      </c>
      <c r="I3993">
        <v>4413</v>
      </c>
      <c r="J3993" t="s">
        <v>880</v>
      </c>
      <c r="K3993">
        <v>58</v>
      </c>
      <c r="L3993" t="s">
        <v>3069</v>
      </c>
      <c r="M3993">
        <v>1422</v>
      </c>
      <c r="N3993" t="s">
        <v>654</v>
      </c>
      <c r="O3993">
        <v>3</v>
      </c>
      <c r="P3993" t="s">
        <v>655</v>
      </c>
      <c r="Q3993">
        <v>1</v>
      </c>
      <c r="R3993" t="s">
        <v>656</v>
      </c>
      <c r="S3993">
        <v>2</v>
      </c>
      <c r="T3993" t="s">
        <v>718</v>
      </c>
      <c r="U3993">
        <v>2</v>
      </c>
      <c r="V3993">
        <v>2</v>
      </c>
      <c r="W3993">
        <v>120</v>
      </c>
      <c r="X3993">
        <v>2020</v>
      </c>
    </row>
    <row r="3994" spans="1:24" x14ac:dyDescent="0.25">
      <c r="A3994">
        <v>6838</v>
      </c>
      <c r="B3994" t="s">
        <v>192</v>
      </c>
      <c r="C3994">
        <v>19</v>
      </c>
      <c r="D3994" t="s">
        <v>560</v>
      </c>
      <c r="E3994">
        <v>136</v>
      </c>
      <c r="F3994" t="s">
        <v>651</v>
      </c>
      <c r="G3994">
        <v>160</v>
      </c>
      <c r="H3994" t="s">
        <v>739</v>
      </c>
      <c r="I3994">
        <v>4413</v>
      </c>
      <c r="J3994" t="s">
        <v>851</v>
      </c>
      <c r="K3994">
        <v>43</v>
      </c>
      <c r="L3994" t="s">
        <v>852</v>
      </c>
      <c r="M3994">
        <v>1421</v>
      </c>
      <c r="N3994" t="s">
        <v>654</v>
      </c>
      <c r="O3994">
        <v>3</v>
      </c>
      <c r="P3994" t="s">
        <v>655</v>
      </c>
      <c r="Q3994">
        <v>1</v>
      </c>
      <c r="R3994" t="s">
        <v>656</v>
      </c>
      <c r="S3994">
        <v>2</v>
      </c>
      <c r="T3994" t="s">
        <v>661</v>
      </c>
      <c r="U3994">
        <v>8</v>
      </c>
      <c r="V3994">
        <v>2</v>
      </c>
      <c r="W3994">
        <v>120</v>
      </c>
      <c r="X3994">
        <v>2020</v>
      </c>
    </row>
    <row r="3995" spans="1:24" x14ac:dyDescent="0.25">
      <c r="A3995">
        <v>6837</v>
      </c>
      <c r="B3995" t="s">
        <v>192</v>
      </c>
      <c r="C3995">
        <v>19</v>
      </c>
      <c r="D3995" t="s">
        <v>560</v>
      </c>
      <c r="E3995">
        <v>136</v>
      </c>
      <c r="F3995" t="s">
        <v>651</v>
      </c>
      <c r="G3995">
        <v>160</v>
      </c>
      <c r="H3995" t="s">
        <v>739</v>
      </c>
      <c r="I3995">
        <v>4413</v>
      </c>
      <c r="J3995" t="s">
        <v>1219</v>
      </c>
      <c r="K3995">
        <v>42</v>
      </c>
      <c r="L3995" t="s">
        <v>3070</v>
      </c>
      <c r="M3995">
        <v>1420</v>
      </c>
      <c r="N3995" t="s">
        <v>654</v>
      </c>
      <c r="O3995">
        <v>3</v>
      </c>
      <c r="P3995" t="s">
        <v>655</v>
      </c>
      <c r="Q3995">
        <v>1</v>
      </c>
      <c r="R3995" t="s">
        <v>656</v>
      </c>
      <c r="S3995">
        <v>2</v>
      </c>
      <c r="T3995" t="s">
        <v>661</v>
      </c>
      <c r="U3995">
        <v>8</v>
      </c>
      <c r="V3995">
        <v>2</v>
      </c>
      <c r="W3995">
        <v>120</v>
      </c>
      <c r="X3995">
        <v>2020</v>
      </c>
    </row>
    <row r="3996" spans="1:24" x14ac:dyDescent="0.25">
      <c r="A3996">
        <v>6836</v>
      </c>
      <c r="B3996" t="s">
        <v>192</v>
      </c>
      <c r="C3996">
        <v>19</v>
      </c>
      <c r="D3996" t="s">
        <v>560</v>
      </c>
      <c r="E3996">
        <v>136</v>
      </c>
      <c r="F3996" t="s">
        <v>651</v>
      </c>
      <c r="G3996">
        <v>160</v>
      </c>
      <c r="H3996" t="s">
        <v>739</v>
      </c>
      <c r="I3996">
        <v>4413</v>
      </c>
      <c r="J3996" t="s">
        <v>1219</v>
      </c>
      <c r="K3996">
        <v>42</v>
      </c>
      <c r="L3996" t="s">
        <v>3071</v>
      </c>
      <c r="M3996">
        <v>1419</v>
      </c>
      <c r="N3996" t="s">
        <v>654</v>
      </c>
      <c r="O3996">
        <v>3</v>
      </c>
      <c r="P3996" t="s">
        <v>655</v>
      </c>
      <c r="Q3996">
        <v>1</v>
      </c>
      <c r="R3996" t="s">
        <v>656</v>
      </c>
      <c r="S3996">
        <v>2</v>
      </c>
      <c r="T3996" t="s">
        <v>661</v>
      </c>
      <c r="U3996">
        <v>8</v>
      </c>
      <c r="V3996">
        <v>2</v>
      </c>
      <c r="W3996">
        <v>120</v>
      </c>
      <c r="X3996">
        <v>2020</v>
      </c>
    </row>
    <row r="3997" spans="1:24" x14ac:dyDescent="0.25">
      <c r="A3997">
        <v>6834</v>
      </c>
      <c r="B3997" t="s">
        <v>192</v>
      </c>
      <c r="C3997">
        <v>19</v>
      </c>
      <c r="D3997" t="s">
        <v>329</v>
      </c>
      <c r="E3997">
        <v>135</v>
      </c>
      <c r="F3997" t="s">
        <v>651</v>
      </c>
      <c r="G3997">
        <v>160</v>
      </c>
      <c r="H3997" t="s">
        <v>739</v>
      </c>
      <c r="I3997">
        <v>4413</v>
      </c>
      <c r="J3997" t="s">
        <v>917</v>
      </c>
      <c r="K3997">
        <v>83</v>
      </c>
      <c r="L3997" t="s">
        <v>2253</v>
      </c>
      <c r="M3997">
        <v>756</v>
      </c>
      <c r="N3997" t="s">
        <v>654</v>
      </c>
      <c r="O3997">
        <v>3</v>
      </c>
      <c r="P3997" t="s">
        <v>655</v>
      </c>
      <c r="Q3997">
        <v>1</v>
      </c>
      <c r="R3997" t="s">
        <v>656</v>
      </c>
      <c r="S3997">
        <v>2</v>
      </c>
      <c r="T3997" t="s">
        <v>718</v>
      </c>
      <c r="U3997">
        <v>2</v>
      </c>
      <c r="V3997">
        <v>2</v>
      </c>
      <c r="W3997">
        <v>120</v>
      </c>
      <c r="X3997">
        <v>2020</v>
      </c>
    </row>
    <row r="3998" spans="1:24" x14ac:dyDescent="0.25">
      <c r="A3998">
        <v>6833</v>
      </c>
      <c r="B3998" t="s">
        <v>192</v>
      </c>
      <c r="C3998">
        <v>19</v>
      </c>
      <c r="D3998" t="s">
        <v>329</v>
      </c>
      <c r="E3998">
        <v>135</v>
      </c>
      <c r="F3998" t="s">
        <v>651</v>
      </c>
      <c r="G3998">
        <v>160</v>
      </c>
      <c r="H3998" t="s">
        <v>739</v>
      </c>
      <c r="I3998">
        <v>4413</v>
      </c>
      <c r="J3998" t="s">
        <v>678</v>
      </c>
      <c r="K3998">
        <v>41</v>
      </c>
      <c r="L3998" t="s">
        <v>3072</v>
      </c>
      <c r="M3998">
        <v>1265</v>
      </c>
      <c r="N3998" t="s">
        <v>654</v>
      </c>
      <c r="O3998">
        <v>3</v>
      </c>
      <c r="P3998" t="s">
        <v>655</v>
      </c>
      <c r="Q3998">
        <v>1</v>
      </c>
      <c r="R3998" t="s">
        <v>656</v>
      </c>
      <c r="S3998">
        <v>2</v>
      </c>
      <c r="T3998" t="s">
        <v>661</v>
      </c>
      <c r="U3998">
        <v>8</v>
      </c>
      <c r="V3998">
        <v>2</v>
      </c>
      <c r="W3998">
        <v>120</v>
      </c>
      <c r="X3998">
        <v>2020</v>
      </c>
    </row>
    <row r="3999" spans="1:24" x14ac:dyDescent="0.25">
      <c r="A3999">
        <v>6832</v>
      </c>
      <c r="B3999" t="s">
        <v>192</v>
      </c>
      <c r="C3999">
        <v>19</v>
      </c>
      <c r="D3999" t="s">
        <v>329</v>
      </c>
      <c r="E3999">
        <v>135</v>
      </c>
      <c r="F3999" t="s">
        <v>651</v>
      </c>
      <c r="G3999">
        <v>160</v>
      </c>
      <c r="H3999" t="s">
        <v>739</v>
      </c>
      <c r="I3999">
        <v>4413</v>
      </c>
      <c r="J3999" t="s">
        <v>794</v>
      </c>
      <c r="K3999">
        <v>40</v>
      </c>
      <c r="L3999" t="s">
        <v>3073</v>
      </c>
      <c r="M3999">
        <v>1417</v>
      </c>
      <c r="N3999" t="s">
        <v>654</v>
      </c>
      <c r="O3999">
        <v>3</v>
      </c>
      <c r="P3999" t="s">
        <v>655</v>
      </c>
      <c r="Q3999">
        <v>1</v>
      </c>
      <c r="R3999" t="s">
        <v>656</v>
      </c>
      <c r="S3999">
        <v>2</v>
      </c>
      <c r="T3999" t="s">
        <v>661</v>
      </c>
      <c r="U3999">
        <v>8</v>
      </c>
      <c r="V3999">
        <v>2</v>
      </c>
      <c r="W3999">
        <v>120</v>
      </c>
      <c r="X3999">
        <v>2020</v>
      </c>
    </row>
    <row r="4000" spans="1:24" x14ac:dyDescent="0.25">
      <c r="A4000">
        <v>6831</v>
      </c>
      <c r="B4000" t="s">
        <v>192</v>
      </c>
      <c r="C4000">
        <v>19</v>
      </c>
      <c r="D4000" t="s">
        <v>329</v>
      </c>
      <c r="E4000">
        <v>135</v>
      </c>
      <c r="F4000" t="s">
        <v>651</v>
      </c>
      <c r="G4000">
        <v>160</v>
      </c>
      <c r="H4000" t="s">
        <v>739</v>
      </c>
      <c r="I4000">
        <v>4413</v>
      </c>
      <c r="J4000" t="s">
        <v>794</v>
      </c>
      <c r="K4000">
        <v>40</v>
      </c>
      <c r="L4000" t="s">
        <v>3074</v>
      </c>
      <c r="M4000">
        <v>1416</v>
      </c>
      <c r="N4000" t="s">
        <v>654</v>
      </c>
      <c r="O4000">
        <v>3</v>
      </c>
      <c r="P4000" t="s">
        <v>655</v>
      </c>
      <c r="Q4000">
        <v>1</v>
      </c>
      <c r="R4000" t="s">
        <v>656</v>
      </c>
      <c r="S4000">
        <v>2</v>
      </c>
      <c r="T4000" t="s">
        <v>661</v>
      </c>
      <c r="U4000">
        <v>8</v>
      </c>
      <c r="V4000">
        <v>2</v>
      </c>
      <c r="W4000">
        <v>120</v>
      </c>
      <c r="X4000">
        <v>2020</v>
      </c>
    </row>
    <row r="4001" spans="1:24" x14ac:dyDescent="0.25">
      <c r="A4001">
        <v>6830</v>
      </c>
      <c r="B4001" t="s">
        <v>192</v>
      </c>
      <c r="C4001">
        <v>19</v>
      </c>
      <c r="D4001" t="s">
        <v>329</v>
      </c>
      <c r="E4001">
        <v>135</v>
      </c>
      <c r="F4001" t="s">
        <v>651</v>
      </c>
      <c r="G4001">
        <v>160</v>
      </c>
      <c r="H4001" t="s">
        <v>739</v>
      </c>
      <c r="I4001">
        <v>4413</v>
      </c>
      <c r="J4001" t="s">
        <v>794</v>
      </c>
      <c r="K4001">
        <v>40</v>
      </c>
      <c r="L4001" t="s">
        <v>3075</v>
      </c>
      <c r="M4001">
        <v>1415</v>
      </c>
      <c r="N4001" t="s">
        <v>654</v>
      </c>
      <c r="O4001">
        <v>3</v>
      </c>
      <c r="P4001" t="s">
        <v>655</v>
      </c>
      <c r="Q4001">
        <v>1</v>
      </c>
      <c r="R4001" t="s">
        <v>656</v>
      </c>
      <c r="S4001">
        <v>2</v>
      </c>
      <c r="T4001" t="s">
        <v>661</v>
      </c>
      <c r="U4001">
        <v>8</v>
      </c>
      <c r="V4001">
        <v>2</v>
      </c>
      <c r="W4001">
        <v>120</v>
      </c>
      <c r="X4001">
        <v>2020</v>
      </c>
    </row>
    <row r="4002" spans="1:24" x14ac:dyDescent="0.25">
      <c r="A4002">
        <v>6829</v>
      </c>
      <c r="B4002" t="s">
        <v>192</v>
      </c>
      <c r="C4002">
        <v>19</v>
      </c>
      <c r="D4002" t="s">
        <v>329</v>
      </c>
      <c r="E4002">
        <v>135</v>
      </c>
      <c r="F4002" t="s">
        <v>651</v>
      </c>
      <c r="G4002">
        <v>160</v>
      </c>
      <c r="H4002" t="s">
        <v>739</v>
      </c>
      <c r="I4002">
        <v>4413</v>
      </c>
      <c r="J4002" t="s">
        <v>794</v>
      </c>
      <c r="K4002">
        <v>40</v>
      </c>
      <c r="L4002" t="s">
        <v>3076</v>
      </c>
      <c r="M4002">
        <v>1414</v>
      </c>
      <c r="N4002" t="s">
        <v>654</v>
      </c>
      <c r="O4002">
        <v>3</v>
      </c>
      <c r="P4002" t="s">
        <v>655</v>
      </c>
      <c r="Q4002">
        <v>1</v>
      </c>
      <c r="R4002" t="s">
        <v>656</v>
      </c>
      <c r="S4002">
        <v>2</v>
      </c>
      <c r="T4002" t="s">
        <v>661</v>
      </c>
      <c r="U4002">
        <v>8</v>
      </c>
      <c r="V4002">
        <v>2</v>
      </c>
      <c r="W4002">
        <v>120</v>
      </c>
      <c r="X4002">
        <v>2020</v>
      </c>
    </row>
    <row r="4003" spans="1:24" x14ac:dyDescent="0.25">
      <c r="A4003">
        <v>6828</v>
      </c>
      <c r="B4003" t="s">
        <v>192</v>
      </c>
      <c r="C4003">
        <v>19</v>
      </c>
      <c r="D4003" t="s">
        <v>329</v>
      </c>
      <c r="E4003">
        <v>135</v>
      </c>
      <c r="F4003" t="s">
        <v>651</v>
      </c>
      <c r="G4003">
        <v>160</v>
      </c>
      <c r="H4003" t="s">
        <v>739</v>
      </c>
      <c r="I4003">
        <v>4413</v>
      </c>
      <c r="J4003" t="s">
        <v>794</v>
      </c>
      <c r="K4003">
        <v>40</v>
      </c>
      <c r="L4003" t="s">
        <v>3077</v>
      </c>
      <c r="M4003">
        <v>1413</v>
      </c>
      <c r="N4003" t="s">
        <v>654</v>
      </c>
      <c r="O4003">
        <v>3</v>
      </c>
      <c r="P4003" t="s">
        <v>655</v>
      </c>
      <c r="Q4003">
        <v>1</v>
      </c>
      <c r="R4003" t="s">
        <v>656</v>
      </c>
      <c r="S4003">
        <v>2</v>
      </c>
      <c r="T4003" t="s">
        <v>661</v>
      </c>
      <c r="U4003">
        <v>8</v>
      </c>
      <c r="V4003">
        <v>2</v>
      </c>
      <c r="W4003">
        <v>120</v>
      </c>
      <c r="X4003">
        <v>2020</v>
      </c>
    </row>
    <row r="4004" spans="1:24" x14ac:dyDescent="0.25">
      <c r="A4004">
        <v>6826</v>
      </c>
      <c r="B4004" t="s">
        <v>192</v>
      </c>
      <c r="C4004">
        <v>19</v>
      </c>
      <c r="D4004" t="s">
        <v>329</v>
      </c>
      <c r="E4004">
        <v>135</v>
      </c>
      <c r="F4004" t="s">
        <v>651</v>
      </c>
      <c r="G4004">
        <v>160</v>
      </c>
      <c r="H4004" t="s">
        <v>739</v>
      </c>
      <c r="I4004">
        <v>4413</v>
      </c>
      <c r="J4004" t="s">
        <v>794</v>
      </c>
      <c r="K4004">
        <v>40</v>
      </c>
      <c r="L4004" t="s">
        <v>3078</v>
      </c>
      <c r="M4004">
        <v>1412</v>
      </c>
      <c r="N4004" t="s">
        <v>654</v>
      </c>
      <c r="O4004">
        <v>3</v>
      </c>
      <c r="P4004" t="s">
        <v>655</v>
      </c>
      <c r="Q4004">
        <v>1</v>
      </c>
      <c r="R4004" t="s">
        <v>656</v>
      </c>
      <c r="S4004">
        <v>2</v>
      </c>
      <c r="T4004" t="s">
        <v>661</v>
      </c>
      <c r="U4004">
        <v>8</v>
      </c>
      <c r="V4004">
        <v>2</v>
      </c>
      <c r="W4004">
        <v>120</v>
      </c>
      <c r="X4004">
        <v>2020</v>
      </c>
    </row>
    <row r="4005" spans="1:24" x14ac:dyDescent="0.25">
      <c r="A4005">
        <v>6825</v>
      </c>
      <c r="B4005" t="s">
        <v>192</v>
      </c>
      <c r="C4005">
        <v>19</v>
      </c>
      <c r="D4005" t="s">
        <v>463</v>
      </c>
      <c r="E4005">
        <v>134</v>
      </c>
      <c r="F4005" t="s">
        <v>651</v>
      </c>
      <c r="G4005">
        <v>160</v>
      </c>
      <c r="H4005" t="s">
        <v>739</v>
      </c>
      <c r="I4005">
        <v>4413</v>
      </c>
      <c r="J4005" t="s">
        <v>848</v>
      </c>
      <c r="K4005">
        <v>62</v>
      </c>
      <c r="L4005" t="s">
        <v>3079</v>
      </c>
      <c r="M4005">
        <v>1411</v>
      </c>
      <c r="N4005" t="s">
        <v>654</v>
      </c>
      <c r="O4005">
        <v>3</v>
      </c>
      <c r="P4005" t="s">
        <v>655</v>
      </c>
      <c r="Q4005">
        <v>1</v>
      </c>
      <c r="R4005" t="s">
        <v>656</v>
      </c>
      <c r="S4005">
        <v>2</v>
      </c>
      <c r="T4005" t="s">
        <v>661</v>
      </c>
      <c r="U4005">
        <v>8</v>
      </c>
      <c r="V4005">
        <v>2</v>
      </c>
      <c r="W4005">
        <v>120</v>
      </c>
      <c r="X4005">
        <v>2020</v>
      </c>
    </row>
    <row r="4006" spans="1:24" x14ac:dyDescent="0.25">
      <c r="A4006">
        <v>6823</v>
      </c>
      <c r="B4006" t="s">
        <v>192</v>
      </c>
      <c r="C4006">
        <v>19</v>
      </c>
      <c r="D4006" t="s">
        <v>463</v>
      </c>
      <c r="E4006">
        <v>134</v>
      </c>
      <c r="F4006" t="s">
        <v>651</v>
      </c>
      <c r="G4006">
        <v>160</v>
      </c>
      <c r="H4006" t="s">
        <v>739</v>
      </c>
      <c r="I4006">
        <v>4413</v>
      </c>
      <c r="J4006" t="s">
        <v>909</v>
      </c>
      <c r="K4006">
        <v>39</v>
      </c>
      <c r="L4006" t="s">
        <v>3080</v>
      </c>
      <c r="M4006">
        <v>1409</v>
      </c>
      <c r="N4006" t="s">
        <v>654</v>
      </c>
      <c r="O4006">
        <v>3</v>
      </c>
      <c r="P4006" t="s">
        <v>655</v>
      </c>
      <c r="Q4006">
        <v>1</v>
      </c>
      <c r="R4006" t="s">
        <v>656</v>
      </c>
      <c r="S4006">
        <v>2</v>
      </c>
      <c r="T4006" t="s">
        <v>769</v>
      </c>
      <c r="U4006">
        <v>3</v>
      </c>
      <c r="V4006">
        <v>2</v>
      </c>
      <c r="W4006">
        <v>120</v>
      </c>
      <c r="X4006">
        <v>2020</v>
      </c>
    </row>
    <row r="4007" spans="1:24" x14ac:dyDescent="0.25">
      <c r="A4007">
        <v>6820</v>
      </c>
      <c r="B4007" t="s">
        <v>192</v>
      </c>
      <c r="C4007">
        <v>19</v>
      </c>
      <c r="D4007" t="s">
        <v>463</v>
      </c>
      <c r="E4007">
        <v>134</v>
      </c>
      <c r="F4007" t="s">
        <v>651</v>
      </c>
      <c r="G4007">
        <v>160</v>
      </c>
      <c r="H4007" t="s">
        <v>739</v>
      </c>
      <c r="I4007">
        <v>4413</v>
      </c>
      <c r="J4007" t="s">
        <v>909</v>
      </c>
      <c r="K4007">
        <v>39</v>
      </c>
      <c r="L4007" t="s">
        <v>3081</v>
      </c>
      <c r="M4007">
        <v>1407</v>
      </c>
      <c r="N4007" t="s">
        <v>654</v>
      </c>
      <c r="O4007">
        <v>3</v>
      </c>
      <c r="P4007" t="s">
        <v>655</v>
      </c>
      <c r="Q4007">
        <v>1</v>
      </c>
      <c r="R4007" t="s">
        <v>656</v>
      </c>
      <c r="S4007">
        <v>2</v>
      </c>
      <c r="T4007" t="s">
        <v>661</v>
      </c>
      <c r="U4007">
        <v>8</v>
      </c>
      <c r="V4007">
        <v>2</v>
      </c>
      <c r="W4007">
        <v>120</v>
      </c>
      <c r="X4007">
        <v>2020</v>
      </c>
    </row>
    <row r="4008" spans="1:24" x14ac:dyDescent="0.25">
      <c r="A4008">
        <v>6819</v>
      </c>
      <c r="B4008" t="s">
        <v>192</v>
      </c>
      <c r="C4008">
        <v>19</v>
      </c>
      <c r="D4008" t="s">
        <v>463</v>
      </c>
      <c r="E4008">
        <v>134</v>
      </c>
      <c r="F4008" t="s">
        <v>651</v>
      </c>
      <c r="G4008">
        <v>160</v>
      </c>
      <c r="H4008" t="s">
        <v>739</v>
      </c>
      <c r="I4008">
        <v>4413</v>
      </c>
      <c r="J4008" t="s">
        <v>909</v>
      </c>
      <c r="K4008">
        <v>39</v>
      </c>
      <c r="L4008" t="s">
        <v>3082</v>
      </c>
      <c r="M4008">
        <v>1406</v>
      </c>
      <c r="N4008" t="s">
        <v>654</v>
      </c>
      <c r="O4008">
        <v>3</v>
      </c>
      <c r="P4008" t="s">
        <v>655</v>
      </c>
      <c r="Q4008">
        <v>1</v>
      </c>
      <c r="R4008" t="s">
        <v>656</v>
      </c>
      <c r="S4008">
        <v>2</v>
      </c>
      <c r="T4008" t="s">
        <v>661</v>
      </c>
      <c r="U4008">
        <v>8</v>
      </c>
      <c r="V4008">
        <v>2</v>
      </c>
      <c r="W4008">
        <v>120</v>
      </c>
      <c r="X4008">
        <v>2020</v>
      </c>
    </row>
    <row r="4009" spans="1:24" x14ac:dyDescent="0.25">
      <c r="A4009">
        <v>6818</v>
      </c>
      <c r="B4009" t="s">
        <v>192</v>
      </c>
      <c r="C4009">
        <v>19</v>
      </c>
      <c r="D4009" t="s">
        <v>463</v>
      </c>
      <c r="E4009">
        <v>134</v>
      </c>
      <c r="F4009" t="s">
        <v>651</v>
      </c>
      <c r="G4009">
        <v>160</v>
      </c>
      <c r="H4009" t="s">
        <v>739</v>
      </c>
      <c r="I4009">
        <v>4413</v>
      </c>
      <c r="J4009" t="s">
        <v>909</v>
      </c>
      <c r="K4009">
        <v>39</v>
      </c>
      <c r="L4009" t="s">
        <v>3083</v>
      </c>
      <c r="M4009">
        <v>1405</v>
      </c>
      <c r="N4009" t="s">
        <v>654</v>
      </c>
      <c r="O4009">
        <v>3</v>
      </c>
      <c r="P4009" t="s">
        <v>655</v>
      </c>
      <c r="Q4009">
        <v>1</v>
      </c>
      <c r="R4009" t="s">
        <v>656</v>
      </c>
      <c r="S4009">
        <v>2</v>
      </c>
      <c r="T4009" t="s">
        <v>661</v>
      </c>
      <c r="U4009">
        <v>8</v>
      </c>
      <c r="V4009">
        <v>2</v>
      </c>
      <c r="W4009">
        <v>120</v>
      </c>
      <c r="X4009">
        <v>2020</v>
      </c>
    </row>
    <row r="4010" spans="1:24" x14ac:dyDescent="0.25">
      <c r="A4010">
        <v>6817</v>
      </c>
      <c r="B4010" t="s">
        <v>30</v>
      </c>
      <c r="C4010">
        <v>18</v>
      </c>
      <c r="D4010" t="s">
        <v>426</v>
      </c>
      <c r="E4010">
        <v>105</v>
      </c>
      <c r="F4010" t="s">
        <v>651</v>
      </c>
      <c r="G4010">
        <v>160</v>
      </c>
      <c r="H4010" t="s">
        <v>922</v>
      </c>
      <c r="I4010">
        <v>8163</v>
      </c>
      <c r="J4010" t="s">
        <v>659</v>
      </c>
      <c r="K4010">
        <v>35</v>
      </c>
      <c r="L4010" t="s">
        <v>3084</v>
      </c>
      <c r="M4010">
        <v>1404</v>
      </c>
      <c r="N4010" t="s">
        <v>654</v>
      </c>
      <c r="O4010">
        <v>3</v>
      </c>
      <c r="P4010" t="s">
        <v>655</v>
      </c>
      <c r="Q4010">
        <v>1</v>
      </c>
      <c r="R4010" t="s">
        <v>656</v>
      </c>
      <c r="S4010">
        <v>2</v>
      </c>
      <c r="T4010" t="s">
        <v>661</v>
      </c>
      <c r="U4010">
        <v>8</v>
      </c>
      <c r="V4010">
        <v>2</v>
      </c>
      <c r="W4010">
        <v>120</v>
      </c>
      <c r="X4010">
        <v>2020</v>
      </c>
    </row>
    <row r="4011" spans="1:24" x14ac:dyDescent="0.25">
      <c r="A4011">
        <v>6816</v>
      </c>
      <c r="B4011" t="s">
        <v>30</v>
      </c>
      <c r="C4011">
        <v>18</v>
      </c>
      <c r="D4011" t="s">
        <v>361</v>
      </c>
      <c r="E4011">
        <v>130</v>
      </c>
      <c r="F4011" t="s">
        <v>651</v>
      </c>
      <c r="G4011">
        <v>160</v>
      </c>
      <c r="H4011" t="s">
        <v>739</v>
      </c>
      <c r="I4011">
        <v>4413</v>
      </c>
      <c r="J4011" t="s">
        <v>695</v>
      </c>
      <c r="K4011">
        <v>54</v>
      </c>
      <c r="L4011" t="s">
        <v>3085</v>
      </c>
      <c r="M4011">
        <v>1403</v>
      </c>
      <c r="N4011" t="s">
        <v>654</v>
      </c>
      <c r="O4011">
        <v>3</v>
      </c>
      <c r="P4011" t="s">
        <v>655</v>
      </c>
      <c r="Q4011">
        <v>1</v>
      </c>
      <c r="R4011" t="s">
        <v>656</v>
      </c>
      <c r="S4011">
        <v>2</v>
      </c>
      <c r="T4011" t="s">
        <v>661</v>
      </c>
      <c r="U4011">
        <v>8</v>
      </c>
      <c r="V4011">
        <v>2</v>
      </c>
      <c r="W4011">
        <v>120</v>
      </c>
      <c r="X4011">
        <v>2020</v>
      </c>
    </row>
    <row r="4012" spans="1:24" x14ac:dyDescent="0.25">
      <c r="A4012">
        <v>6814</v>
      </c>
      <c r="B4012" t="s">
        <v>30</v>
      </c>
      <c r="C4012">
        <v>18</v>
      </c>
      <c r="D4012" t="s">
        <v>477</v>
      </c>
      <c r="E4012">
        <v>103</v>
      </c>
      <c r="F4012" t="s">
        <v>651</v>
      </c>
      <c r="G4012">
        <v>160</v>
      </c>
      <c r="H4012" t="s">
        <v>922</v>
      </c>
      <c r="I4012">
        <v>8163</v>
      </c>
      <c r="J4012" t="s">
        <v>695</v>
      </c>
      <c r="K4012">
        <v>54</v>
      </c>
      <c r="L4012" t="s">
        <v>3086</v>
      </c>
      <c r="M4012">
        <v>1401</v>
      </c>
      <c r="N4012" t="s">
        <v>654</v>
      </c>
      <c r="O4012">
        <v>3</v>
      </c>
      <c r="P4012" t="s">
        <v>655</v>
      </c>
      <c r="Q4012">
        <v>1</v>
      </c>
      <c r="R4012" t="s">
        <v>656</v>
      </c>
      <c r="S4012">
        <v>2</v>
      </c>
      <c r="T4012" t="s">
        <v>661</v>
      </c>
      <c r="U4012">
        <v>8</v>
      </c>
      <c r="V4012">
        <v>2</v>
      </c>
      <c r="W4012">
        <v>120</v>
      </c>
      <c r="X4012">
        <v>2020</v>
      </c>
    </row>
    <row r="4013" spans="1:24" x14ac:dyDescent="0.25">
      <c r="A4013">
        <v>6811</v>
      </c>
      <c r="B4013" t="s">
        <v>30</v>
      </c>
      <c r="C4013">
        <v>18</v>
      </c>
      <c r="D4013" t="s">
        <v>362</v>
      </c>
      <c r="E4013">
        <v>106</v>
      </c>
      <c r="F4013" t="s">
        <v>651</v>
      </c>
      <c r="G4013">
        <v>160</v>
      </c>
      <c r="H4013" t="s">
        <v>922</v>
      </c>
      <c r="I4013">
        <v>8163</v>
      </c>
      <c r="J4013" t="s">
        <v>885</v>
      </c>
      <c r="K4013">
        <v>1</v>
      </c>
      <c r="L4013" t="s">
        <v>901</v>
      </c>
      <c r="M4013">
        <v>1244</v>
      </c>
      <c r="N4013" t="s">
        <v>654</v>
      </c>
      <c r="O4013">
        <v>3</v>
      </c>
      <c r="P4013" t="s">
        <v>655</v>
      </c>
      <c r="Q4013">
        <v>1</v>
      </c>
      <c r="R4013" t="s">
        <v>656</v>
      </c>
      <c r="S4013">
        <v>2</v>
      </c>
      <c r="T4013" t="s">
        <v>661</v>
      </c>
      <c r="U4013">
        <v>8</v>
      </c>
      <c r="V4013">
        <v>2</v>
      </c>
      <c r="W4013">
        <v>120</v>
      </c>
      <c r="X4013">
        <v>2020</v>
      </c>
    </row>
    <row r="4014" spans="1:24" x14ac:dyDescent="0.25">
      <c r="A4014">
        <v>6810</v>
      </c>
      <c r="B4014" t="s">
        <v>30</v>
      </c>
      <c r="C4014">
        <v>18</v>
      </c>
      <c r="D4014" t="s">
        <v>362</v>
      </c>
      <c r="E4014">
        <v>106</v>
      </c>
      <c r="F4014" t="s">
        <v>651</v>
      </c>
      <c r="G4014">
        <v>160</v>
      </c>
      <c r="H4014" t="s">
        <v>922</v>
      </c>
      <c r="I4014">
        <v>8163</v>
      </c>
      <c r="J4014" t="s">
        <v>295</v>
      </c>
      <c r="K4014">
        <v>30</v>
      </c>
      <c r="L4014" t="s">
        <v>2459</v>
      </c>
      <c r="M4014">
        <v>1398</v>
      </c>
      <c r="N4014" t="s">
        <v>654</v>
      </c>
      <c r="O4014">
        <v>3</v>
      </c>
      <c r="P4014" t="s">
        <v>655</v>
      </c>
      <c r="Q4014">
        <v>1</v>
      </c>
      <c r="R4014" t="s">
        <v>656</v>
      </c>
      <c r="S4014">
        <v>2</v>
      </c>
      <c r="T4014" t="s">
        <v>661</v>
      </c>
      <c r="U4014">
        <v>8</v>
      </c>
      <c r="V4014">
        <v>2</v>
      </c>
      <c r="W4014">
        <v>120</v>
      </c>
      <c r="X4014">
        <v>2020</v>
      </c>
    </row>
    <row r="4015" spans="1:24" x14ac:dyDescent="0.25">
      <c r="A4015">
        <v>6809</v>
      </c>
      <c r="B4015" t="s">
        <v>30</v>
      </c>
      <c r="C4015">
        <v>18</v>
      </c>
      <c r="D4015" t="s">
        <v>362</v>
      </c>
      <c r="E4015">
        <v>106</v>
      </c>
      <c r="F4015" t="s">
        <v>651</v>
      </c>
      <c r="G4015">
        <v>160</v>
      </c>
      <c r="H4015" t="s">
        <v>922</v>
      </c>
      <c r="I4015">
        <v>8163</v>
      </c>
      <c r="J4015" t="s">
        <v>676</v>
      </c>
      <c r="K4015">
        <v>4</v>
      </c>
      <c r="L4015" t="s">
        <v>3087</v>
      </c>
      <c r="M4015">
        <v>1397</v>
      </c>
      <c r="N4015" t="s">
        <v>654</v>
      </c>
      <c r="O4015">
        <v>3</v>
      </c>
      <c r="P4015" t="s">
        <v>655</v>
      </c>
      <c r="Q4015">
        <v>1</v>
      </c>
      <c r="R4015" t="s">
        <v>656</v>
      </c>
      <c r="S4015">
        <v>2</v>
      </c>
      <c r="T4015" t="s">
        <v>661</v>
      </c>
      <c r="U4015">
        <v>8</v>
      </c>
      <c r="V4015">
        <v>2</v>
      </c>
      <c r="W4015">
        <v>120</v>
      </c>
      <c r="X4015">
        <v>2020</v>
      </c>
    </row>
    <row r="4016" spans="1:24" x14ac:dyDescent="0.25">
      <c r="A4016">
        <v>6808</v>
      </c>
      <c r="B4016" t="s">
        <v>30</v>
      </c>
      <c r="C4016">
        <v>18</v>
      </c>
      <c r="D4016" t="s">
        <v>362</v>
      </c>
      <c r="E4016">
        <v>106</v>
      </c>
      <c r="F4016" t="s">
        <v>651</v>
      </c>
      <c r="G4016">
        <v>160</v>
      </c>
      <c r="H4016" t="s">
        <v>922</v>
      </c>
      <c r="I4016">
        <v>8163</v>
      </c>
      <c r="J4016" t="s">
        <v>897</v>
      </c>
      <c r="K4016">
        <v>3</v>
      </c>
      <c r="L4016" t="s">
        <v>3088</v>
      </c>
      <c r="M4016">
        <v>1396</v>
      </c>
      <c r="N4016" t="s">
        <v>654</v>
      </c>
      <c r="O4016">
        <v>3</v>
      </c>
      <c r="P4016" t="s">
        <v>655</v>
      </c>
      <c r="Q4016">
        <v>1</v>
      </c>
      <c r="R4016" t="s">
        <v>656</v>
      </c>
      <c r="S4016">
        <v>2</v>
      </c>
      <c r="T4016" t="s">
        <v>661</v>
      </c>
      <c r="U4016">
        <v>8</v>
      </c>
      <c r="V4016">
        <v>2</v>
      </c>
      <c r="W4016">
        <v>120</v>
      </c>
      <c r="X4016">
        <v>2020</v>
      </c>
    </row>
    <row r="4017" spans="1:24" x14ac:dyDescent="0.25">
      <c r="A4017">
        <v>6807</v>
      </c>
      <c r="B4017" t="s">
        <v>30</v>
      </c>
      <c r="C4017">
        <v>18</v>
      </c>
      <c r="D4017" t="s">
        <v>362</v>
      </c>
      <c r="E4017">
        <v>106</v>
      </c>
      <c r="F4017" t="s">
        <v>651</v>
      </c>
      <c r="G4017">
        <v>160</v>
      </c>
      <c r="H4017" t="s">
        <v>922</v>
      </c>
      <c r="I4017">
        <v>8163</v>
      </c>
      <c r="J4017" t="s">
        <v>897</v>
      </c>
      <c r="K4017">
        <v>3</v>
      </c>
      <c r="L4017" t="s">
        <v>3089</v>
      </c>
      <c r="M4017">
        <v>797</v>
      </c>
      <c r="N4017" t="s">
        <v>654</v>
      </c>
      <c r="O4017">
        <v>3</v>
      </c>
      <c r="P4017" t="s">
        <v>655</v>
      </c>
      <c r="Q4017">
        <v>1</v>
      </c>
      <c r="R4017" t="s">
        <v>656</v>
      </c>
      <c r="S4017">
        <v>2</v>
      </c>
      <c r="T4017" t="s">
        <v>661</v>
      </c>
      <c r="U4017">
        <v>8</v>
      </c>
      <c r="V4017">
        <v>2</v>
      </c>
      <c r="W4017">
        <v>120</v>
      </c>
      <c r="X4017">
        <v>2020</v>
      </c>
    </row>
    <row r="4018" spans="1:24" x14ac:dyDescent="0.25">
      <c r="A4018">
        <v>6806</v>
      </c>
      <c r="B4018" t="s">
        <v>30</v>
      </c>
      <c r="C4018">
        <v>18</v>
      </c>
      <c r="D4018" t="s">
        <v>362</v>
      </c>
      <c r="E4018">
        <v>106</v>
      </c>
      <c r="F4018" t="s">
        <v>651</v>
      </c>
      <c r="G4018">
        <v>160</v>
      </c>
      <c r="H4018" t="s">
        <v>922</v>
      </c>
      <c r="I4018">
        <v>8163</v>
      </c>
      <c r="J4018" t="s">
        <v>831</v>
      </c>
      <c r="K4018">
        <v>5</v>
      </c>
      <c r="L4018" t="s">
        <v>3090</v>
      </c>
      <c r="M4018">
        <v>1395</v>
      </c>
      <c r="N4018" t="s">
        <v>654</v>
      </c>
      <c r="O4018">
        <v>3</v>
      </c>
      <c r="P4018" t="s">
        <v>655</v>
      </c>
      <c r="Q4018">
        <v>1</v>
      </c>
      <c r="R4018" t="s">
        <v>656</v>
      </c>
      <c r="S4018">
        <v>2</v>
      </c>
      <c r="T4018" t="s">
        <v>661</v>
      </c>
      <c r="U4018">
        <v>8</v>
      </c>
      <c r="V4018">
        <v>2</v>
      </c>
      <c r="W4018">
        <v>120</v>
      </c>
      <c r="X4018">
        <v>2020</v>
      </c>
    </row>
    <row r="4019" spans="1:24" x14ac:dyDescent="0.25">
      <c r="A4019">
        <v>6805</v>
      </c>
      <c r="B4019" t="s">
        <v>30</v>
      </c>
      <c r="C4019">
        <v>18</v>
      </c>
      <c r="D4019" t="s">
        <v>362</v>
      </c>
      <c r="E4019">
        <v>106</v>
      </c>
      <c r="F4019" t="s">
        <v>651</v>
      </c>
      <c r="G4019">
        <v>160</v>
      </c>
      <c r="H4019" t="s">
        <v>922</v>
      </c>
      <c r="I4019">
        <v>8163</v>
      </c>
      <c r="J4019" t="s">
        <v>301</v>
      </c>
      <c r="K4019">
        <v>26</v>
      </c>
      <c r="L4019" t="s">
        <v>1966</v>
      </c>
      <c r="M4019">
        <v>1029</v>
      </c>
      <c r="N4019" t="s">
        <v>654</v>
      </c>
      <c r="O4019">
        <v>3</v>
      </c>
      <c r="P4019" t="s">
        <v>655</v>
      </c>
      <c r="Q4019">
        <v>1</v>
      </c>
      <c r="R4019" t="s">
        <v>656</v>
      </c>
      <c r="S4019">
        <v>2</v>
      </c>
      <c r="T4019" t="s">
        <v>661</v>
      </c>
      <c r="U4019">
        <v>8</v>
      </c>
      <c r="V4019">
        <v>2</v>
      </c>
      <c r="W4019">
        <v>120</v>
      </c>
      <c r="X4019">
        <v>2020</v>
      </c>
    </row>
    <row r="4020" spans="1:24" x14ac:dyDescent="0.25">
      <c r="A4020">
        <v>6804</v>
      </c>
      <c r="B4020" t="s">
        <v>30</v>
      </c>
      <c r="C4020">
        <v>18</v>
      </c>
      <c r="D4020" t="s">
        <v>426</v>
      </c>
      <c r="E4020">
        <v>105</v>
      </c>
      <c r="F4020" t="s">
        <v>651</v>
      </c>
      <c r="G4020">
        <v>160</v>
      </c>
      <c r="H4020" t="s">
        <v>922</v>
      </c>
      <c r="I4020">
        <v>8163</v>
      </c>
      <c r="J4020" t="s">
        <v>864</v>
      </c>
      <c r="K4020">
        <v>14</v>
      </c>
      <c r="L4020" t="s">
        <v>3091</v>
      </c>
      <c r="M4020">
        <v>1394</v>
      </c>
      <c r="N4020" t="s">
        <v>654</v>
      </c>
      <c r="O4020">
        <v>3</v>
      </c>
      <c r="P4020" t="s">
        <v>655</v>
      </c>
      <c r="Q4020">
        <v>1</v>
      </c>
      <c r="R4020" t="s">
        <v>656</v>
      </c>
      <c r="S4020">
        <v>2</v>
      </c>
      <c r="T4020" t="s">
        <v>661</v>
      </c>
      <c r="U4020">
        <v>8</v>
      </c>
      <c r="V4020">
        <v>2</v>
      </c>
      <c r="W4020">
        <v>120</v>
      </c>
      <c r="X4020">
        <v>2020</v>
      </c>
    </row>
    <row r="4021" spans="1:24" x14ac:dyDescent="0.25">
      <c r="A4021">
        <v>6802</v>
      </c>
      <c r="B4021" t="s">
        <v>30</v>
      </c>
      <c r="C4021">
        <v>18</v>
      </c>
      <c r="D4021" t="s">
        <v>426</v>
      </c>
      <c r="E4021">
        <v>105</v>
      </c>
      <c r="F4021" t="s">
        <v>651</v>
      </c>
      <c r="G4021">
        <v>160</v>
      </c>
      <c r="H4021" t="s">
        <v>922</v>
      </c>
      <c r="I4021">
        <v>8163</v>
      </c>
      <c r="J4021" t="s">
        <v>895</v>
      </c>
      <c r="K4021">
        <v>13</v>
      </c>
      <c r="L4021" t="s">
        <v>3092</v>
      </c>
      <c r="M4021">
        <v>1392</v>
      </c>
      <c r="N4021" t="s">
        <v>654</v>
      </c>
      <c r="O4021">
        <v>3</v>
      </c>
      <c r="P4021" t="s">
        <v>655</v>
      </c>
      <c r="Q4021">
        <v>1</v>
      </c>
      <c r="R4021" t="s">
        <v>656</v>
      </c>
      <c r="S4021">
        <v>2</v>
      </c>
      <c r="T4021" t="s">
        <v>661</v>
      </c>
      <c r="U4021">
        <v>8</v>
      </c>
      <c r="V4021">
        <v>2</v>
      </c>
      <c r="W4021">
        <v>120</v>
      </c>
      <c r="X4021">
        <v>2020</v>
      </c>
    </row>
    <row r="4022" spans="1:24" x14ac:dyDescent="0.25">
      <c r="A4022">
        <v>6800</v>
      </c>
      <c r="B4022" t="s">
        <v>30</v>
      </c>
      <c r="C4022">
        <v>18</v>
      </c>
      <c r="D4022" t="s">
        <v>426</v>
      </c>
      <c r="E4022">
        <v>105</v>
      </c>
      <c r="F4022" t="s">
        <v>651</v>
      </c>
      <c r="G4022">
        <v>160</v>
      </c>
      <c r="H4022" t="s">
        <v>922</v>
      </c>
      <c r="I4022">
        <v>8163</v>
      </c>
      <c r="J4022" t="s">
        <v>663</v>
      </c>
      <c r="K4022">
        <v>99</v>
      </c>
      <c r="L4022" t="s">
        <v>3093</v>
      </c>
      <c r="M4022">
        <v>1390</v>
      </c>
      <c r="N4022" t="s">
        <v>654</v>
      </c>
      <c r="O4022">
        <v>3</v>
      </c>
      <c r="P4022" t="s">
        <v>655</v>
      </c>
      <c r="Q4022">
        <v>1</v>
      </c>
      <c r="R4022" t="s">
        <v>656</v>
      </c>
      <c r="S4022">
        <v>2</v>
      </c>
      <c r="T4022" t="s">
        <v>661</v>
      </c>
      <c r="U4022">
        <v>8</v>
      </c>
      <c r="V4022">
        <v>2</v>
      </c>
      <c r="W4022">
        <v>120</v>
      </c>
      <c r="X4022">
        <v>2020</v>
      </c>
    </row>
    <row r="4023" spans="1:24" x14ac:dyDescent="0.25">
      <c r="A4023">
        <v>6799</v>
      </c>
      <c r="B4023" t="s">
        <v>30</v>
      </c>
      <c r="C4023">
        <v>18</v>
      </c>
      <c r="D4023" t="s">
        <v>426</v>
      </c>
      <c r="E4023">
        <v>105</v>
      </c>
      <c r="F4023" t="s">
        <v>651</v>
      </c>
      <c r="G4023">
        <v>160</v>
      </c>
      <c r="H4023" t="s">
        <v>922</v>
      </c>
      <c r="I4023">
        <v>8163</v>
      </c>
      <c r="J4023" t="s">
        <v>663</v>
      </c>
      <c r="K4023">
        <v>99</v>
      </c>
      <c r="L4023" t="s">
        <v>3094</v>
      </c>
      <c r="M4023">
        <v>1389</v>
      </c>
      <c r="N4023" t="s">
        <v>654</v>
      </c>
      <c r="O4023">
        <v>3</v>
      </c>
      <c r="P4023" t="s">
        <v>655</v>
      </c>
      <c r="Q4023">
        <v>1</v>
      </c>
      <c r="R4023" t="s">
        <v>656</v>
      </c>
      <c r="S4023">
        <v>2</v>
      </c>
      <c r="T4023" t="s">
        <v>661</v>
      </c>
      <c r="U4023">
        <v>8</v>
      </c>
      <c r="V4023">
        <v>2</v>
      </c>
      <c r="W4023">
        <v>120</v>
      </c>
      <c r="X4023">
        <v>2020</v>
      </c>
    </row>
    <row r="4024" spans="1:24" x14ac:dyDescent="0.25">
      <c r="A4024">
        <v>6798</v>
      </c>
      <c r="B4024" t="s">
        <v>30</v>
      </c>
      <c r="C4024">
        <v>18</v>
      </c>
      <c r="D4024" t="s">
        <v>426</v>
      </c>
      <c r="E4024">
        <v>105</v>
      </c>
      <c r="F4024" t="s">
        <v>651</v>
      </c>
      <c r="G4024">
        <v>160</v>
      </c>
      <c r="H4024" t="s">
        <v>922</v>
      </c>
      <c r="I4024">
        <v>8163</v>
      </c>
      <c r="J4024" t="s">
        <v>663</v>
      </c>
      <c r="K4024">
        <v>99</v>
      </c>
      <c r="L4024" t="s">
        <v>3095</v>
      </c>
      <c r="M4024">
        <v>1388</v>
      </c>
      <c r="N4024" t="s">
        <v>654</v>
      </c>
      <c r="O4024">
        <v>3</v>
      </c>
      <c r="P4024" t="s">
        <v>655</v>
      </c>
      <c r="Q4024">
        <v>1</v>
      </c>
      <c r="R4024" t="s">
        <v>656</v>
      </c>
      <c r="S4024">
        <v>2</v>
      </c>
      <c r="T4024" t="s">
        <v>661</v>
      </c>
      <c r="U4024">
        <v>8</v>
      </c>
      <c r="V4024">
        <v>2</v>
      </c>
      <c r="W4024">
        <v>120</v>
      </c>
      <c r="X4024">
        <v>2020</v>
      </c>
    </row>
    <row r="4025" spans="1:24" x14ac:dyDescent="0.25">
      <c r="A4025">
        <v>6797</v>
      </c>
      <c r="B4025" t="s">
        <v>30</v>
      </c>
      <c r="C4025">
        <v>18</v>
      </c>
      <c r="D4025" t="s">
        <v>426</v>
      </c>
      <c r="E4025">
        <v>105</v>
      </c>
      <c r="F4025" t="s">
        <v>651</v>
      </c>
      <c r="G4025">
        <v>160</v>
      </c>
      <c r="H4025" t="s">
        <v>922</v>
      </c>
      <c r="I4025">
        <v>8163</v>
      </c>
      <c r="J4025" t="s">
        <v>663</v>
      </c>
      <c r="K4025">
        <v>99</v>
      </c>
      <c r="L4025" t="s">
        <v>3096</v>
      </c>
      <c r="M4025">
        <v>1387</v>
      </c>
      <c r="N4025" t="s">
        <v>654</v>
      </c>
      <c r="O4025">
        <v>3</v>
      </c>
      <c r="P4025" t="s">
        <v>655</v>
      </c>
      <c r="Q4025">
        <v>1</v>
      </c>
      <c r="R4025" t="s">
        <v>656</v>
      </c>
      <c r="S4025">
        <v>2</v>
      </c>
      <c r="T4025" t="s">
        <v>661</v>
      </c>
      <c r="U4025">
        <v>8</v>
      </c>
      <c r="V4025">
        <v>2</v>
      </c>
      <c r="W4025">
        <v>120</v>
      </c>
      <c r="X4025">
        <v>2020</v>
      </c>
    </row>
    <row r="4026" spans="1:24" x14ac:dyDescent="0.25">
      <c r="A4026">
        <v>6795</v>
      </c>
      <c r="B4026" t="s">
        <v>30</v>
      </c>
      <c r="C4026">
        <v>18</v>
      </c>
      <c r="D4026" t="s">
        <v>426</v>
      </c>
      <c r="E4026">
        <v>105</v>
      </c>
      <c r="F4026" t="s">
        <v>651</v>
      </c>
      <c r="G4026">
        <v>160</v>
      </c>
      <c r="H4026" t="s">
        <v>922</v>
      </c>
      <c r="I4026">
        <v>8163</v>
      </c>
      <c r="J4026" t="s">
        <v>866</v>
      </c>
      <c r="K4026">
        <v>9</v>
      </c>
      <c r="L4026" t="s">
        <v>2838</v>
      </c>
      <c r="M4026">
        <v>1385</v>
      </c>
      <c r="N4026" t="s">
        <v>654</v>
      </c>
      <c r="O4026">
        <v>3</v>
      </c>
      <c r="P4026" t="s">
        <v>655</v>
      </c>
      <c r="Q4026">
        <v>1</v>
      </c>
      <c r="R4026" t="s">
        <v>656</v>
      </c>
      <c r="S4026">
        <v>2</v>
      </c>
      <c r="T4026" t="s">
        <v>661</v>
      </c>
      <c r="U4026">
        <v>8</v>
      </c>
      <c r="V4026">
        <v>2</v>
      </c>
      <c r="W4026">
        <v>120</v>
      </c>
      <c r="X4026">
        <v>2020</v>
      </c>
    </row>
    <row r="4027" spans="1:24" x14ac:dyDescent="0.25">
      <c r="A4027">
        <v>6793</v>
      </c>
      <c r="B4027" t="s">
        <v>30</v>
      </c>
      <c r="C4027">
        <v>18</v>
      </c>
      <c r="D4027" t="s">
        <v>477</v>
      </c>
      <c r="E4027">
        <v>103</v>
      </c>
      <c r="F4027" t="s">
        <v>651</v>
      </c>
      <c r="G4027">
        <v>160</v>
      </c>
      <c r="H4027" t="s">
        <v>922</v>
      </c>
      <c r="I4027">
        <v>8163</v>
      </c>
      <c r="J4027" t="s">
        <v>848</v>
      </c>
      <c r="K4027">
        <v>62</v>
      </c>
      <c r="L4027" t="s">
        <v>3097</v>
      </c>
      <c r="M4027">
        <v>1383</v>
      </c>
      <c r="N4027" t="s">
        <v>654</v>
      </c>
      <c r="O4027">
        <v>3</v>
      </c>
      <c r="P4027" t="s">
        <v>655</v>
      </c>
      <c r="Q4027">
        <v>1</v>
      </c>
      <c r="R4027" t="s">
        <v>656</v>
      </c>
      <c r="S4027">
        <v>2</v>
      </c>
      <c r="T4027" t="s">
        <v>661</v>
      </c>
      <c r="U4027">
        <v>8</v>
      </c>
      <c r="V4027">
        <v>2</v>
      </c>
      <c r="W4027">
        <v>120</v>
      </c>
      <c r="X4027">
        <v>2020</v>
      </c>
    </row>
    <row r="4028" spans="1:24" x14ac:dyDescent="0.25">
      <c r="A4028">
        <v>6791</v>
      </c>
      <c r="B4028" t="s">
        <v>30</v>
      </c>
      <c r="C4028">
        <v>18</v>
      </c>
      <c r="D4028" t="s">
        <v>561</v>
      </c>
      <c r="E4028">
        <v>133</v>
      </c>
      <c r="F4028" t="s">
        <v>651</v>
      </c>
      <c r="G4028">
        <v>160</v>
      </c>
      <c r="H4028" t="s">
        <v>739</v>
      </c>
      <c r="I4028">
        <v>4413</v>
      </c>
      <c r="J4028" t="s">
        <v>848</v>
      </c>
      <c r="K4028">
        <v>62</v>
      </c>
      <c r="L4028" t="s">
        <v>3098</v>
      </c>
      <c r="M4028">
        <v>1381</v>
      </c>
      <c r="N4028" t="s">
        <v>654</v>
      </c>
      <c r="O4028">
        <v>3</v>
      </c>
      <c r="P4028" t="s">
        <v>655</v>
      </c>
      <c r="Q4028">
        <v>1</v>
      </c>
      <c r="R4028" t="s">
        <v>656</v>
      </c>
      <c r="S4028">
        <v>2</v>
      </c>
      <c r="T4028" t="s">
        <v>661</v>
      </c>
      <c r="U4028">
        <v>8</v>
      </c>
      <c r="V4028">
        <v>2</v>
      </c>
      <c r="W4028">
        <v>120</v>
      </c>
      <c r="X4028">
        <v>2020</v>
      </c>
    </row>
    <row r="4029" spans="1:24" x14ac:dyDescent="0.25">
      <c r="A4029">
        <v>6789</v>
      </c>
      <c r="B4029" t="s">
        <v>30</v>
      </c>
      <c r="C4029">
        <v>18</v>
      </c>
      <c r="D4029" t="s">
        <v>561</v>
      </c>
      <c r="E4029">
        <v>133</v>
      </c>
      <c r="F4029" t="s">
        <v>651</v>
      </c>
      <c r="G4029">
        <v>160</v>
      </c>
      <c r="H4029" t="s">
        <v>739</v>
      </c>
      <c r="I4029">
        <v>4413</v>
      </c>
      <c r="J4029" t="s">
        <v>848</v>
      </c>
      <c r="K4029">
        <v>62</v>
      </c>
      <c r="L4029" t="s">
        <v>3099</v>
      </c>
      <c r="M4029">
        <v>1379</v>
      </c>
      <c r="N4029" t="s">
        <v>654</v>
      </c>
      <c r="O4029">
        <v>3</v>
      </c>
      <c r="P4029" t="s">
        <v>655</v>
      </c>
      <c r="Q4029">
        <v>1</v>
      </c>
      <c r="R4029" t="s">
        <v>656</v>
      </c>
      <c r="S4029">
        <v>2</v>
      </c>
      <c r="T4029" t="s">
        <v>661</v>
      </c>
      <c r="U4029">
        <v>8</v>
      </c>
      <c r="V4029">
        <v>2</v>
      </c>
      <c r="W4029">
        <v>120</v>
      </c>
      <c r="X4029">
        <v>2020</v>
      </c>
    </row>
    <row r="4030" spans="1:24" x14ac:dyDescent="0.25">
      <c r="A4030">
        <v>6788</v>
      </c>
      <c r="B4030" t="s">
        <v>30</v>
      </c>
      <c r="C4030">
        <v>18</v>
      </c>
      <c r="D4030" t="s">
        <v>561</v>
      </c>
      <c r="E4030">
        <v>133</v>
      </c>
      <c r="F4030" t="s">
        <v>651</v>
      </c>
      <c r="G4030">
        <v>160</v>
      </c>
      <c r="H4030" t="s">
        <v>739</v>
      </c>
      <c r="I4030">
        <v>4413</v>
      </c>
      <c r="J4030" t="s">
        <v>848</v>
      </c>
      <c r="K4030">
        <v>62</v>
      </c>
      <c r="L4030" t="s">
        <v>3100</v>
      </c>
      <c r="M4030">
        <v>1378</v>
      </c>
      <c r="N4030" t="s">
        <v>654</v>
      </c>
      <c r="O4030">
        <v>3</v>
      </c>
      <c r="P4030" t="s">
        <v>655</v>
      </c>
      <c r="Q4030">
        <v>1</v>
      </c>
      <c r="R4030" t="s">
        <v>656</v>
      </c>
      <c r="S4030">
        <v>2</v>
      </c>
      <c r="T4030" t="s">
        <v>661</v>
      </c>
      <c r="U4030">
        <v>8</v>
      </c>
      <c r="V4030">
        <v>2</v>
      </c>
      <c r="W4030">
        <v>120</v>
      </c>
      <c r="X4030">
        <v>2020</v>
      </c>
    </row>
    <row r="4031" spans="1:24" x14ac:dyDescent="0.25">
      <c r="A4031">
        <v>6787</v>
      </c>
      <c r="B4031" t="s">
        <v>30</v>
      </c>
      <c r="C4031">
        <v>18</v>
      </c>
      <c r="D4031" t="s">
        <v>561</v>
      </c>
      <c r="E4031">
        <v>133</v>
      </c>
      <c r="F4031" t="s">
        <v>651</v>
      </c>
      <c r="G4031">
        <v>160</v>
      </c>
      <c r="H4031" t="s">
        <v>739</v>
      </c>
      <c r="I4031">
        <v>4413</v>
      </c>
      <c r="J4031" t="s">
        <v>848</v>
      </c>
      <c r="K4031">
        <v>62</v>
      </c>
      <c r="L4031" t="s">
        <v>3101</v>
      </c>
      <c r="M4031">
        <v>1377</v>
      </c>
      <c r="N4031" t="s">
        <v>654</v>
      </c>
      <c r="O4031">
        <v>3</v>
      </c>
      <c r="P4031" t="s">
        <v>655</v>
      </c>
      <c r="Q4031">
        <v>1</v>
      </c>
      <c r="R4031" t="s">
        <v>656</v>
      </c>
      <c r="S4031">
        <v>2</v>
      </c>
      <c r="T4031" t="s">
        <v>661</v>
      </c>
      <c r="U4031">
        <v>8</v>
      </c>
      <c r="V4031">
        <v>2</v>
      </c>
      <c r="W4031">
        <v>120</v>
      </c>
      <c r="X4031">
        <v>2020</v>
      </c>
    </row>
    <row r="4032" spans="1:24" x14ac:dyDescent="0.25">
      <c r="A4032">
        <v>6786</v>
      </c>
      <c r="B4032" t="s">
        <v>30</v>
      </c>
      <c r="C4032">
        <v>18</v>
      </c>
      <c r="D4032" t="s">
        <v>477</v>
      </c>
      <c r="E4032">
        <v>103</v>
      </c>
      <c r="F4032" t="s">
        <v>651</v>
      </c>
      <c r="G4032">
        <v>160</v>
      </c>
      <c r="H4032" t="s">
        <v>922</v>
      </c>
      <c r="I4032">
        <v>8163</v>
      </c>
      <c r="J4032" t="s">
        <v>1236</v>
      </c>
      <c r="K4032">
        <v>60</v>
      </c>
      <c r="L4032" t="s">
        <v>3102</v>
      </c>
      <c r="M4032">
        <v>1376</v>
      </c>
      <c r="N4032" t="s">
        <v>654</v>
      </c>
      <c r="O4032">
        <v>3</v>
      </c>
      <c r="P4032" t="s">
        <v>655</v>
      </c>
      <c r="Q4032">
        <v>1</v>
      </c>
      <c r="R4032" t="s">
        <v>656</v>
      </c>
      <c r="S4032">
        <v>2</v>
      </c>
      <c r="T4032" t="s">
        <v>661</v>
      </c>
      <c r="U4032">
        <v>8</v>
      </c>
      <c r="V4032">
        <v>2</v>
      </c>
      <c r="W4032">
        <v>120</v>
      </c>
      <c r="X4032">
        <v>2020</v>
      </c>
    </row>
    <row r="4033" spans="1:24" x14ac:dyDescent="0.25">
      <c r="A4033">
        <v>6785</v>
      </c>
      <c r="B4033" t="s">
        <v>30</v>
      </c>
      <c r="C4033">
        <v>18</v>
      </c>
      <c r="D4033" t="s">
        <v>561</v>
      </c>
      <c r="E4033">
        <v>133</v>
      </c>
      <c r="F4033" t="s">
        <v>651</v>
      </c>
      <c r="G4033">
        <v>160</v>
      </c>
      <c r="H4033" t="s">
        <v>739</v>
      </c>
      <c r="I4033">
        <v>4413</v>
      </c>
      <c r="J4033" t="s">
        <v>1236</v>
      </c>
      <c r="K4033">
        <v>60</v>
      </c>
      <c r="L4033" t="s">
        <v>3103</v>
      </c>
      <c r="M4033">
        <v>1375</v>
      </c>
      <c r="N4033" t="s">
        <v>654</v>
      </c>
      <c r="O4033">
        <v>3</v>
      </c>
      <c r="P4033" t="s">
        <v>655</v>
      </c>
      <c r="Q4033">
        <v>1</v>
      </c>
      <c r="R4033" t="s">
        <v>656</v>
      </c>
      <c r="S4033">
        <v>2</v>
      </c>
      <c r="T4033" t="s">
        <v>661</v>
      </c>
      <c r="U4033">
        <v>8</v>
      </c>
      <c r="V4033">
        <v>2</v>
      </c>
      <c r="W4033">
        <v>120</v>
      </c>
      <c r="X4033">
        <v>2020</v>
      </c>
    </row>
    <row r="4034" spans="1:24" x14ac:dyDescent="0.25">
      <c r="A4034">
        <v>6784</v>
      </c>
      <c r="B4034" t="s">
        <v>30</v>
      </c>
      <c r="C4034">
        <v>18</v>
      </c>
      <c r="D4034" t="s">
        <v>561</v>
      </c>
      <c r="E4034">
        <v>133</v>
      </c>
      <c r="F4034" t="s">
        <v>651</v>
      </c>
      <c r="G4034">
        <v>160</v>
      </c>
      <c r="H4034" t="s">
        <v>1875</v>
      </c>
      <c r="I4034">
        <v>2551</v>
      </c>
      <c r="J4034" t="s">
        <v>1236</v>
      </c>
      <c r="K4034">
        <v>60</v>
      </c>
      <c r="L4034" t="s">
        <v>3103</v>
      </c>
      <c r="M4034">
        <v>1375</v>
      </c>
      <c r="N4034" t="s">
        <v>654</v>
      </c>
      <c r="O4034">
        <v>3</v>
      </c>
      <c r="P4034" t="s">
        <v>655</v>
      </c>
      <c r="Q4034">
        <v>1</v>
      </c>
      <c r="R4034" t="s">
        <v>656</v>
      </c>
      <c r="S4034">
        <v>2</v>
      </c>
      <c r="T4034" t="s">
        <v>661</v>
      </c>
      <c r="U4034">
        <v>8</v>
      </c>
      <c r="V4034">
        <v>2</v>
      </c>
      <c r="W4034">
        <v>120</v>
      </c>
      <c r="X4034">
        <v>2020</v>
      </c>
    </row>
    <row r="4035" spans="1:24" x14ac:dyDescent="0.25">
      <c r="A4035">
        <v>6781</v>
      </c>
      <c r="B4035" t="s">
        <v>30</v>
      </c>
      <c r="C4035">
        <v>18</v>
      </c>
      <c r="D4035" t="s">
        <v>561</v>
      </c>
      <c r="E4035">
        <v>133</v>
      </c>
      <c r="F4035" t="s">
        <v>651</v>
      </c>
      <c r="G4035">
        <v>160</v>
      </c>
      <c r="H4035" t="s">
        <v>739</v>
      </c>
      <c r="I4035">
        <v>4413</v>
      </c>
      <c r="J4035" t="s">
        <v>1236</v>
      </c>
      <c r="K4035">
        <v>60</v>
      </c>
      <c r="L4035" t="s">
        <v>3104</v>
      </c>
      <c r="M4035">
        <v>1372</v>
      </c>
      <c r="N4035" t="s">
        <v>654</v>
      </c>
      <c r="O4035">
        <v>3</v>
      </c>
      <c r="P4035" t="s">
        <v>655</v>
      </c>
      <c r="Q4035">
        <v>1</v>
      </c>
      <c r="R4035" t="s">
        <v>656</v>
      </c>
      <c r="S4035">
        <v>2</v>
      </c>
      <c r="T4035" t="s">
        <v>661</v>
      </c>
      <c r="U4035">
        <v>8</v>
      </c>
      <c r="V4035">
        <v>2</v>
      </c>
      <c r="W4035">
        <v>120</v>
      </c>
      <c r="X4035">
        <v>2020</v>
      </c>
    </row>
    <row r="4036" spans="1:24" x14ac:dyDescent="0.25">
      <c r="A4036">
        <v>6778</v>
      </c>
      <c r="B4036" t="s">
        <v>30</v>
      </c>
      <c r="C4036">
        <v>18</v>
      </c>
      <c r="D4036" t="s">
        <v>562</v>
      </c>
      <c r="E4036">
        <v>132</v>
      </c>
      <c r="F4036" t="s">
        <v>651</v>
      </c>
      <c r="G4036">
        <v>160</v>
      </c>
      <c r="H4036" t="s">
        <v>739</v>
      </c>
      <c r="I4036">
        <v>4413</v>
      </c>
      <c r="J4036" t="s">
        <v>738</v>
      </c>
      <c r="K4036">
        <v>61</v>
      </c>
      <c r="L4036" t="s">
        <v>3105</v>
      </c>
      <c r="M4036">
        <v>1369</v>
      </c>
      <c r="N4036" t="s">
        <v>654</v>
      </c>
      <c r="O4036">
        <v>3</v>
      </c>
      <c r="P4036" t="s">
        <v>655</v>
      </c>
      <c r="Q4036">
        <v>1</v>
      </c>
      <c r="R4036" t="s">
        <v>656</v>
      </c>
      <c r="S4036">
        <v>2</v>
      </c>
      <c r="T4036" t="s">
        <v>661</v>
      </c>
      <c r="U4036">
        <v>8</v>
      </c>
      <c r="V4036">
        <v>2</v>
      </c>
      <c r="W4036">
        <v>120</v>
      </c>
      <c r="X4036">
        <v>2020</v>
      </c>
    </row>
    <row r="4037" spans="1:24" x14ac:dyDescent="0.25">
      <c r="A4037">
        <v>6777</v>
      </c>
      <c r="B4037" t="s">
        <v>30</v>
      </c>
      <c r="C4037">
        <v>18</v>
      </c>
      <c r="D4037" t="s">
        <v>562</v>
      </c>
      <c r="E4037">
        <v>132</v>
      </c>
      <c r="F4037" t="s">
        <v>651</v>
      </c>
      <c r="G4037">
        <v>160</v>
      </c>
      <c r="H4037" t="s">
        <v>739</v>
      </c>
      <c r="I4037">
        <v>4413</v>
      </c>
      <c r="J4037" t="s">
        <v>738</v>
      </c>
      <c r="K4037">
        <v>61</v>
      </c>
      <c r="L4037" t="s">
        <v>3106</v>
      </c>
      <c r="M4037">
        <v>1368</v>
      </c>
      <c r="N4037" t="s">
        <v>654</v>
      </c>
      <c r="O4037">
        <v>3</v>
      </c>
      <c r="P4037" t="s">
        <v>655</v>
      </c>
      <c r="Q4037">
        <v>1</v>
      </c>
      <c r="R4037" t="s">
        <v>656</v>
      </c>
      <c r="S4037">
        <v>2</v>
      </c>
      <c r="T4037" t="s">
        <v>661</v>
      </c>
      <c r="U4037">
        <v>8</v>
      </c>
      <c r="V4037">
        <v>2</v>
      </c>
      <c r="W4037">
        <v>120</v>
      </c>
      <c r="X4037">
        <v>2020</v>
      </c>
    </row>
    <row r="4038" spans="1:24" x14ac:dyDescent="0.25">
      <c r="A4038">
        <v>6776</v>
      </c>
      <c r="B4038" t="s">
        <v>30</v>
      </c>
      <c r="C4038">
        <v>18</v>
      </c>
      <c r="D4038" t="s">
        <v>562</v>
      </c>
      <c r="E4038">
        <v>132</v>
      </c>
      <c r="F4038" t="s">
        <v>651</v>
      </c>
      <c r="G4038">
        <v>160</v>
      </c>
      <c r="H4038" t="s">
        <v>739</v>
      </c>
      <c r="I4038">
        <v>4413</v>
      </c>
      <c r="J4038" t="s">
        <v>738</v>
      </c>
      <c r="K4038">
        <v>61</v>
      </c>
      <c r="L4038" t="s">
        <v>3107</v>
      </c>
      <c r="M4038">
        <v>1367</v>
      </c>
      <c r="N4038" t="s">
        <v>654</v>
      </c>
      <c r="O4038">
        <v>3</v>
      </c>
      <c r="P4038" t="s">
        <v>655</v>
      </c>
      <c r="Q4038">
        <v>1</v>
      </c>
      <c r="R4038" t="s">
        <v>656</v>
      </c>
      <c r="S4038">
        <v>2</v>
      </c>
      <c r="T4038" t="s">
        <v>661</v>
      </c>
      <c r="U4038">
        <v>8</v>
      </c>
      <c r="V4038">
        <v>2</v>
      </c>
      <c r="W4038">
        <v>120</v>
      </c>
      <c r="X4038">
        <v>2020</v>
      </c>
    </row>
    <row r="4039" spans="1:24" x14ac:dyDescent="0.25">
      <c r="A4039">
        <v>6775</v>
      </c>
      <c r="B4039" t="s">
        <v>30</v>
      </c>
      <c r="C4039">
        <v>18</v>
      </c>
      <c r="D4039" t="s">
        <v>562</v>
      </c>
      <c r="E4039">
        <v>132</v>
      </c>
      <c r="F4039" t="s">
        <v>651</v>
      </c>
      <c r="G4039">
        <v>160</v>
      </c>
      <c r="H4039" t="s">
        <v>739</v>
      </c>
      <c r="I4039">
        <v>4413</v>
      </c>
      <c r="J4039" t="s">
        <v>738</v>
      </c>
      <c r="K4039">
        <v>61</v>
      </c>
      <c r="L4039" t="s">
        <v>2593</v>
      </c>
      <c r="M4039">
        <v>1366</v>
      </c>
      <c r="N4039" t="s">
        <v>654</v>
      </c>
      <c r="O4039">
        <v>3</v>
      </c>
      <c r="P4039" t="s">
        <v>655</v>
      </c>
      <c r="Q4039">
        <v>1</v>
      </c>
      <c r="R4039" t="s">
        <v>656</v>
      </c>
      <c r="S4039">
        <v>2</v>
      </c>
      <c r="T4039" t="s">
        <v>661</v>
      </c>
      <c r="U4039">
        <v>8</v>
      </c>
      <c r="V4039">
        <v>2</v>
      </c>
      <c r="W4039">
        <v>120</v>
      </c>
      <c r="X4039">
        <v>2020</v>
      </c>
    </row>
    <row r="4040" spans="1:24" x14ac:dyDescent="0.25">
      <c r="A4040">
        <v>6773</v>
      </c>
      <c r="B4040" t="s">
        <v>30</v>
      </c>
      <c r="C4040">
        <v>18</v>
      </c>
      <c r="D4040" t="s">
        <v>562</v>
      </c>
      <c r="E4040">
        <v>132</v>
      </c>
      <c r="F4040" t="s">
        <v>651</v>
      </c>
      <c r="G4040">
        <v>160</v>
      </c>
      <c r="H4040" t="s">
        <v>739</v>
      </c>
      <c r="I4040">
        <v>4413</v>
      </c>
      <c r="J4040" t="s">
        <v>707</v>
      </c>
      <c r="K4040">
        <v>59</v>
      </c>
      <c r="L4040" t="s">
        <v>3108</v>
      </c>
      <c r="M4040">
        <v>1364</v>
      </c>
      <c r="N4040" t="s">
        <v>654</v>
      </c>
      <c r="O4040">
        <v>3</v>
      </c>
      <c r="P4040" t="s">
        <v>655</v>
      </c>
      <c r="Q4040">
        <v>1</v>
      </c>
      <c r="R4040" t="s">
        <v>656</v>
      </c>
      <c r="S4040">
        <v>2</v>
      </c>
      <c r="T4040" t="s">
        <v>661</v>
      </c>
      <c r="U4040">
        <v>8</v>
      </c>
      <c r="V4040">
        <v>2</v>
      </c>
      <c r="W4040">
        <v>120</v>
      </c>
      <c r="X4040">
        <v>2020</v>
      </c>
    </row>
    <row r="4041" spans="1:24" x14ac:dyDescent="0.25">
      <c r="A4041">
        <v>6772</v>
      </c>
      <c r="B4041" t="s">
        <v>30</v>
      </c>
      <c r="C4041">
        <v>18</v>
      </c>
      <c r="D4041" t="s">
        <v>361</v>
      </c>
      <c r="E4041">
        <v>130</v>
      </c>
      <c r="F4041" t="s">
        <v>651</v>
      </c>
      <c r="G4041">
        <v>160</v>
      </c>
      <c r="H4041" t="s">
        <v>739</v>
      </c>
      <c r="I4041">
        <v>4413</v>
      </c>
      <c r="J4041" t="s">
        <v>705</v>
      </c>
      <c r="K4041">
        <v>70</v>
      </c>
      <c r="L4041" t="s">
        <v>3109</v>
      </c>
      <c r="M4041">
        <v>1363</v>
      </c>
      <c r="N4041" t="s">
        <v>654</v>
      </c>
      <c r="O4041">
        <v>3</v>
      </c>
      <c r="P4041" t="s">
        <v>655</v>
      </c>
      <c r="Q4041">
        <v>1</v>
      </c>
      <c r="R4041" t="s">
        <v>656</v>
      </c>
      <c r="S4041">
        <v>2</v>
      </c>
      <c r="T4041" t="s">
        <v>661</v>
      </c>
      <c r="U4041">
        <v>8</v>
      </c>
      <c r="V4041">
        <v>2</v>
      </c>
      <c r="W4041">
        <v>120</v>
      </c>
      <c r="X4041">
        <v>2020</v>
      </c>
    </row>
    <row r="4042" spans="1:24" x14ac:dyDescent="0.25">
      <c r="A4042">
        <v>6770</v>
      </c>
      <c r="B4042" t="s">
        <v>30</v>
      </c>
      <c r="C4042">
        <v>18</v>
      </c>
      <c r="D4042" t="s">
        <v>477</v>
      </c>
      <c r="E4042">
        <v>103</v>
      </c>
      <c r="F4042" t="s">
        <v>651</v>
      </c>
      <c r="G4042">
        <v>160</v>
      </c>
      <c r="H4042" t="s">
        <v>922</v>
      </c>
      <c r="I4042">
        <v>8163</v>
      </c>
      <c r="J4042" t="s">
        <v>714</v>
      </c>
      <c r="K4042">
        <v>52</v>
      </c>
      <c r="L4042" t="s">
        <v>3110</v>
      </c>
      <c r="M4042">
        <v>1361</v>
      </c>
      <c r="N4042" t="s">
        <v>654</v>
      </c>
      <c r="O4042">
        <v>3</v>
      </c>
      <c r="P4042" t="s">
        <v>655</v>
      </c>
      <c r="Q4042">
        <v>1</v>
      </c>
      <c r="R4042" t="s">
        <v>656</v>
      </c>
      <c r="S4042">
        <v>2</v>
      </c>
      <c r="T4042" t="s">
        <v>661</v>
      </c>
      <c r="U4042">
        <v>8</v>
      </c>
      <c r="V4042">
        <v>2</v>
      </c>
      <c r="W4042">
        <v>120</v>
      </c>
      <c r="X4042">
        <v>2020</v>
      </c>
    </row>
    <row r="4043" spans="1:24" x14ac:dyDescent="0.25">
      <c r="A4043">
        <v>6769</v>
      </c>
      <c r="B4043" t="s">
        <v>30</v>
      </c>
      <c r="C4043">
        <v>18</v>
      </c>
      <c r="D4043" t="s">
        <v>361</v>
      </c>
      <c r="E4043">
        <v>130</v>
      </c>
      <c r="F4043" t="s">
        <v>651</v>
      </c>
      <c r="G4043">
        <v>160</v>
      </c>
      <c r="H4043" t="s">
        <v>739</v>
      </c>
      <c r="I4043">
        <v>4413</v>
      </c>
      <c r="J4043" t="s">
        <v>714</v>
      </c>
      <c r="K4043">
        <v>52</v>
      </c>
      <c r="L4043" t="s">
        <v>3111</v>
      </c>
      <c r="M4043">
        <v>1360</v>
      </c>
      <c r="N4043" t="s">
        <v>654</v>
      </c>
      <c r="O4043">
        <v>3</v>
      </c>
      <c r="P4043" t="s">
        <v>655</v>
      </c>
      <c r="Q4043">
        <v>1</v>
      </c>
      <c r="R4043" t="s">
        <v>656</v>
      </c>
      <c r="S4043">
        <v>2</v>
      </c>
      <c r="T4043" t="s">
        <v>661</v>
      </c>
      <c r="U4043">
        <v>8</v>
      </c>
      <c r="V4043">
        <v>2</v>
      </c>
      <c r="W4043">
        <v>120</v>
      </c>
      <c r="X4043">
        <v>2020</v>
      </c>
    </row>
    <row r="4044" spans="1:24" x14ac:dyDescent="0.25">
      <c r="A4044">
        <v>6768</v>
      </c>
      <c r="B4044" t="s">
        <v>30</v>
      </c>
      <c r="C4044">
        <v>18</v>
      </c>
      <c r="D4044" t="s">
        <v>361</v>
      </c>
      <c r="E4044">
        <v>130</v>
      </c>
      <c r="F4044" t="s">
        <v>651</v>
      </c>
      <c r="G4044">
        <v>160</v>
      </c>
      <c r="H4044" t="s">
        <v>739</v>
      </c>
      <c r="I4044">
        <v>4413</v>
      </c>
      <c r="J4044" t="s">
        <v>714</v>
      </c>
      <c r="K4044">
        <v>52</v>
      </c>
      <c r="L4044" t="s">
        <v>3112</v>
      </c>
      <c r="M4044">
        <v>1359</v>
      </c>
      <c r="N4044" t="s">
        <v>654</v>
      </c>
      <c r="O4044">
        <v>3</v>
      </c>
      <c r="P4044" t="s">
        <v>655</v>
      </c>
      <c r="Q4044">
        <v>1</v>
      </c>
      <c r="R4044" t="s">
        <v>656</v>
      </c>
      <c r="S4044">
        <v>2</v>
      </c>
      <c r="T4044" t="s">
        <v>661</v>
      </c>
      <c r="U4044">
        <v>8</v>
      </c>
      <c r="V4044">
        <v>2</v>
      </c>
      <c r="W4044">
        <v>120</v>
      </c>
      <c r="X4044">
        <v>2020</v>
      </c>
    </row>
    <row r="4045" spans="1:24" x14ac:dyDescent="0.25">
      <c r="A4045">
        <v>6767</v>
      </c>
      <c r="B4045" t="s">
        <v>30</v>
      </c>
      <c r="C4045">
        <v>18</v>
      </c>
      <c r="D4045" t="s">
        <v>361</v>
      </c>
      <c r="E4045">
        <v>130</v>
      </c>
      <c r="F4045" t="s">
        <v>651</v>
      </c>
      <c r="G4045">
        <v>160</v>
      </c>
      <c r="H4045" t="s">
        <v>739</v>
      </c>
      <c r="I4045">
        <v>4413</v>
      </c>
      <c r="J4045" t="s">
        <v>714</v>
      </c>
      <c r="K4045">
        <v>52</v>
      </c>
      <c r="L4045" t="s">
        <v>3113</v>
      </c>
      <c r="M4045">
        <v>1358</v>
      </c>
      <c r="N4045" t="s">
        <v>654</v>
      </c>
      <c r="O4045">
        <v>3</v>
      </c>
      <c r="P4045" t="s">
        <v>655</v>
      </c>
      <c r="Q4045">
        <v>1</v>
      </c>
      <c r="R4045" t="s">
        <v>656</v>
      </c>
      <c r="S4045">
        <v>2</v>
      </c>
      <c r="T4045" t="s">
        <v>661</v>
      </c>
      <c r="U4045">
        <v>8</v>
      </c>
      <c r="V4045">
        <v>2</v>
      </c>
      <c r="W4045">
        <v>120</v>
      </c>
      <c r="X4045">
        <v>2020</v>
      </c>
    </row>
    <row r="4046" spans="1:24" x14ac:dyDescent="0.25">
      <c r="A4046">
        <v>6766</v>
      </c>
      <c r="B4046" t="s">
        <v>30</v>
      </c>
      <c r="C4046">
        <v>18</v>
      </c>
      <c r="D4046" t="s">
        <v>522</v>
      </c>
      <c r="E4046">
        <v>129</v>
      </c>
      <c r="F4046" t="s">
        <v>651</v>
      </c>
      <c r="G4046">
        <v>160</v>
      </c>
      <c r="H4046" t="s">
        <v>739</v>
      </c>
      <c r="I4046">
        <v>4413</v>
      </c>
      <c r="J4046" t="s">
        <v>710</v>
      </c>
      <c r="K4046">
        <v>53</v>
      </c>
      <c r="L4046" t="s">
        <v>3114</v>
      </c>
      <c r="M4046">
        <v>622</v>
      </c>
      <c r="N4046" t="s">
        <v>654</v>
      </c>
      <c r="O4046">
        <v>3</v>
      </c>
      <c r="P4046" t="s">
        <v>655</v>
      </c>
      <c r="Q4046">
        <v>1</v>
      </c>
      <c r="R4046" t="s">
        <v>656</v>
      </c>
      <c r="S4046">
        <v>2</v>
      </c>
      <c r="T4046" t="s">
        <v>661</v>
      </c>
      <c r="U4046">
        <v>8</v>
      </c>
      <c r="V4046">
        <v>2</v>
      </c>
      <c r="W4046">
        <v>120</v>
      </c>
      <c r="X4046">
        <v>2020</v>
      </c>
    </row>
    <row r="4047" spans="1:24" x14ac:dyDescent="0.25">
      <c r="A4047">
        <v>6765</v>
      </c>
      <c r="B4047" t="s">
        <v>30</v>
      </c>
      <c r="C4047">
        <v>18</v>
      </c>
      <c r="D4047" t="s">
        <v>522</v>
      </c>
      <c r="E4047">
        <v>129</v>
      </c>
      <c r="F4047" t="s">
        <v>651</v>
      </c>
      <c r="G4047">
        <v>160</v>
      </c>
      <c r="H4047" t="s">
        <v>739</v>
      </c>
      <c r="I4047">
        <v>4413</v>
      </c>
      <c r="J4047" t="s">
        <v>710</v>
      </c>
      <c r="K4047">
        <v>53</v>
      </c>
      <c r="L4047" t="s">
        <v>2304</v>
      </c>
      <c r="M4047">
        <v>1357</v>
      </c>
      <c r="N4047" t="s">
        <v>654</v>
      </c>
      <c r="O4047">
        <v>3</v>
      </c>
      <c r="P4047" t="s">
        <v>655</v>
      </c>
      <c r="Q4047">
        <v>1</v>
      </c>
      <c r="R4047" t="s">
        <v>656</v>
      </c>
      <c r="S4047">
        <v>2</v>
      </c>
      <c r="T4047" t="s">
        <v>661</v>
      </c>
      <c r="U4047">
        <v>8</v>
      </c>
      <c r="V4047">
        <v>2</v>
      </c>
      <c r="W4047">
        <v>120</v>
      </c>
      <c r="X4047">
        <v>2020</v>
      </c>
    </row>
    <row r="4048" spans="1:24" x14ac:dyDescent="0.25">
      <c r="A4048">
        <v>6764</v>
      </c>
      <c r="B4048" t="s">
        <v>30</v>
      </c>
      <c r="C4048">
        <v>18</v>
      </c>
      <c r="D4048" t="s">
        <v>522</v>
      </c>
      <c r="E4048">
        <v>129</v>
      </c>
      <c r="F4048" t="s">
        <v>651</v>
      </c>
      <c r="G4048">
        <v>160</v>
      </c>
      <c r="H4048" t="s">
        <v>739</v>
      </c>
      <c r="I4048">
        <v>4413</v>
      </c>
      <c r="J4048" t="s">
        <v>710</v>
      </c>
      <c r="K4048">
        <v>53</v>
      </c>
      <c r="L4048" t="s">
        <v>3115</v>
      </c>
      <c r="M4048">
        <v>1356</v>
      </c>
      <c r="N4048" t="s">
        <v>654</v>
      </c>
      <c r="O4048">
        <v>3</v>
      </c>
      <c r="P4048" t="s">
        <v>655</v>
      </c>
      <c r="Q4048">
        <v>1</v>
      </c>
      <c r="R4048" t="s">
        <v>656</v>
      </c>
      <c r="S4048">
        <v>2</v>
      </c>
      <c r="T4048" t="s">
        <v>661</v>
      </c>
      <c r="U4048">
        <v>8</v>
      </c>
      <c r="V4048">
        <v>2</v>
      </c>
      <c r="W4048">
        <v>120</v>
      </c>
      <c r="X4048">
        <v>2020</v>
      </c>
    </row>
    <row r="4049" spans="1:24" x14ac:dyDescent="0.25">
      <c r="A4049">
        <v>6763</v>
      </c>
      <c r="B4049" t="s">
        <v>30</v>
      </c>
      <c r="C4049">
        <v>18</v>
      </c>
      <c r="D4049" t="s">
        <v>522</v>
      </c>
      <c r="E4049">
        <v>129</v>
      </c>
      <c r="F4049" t="s">
        <v>651</v>
      </c>
      <c r="G4049">
        <v>160</v>
      </c>
      <c r="H4049" t="s">
        <v>739</v>
      </c>
      <c r="I4049">
        <v>4413</v>
      </c>
      <c r="J4049" t="s">
        <v>710</v>
      </c>
      <c r="K4049">
        <v>53</v>
      </c>
      <c r="L4049" t="s">
        <v>3116</v>
      </c>
      <c r="M4049">
        <v>1355</v>
      </c>
      <c r="N4049" t="s">
        <v>654</v>
      </c>
      <c r="O4049">
        <v>3</v>
      </c>
      <c r="P4049" t="s">
        <v>655</v>
      </c>
      <c r="Q4049">
        <v>1</v>
      </c>
      <c r="R4049" t="s">
        <v>656</v>
      </c>
      <c r="S4049">
        <v>2</v>
      </c>
      <c r="T4049" t="s">
        <v>769</v>
      </c>
      <c r="U4049">
        <v>3</v>
      </c>
      <c r="V4049">
        <v>2</v>
      </c>
      <c r="W4049">
        <v>120</v>
      </c>
      <c r="X4049">
        <v>2020</v>
      </c>
    </row>
    <row r="4050" spans="1:24" x14ac:dyDescent="0.25">
      <c r="A4050">
        <v>6762</v>
      </c>
      <c r="B4050" t="s">
        <v>30</v>
      </c>
      <c r="C4050">
        <v>18</v>
      </c>
      <c r="D4050" t="s">
        <v>522</v>
      </c>
      <c r="E4050">
        <v>129</v>
      </c>
      <c r="F4050" t="s">
        <v>651</v>
      </c>
      <c r="G4050">
        <v>160</v>
      </c>
      <c r="H4050" t="s">
        <v>739</v>
      </c>
      <c r="I4050">
        <v>4413</v>
      </c>
      <c r="J4050" t="s">
        <v>710</v>
      </c>
      <c r="K4050">
        <v>53</v>
      </c>
      <c r="L4050" t="s">
        <v>3117</v>
      </c>
      <c r="M4050">
        <v>1354</v>
      </c>
      <c r="N4050" t="s">
        <v>654</v>
      </c>
      <c r="O4050">
        <v>3</v>
      </c>
      <c r="P4050" t="s">
        <v>655</v>
      </c>
      <c r="Q4050">
        <v>1</v>
      </c>
      <c r="R4050" t="s">
        <v>656</v>
      </c>
      <c r="S4050">
        <v>2</v>
      </c>
      <c r="T4050" t="s">
        <v>661</v>
      </c>
      <c r="U4050">
        <v>8</v>
      </c>
      <c r="V4050">
        <v>2</v>
      </c>
      <c r="W4050">
        <v>120</v>
      </c>
      <c r="X4050">
        <v>2020</v>
      </c>
    </row>
    <row r="4051" spans="1:24" x14ac:dyDescent="0.25">
      <c r="A4051">
        <v>6761</v>
      </c>
      <c r="B4051" t="s">
        <v>30</v>
      </c>
      <c r="C4051">
        <v>18</v>
      </c>
      <c r="D4051" t="s">
        <v>522</v>
      </c>
      <c r="E4051">
        <v>129</v>
      </c>
      <c r="F4051" t="s">
        <v>651</v>
      </c>
      <c r="G4051">
        <v>160</v>
      </c>
      <c r="H4051" t="s">
        <v>739</v>
      </c>
      <c r="I4051">
        <v>4413</v>
      </c>
      <c r="J4051" t="s">
        <v>710</v>
      </c>
      <c r="K4051">
        <v>53</v>
      </c>
      <c r="L4051" t="s">
        <v>2309</v>
      </c>
      <c r="M4051">
        <v>2574</v>
      </c>
      <c r="N4051" t="s">
        <v>654</v>
      </c>
      <c r="O4051">
        <v>3</v>
      </c>
      <c r="P4051" t="s">
        <v>655</v>
      </c>
      <c r="Q4051">
        <v>1</v>
      </c>
      <c r="R4051" t="s">
        <v>656</v>
      </c>
      <c r="S4051">
        <v>2</v>
      </c>
      <c r="T4051" t="s">
        <v>661</v>
      </c>
      <c r="U4051">
        <v>8</v>
      </c>
      <c r="V4051">
        <v>2</v>
      </c>
      <c r="W4051">
        <v>120</v>
      </c>
      <c r="X4051">
        <v>2020</v>
      </c>
    </row>
    <row r="4052" spans="1:24" x14ac:dyDescent="0.25">
      <c r="A4052">
        <v>6760</v>
      </c>
      <c r="B4052" t="s">
        <v>30</v>
      </c>
      <c r="C4052">
        <v>18</v>
      </c>
      <c r="D4052" t="s">
        <v>522</v>
      </c>
      <c r="E4052">
        <v>129</v>
      </c>
      <c r="F4052" t="s">
        <v>651</v>
      </c>
      <c r="G4052">
        <v>160</v>
      </c>
      <c r="H4052" t="s">
        <v>739</v>
      </c>
      <c r="I4052">
        <v>4413</v>
      </c>
      <c r="J4052" t="s">
        <v>710</v>
      </c>
      <c r="K4052">
        <v>53</v>
      </c>
      <c r="L4052" t="s">
        <v>3118</v>
      </c>
      <c r="M4052">
        <v>1353</v>
      </c>
      <c r="N4052" t="s">
        <v>654</v>
      </c>
      <c r="O4052">
        <v>3</v>
      </c>
      <c r="P4052" t="s">
        <v>655</v>
      </c>
      <c r="Q4052">
        <v>1</v>
      </c>
      <c r="R4052" t="s">
        <v>656</v>
      </c>
      <c r="S4052">
        <v>2</v>
      </c>
      <c r="T4052" t="s">
        <v>661</v>
      </c>
      <c r="U4052">
        <v>8</v>
      </c>
      <c r="V4052">
        <v>2</v>
      </c>
      <c r="W4052">
        <v>120</v>
      </c>
      <c r="X4052">
        <v>2020</v>
      </c>
    </row>
    <row r="4053" spans="1:24" x14ac:dyDescent="0.25">
      <c r="A4053">
        <v>6759</v>
      </c>
      <c r="B4053" t="s">
        <v>30</v>
      </c>
      <c r="C4053">
        <v>18</v>
      </c>
      <c r="D4053" t="s">
        <v>562</v>
      </c>
      <c r="E4053">
        <v>132</v>
      </c>
      <c r="F4053" t="s">
        <v>651</v>
      </c>
      <c r="G4053">
        <v>160</v>
      </c>
      <c r="H4053" t="s">
        <v>739</v>
      </c>
      <c r="I4053">
        <v>4413</v>
      </c>
      <c r="J4053" t="s">
        <v>716</v>
      </c>
      <c r="K4053">
        <v>68</v>
      </c>
      <c r="L4053" t="s">
        <v>3119</v>
      </c>
      <c r="M4053">
        <v>1352</v>
      </c>
      <c r="N4053" t="s">
        <v>654</v>
      </c>
      <c r="O4053">
        <v>3</v>
      </c>
      <c r="P4053" t="s">
        <v>655</v>
      </c>
      <c r="Q4053">
        <v>1</v>
      </c>
      <c r="R4053" t="s">
        <v>656</v>
      </c>
      <c r="S4053">
        <v>2</v>
      </c>
      <c r="T4053" t="s">
        <v>661</v>
      </c>
      <c r="U4053">
        <v>8</v>
      </c>
      <c r="V4053">
        <v>2</v>
      </c>
      <c r="W4053">
        <v>120</v>
      </c>
      <c r="X4053">
        <v>2020</v>
      </c>
    </row>
    <row r="4054" spans="1:24" x14ac:dyDescent="0.25">
      <c r="A4054">
        <v>6758</v>
      </c>
      <c r="B4054" t="s">
        <v>30</v>
      </c>
      <c r="C4054">
        <v>18</v>
      </c>
      <c r="D4054" t="s">
        <v>564</v>
      </c>
      <c r="E4054">
        <v>128</v>
      </c>
      <c r="F4054" t="s">
        <v>651</v>
      </c>
      <c r="G4054">
        <v>160</v>
      </c>
      <c r="H4054" t="s">
        <v>739</v>
      </c>
      <c r="I4054">
        <v>4413</v>
      </c>
      <c r="J4054" t="s">
        <v>716</v>
      </c>
      <c r="K4054">
        <v>68</v>
      </c>
      <c r="L4054" t="s">
        <v>717</v>
      </c>
      <c r="M4054">
        <v>1351</v>
      </c>
      <c r="N4054" t="s">
        <v>654</v>
      </c>
      <c r="O4054">
        <v>3</v>
      </c>
      <c r="P4054" t="s">
        <v>655</v>
      </c>
      <c r="Q4054">
        <v>1</v>
      </c>
      <c r="R4054" t="s">
        <v>656</v>
      </c>
      <c r="S4054">
        <v>2</v>
      </c>
      <c r="T4054" t="s">
        <v>718</v>
      </c>
      <c r="U4054">
        <v>2</v>
      </c>
      <c r="V4054">
        <v>2</v>
      </c>
      <c r="W4054">
        <v>120</v>
      </c>
      <c r="X4054">
        <v>2020</v>
      </c>
    </row>
    <row r="4055" spans="1:24" x14ac:dyDescent="0.25">
      <c r="A4055">
        <v>6756</v>
      </c>
      <c r="B4055" t="s">
        <v>30</v>
      </c>
      <c r="C4055">
        <v>18</v>
      </c>
      <c r="D4055" t="s">
        <v>477</v>
      </c>
      <c r="E4055">
        <v>103</v>
      </c>
      <c r="F4055" t="s">
        <v>651</v>
      </c>
      <c r="G4055">
        <v>160</v>
      </c>
      <c r="H4055" t="s">
        <v>922</v>
      </c>
      <c r="I4055">
        <v>8163</v>
      </c>
      <c r="J4055" t="s">
        <v>693</v>
      </c>
      <c r="K4055">
        <v>56</v>
      </c>
      <c r="L4055" t="s">
        <v>3120</v>
      </c>
      <c r="M4055">
        <v>1350</v>
      </c>
      <c r="N4055" t="s">
        <v>654</v>
      </c>
      <c r="O4055">
        <v>3</v>
      </c>
      <c r="P4055" t="s">
        <v>655</v>
      </c>
      <c r="Q4055">
        <v>1</v>
      </c>
      <c r="R4055" t="s">
        <v>656</v>
      </c>
      <c r="S4055">
        <v>2</v>
      </c>
      <c r="T4055" t="s">
        <v>661</v>
      </c>
      <c r="U4055">
        <v>8</v>
      </c>
      <c r="V4055">
        <v>2</v>
      </c>
      <c r="W4055">
        <v>120</v>
      </c>
      <c r="X4055">
        <v>2020</v>
      </c>
    </row>
    <row r="4056" spans="1:24" x14ac:dyDescent="0.25">
      <c r="A4056">
        <v>6755</v>
      </c>
      <c r="B4056" t="s">
        <v>30</v>
      </c>
      <c r="C4056">
        <v>18</v>
      </c>
      <c r="D4056" t="s">
        <v>477</v>
      </c>
      <c r="E4056">
        <v>103</v>
      </c>
      <c r="F4056" t="s">
        <v>651</v>
      </c>
      <c r="G4056">
        <v>160</v>
      </c>
      <c r="H4056" t="s">
        <v>922</v>
      </c>
      <c r="I4056">
        <v>8163</v>
      </c>
      <c r="J4056" t="s">
        <v>693</v>
      </c>
      <c r="K4056">
        <v>56</v>
      </c>
      <c r="L4056" t="s">
        <v>3121</v>
      </c>
      <c r="M4056">
        <v>1349</v>
      </c>
      <c r="N4056" t="s">
        <v>654</v>
      </c>
      <c r="O4056">
        <v>3</v>
      </c>
      <c r="P4056" t="s">
        <v>655</v>
      </c>
      <c r="Q4056">
        <v>1</v>
      </c>
      <c r="R4056" t="s">
        <v>656</v>
      </c>
      <c r="S4056">
        <v>2</v>
      </c>
      <c r="T4056" t="s">
        <v>661</v>
      </c>
      <c r="U4056">
        <v>8</v>
      </c>
      <c r="V4056">
        <v>2</v>
      </c>
      <c r="W4056">
        <v>120</v>
      </c>
      <c r="X4056">
        <v>2020</v>
      </c>
    </row>
    <row r="4057" spans="1:24" x14ac:dyDescent="0.25">
      <c r="A4057">
        <v>6753</v>
      </c>
      <c r="B4057" t="s">
        <v>30</v>
      </c>
      <c r="C4057">
        <v>18</v>
      </c>
      <c r="D4057" t="s">
        <v>564</v>
      </c>
      <c r="E4057">
        <v>128</v>
      </c>
      <c r="F4057" t="s">
        <v>651</v>
      </c>
      <c r="G4057">
        <v>160</v>
      </c>
      <c r="H4057" t="s">
        <v>739</v>
      </c>
      <c r="I4057">
        <v>4413</v>
      </c>
      <c r="J4057" t="s">
        <v>693</v>
      </c>
      <c r="K4057">
        <v>56</v>
      </c>
      <c r="L4057" t="s">
        <v>3122</v>
      </c>
      <c r="M4057">
        <v>1347</v>
      </c>
      <c r="N4057" t="s">
        <v>654</v>
      </c>
      <c r="O4057">
        <v>3</v>
      </c>
      <c r="P4057" t="s">
        <v>655</v>
      </c>
      <c r="Q4057">
        <v>1</v>
      </c>
      <c r="R4057" t="s">
        <v>656</v>
      </c>
      <c r="S4057">
        <v>2</v>
      </c>
      <c r="T4057" t="s">
        <v>661</v>
      </c>
      <c r="U4057">
        <v>8</v>
      </c>
      <c r="V4057">
        <v>2</v>
      </c>
      <c r="W4057">
        <v>120</v>
      </c>
      <c r="X4057">
        <v>2020</v>
      </c>
    </row>
    <row r="4058" spans="1:24" x14ac:dyDescent="0.25">
      <c r="A4058">
        <v>6752</v>
      </c>
      <c r="B4058" t="s">
        <v>30</v>
      </c>
      <c r="C4058">
        <v>18</v>
      </c>
      <c r="D4058" t="s">
        <v>564</v>
      </c>
      <c r="E4058">
        <v>128</v>
      </c>
      <c r="F4058" t="s">
        <v>651</v>
      </c>
      <c r="G4058">
        <v>160</v>
      </c>
      <c r="H4058" t="s">
        <v>739</v>
      </c>
      <c r="I4058">
        <v>4413</v>
      </c>
      <c r="J4058" t="s">
        <v>693</v>
      </c>
      <c r="K4058">
        <v>56</v>
      </c>
      <c r="L4058" t="s">
        <v>3123</v>
      </c>
      <c r="M4058">
        <v>1346</v>
      </c>
      <c r="N4058" t="s">
        <v>654</v>
      </c>
      <c r="O4058">
        <v>3</v>
      </c>
      <c r="P4058" t="s">
        <v>655</v>
      </c>
      <c r="Q4058">
        <v>1</v>
      </c>
      <c r="R4058" t="s">
        <v>656</v>
      </c>
      <c r="S4058">
        <v>2</v>
      </c>
      <c r="T4058" t="s">
        <v>729</v>
      </c>
      <c r="U4058">
        <v>4</v>
      </c>
      <c r="V4058">
        <v>2</v>
      </c>
      <c r="W4058">
        <v>120</v>
      </c>
      <c r="X4058">
        <v>2020</v>
      </c>
    </row>
    <row r="4059" spans="1:24" x14ac:dyDescent="0.25">
      <c r="A4059">
        <v>6750</v>
      </c>
      <c r="B4059" t="s">
        <v>30</v>
      </c>
      <c r="C4059">
        <v>18</v>
      </c>
      <c r="D4059" t="s">
        <v>564</v>
      </c>
      <c r="E4059">
        <v>128</v>
      </c>
      <c r="F4059" t="s">
        <v>651</v>
      </c>
      <c r="G4059">
        <v>160</v>
      </c>
      <c r="H4059" t="s">
        <v>739</v>
      </c>
      <c r="I4059">
        <v>4413</v>
      </c>
      <c r="J4059" t="s">
        <v>693</v>
      </c>
      <c r="K4059">
        <v>56</v>
      </c>
      <c r="L4059" t="s">
        <v>1876</v>
      </c>
      <c r="M4059">
        <v>1344</v>
      </c>
      <c r="N4059" t="s">
        <v>654</v>
      </c>
      <c r="O4059">
        <v>3</v>
      </c>
      <c r="P4059" t="s">
        <v>655</v>
      </c>
      <c r="Q4059">
        <v>1</v>
      </c>
      <c r="R4059" t="s">
        <v>656</v>
      </c>
      <c r="S4059">
        <v>2</v>
      </c>
      <c r="T4059" t="s">
        <v>661</v>
      </c>
      <c r="U4059">
        <v>8</v>
      </c>
      <c r="V4059">
        <v>2</v>
      </c>
      <c r="W4059">
        <v>120</v>
      </c>
      <c r="X4059">
        <v>2020</v>
      </c>
    </row>
    <row r="4060" spans="1:24" x14ac:dyDescent="0.25">
      <c r="A4060">
        <v>6749</v>
      </c>
      <c r="B4060" t="s">
        <v>30</v>
      </c>
      <c r="C4060">
        <v>18</v>
      </c>
      <c r="D4060" t="s">
        <v>564</v>
      </c>
      <c r="E4060">
        <v>128</v>
      </c>
      <c r="F4060" t="s">
        <v>651</v>
      </c>
      <c r="G4060">
        <v>160</v>
      </c>
      <c r="H4060" t="s">
        <v>739</v>
      </c>
      <c r="I4060">
        <v>4413</v>
      </c>
      <c r="J4060" t="s">
        <v>693</v>
      </c>
      <c r="K4060">
        <v>56</v>
      </c>
      <c r="L4060" t="s">
        <v>3124</v>
      </c>
      <c r="M4060">
        <v>1343</v>
      </c>
      <c r="N4060" t="s">
        <v>654</v>
      </c>
      <c r="O4060">
        <v>3</v>
      </c>
      <c r="P4060" t="s">
        <v>655</v>
      </c>
      <c r="Q4060">
        <v>1</v>
      </c>
      <c r="R4060" t="s">
        <v>656</v>
      </c>
      <c r="S4060">
        <v>2</v>
      </c>
      <c r="T4060" t="s">
        <v>718</v>
      </c>
      <c r="U4060">
        <v>2</v>
      </c>
      <c r="V4060">
        <v>2</v>
      </c>
      <c r="W4060">
        <v>120</v>
      </c>
      <c r="X4060">
        <v>2020</v>
      </c>
    </row>
    <row r="4061" spans="1:24" x14ac:dyDescent="0.25">
      <c r="A4061">
        <v>6748</v>
      </c>
      <c r="B4061" t="s">
        <v>30</v>
      </c>
      <c r="C4061">
        <v>18</v>
      </c>
      <c r="D4061" t="s">
        <v>564</v>
      </c>
      <c r="E4061">
        <v>128</v>
      </c>
      <c r="F4061" t="s">
        <v>651</v>
      </c>
      <c r="G4061">
        <v>160</v>
      </c>
      <c r="H4061" t="s">
        <v>739</v>
      </c>
      <c r="I4061">
        <v>4413</v>
      </c>
      <c r="J4061" t="s">
        <v>693</v>
      </c>
      <c r="K4061">
        <v>56</v>
      </c>
      <c r="L4061" t="s">
        <v>1878</v>
      </c>
      <c r="M4061">
        <v>1342</v>
      </c>
      <c r="N4061" t="s">
        <v>654</v>
      </c>
      <c r="O4061">
        <v>3</v>
      </c>
      <c r="P4061" t="s">
        <v>655</v>
      </c>
      <c r="Q4061">
        <v>1</v>
      </c>
      <c r="R4061" t="s">
        <v>656</v>
      </c>
      <c r="S4061">
        <v>2</v>
      </c>
      <c r="T4061" t="s">
        <v>661</v>
      </c>
      <c r="U4061">
        <v>8</v>
      </c>
      <c r="V4061">
        <v>2</v>
      </c>
      <c r="W4061">
        <v>120</v>
      </c>
      <c r="X4061">
        <v>2020</v>
      </c>
    </row>
    <row r="4062" spans="1:24" x14ac:dyDescent="0.25">
      <c r="A4062">
        <v>6746</v>
      </c>
      <c r="B4062" t="s">
        <v>30</v>
      </c>
      <c r="C4062">
        <v>18</v>
      </c>
      <c r="D4062" t="s">
        <v>564</v>
      </c>
      <c r="E4062">
        <v>128</v>
      </c>
      <c r="F4062" t="s">
        <v>651</v>
      </c>
      <c r="G4062">
        <v>160</v>
      </c>
      <c r="H4062" t="s">
        <v>739</v>
      </c>
      <c r="I4062">
        <v>4413</v>
      </c>
      <c r="J4062" t="s">
        <v>693</v>
      </c>
      <c r="K4062">
        <v>56</v>
      </c>
      <c r="L4062" t="s">
        <v>3125</v>
      </c>
      <c r="M4062">
        <v>1340</v>
      </c>
      <c r="N4062" t="s">
        <v>654</v>
      </c>
      <c r="O4062">
        <v>3</v>
      </c>
      <c r="P4062" t="s">
        <v>655</v>
      </c>
      <c r="Q4062">
        <v>1</v>
      </c>
      <c r="R4062" t="s">
        <v>656</v>
      </c>
      <c r="S4062">
        <v>2</v>
      </c>
      <c r="T4062" t="s">
        <v>661</v>
      </c>
      <c r="U4062">
        <v>8</v>
      </c>
      <c r="V4062">
        <v>2</v>
      </c>
      <c r="W4062">
        <v>120</v>
      </c>
      <c r="X4062">
        <v>2020</v>
      </c>
    </row>
    <row r="4063" spans="1:24" x14ac:dyDescent="0.25">
      <c r="A4063">
        <v>6745</v>
      </c>
      <c r="B4063" t="s">
        <v>30</v>
      </c>
      <c r="C4063">
        <v>18</v>
      </c>
      <c r="D4063" t="s">
        <v>477</v>
      </c>
      <c r="E4063">
        <v>103</v>
      </c>
      <c r="F4063" t="s">
        <v>651</v>
      </c>
      <c r="G4063">
        <v>160</v>
      </c>
      <c r="H4063" t="s">
        <v>922</v>
      </c>
      <c r="I4063">
        <v>8163</v>
      </c>
      <c r="J4063" t="s">
        <v>730</v>
      </c>
      <c r="K4063">
        <v>66</v>
      </c>
      <c r="L4063" t="s">
        <v>3126</v>
      </c>
      <c r="M4063">
        <v>1339</v>
      </c>
      <c r="N4063" t="s">
        <v>654</v>
      </c>
      <c r="O4063">
        <v>3</v>
      </c>
      <c r="P4063" t="s">
        <v>655</v>
      </c>
      <c r="Q4063">
        <v>1</v>
      </c>
      <c r="R4063" t="s">
        <v>656</v>
      </c>
      <c r="S4063">
        <v>2</v>
      </c>
      <c r="T4063" t="s">
        <v>661</v>
      </c>
      <c r="U4063">
        <v>8</v>
      </c>
      <c r="V4063">
        <v>2</v>
      </c>
      <c r="W4063">
        <v>120</v>
      </c>
      <c r="X4063">
        <v>2020</v>
      </c>
    </row>
    <row r="4064" spans="1:24" x14ac:dyDescent="0.25">
      <c r="A4064">
        <v>6744</v>
      </c>
      <c r="B4064" t="s">
        <v>30</v>
      </c>
      <c r="C4064">
        <v>18</v>
      </c>
      <c r="D4064" t="s">
        <v>564</v>
      </c>
      <c r="E4064">
        <v>128</v>
      </c>
      <c r="F4064" t="s">
        <v>651</v>
      </c>
      <c r="G4064">
        <v>160</v>
      </c>
      <c r="H4064" t="s">
        <v>739</v>
      </c>
      <c r="I4064">
        <v>4413</v>
      </c>
      <c r="J4064" t="s">
        <v>730</v>
      </c>
      <c r="K4064">
        <v>66</v>
      </c>
      <c r="L4064" t="s">
        <v>3127</v>
      </c>
      <c r="M4064">
        <v>1338</v>
      </c>
      <c r="N4064" t="s">
        <v>654</v>
      </c>
      <c r="O4064">
        <v>3</v>
      </c>
      <c r="P4064" t="s">
        <v>655</v>
      </c>
      <c r="Q4064">
        <v>1</v>
      </c>
      <c r="R4064" t="s">
        <v>656</v>
      </c>
      <c r="S4064">
        <v>2</v>
      </c>
      <c r="T4064" t="s">
        <v>661</v>
      </c>
      <c r="U4064">
        <v>8</v>
      </c>
      <c r="V4064">
        <v>2</v>
      </c>
      <c r="W4064">
        <v>120</v>
      </c>
      <c r="X4064">
        <v>2020</v>
      </c>
    </row>
    <row r="4065" spans="1:24" x14ac:dyDescent="0.25">
      <c r="A4065">
        <v>6743</v>
      </c>
      <c r="B4065" t="s">
        <v>30</v>
      </c>
      <c r="C4065">
        <v>18</v>
      </c>
      <c r="D4065" t="s">
        <v>564</v>
      </c>
      <c r="E4065">
        <v>128</v>
      </c>
      <c r="F4065" t="s">
        <v>651</v>
      </c>
      <c r="G4065">
        <v>160</v>
      </c>
      <c r="H4065" t="s">
        <v>739</v>
      </c>
      <c r="I4065">
        <v>4413</v>
      </c>
      <c r="J4065" t="s">
        <v>730</v>
      </c>
      <c r="K4065">
        <v>66</v>
      </c>
      <c r="L4065" t="s">
        <v>753</v>
      </c>
      <c r="M4065">
        <v>1337</v>
      </c>
      <c r="N4065" t="s">
        <v>654</v>
      </c>
      <c r="O4065">
        <v>3</v>
      </c>
      <c r="P4065" t="s">
        <v>655</v>
      </c>
      <c r="Q4065">
        <v>1</v>
      </c>
      <c r="R4065" t="s">
        <v>656</v>
      </c>
      <c r="S4065">
        <v>2</v>
      </c>
      <c r="T4065" t="s">
        <v>661</v>
      </c>
      <c r="U4065">
        <v>8</v>
      </c>
      <c r="V4065">
        <v>2</v>
      </c>
      <c r="W4065">
        <v>120</v>
      </c>
      <c r="X4065">
        <v>2020</v>
      </c>
    </row>
    <row r="4066" spans="1:24" x14ac:dyDescent="0.25">
      <c r="A4066">
        <v>6740</v>
      </c>
      <c r="B4066" t="s">
        <v>30</v>
      </c>
      <c r="C4066">
        <v>18</v>
      </c>
      <c r="D4066" t="s">
        <v>564</v>
      </c>
      <c r="E4066">
        <v>128</v>
      </c>
      <c r="F4066" t="s">
        <v>651</v>
      </c>
      <c r="G4066">
        <v>160</v>
      </c>
      <c r="H4066" t="s">
        <v>739</v>
      </c>
      <c r="I4066">
        <v>4413</v>
      </c>
      <c r="J4066" t="s">
        <v>730</v>
      </c>
      <c r="K4066">
        <v>66</v>
      </c>
      <c r="L4066" t="s">
        <v>3128</v>
      </c>
      <c r="M4066">
        <v>1334</v>
      </c>
      <c r="N4066" t="s">
        <v>654</v>
      </c>
      <c r="O4066">
        <v>3</v>
      </c>
      <c r="P4066" t="s">
        <v>655</v>
      </c>
      <c r="Q4066">
        <v>1</v>
      </c>
      <c r="R4066" t="s">
        <v>656</v>
      </c>
      <c r="S4066">
        <v>2</v>
      </c>
      <c r="T4066" t="s">
        <v>661</v>
      </c>
      <c r="U4066">
        <v>8</v>
      </c>
      <c r="V4066">
        <v>2</v>
      </c>
      <c r="W4066">
        <v>120</v>
      </c>
      <c r="X4066">
        <v>2020</v>
      </c>
    </row>
    <row r="4067" spans="1:24" x14ac:dyDescent="0.25">
      <c r="A4067">
        <v>6739</v>
      </c>
      <c r="B4067" t="s">
        <v>30</v>
      </c>
      <c r="C4067">
        <v>18</v>
      </c>
      <c r="D4067" t="s">
        <v>470</v>
      </c>
      <c r="E4067">
        <v>127</v>
      </c>
      <c r="F4067" t="s">
        <v>651</v>
      </c>
      <c r="G4067">
        <v>160</v>
      </c>
      <c r="H4067" t="s">
        <v>739</v>
      </c>
      <c r="I4067">
        <v>4413</v>
      </c>
      <c r="J4067" t="s">
        <v>730</v>
      </c>
      <c r="K4067">
        <v>66</v>
      </c>
      <c r="L4067" t="s">
        <v>3129</v>
      </c>
      <c r="M4067">
        <v>1333</v>
      </c>
      <c r="N4067" t="s">
        <v>654</v>
      </c>
      <c r="O4067">
        <v>3</v>
      </c>
      <c r="P4067" t="s">
        <v>655</v>
      </c>
      <c r="Q4067">
        <v>1</v>
      </c>
      <c r="R4067" t="s">
        <v>656</v>
      </c>
      <c r="S4067">
        <v>2</v>
      </c>
      <c r="T4067" t="s">
        <v>661</v>
      </c>
      <c r="U4067">
        <v>8</v>
      </c>
      <c r="V4067">
        <v>2</v>
      </c>
      <c r="W4067">
        <v>120</v>
      </c>
      <c r="X4067">
        <v>2020</v>
      </c>
    </row>
    <row r="4068" spans="1:24" x14ac:dyDescent="0.25">
      <c r="A4068">
        <v>6738</v>
      </c>
      <c r="B4068" t="s">
        <v>30</v>
      </c>
      <c r="C4068">
        <v>18</v>
      </c>
      <c r="D4068" t="s">
        <v>470</v>
      </c>
      <c r="E4068">
        <v>127</v>
      </c>
      <c r="F4068" t="s">
        <v>651</v>
      </c>
      <c r="G4068">
        <v>160</v>
      </c>
      <c r="H4068" t="s">
        <v>922</v>
      </c>
      <c r="I4068">
        <v>8163</v>
      </c>
      <c r="J4068" t="s">
        <v>1022</v>
      </c>
      <c r="K4068">
        <v>85</v>
      </c>
      <c r="L4068" t="s">
        <v>3130</v>
      </c>
      <c r="M4068">
        <v>1332</v>
      </c>
      <c r="N4068" t="s">
        <v>654</v>
      </c>
      <c r="O4068">
        <v>3</v>
      </c>
      <c r="P4068" t="s">
        <v>655</v>
      </c>
      <c r="Q4068">
        <v>1</v>
      </c>
      <c r="R4068" t="s">
        <v>656</v>
      </c>
      <c r="S4068">
        <v>2</v>
      </c>
      <c r="T4068" t="s">
        <v>661</v>
      </c>
      <c r="U4068">
        <v>8</v>
      </c>
      <c r="V4068">
        <v>2</v>
      </c>
      <c r="W4068">
        <v>120</v>
      </c>
      <c r="X4068">
        <v>2020</v>
      </c>
    </row>
    <row r="4069" spans="1:24" x14ac:dyDescent="0.25">
      <c r="A4069">
        <v>6737</v>
      </c>
      <c r="B4069" t="s">
        <v>30</v>
      </c>
      <c r="C4069">
        <v>18</v>
      </c>
      <c r="D4069" t="s">
        <v>563</v>
      </c>
      <c r="E4069">
        <v>131</v>
      </c>
      <c r="F4069" t="s">
        <v>651</v>
      </c>
      <c r="G4069">
        <v>160</v>
      </c>
      <c r="H4069" t="s">
        <v>739</v>
      </c>
      <c r="I4069">
        <v>4413</v>
      </c>
      <c r="J4069" t="s">
        <v>1022</v>
      </c>
      <c r="K4069">
        <v>85</v>
      </c>
      <c r="L4069" t="s">
        <v>3131</v>
      </c>
      <c r="M4069">
        <v>1331</v>
      </c>
      <c r="N4069" t="s">
        <v>654</v>
      </c>
      <c r="O4069">
        <v>3</v>
      </c>
      <c r="P4069" t="s">
        <v>655</v>
      </c>
      <c r="Q4069">
        <v>1</v>
      </c>
      <c r="R4069" t="s">
        <v>656</v>
      </c>
      <c r="S4069">
        <v>2</v>
      </c>
      <c r="T4069" t="s">
        <v>661</v>
      </c>
      <c r="U4069">
        <v>8</v>
      </c>
      <c r="V4069">
        <v>2</v>
      </c>
      <c r="W4069">
        <v>120</v>
      </c>
      <c r="X4069">
        <v>2020</v>
      </c>
    </row>
    <row r="4070" spans="1:24" x14ac:dyDescent="0.25">
      <c r="A4070">
        <v>6736</v>
      </c>
      <c r="B4070" t="s">
        <v>30</v>
      </c>
      <c r="C4070">
        <v>18</v>
      </c>
      <c r="D4070" t="s">
        <v>470</v>
      </c>
      <c r="E4070">
        <v>127</v>
      </c>
      <c r="F4070" t="s">
        <v>651</v>
      </c>
      <c r="G4070">
        <v>160</v>
      </c>
      <c r="H4070" t="s">
        <v>739</v>
      </c>
      <c r="I4070">
        <v>4413</v>
      </c>
      <c r="J4070" t="s">
        <v>1022</v>
      </c>
      <c r="K4070">
        <v>85</v>
      </c>
      <c r="L4070" t="s">
        <v>3132</v>
      </c>
      <c r="M4070">
        <v>1330</v>
      </c>
      <c r="N4070" t="s">
        <v>654</v>
      </c>
      <c r="O4070">
        <v>3</v>
      </c>
      <c r="P4070" t="s">
        <v>655</v>
      </c>
      <c r="Q4070">
        <v>1</v>
      </c>
      <c r="R4070" t="s">
        <v>656</v>
      </c>
      <c r="S4070">
        <v>2</v>
      </c>
      <c r="T4070" t="s">
        <v>661</v>
      </c>
      <c r="U4070">
        <v>8</v>
      </c>
      <c r="V4070">
        <v>2</v>
      </c>
      <c r="W4070">
        <v>120</v>
      </c>
      <c r="X4070">
        <v>2020</v>
      </c>
    </row>
    <row r="4071" spans="1:24" x14ac:dyDescent="0.25">
      <c r="A4071">
        <v>6734</v>
      </c>
      <c r="B4071" t="s">
        <v>30</v>
      </c>
      <c r="C4071">
        <v>18</v>
      </c>
      <c r="D4071" t="s">
        <v>470</v>
      </c>
      <c r="E4071">
        <v>127</v>
      </c>
      <c r="F4071" t="s">
        <v>651</v>
      </c>
      <c r="G4071">
        <v>160</v>
      </c>
      <c r="H4071" t="s">
        <v>739</v>
      </c>
      <c r="I4071">
        <v>4413</v>
      </c>
      <c r="J4071" t="s">
        <v>1022</v>
      </c>
      <c r="K4071">
        <v>85</v>
      </c>
      <c r="L4071" t="s">
        <v>2732</v>
      </c>
      <c r="M4071">
        <v>707</v>
      </c>
      <c r="N4071" t="s">
        <v>654</v>
      </c>
      <c r="O4071">
        <v>3</v>
      </c>
      <c r="P4071" t="s">
        <v>655</v>
      </c>
      <c r="Q4071">
        <v>1</v>
      </c>
      <c r="R4071" t="s">
        <v>656</v>
      </c>
      <c r="S4071">
        <v>2</v>
      </c>
      <c r="T4071" t="s">
        <v>661</v>
      </c>
      <c r="U4071">
        <v>8</v>
      </c>
      <c r="V4071">
        <v>2</v>
      </c>
      <c r="W4071">
        <v>120</v>
      </c>
      <c r="X4071">
        <v>2020</v>
      </c>
    </row>
    <row r="4072" spans="1:24" x14ac:dyDescent="0.25">
      <c r="A4072">
        <v>6733</v>
      </c>
      <c r="B4072" t="s">
        <v>30</v>
      </c>
      <c r="C4072">
        <v>18</v>
      </c>
      <c r="D4072" t="s">
        <v>470</v>
      </c>
      <c r="E4072">
        <v>127</v>
      </c>
      <c r="F4072" t="s">
        <v>651</v>
      </c>
      <c r="G4072">
        <v>160</v>
      </c>
      <c r="H4072" t="s">
        <v>739</v>
      </c>
      <c r="I4072">
        <v>4413</v>
      </c>
      <c r="J4072" t="s">
        <v>1022</v>
      </c>
      <c r="K4072">
        <v>85</v>
      </c>
      <c r="L4072" t="s">
        <v>3133</v>
      </c>
      <c r="M4072">
        <v>1328</v>
      </c>
      <c r="N4072" t="s">
        <v>654</v>
      </c>
      <c r="O4072">
        <v>3</v>
      </c>
      <c r="P4072" t="s">
        <v>655</v>
      </c>
      <c r="Q4072">
        <v>1</v>
      </c>
      <c r="R4072" t="s">
        <v>656</v>
      </c>
      <c r="S4072">
        <v>2</v>
      </c>
      <c r="T4072" t="s">
        <v>661</v>
      </c>
      <c r="U4072">
        <v>8</v>
      </c>
      <c r="V4072">
        <v>2</v>
      </c>
      <c r="W4072">
        <v>120</v>
      </c>
      <c r="X4072">
        <v>2020</v>
      </c>
    </row>
    <row r="4073" spans="1:24" x14ac:dyDescent="0.25">
      <c r="A4073">
        <v>6732</v>
      </c>
      <c r="B4073" t="s">
        <v>30</v>
      </c>
      <c r="C4073">
        <v>18</v>
      </c>
      <c r="D4073" t="s">
        <v>470</v>
      </c>
      <c r="E4073">
        <v>127</v>
      </c>
      <c r="F4073" t="s">
        <v>651</v>
      </c>
      <c r="G4073">
        <v>160</v>
      </c>
      <c r="H4073" t="s">
        <v>739</v>
      </c>
      <c r="I4073">
        <v>4413</v>
      </c>
      <c r="J4073" t="s">
        <v>1022</v>
      </c>
      <c r="K4073">
        <v>85</v>
      </c>
      <c r="L4073" t="s">
        <v>2738</v>
      </c>
      <c r="M4073">
        <v>701</v>
      </c>
      <c r="N4073" t="s">
        <v>654</v>
      </c>
      <c r="O4073">
        <v>3</v>
      </c>
      <c r="P4073" t="s">
        <v>655</v>
      </c>
      <c r="Q4073">
        <v>1</v>
      </c>
      <c r="R4073" t="s">
        <v>656</v>
      </c>
      <c r="S4073">
        <v>2</v>
      </c>
      <c r="T4073" t="s">
        <v>661</v>
      </c>
      <c r="U4073">
        <v>8</v>
      </c>
      <c r="V4073">
        <v>2</v>
      </c>
      <c r="W4073">
        <v>120</v>
      </c>
      <c r="X4073">
        <v>2020</v>
      </c>
    </row>
    <row r="4074" spans="1:24" x14ac:dyDescent="0.25">
      <c r="A4074">
        <v>6731</v>
      </c>
      <c r="B4074" t="s">
        <v>30</v>
      </c>
      <c r="C4074">
        <v>18</v>
      </c>
      <c r="D4074" t="s">
        <v>470</v>
      </c>
      <c r="E4074">
        <v>127</v>
      </c>
      <c r="F4074" t="s">
        <v>651</v>
      </c>
      <c r="G4074">
        <v>160</v>
      </c>
      <c r="H4074" t="s">
        <v>739</v>
      </c>
      <c r="I4074">
        <v>4413</v>
      </c>
      <c r="J4074" t="s">
        <v>1022</v>
      </c>
      <c r="K4074">
        <v>85</v>
      </c>
      <c r="L4074" t="s">
        <v>3134</v>
      </c>
      <c r="M4074">
        <v>710</v>
      </c>
      <c r="N4074" t="s">
        <v>654</v>
      </c>
      <c r="O4074">
        <v>3</v>
      </c>
      <c r="P4074" t="s">
        <v>655</v>
      </c>
      <c r="Q4074">
        <v>1</v>
      </c>
      <c r="R4074" t="s">
        <v>656</v>
      </c>
      <c r="S4074">
        <v>2</v>
      </c>
      <c r="T4074" t="s">
        <v>661</v>
      </c>
      <c r="U4074">
        <v>8</v>
      </c>
      <c r="V4074">
        <v>2</v>
      </c>
      <c r="W4074">
        <v>120</v>
      </c>
      <c r="X4074">
        <v>2020</v>
      </c>
    </row>
    <row r="4075" spans="1:24" x14ac:dyDescent="0.25">
      <c r="A4075">
        <v>6729</v>
      </c>
      <c r="B4075" t="s">
        <v>30</v>
      </c>
      <c r="C4075">
        <v>18</v>
      </c>
      <c r="D4075" t="s">
        <v>472</v>
      </c>
      <c r="E4075">
        <v>126</v>
      </c>
      <c r="F4075" t="s">
        <v>651</v>
      </c>
      <c r="G4075">
        <v>160</v>
      </c>
      <c r="H4075" t="s">
        <v>739</v>
      </c>
      <c r="I4075">
        <v>4413</v>
      </c>
      <c r="J4075" t="s">
        <v>797</v>
      </c>
      <c r="K4075">
        <v>65</v>
      </c>
      <c r="L4075" t="s">
        <v>3135</v>
      </c>
      <c r="M4075">
        <v>1326</v>
      </c>
      <c r="N4075" t="s">
        <v>654</v>
      </c>
      <c r="O4075">
        <v>3</v>
      </c>
      <c r="P4075" t="s">
        <v>655</v>
      </c>
      <c r="Q4075">
        <v>1</v>
      </c>
      <c r="R4075" t="s">
        <v>656</v>
      </c>
      <c r="S4075">
        <v>2</v>
      </c>
      <c r="T4075" t="s">
        <v>661</v>
      </c>
      <c r="U4075">
        <v>8</v>
      </c>
      <c r="V4075">
        <v>2</v>
      </c>
      <c r="W4075">
        <v>120</v>
      </c>
      <c r="X4075">
        <v>2020</v>
      </c>
    </row>
    <row r="4076" spans="1:24" x14ac:dyDescent="0.25">
      <c r="A4076">
        <v>6728</v>
      </c>
      <c r="B4076" t="s">
        <v>30</v>
      </c>
      <c r="C4076">
        <v>18</v>
      </c>
      <c r="D4076" t="s">
        <v>472</v>
      </c>
      <c r="E4076">
        <v>126</v>
      </c>
      <c r="F4076" t="s">
        <v>651</v>
      </c>
      <c r="G4076">
        <v>160</v>
      </c>
      <c r="H4076" t="s">
        <v>739</v>
      </c>
      <c r="I4076">
        <v>4413</v>
      </c>
      <c r="J4076" t="s">
        <v>797</v>
      </c>
      <c r="K4076">
        <v>65</v>
      </c>
      <c r="L4076" t="s">
        <v>3136</v>
      </c>
      <c r="M4076">
        <v>1325</v>
      </c>
      <c r="N4076" t="s">
        <v>654</v>
      </c>
      <c r="O4076">
        <v>3</v>
      </c>
      <c r="P4076" t="s">
        <v>655</v>
      </c>
      <c r="Q4076">
        <v>1</v>
      </c>
      <c r="R4076" t="s">
        <v>656</v>
      </c>
      <c r="S4076">
        <v>2</v>
      </c>
      <c r="T4076" t="s">
        <v>661</v>
      </c>
      <c r="U4076">
        <v>8</v>
      </c>
      <c r="V4076">
        <v>2</v>
      </c>
      <c r="W4076">
        <v>120</v>
      </c>
      <c r="X4076">
        <v>2020</v>
      </c>
    </row>
    <row r="4077" spans="1:24" x14ac:dyDescent="0.25">
      <c r="A4077">
        <v>6727</v>
      </c>
      <c r="B4077" t="s">
        <v>30</v>
      </c>
      <c r="C4077">
        <v>18</v>
      </c>
      <c r="D4077" t="s">
        <v>472</v>
      </c>
      <c r="E4077">
        <v>126</v>
      </c>
      <c r="F4077" t="s">
        <v>651</v>
      </c>
      <c r="G4077">
        <v>160</v>
      </c>
      <c r="H4077" t="s">
        <v>739</v>
      </c>
      <c r="I4077">
        <v>4413</v>
      </c>
      <c r="J4077" t="s">
        <v>797</v>
      </c>
      <c r="K4077">
        <v>65</v>
      </c>
      <c r="L4077" t="s">
        <v>936</v>
      </c>
      <c r="M4077">
        <v>1324</v>
      </c>
      <c r="N4077" t="s">
        <v>654</v>
      </c>
      <c r="O4077">
        <v>3</v>
      </c>
      <c r="P4077" t="s">
        <v>655</v>
      </c>
      <c r="Q4077">
        <v>1</v>
      </c>
      <c r="R4077" t="s">
        <v>656</v>
      </c>
      <c r="S4077">
        <v>2</v>
      </c>
      <c r="T4077" t="s">
        <v>661</v>
      </c>
      <c r="U4077">
        <v>8</v>
      </c>
      <c r="V4077">
        <v>2</v>
      </c>
      <c r="W4077">
        <v>120</v>
      </c>
      <c r="X4077">
        <v>2020</v>
      </c>
    </row>
    <row r="4078" spans="1:24" x14ac:dyDescent="0.25">
      <c r="A4078">
        <v>6726</v>
      </c>
      <c r="B4078" t="s">
        <v>30</v>
      </c>
      <c r="C4078">
        <v>18</v>
      </c>
      <c r="D4078" t="s">
        <v>472</v>
      </c>
      <c r="E4078">
        <v>126</v>
      </c>
      <c r="F4078" t="s">
        <v>651</v>
      </c>
      <c r="G4078">
        <v>160</v>
      </c>
      <c r="H4078" t="s">
        <v>739</v>
      </c>
      <c r="I4078">
        <v>4413</v>
      </c>
      <c r="J4078" t="s">
        <v>797</v>
      </c>
      <c r="K4078">
        <v>65</v>
      </c>
      <c r="L4078" t="s">
        <v>3137</v>
      </c>
      <c r="M4078">
        <v>1323</v>
      </c>
      <c r="N4078" t="s">
        <v>654</v>
      </c>
      <c r="O4078">
        <v>3</v>
      </c>
      <c r="P4078" t="s">
        <v>655</v>
      </c>
      <c r="Q4078">
        <v>1</v>
      </c>
      <c r="R4078" t="s">
        <v>656</v>
      </c>
      <c r="S4078">
        <v>2</v>
      </c>
      <c r="T4078" t="s">
        <v>661</v>
      </c>
      <c r="U4078">
        <v>8</v>
      </c>
      <c r="V4078">
        <v>2</v>
      </c>
      <c r="W4078">
        <v>120</v>
      </c>
      <c r="X4078">
        <v>2020</v>
      </c>
    </row>
    <row r="4079" spans="1:24" x14ac:dyDescent="0.25">
      <c r="A4079">
        <v>6725</v>
      </c>
      <c r="B4079" t="s">
        <v>30</v>
      </c>
      <c r="C4079">
        <v>18</v>
      </c>
      <c r="D4079" t="s">
        <v>472</v>
      </c>
      <c r="E4079">
        <v>126</v>
      </c>
      <c r="F4079" t="s">
        <v>651</v>
      </c>
      <c r="G4079">
        <v>160</v>
      </c>
      <c r="H4079" t="s">
        <v>739</v>
      </c>
      <c r="I4079">
        <v>4413</v>
      </c>
      <c r="J4079" t="s">
        <v>767</v>
      </c>
      <c r="K4079">
        <v>44</v>
      </c>
      <c r="L4079" t="s">
        <v>3138</v>
      </c>
      <c r="M4079">
        <v>1322</v>
      </c>
      <c r="N4079" t="s">
        <v>654</v>
      </c>
      <c r="O4079">
        <v>3</v>
      </c>
      <c r="P4079" t="s">
        <v>655</v>
      </c>
      <c r="Q4079">
        <v>1</v>
      </c>
      <c r="R4079" t="s">
        <v>656</v>
      </c>
      <c r="S4079">
        <v>2</v>
      </c>
      <c r="T4079" t="s">
        <v>661</v>
      </c>
      <c r="U4079">
        <v>8</v>
      </c>
      <c r="V4079">
        <v>2</v>
      </c>
      <c r="W4079">
        <v>120</v>
      </c>
      <c r="X4079">
        <v>2020</v>
      </c>
    </row>
    <row r="4080" spans="1:24" x14ac:dyDescent="0.25">
      <c r="A4080">
        <v>6724</v>
      </c>
      <c r="B4080" t="s">
        <v>30</v>
      </c>
      <c r="C4080">
        <v>18</v>
      </c>
      <c r="D4080" t="s">
        <v>472</v>
      </c>
      <c r="E4080">
        <v>126</v>
      </c>
      <c r="F4080" t="s">
        <v>651</v>
      </c>
      <c r="G4080">
        <v>160</v>
      </c>
      <c r="H4080" t="s">
        <v>739</v>
      </c>
      <c r="I4080">
        <v>4413</v>
      </c>
      <c r="J4080" t="s">
        <v>767</v>
      </c>
      <c r="K4080">
        <v>44</v>
      </c>
      <c r="L4080" t="s">
        <v>3139</v>
      </c>
      <c r="M4080">
        <v>1321</v>
      </c>
      <c r="N4080" t="s">
        <v>654</v>
      </c>
      <c r="O4080">
        <v>3</v>
      </c>
      <c r="P4080" t="s">
        <v>655</v>
      </c>
      <c r="Q4080">
        <v>1</v>
      </c>
      <c r="R4080" t="s">
        <v>656</v>
      </c>
      <c r="S4080">
        <v>2</v>
      </c>
      <c r="T4080" t="s">
        <v>661</v>
      </c>
      <c r="U4080">
        <v>8</v>
      </c>
      <c r="V4080">
        <v>2</v>
      </c>
      <c r="W4080">
        <v>120</v>
      </c>
      <c r="X4080">
        <v>2020</v>
      </c>
    </row>
    <row r="4081" spans="1:24" x14ac:dyDescent="0.25">
      <c r="A4081">
        <v>6723</v>
      </c>
      <c r="B4081" t="s">
        <v>30</v>
      </c>
      <c r="C4081">
        <v>18</v>
      </c>
      <c r="D4081" t="s">
        <v>472</v>
      </c>
      <c r="E4081">
        <v>126</v>
      </c>
      <c r="F4081" t="s">
        <v>651</v>
      </c>
      <c r="G4081">
        <v>160</v>
      </c>
      <c r="H4081" t="s">
        <v>739</v>
      </c>
      <c r="I4081">
        <v>4413</v>
      </c>
      <c r="J4081" t="s">
        <v>767</v>
      </c>
      <c r="K4081">
        <v>44</v>
      </c>
      <c r="L4081" t="s">
        <v>3140</v>
      </c>
      <c r="M4081">
        <v>1320</v>
      </c>
      <c r="N4081" t="s">
        <v>654</v>
      </c>
      <c r="O4081">
        <v>3</v>
      </c>
      <c r="P4081" t="s">
        <v>655</v>
      </c>
      <c r="Q4081">
        <v>1</v>
      </c>
      <c r="R4081" t="s">
        <v>656</v>
      </c>
      <c r="S4081">
        <v>2</v>
      </c>
      <c r="T4081" t="s">
        <v>661</v>
      </c>
      <c r="U4081">
        <v>8</v>
      </c>
      <c r="V4081">
        <v>2</v>
      </c>
      <c r="W4081">
        <v>120</v>
      </c>
      <c r="X4081">
        <v>2020</v>
      </c>
    </row>
    <row r="4082" spans="1:24" x14ac:dyDescent="0.25">
      <c r="A4082">
        <v>6722</v>
      </c>
      <c r="B4082" t="s">
        <v>30</v>
      </c>
      <c r="C4082">
        <v>18</v>
      </c>
      <c r="D4082" t="s">
        <v>472</v>
      </c>
      <c r="E4082">
        <v>126</v>
      </c>
      <c r="F4082" t="s">
        <v>651</v>
      </c>
      <c r="G4082">
        <v>160</v>
      </c>
      <c r="H4082" t="s">
        <v>739</v>
      </c>
      <c r="I4082">
        <v>4413</v>
      </c>
      <c r="J4082" t="s">
        <v>767</v>
      </c>
      <c r="K4082">
        <v>44</v>
      </c>
      <c r="L4082" t="s">
        <v>2198</v>
      </c>
      <c r="M4082">
        <v>896</v>
      </c>
      <c r="N4082" t="s">
        <v>654</v>
      </c>
      <c r="O4082">
        <v>3</v>
      </c>
      <c r="P4082" t="s">
        <v>655</v>
      </c>
      <c r="Q4082">
        <v>1</v>
      </c>
      <c r="R4082" t="s">
        <v>656</v>
      </c>
      <c r="S4082">
        <v>2</v>
      </c>
      <c r="T4082" t="s">
        <v>661</v>
      </c>
      <c r="U4082">
        <v>8</v>
      </c>
      <c r="V4082">
        <v>2</v>
      </c>
      <c r="W4082">
        <v>120</v>
      </c>
      <c r="X4082">
        <v>2020</v>
      </c>
    </row>
    <row r="4083" spans="1:24" x14ac:dyDescent="0.25">
      <c r="A4083">
        <v>6720</v>
      </c>
      <c r="B4083" t="s">
        <v>30</v>
      </c>
      <c r="C4083">
        <v>18</v>
      </c>
      <c r="D4083" t="s">
        <v>472</v>
      </c>
      <c r="E4083">
        <v>126</v>
      </c>
      <c r="F4083" t="s">
        <v>651</v>
      </c>
      <c r="G4083">
        <v>160</v>
      </c>
      <c r="H4083" t="s">
        <v>739</v>
      </c>
      <c r="I4083">
        <v>4413</v>
      </c>
      <c r="J4083" t="s">
        <v>767</v>
      </c>
      <c r="K4083">
        <v>44</v>
      </c>
      <c r="L4083" t="s">
        <v>3141</v>
      </c>
      <c r="M4083">
        <v>1318</v>
      </c>
      <c r="N4083" t="s">
        <v>654</v>
      </c>
      <c r="O4083">
        <v>3</v>
      </c>
      <c r="P4083" t="s">
        <v>655</v>
      </c>
      <c r="Q4083">
        <v>1</v>
      </c>
      <c r="R4083" t="s">
        <v>656</v>
      </c>
      <c r="S4083">
        <v>2</v>
      </c>
      <c r="T4083" t="s">
        <v>661</v>
      </c>
      <c r="U4083">
        <v>8</v>
      </c>
      <c r="V4083">
        <v>2</v>
      </c>
      <c r="W4083">
        <v>120</v>
      </c>
      <c r="X4083">
        <v>2020</v>
      </c>
    </row>
    <row r="4084" spans="1:24" x14ac:dyDescent="0.25">
      <c r="A4084">
        <v>6716</v>
      </c>
      <c r="B4084" t="s">
        <v>218</v>
      </c>
      <c r="C4084">
        <v>17</v>
      </c>
      <c r="D4084" t="s">
        <v>426</v>
      </c>
      <c r="E4084">
        <v>122</v>
      </c>
      <c r="F4084" t="s">
        <v>651</v>
      </c>
      <c r="G4084">
        <v>160</v>
      </c>
      <c r="H4084" t="s">
        <v>744</v>
      </c>
      <c r="I4084">
        <v>3143</v>
      </c>
      <c r="J4084" t="s">
        <v>663</v>
      </c>
      <c r="K4084">
        <v>99</v>
      </c>
      <c r="L4084" t="s">
        <v>1032</v>
      </c>
      <c r="M4084">
        <v>1314</v>
      </c>
      <c r="N4084" t="s">
        <v>654</v>
      </c>
      <c r="O4084">
        <v>3</v>
      </c>
      <c r="P4084" t="s">
        <v>746</v>
      </c>
      <c r="Q4084">
        <v>2</v>
      </c>
      <c r="R4084" t="s">
        <v>656</v>
      </c>
      <c r="S4084">
        <v>2</v>
      </c>
      <c r="T4084" t="s">
        <v>661</v>
      </c>
      <c r="U4084">
        <v>8</v>
      </c>
      <c r="V4084">
        <v>2</v>
      </c>
      <c r="W4084">
        <v>120</v>
      </c>
      <c r="X4084">
        <v>2020</v>
      </c>
    </row>
    <row r="4085" spans="1:24" x14ac:dyDescent="0.25">
      <c r="A4085">
        <v>6715</v>
      </c>
      <c r="B4085" t="s">
        <v>218</v>
      </c>
      <c r="C4085">
        <v>17</v>
      </c>
      <c r="D4085" t="s">
        <v>426</v>
      </c>
      <c r="E4085">
        <v>122</v>
      </c>
      <c r="F4085" t="s">
        <v>651</v>
      </c>
      <c r="G4085">
        <v>160</v>
      </c>
      <c r="H4085" t="s">
        <v>744</v>
      </c>
      <c r="I4085">
        <v>3143</v>
      </c>
      <c r="J4085" t="s">
        <v>663</v>
      </c>
      <c r="K4085">
        <v>99</v>
      </c>
      <c r="L4085" t="s">
        <v>3142</v>
      </c>
      <c r="M4085">
        <v>1313</v>
      </c>
      <c r="N4085" t="s">
        <v>654</v>
      </c>
      <c r="O4085">
        <v>3</v>
      </c>
      <c r="P4085" t="s">
        <v>655</v>
      </c>
      <c r="Q4085">
        <v>1</v>
      </c>
      <c r="R4085" t="s">
        <v>656</v>
      </c>
      <c r="S4085">
        <v>2</v>
      </c>
      <c r="T4085" t="s">
        <v>729</v>
      </c>
      <c r="U4085">
        <v>4</v>
      </c>
      <c r="V4085">
        <v>2</v>
      </c>
      <c r="W4085">
        <v>120</v>
      </c>
      <c r="X4085">
        <v>2020</v>
      </c>
    </row>
    <row r="4086" spans="1:24" x14ac:dyDescent="0.25">
      <c r="A4086">
        <v>6714</v>
      </c>
      <c r="B4086" t="s">
        <v>218</v>
      </c>
      <c r="C4086">
        <v>17</v>
      </c>
      <c r="D4086" t="s">
        <v>426</v>
      </c>
      <c r="E4086">
        <v>122</v>
      </c>
      <c r="F4086" t="s">
        <v>651</v>
      </c>
      <c r="G4086">
        <v>160</v>
      </c>
      <c r="H4086" t="s">
        <v>744</v>
      </c>
      <c r="I4086">
        <v>3143</v>
      </c>
      <c r="J4086" t="s">
        <v>663</v>
      </c>
      <c r="K4086">
        <v>99</v>
      </c>
      <c r="L4086" t="s">
        <v>3143</v>
      </c>
      <c r="M4086">
        <v>1312</v>
      </c>
      <c r="N4086" t="s">
        <v>654</v>
      </c>
      <c r="O4086">
        <v>3</v>
      </c>
      <c r="P4086" t="s">
        <v>655</v>
      </c>
      <c r="Q4086">
        <v>1</v>
      </c>
      <c r="R4086" t="s">
        <v>656</v>
      </c>
      <c r="S4086">
        <v>2</v>
      </c>
      <c r="T4086" t="s">
        <v>769</v>
      </c>
      <c r="U4086">
        <v>3</v>
      </c>
      <c r="V4086">
        <v>2</v>
      </c>
      <c r="W4086">
        <v>120</v>
      </c>
      <c r="X4086">
        <v>2020</v>
      </c>
    </row>
    <row r="4087" spans="1:24" x14ac:dyDescent="0.25">
      <c r="A4087">
        <v>6713</v>
      </c>
      <c r="B4087" t="s">
        <v>218</v>
      </c>
      <c r="C4087">
        <v>17</v>
      </c>
      <c r="D4087" t="s">
        <v>426</v>
      </c>
      <c r="E4087">
        <v>122</v>
      </c>
      <c r="F4087" t="s">
        <v>651</v>
      </c>
      <c r="G4087">
        <v>160</v>
      </c>
      <c r="H4087" t="s">
        <v>744</v>
      </c>
      <c r="I4087">
        <v>3143</v>
      </c>
      <c r="J4087" t="s">
        <v>663</v>
      </c>
      <c r="K4087">
        <v>99</v>
      </c>
      <c r="L4087" t="s">
        <v>2845</v>
      </c>
      <c r="M4087">
        <v>1311</v>
      </c>
      <c r="N4087" t="s">
        <v>654</v>
      </c>
      <c r="O4087">
        <v>3</v>
      </c>
      <c r="P4087" t="s">
        <v>655</v>
      </c>
      <c r="Q4087">
        <v>1</v>
      </c>
      <c r="R4087" t="s">
        <v>656</v>
      </c>
      <c r="S4087">
        <v>2</v>
      </c>
      <c r="T4087" t="s">
        <v>661</v>
      </c>
      <c r="U4087">
        <v>8</v>
      </c>
      <c r="V4087">
        <v>2</v>
      </c>
      <c r="W4087">
        <v>120</v>
      </c>
      <c r="X4087">
        <v>2020</v>
      </c>
    </row>
    <row r="4088" spans="1:24" x14ac:dyDescent="0.25">
      <c r="A4088">
        <v>6712</v>
      </c>
      <c r="B4088" t="s">
        <v>218</v>
      </c>
      <c r="C4088">
        <v>17</v>
      </c>
      <c r="D4088" t="s">
        <v>426</v>
      </c>
      <c r="E4088">
        <v>122</v>
      </c>
      <c r="F4088" t="s">
        <v>651</v>
      </c>
      <c r="G4088">
        <v>160</v>
      </c>
      <c r="H4088" t="s">
        <v>744</v>
      </c>
      <c r="I4088">
        <v>3143</v>
      </c>
      <c r="J4088" t="s">
        <v>663</v>
      </c>
      <c r="K4088">
        <v>99</v>
      </c>
      <c r="L4088" t="s">
        <v>3144</v>
      </c>
      <c r="M4088">
        <v>1310</v>
      </c>
      <c r="N4088" t="s">
        <v>654</v>
      </c>
      <c r="O4088">
        <v>3</v>
      </c>
      <c r="P4088" t="s">
        <v>655</v>
      </c>
      <c r="Q4088">
        <v>1</v>
      </c>
      <c r="R4088" t="s">
        <v>656</v>
      </c>
      <c r="S4088">
        <v>2</v>
      </c>
      <c r="T4088" t="s">
        <v>718</v>
      </c>
      <c r="U4088">
        <v>2</v>
      </c>
      <c r="V4088">
        <v>2</v>
      </c>
      <c r="W4088">
        <v>120</v>
      </c>
      <c r="X4088">
        <v>2020</v>
      </c>
    </row>
    <row r="4089" spans="1:24" x14ac:dyDescent="0.25">
      <c r="A4089">
        <v>6711</v>
      </c>
      <c r="B4089" t="s">
        <v>218</v>
      </c>
      <c r="C4089">
        <v>17</v>
      </c>
      <c r="D4089" t="s">
        <v>426</v>
      </c>
      <c r="E4089">
        <v>122</v>
      </c>
      <c r="F4089" t="s">
        <v>651</v>
      </c>
      <c r="G4089">
        <v>160</v>
      </c>
      <c r="H4089" t="s">
        <v>744</v>
      </c>
      <c r="I4089">
        <v>3143</v>
      </c>
      <c r="J4089" t="s">
        <v>663</v>
      </c>
      <c r="K4089">
        <v>99</v>
      </c>
      <c r="L4089" t="s">
        <v>3145</v>
      </c>
      <c r="M4089">
        <v>1309</v>
      </c>
      <c r="N4089" t="s">
        <v>654</v>
      </c>
      <c r="O4089">
        <v>3</v>
      </c>
      <c r="P4089" t="s">
        <v>655</v>
      </c>
      <c r="Q4089">
        <v>1</v>
      </c>
      <c r="R4089" t="s">
        <v>656</v>
      </c>
      <c r="S4089">
        <v>2</v>
      </c>
      <c r="T4089" t="s">
        <v>661</v>
      </c>
      <c r="U4089">
        <v>8</v>
      </c>
      <c r="V4089">
        <v>2</v>
      </c>
      <c r="W4089">
        <v>120</v>
      </c>
      <c r="X4089">
        <v>2020</v>
      </c>
    </row>
    <row r="4090" spans="1:24" x14ac:dyDescent="0.25">
      <c r="A4090">
        <v>6710</v>
      </c>
      <c r="B4090" t="s">
        <v>218</v>
      </c>
      <c r="C4090">
        <v>17</v>
      </c>
      <c r="D4090" t="s">
        <v>566</v>
      </c>
      <c r="E4090">
        <v>120</v>
      </c>
      <c r="F4090" t="s">
        <v>651</v>
      </c>
      <c r="G4090">
        <v>160</v>
      </c>
      <c r="H4090" t="s">
        <v>744</v>
      </c>
      <c r="I4090">
        <v>3143</v>
      </c>
      <c r="J4090" t="s">
        <v>673</v>
      </c>
      <c r="K4090">
        <v>34</v>
      </c>
      <c r="L4090" t="s">
        <v>1179</v>
      </c>
      <c r="M4090">
        <v>1308</v>
      </c>
      <c r="N4090" t="s">
        <v>654</v>
      </c>
      <c r="O4090">
        <v>3</v>
      </c>
      <c r="P4090" t="s">
        <v>746</v>
      </c>
      <c r="Q4090">
        <v>2</v>
      </c>
      <c r="R4090" t="s">
        <v>656</v>
      </c>
      <c r="S4090">
        <v>2</v>
      </c>
      <c r="T4090" t="s">
        <v>661</v>
      </c>
      <c r="U4090">
        <v>8</v>
      </c>
      <c r="V4090">
        <v>2</v>
      </c>
      <c r="W4090">
        <v>120</v>
      </c>
      <c r="X4090">
        <v>2020</v>
      </c>
    </row>
    <row r="4091" spans="1:24" x14ac:dyDescent="0.25">
      <c r="A4091">
        <v>6709</v>
      </c>
      <c r="B4091" t="s">
        <v>218</v>
      </c>
      <c r="C4091">
        <v>17</v>
      </c>
      <c r="D4091" t="s">
        <v>566</v>
      </c>
      <c r="E4091">
        <v>120</v>
      </c>
      <c r="F4091" t="s">
        <v>651</v>
      </c>
      <c r="G4091">
        <v>160</v>
      </c>
      <c r="H4091" t="s">
        <v>744</v>
      </c>
      <c r="I4091">
        <v>3143</v>
      </c>
      <c r="J4091" t="s">
        <v>673</v>
      </c>
      <c r="K4091">
        <v>34</v>
      </c>
      <c r="L4091" t="s">
        <v>3146</v>
      </c>
      <c r="M4091">
        <v>1307</v>
      </c>
      <c r="N4091" t="s">
        <v>654</v>
      </c>
      <c r="O4091">
        <v>3</v>
      </c>
      <c r="P4091" t="s">
        <v>655</v>
      </c>
      <c r="Q4091">
        <v>1</v>
      </c>
      <c r="R4091" t="s">
        <v>656</v>
      </c>
      <c r="S4091">
        <v>2</v>
      </c>
      <c r="T4091" t="s">
        <v>661</v>
      </c>
      <c r="U4091">
        <v>8</v>
      </c>
      <c r="V4091">
        <v>2</v>
      </c>
      <c r="W4091">
        <v>120</v>
      </c>
      <c r="X4091">
        <v>2020</v>
      </c>
    </row>
    <row r="4092" spans="1:24" x14ac:dyDescent="0.25">
      <c r="A4092">
        <v>6708</v>
      </c>
      <c r="B4092" t="s">
        <v>218</v>
      </c>
      <c r="C4092">
        <v>17</v>
      </c>
      <c r="D4092" t="s">
        <v>566</v>
      </c>
      <c r="E4092">
        <v>120</v>
      </c>
      <c r="F4092" t="s">
        <v>651</v>
      </c>
      <c r="G4092">
        <v>160</v>
      </c>
      <c r="H4092" t="s">
        <v>744</v>
      </c>
      <c r="I4092">
        <v>3143</v>
      </c>
      <c r="J4092" t="s">
        <v>673</v>
      </c>
      <c r="K4092">
        <v>34</v>
      </c>
      <c r="L4092" t="s">
        <v>3147</v>
      </c>
      <c r="M4092">
        <v>1306</v>
      </c>
      <c r="N4092" t="s">
        <v>654</v>
      </c>
      <c r="O4092">
        <v>3</v>
      </c>
      <c r="P4092" t="s">
        <v>655</v>
      </c>
      <c r="Q4092">
        <v>1</v>
      </c>
      <c r="R4092" t="s">
        <v>656</v>
      </c>
      <c r="S4092">
        <v>2</v>
      </c>
      <c r="T4092" t="s">
        <v>661</v>
      </c>
      <c r="U4092">
        <v>8</v>
      </c>
      <c r="V4092">
        <v>2</v>
      </c>
      <c r="W4092">
        <v>120</v>
      </c>
      <c r="X4092">
        <v>2020</v>
      </c>
    </row>
    <row r="4093" spans="1:24" x14ac:dyDescent="0.25">
      <c r="A4093">
        <v>6706</v>
      </c>
      <c r="B4093" t="s">
        <v>218</v>
      </c>
      <c r="C4093">
        <v>17</v>
      </c>
      <c r="D4093" t="s">
        <v>322</v>
      </c>
      <c r="E4093">
        <v>121</v>
      </c>
      <c r="F4093" t="s">
        <v>651</v>
      </c>
      <c r="G4093">
        <v>160</v>
      </c>
      <c r="H4093" t="s">
        <v>744</v>
      </c>
      <c r="I4093">
        <v>3143</v>
      </c>
      <c r="J4093" t="s">
        <v>839</v>
      </c>
      <c r="K4093">
        <v>89</v>
      </c>
      <c r="L4093" t="s">
        <v>3148</v>
      </c>
      <c r="M4093">
        <v>1304</v>
      </c>
      <c r="N4093" t="s">
        <v>654</v>
      </c>
      <c r="O4093">
        <v>3</v>
      </c>
      <c r="P4093" t="s">
        <v>655</v>
      </c>
      <c r="Q4093">
        <v>1</v>
      </c>
      <c r="R4093" t="s">
        <v>656</v>
      </c>
      <c r="S4093">
        <v>2</v>
      </c>
      <c r="T4093" t="s">
        <v>661</v>
      </c>
      <c r="U4093">
        <v>8</v>
      </c>
      <c r="V4093">
        <v>2</v>
      </c>
      <c r="W4093">
        <v>120</v>
      </c>
      <c r="X4093">
        <v>2020</v>
      </c>
    </row>
    <row r="4094" spans="1:24" x14ac:dyDescent="0.25">
      <c r="A4094">
        <v>6705</v>
      </c>
      <c r="B4094" t="s">
        <v>218</v>
      </c>
      <c r="C4094">
        <v>17</v>
      </c>
      <c r="D4094" t="s">
        <v>322</v>
      </c>
      <c r="E4094">
        <v>121</v>
      </c>
      <c r="F4094" t="s">
        <v>651</v>
      </c>
      <c r="G4094">
        <v>160</v>
      </c>
      <c r="H4094" t="s">
        <v>744</v>
      </c>
      <c r="I4094">
        <v>3143</v>
      </c>
      <c r="J4094" t="s">
        <v>839</v>
      </c>
      <c r="K4094">
        <v>89</v>
      </c>
      <c r="L4094" t="s">
        <v>3149</v>
      </c>
      <c r="M4094">
        <v>1303</v>
      </c>
      <c r="N4094" t="s">
        <v>654</v>
      </c>
      <c r="O4094">
        <v>3</v>
      </c>
      <c r="P4094" t="s">
        <v>655</v>
      </c>
      <c r="Q4094">
        <v>1</v>
      </c>
      <c r="R4094" t="s">
        <v>656</v>
      </c>
      <c r="S4094">
        <v>2</v>
      </c>
      <c r="T4094" t="s">
        <v>661</v>
      </c>
      <c r="U4094">
        <v>8</v>
      </c>
      <c r="V4094">
        <v>2</v>
      </c>
      <c r="W4094">
        <v>120</v>
      </c>
      <c r="X4094">
        <v>2020</v>
      </c>
    </row>
    <row r="4095" spans="1:24" x14ac:dyDescent="0.25">
      <c r="A4095">
        <v>6703</v>
      </c>
      <c r="B4095" t="s">
        <v>218</v>
      </c>
      <c r="C4095">
        <v>17</v>
      </c>
      <c r="D4095" t="s">
        <v>565</v>
      </c>
      <c r="E4095">
        <v>124</v>
      </c>
      <c r="F4095" t="s">
        <v>651</v>
      </c>
      <c r="G4095">
        <v>160</v>
      </c>
      <c r="H4095" t="s">
        <v>744</v>
      </c>
      <c r="I4095">
        <v>3143</v>
      </c>
      <c r="J4095" t="s">
        <v>703</v>
      </c>
      <c r="K4095">
        <v>16</v>
      </c>
      <c r="L4095" t="s">
        <v>3150</v>
      </c>
      <c r="M4095">
        <v>1301</v>
      </c>
      <c r="N4095" t="s">
        <v>654</v>
      </c>
      <c r="O4095">
        <v>3</v>
      </c>
      <c r="P4095" t="s">
        <v>655</v>
      </c>
      <c r="Q4095">
        <v>1</v>
      </c>
      <c r="R4095" t="s">
        <v>656</v>
      </c>
      <c r="S4095">
        <v>2</v>
      </c>
      <c r="T4095" t="s">
        <v>661</v>
      </c>
      <c r="U4095">
        <v>8</v>
      </c>
      <c r="V4095">
        <v>2</v>
      </c>
      <c r="W4095">
        <v>120</v>
      </c>
      <c r="X4095">
        <v>2020</v>
      </c>
    </row>
    <row r="4096" spans="1:24" x14ac:dyDescent="0.25">
      <c r="A4096">
        <v>6702</v>
      </c>
      <c r="B4096" t="s">
        <v>218</v>
      </c>
      <c r="C4096">
        <v>17</v>
      </c>
      <c r="D4096" t="s">
        <v>565</v>
      </c>
      <c r="E4096">
        <v>124</v>
      </c>
      <c r="F4096" t="s">
        <v>651</v>
      </c>
      <c r="G4096">
        <v>160</v>
      </c>
      <c r="H4096" t="s">
        <v>744</v>
      </c>
      <c r="I4096">
        <v>3143</v>
      </c>
      <c r="J4096" t="s">
        <v>703</v>
      </c>
      <c r="K4096">
        <v>16</v>
      </c>
      <c r="L4096" t="s">
        <v>3151</v>
      </c>
      <c r="M4096">
        <v>1300</v>
      </c>
      <c r="N4096" t="s">
        <v>654</v>
      </c>
      <c r="O4096">
        <v>3</v>
      </c>
      <c r="P4096" t="s">
        <v>655</v>
      </c>
      <c r="Q4096">
        <v>1</v>
      </c>
      <c r="R4096" t="s">
        <v>656</v>
      </c>
      <c r="S4096">
        <v>2</v>
      </c>
      <c r="T4096" t="s">
        <v>661</v>
      </c>
      <c r="U4096">
        <v>8</v>
      </c>
      <c r="V4096">
        <v>2</v>
      </c>
      <c r="W4096">
        <v>120</v>
      </c>
      <c r="X4096">
        <v>2020</v>
      </c>
    </row>
    <row r="4097" spans="1:24" x14ac:dyDescent="0.25">
      <c r="A4097">
        <v>6701</v>
      </c>
      <c r="B4097" t="s">
        <v>218</v>
      </c>
      <c r="C4097">
        <v>17</v>
      </c>
      <c r="D4097" t="s">
        <v>11</v>
      </c>
      <c r="E4097">
        <v>123</v>
      </c>
      <c r="F4097" t="s">
        <v>651</v>
      </c>
      <c r="G4097">
        <v>160</v>
      </c>
      <c r="H4097" t="s">
        <v>744</v>
      </c>
      <c r="I4097">
        <v>3143</v>
      </c>
      <c r="J4097" t="s">
        <v>65</v>
      </c>
      <c r="K4097">
        <v>15</v>
      </c>
      <c r="L4097" t="s">
        <v>3152</v>
      </c>
      <c r="M4097">
        <v>1299</v>
      </c>
      <c r="N4097" t="s">
        <v>654</v>
      </c>
      <c r="O4097">
        <v>3</v>
      </c>
      <c r="P4097" t="s">
        <v>655</v>
      </c>
      <c r="Q4097">
        <v>1</v>
      </c>
      <c r="R4097" t="s">
        <v>656</v>
      </c>
      <c r="S4097">
        <v>2</v>
      </c>
      <c r="T4097" t="s">
        <v>661</v>
      </c>
      <c r="U4097">
        <v>8</v>
      </c>
      <c r="V4097">
        <v>2</v>
      </c>
      <c r="W4097">
        <v>120</v>
      </c>
      <c r="X4097">
        <v>2020</v>
      </c>
    </row>
    <row r="4098" spans="1:24" x14ac:dyDescent="0.25">
      <c r="A4098">
        <v>6700</v>
      </c>
      <c r="B4098" t="s">
        <v>218</v>
      </c>
      <c r="C4098">
        <v>17</v>
      </c>
      <c r="D4098" t="s">
        <v>11</v>
      </c>
      <c r="E4098">
        <v>123</v>
      </c>
      <c r="F4098" t="s">
        <v>651</v>
      </c>
      <c r="G4098">
        <v>160</v>
      </c>
      <c r="H4098" t="s">
        <v>744</v>
      </c>
      <c r="I4098">
        <v>3143</v>
      </c>
      <c r="J4098" t="s">
        <v>65</v>
      </c>
      <c r="K4098">
        <v>15</v>
      </c>
      <c r="L4098" t="s">
        <v>3153</v>
      </c>
      <c r="M4098">
        <v>1298</v>
      </c>
      <c r="N4098" t="s">
        <v>654</v>
      </c>
      <c r="O4098">
        <v>3</v>
      </c>
      <c r="P4098" t="s">
        <v>655</v>
      </c>
      <c r="Q4098">
        <v>1</v>
      </c>
      <c r="R4098" t="s">
        <v>656</v>
      </c>
      <c r="S4098">
        <v>2</v>
      </c>
      <c r="T4098" t="s">
        <v>661</v>
      </c>
      <c r="U4098">
        <v>8</v>
      </c>
      <c r="V4098">
        <v>2</v>
      </c>
      <c r="W4098">
        <v>120</v>
      </c>
      <c r="X4098">
        <v>2020</v>
      </c>
    </row>
    <row r="4099" spans="1:24" x14ac:dyDescent="0.25">
      <c r="A4099">
        <v>6699</v>
      </c>
      <c r="B4099" t="s">
        <v>218</v>
      </c>
      <c r="C4099">
        <v>17</v>
      </c>
      <c r="D4099" t="s">
        <v>11</v>
      </c>
      <c r="E4099">
        <v>123</v>
      </c>
      <c r="F4099" t="s">
        <v>651</v>
      </c>
      <c r="G4099">
        <v>160</v>
      </c>
      <c r="H4099" t="s">
        <v>744</v>
      </c>
      <c r="I4099">
        <v>3143</v>
      </c>
      <c r="J4099" t="s">
        <v>65</v>
      </c>
      <c r="K4099">
        <v>15</v>
      </c>
      <c r="L4099" t="s">
        <v>3154</v>
      </c>
      <c r="M4099">
        <v>1297</v>
      </c>
      <c r="N4099" t="s">
        <v>654</v>
      </c>
      <c r="O4099">
        <v>3</v>
      </c>
      <c r="P4099" t="s">
        <v>655</v>
      </c>
      <c r="Q4099">
        <v>1</v>
      </c>
      <c r="R4099" t="s">
        <v>656</v>
      </c>
      <c r="S4099">
        <v>2</v>
      </c>
      <c r="T4099" t="s">
        <v>661</v>
      </c>
      <c r="U4099">
        <v>8</v>
      </c>
      <c r="V4099">
        <v>2</v>
      </c>
      <c r="W4099">
        <v>120</v>
      </c>
      <c r="X4099">
        <v>2020</v>
      </c>
    </row>
    <row r="4100" spans="1:24" x14ac:dyDescent="0.25">
      <c r="A4100">
        <v>6698</v>
      </c>
      <c r="B4100" t="s">
        <v>218</v>
      </c>
      <c r="C4100">
        <v>17</v>
      </c>
      <c r="D4100" t="s">
        <v>11</v>
      </c>
      <c r="E4100">
        <v>123</v>
      </c>
      <c r="F4100" t="s">
        <v>651</v>
      </c>
      <c r="G4100">
        <v>160</v>
      </c>
      <c r="H4100" t="s">
        <v>744</v>
      </c>
      <c r="I4100">
        <v>3143</v>
      </c>
      <c r="J4100" t="s">
        <v>65</v>
      </c>
      <c r="K4100">
        <v>15</v>
      </c>
      <c r="L4100" t="s">
        <v>3155</v>
      </c>
      <c r="M4100">
        <v>1296</v>
      </c>
      <c r="N4100" t="s">
        <v>654</v>
      </c>
      <c r="O4100">
        <v>3</v>
      </c>
      <c r="P4100" t="s">
        <v>655</v>
      </c>
      <c r="Q4100">
        <v>1</v>
      </c>
      <c r="R4100" t="s">
        <v>656</v>
      </c>
      <c r="S4100">
        <v>2</v>
      </c>
      <c r="T4100" t="s">
        <v>661</v>
      </c>
      <c r="U4100">
        <v>8</v>
      </c>
      <c r="V4100">
        <v>2</v>
      </c>
      <c r="W4100">
        <v>120</v>
      </c>
      <c r="X4100">
        <v>2020</v>
      </c>
    </row>
    <row r="4101" spans="1:24" x14ac:dyDescent="0.25">
      <c r="A4101">
        <v>6696</v>
      </c>
      <c r="B4101" t="s">
        <v>218</v>
      </c>
      <c r="C4101">
        <v>17</v>
      </c>
      <c r="D4101" t="s">
        <v>425</v>
      </c>
      <c r="E4101">
        <v>118</v>
      </c>
      <c r="F4101" t="s">
        <v>651</v>
      </c>
      <c r="G4101">
        <v>160</v>
      </c>
      <c r="H4101" t="s">
        <v>744</v>
      </c>
      <c r="I4101">
        <v>3143</v>
      </c>
      <c r="J4101" t="s">
        <v>868</v>
      </c>
      <c r="K4101">
        <v>23</v>
      </c>
      <c r="L4101" t="s">
        <v>2434</v>
      </c>
      <c r="M4101">
        <v>1294</v>
      </c>
      <c r="N4101" t="s">
        <v>654</v>
      </c>
      <c r="O4101">
        <v>3</v>
      </c>
      <c r="P4101" t="s">
        <v>655</v>
      </c>
      <c r="Q4101">
        <v>1</v>
      </c>
      <c r="R4101" t="s">
        <v>656</v>
      </c>
      <c r="S4101">
        <v>2</v>
      </c>
      <c r="T4101" t="s">
        <v>661</v>
      </c>
      <c r="U4101">
        <v>8</v>
      </c>
      <c r="V4101">
        <v>2</v>
      </c>
      <c r="W4101">
        <v>120</v>
      </c>
      <c r="X4101">
        <v>2020</v>
      </c>
    </row>
    <row r="4102" spans="1:24" x14ac:dyDescent="0.25">
      <c r="A4102">
        <v>6695</v>
      </c>
      <c r="B4102" t="s">
        <v>218</v>
      </c>
      <c r="C4102">
        <v>17</v>
      </c>
      <c r="D4102" t="s">
        <v>425</v>
      </c>
      <c r="E4102">
        <v>118</v>
      </c>
      <c r="F4102" t="s">
        <v>651</v>
      </c>
      <c r="G4102">
        <v>160</v>
      </c>
      <c r="H4102" t="s">
        <v>744</v>
      </c>
      <c r="I4102">
        <v>3143</v>
      </c>
      <c r="J4102" t="s">
        <v>868</v>
      </c>
      <c r="K4102">
        <v>23</v>
      </c>
      <c r="L4102" t="s">
        <v>3156</v>
      </c>
      <c r="M4102">
        <v>1293</v>
      </c>
      <c r="N4102" t="s">
        <v>654</v>
      </c>
      <c r="O4102">
        <v>3</v>
      </c>
      <c r="P4102" t="s">
        <v>655</v>
      </c>
      <c r="Q4102">
        <v>1</v>
      </c>
      <c r="R4102" t="s">
        <v>656</v>
      </c>
      <c r="S4102">
        <v>2</v>
      </c>
      <c r="T4102" t="s">
        <v>661</v>
      </c>
      <c r="U4102">
        <v>8</v>
      </c>
      <c r="V4102">
        <v>2</v>
      </c>
      <c r="W4102">
        <v>120</v>
      </c>
      <c r="X4102">
        <v>2020</v>
      </c>
    </row>
    <row r="4103" spans="1:24" x14ac:dyDescent="0.25">
      <c r="A4103">
        <v>6694</v>
      </c>
      <c r="B4103" t="s">
        <v>218</v>
      </c>
      <c r="C4103">
        <v>17</v>
      </c>
      <c r="D4103" t="s">
        <v>425</v>
      </c>
      <c r="E4103">
        <v>118</v>
      </c>
      <c r="F4103" t="s">
        <v>651</v>
      </c>
      <c r="G4103">
        <v>160</v>
      </c>
      <c r="H4103" t="s">
        <v>744</v>
      </c>
      <c r="I4103">
        <v>3143</v>
      </c>
      <c r="J4103" t="s">
        <v>868</v>
      </c>
      <c r="K4103">
        <v>23</v>
      </c>
      <c r="L4103" t="s">
        <v>2563</v>
      </c>
      <c r="M4103">
        <v>1292</v>
      </c>
      <c r="N4103" t="s">
        <v>654</v>
      </c>
      <c r="O4103">
        <v>3</v>
      </c>
      <c r="P4103" t="s">
        <v>655</v>
      </c>
      <c r="Q4103">
        <v>1</v>
      </c>
      <c r="R4103" t="s">
        <v>656</v>
      </c>
      <c r="S4103">
        <v>2</v>
      </c>
      <c r="T4103" t="s">
        <v>661</v>
      </c>
      <c r="U4103">
        <v>8</v>
      </c>
      <c r="V4103">
        <v>2</v>
      </c>
      <c r="W4103">
        <v>120</v>
      </c>
      <c r="X4103">
        <v>2020</v>
      </c>
    </row>
    <row r="4104" spans="1:24" x14ac:dyDescent="0.25">
      <c r="A4104">
        <v>6693</v>
      </c>
      <c r="B4104" t="s">
        <v>218</v>
      </c>
      <c r="C4104">
        <v>17</v>
      </c>
      <c r="D4104" t="s">
        <v>425</v>
      </c>
      <c r="E4104">
        <v>118</v>
      </c>
      <c r="F4104" t="s">
        <v>651</v>
      </c>
      <c r="G4104">
        <v>160</v>
      </c>
      <c r="H4104" t="s">
        <v>744</v>
      </c>
      <c r="I4104">
        <v>3143</v>
      </c>
      <c r="J4104" t="s">
        <v>684</v>
      </c>
      <c r="K4104">
        <v>22</v>
      </c>
      <c r="L4104" t="s">
        <v>3157</v>
      </c>
      <c r="M4104">
        <v>1173</v>
      </c>
      <c r="N4104" t="s">
        <v>654</v>
      </c>
      <c r="O4104">
        <v>3</v>
      </c>
      <c r="P4104" t="s">
        <v>655</v>
      </c>
      <c r="Q4104">
        <v>1</v>
      </c>
      <c r="R4104" t="s">
        <v>656</v>
      </c>
      <c r="S4104">
        <v>2</v>
      </c>
      <c r="T4104" t="s">
        <v>661</v>
      </c>
      <c r="U4104">
        <v>8</v>
      </c>
      <c r="V4104">
        <v>2</v>
      </c>
      <c r="W4104">
        <v>120</v>
      </c>
      <c r="X4104">
        <v>2020</v>
      </c>
    </row>
    <row r="4105" spans="1:24" x14ac:dyDescent="0.25">
      <c r="A4105">
        <v>6692</v>
      </c>
      <c r="B4105" t="s">
        <v>218</v>
      </c>
      <c r="C4105">
        <v>17</v>
      </c>
      <c r="D4105" t="s">
        <v>425</v>
      </c>
      <c r="E4105">
        <v>118</v>
      </c>
      <c r="F4105" t="s">
        <v>651</v>
      </c>
      <c r="G4105">
        <v>160</v>
      </c>
      <c r="H4105" t="s">
        <v>744</v>
      </c>
      <c r="I4105">
        <v>3143</v>
      </c>
      <c r="J4105" t="s">
        <v>684</v>
      </c>
      <c r="K4105">
        <v>22</v>
      </c>
      <c r="L4105" t="s">
        <v>3158</v>
      </c>
      <c r="M4105">
        <v>1291</v>
      </c>
      <c r="N4105" t="s">
        <v>654</v>
      </c>
      <c r="O4105">
        <v>3</v>
      </c>
      <c r="P4105" t="s">
        <v>655</v>
      </c>
      <c r="Q4105">
        <v>1</v>
      </c>
      <c r="R4105" t="s">
        <v>656</v>
      </c>
      <c r="S4105">
        <v>2</v>
      </c>
      <c r="T4105" t="s">
        <v>661</v>
      </c>
      <c r="U4105">
        <v>8</v>
      </c>
      <c r="V4105">
        <v>2</v>
      </c>
      <c r="W4105">
        <v>120</v>
      </c>
      <c r="X4105">
        <v>2020</v>
      </c>
    </row>
    <row r="4106" spans="1:24" x14ac:dyDescent="0.25">
      <c r="A4106">
        <v>6691</v>
      </c>
      <c r="B4106" t="s">
        <v>218</v>
      </c>
      <c r="C4106">
        <v>17</v>
      </c>
      <c r="D4106" t="s">
        <v>568</v>
      </c>
      <c r="E4106">
        <v>117</v>
      </c>
      <c r="F4106" t="s">
        <v>651</v>
      </c>
      <c r="G4106">
        <v>160</v>
      </c>
      <c r="H4106" t="s">
        <v>744</v>
      </c>
      <c r="I4106">
        <v>3143</v>
      </c>
      <c r="J4106" t="s">
        <v>296</v>
      </c>
      <c r="K4106">
        <v>97</v>
      </c>
      <c r="L4106" t="s">
        <v>3159</v>
      </c>
      <c r="M4106">
        <v>1290</v>
      </c>
      <c r="N4106" t="s">
        <v>654</v>
      </c>
      <c r="O4106">
        <v>3</v>
      </c>
      <c r="P4106" t="s">
        <v>655</v>
      </c>
      <c r="Q4106">
        <v>1</v>
      </c>
      <c r="R4106" t="s">
        <v>656</v>
      </c>
      <c r="S4106">
        <v>2</v>
      </c>
      <c r="T4106" t="s">
        <v>661</v>
      </c>
      <c r="U4106">
        <v>8</v>
      </c>
      <c r="V4106">
        <v>2</v>
      </c>
      <c r="W4106">
        <v>120</v>
      </c>
      <c r="X4106">
        <v>2020</v>
      </c>
    </row>
    <row r="4107" spans="1:24" x14ac:dyDescent="0.25">
      <c r="A4107">
        <v>6690</v>
      </c>
      <c r="B4107" t="s">
        <v>218</v>
      </c>
      <c r="C4107">
        <v>17</v>
      </c>
      <c r="D4107" t="s">
        <v>568</v>
      </c>
      <c r="E4107">
        <v>117</v>
      </c>
      <c r="F4107" t="s">
        <v>651</v>
      </c>
      <c r="G4107">
        <v>160</v>
      </c>
      <c r="H4107" t="s">
        <v>744</v>
      </c>
      <c r="I4107">
        <v>3143</v>
      </c>
      <c r="J4107" t="s">
        <v>299</v>
      </c>
      <c r="K4107">
        <v>27</v>
      </c>
      <c r="L4107" t="s">
        <v>3160</v>
      </c>
      <c r="M4107">
        <v>1289</v>
      </c>
      <c r="N4107" t="s">
        <v>654</v>
      </c>
      <c r="O4107">
        <v>3</v>
      </c>
      <c r="P4107" t="s">
        <v>655</v>
      </c>
      <c r="Q4107">
        <v>1</v>
      </c>
      <c r="R4107" t="s">
        <v>656</v>
      </c>
      <c r="S4107">
        <v>2</v>
      </c>
      <c r="T4107" t="s">
        <v>661</v>
      </c>
      <c r="U4107">
        <v>8</v>
      </c>
      <c r="V4107">
        <v>2</v>
      </c>
      <c r="W4107">
        <v>120</v>
      </c>
      <c r="X4107">
        <v>2020</v>
      </c>
    </row>
    <row r="4108" spans="1:24" x14ac:dyDescent="0.25">
      <c r="A4108">
        <v>6689</v>
      </c>
      <c r="B4108" t="s">
        <v>218</v>
      </c>
      <c r="C4108">
        <v>17</v>
      </c>
      <c r="D4108" t="s">
        <v>568</v>
      </c>
      <c r="E4108">
        <v>117</v>
      </c>
      <c r="F4108" t="s">
        <v>651</v>
      </c>
      <c r="G4108">
        <v>160</v>
      </c>
      <c r="H4108" t="s">
        <v>744</v>
      </c>
      <c r="I4108">
        <v>3143</v>
      </c>
      <c r="J4108" t="s">
        <v>299</v>
      </c>
      <c r="K4108">
        <v>27</v>
      </c>
      <c r="L4108" t="s">
        <v>3161</v>
      </c>
      <c r="M4108">
        <v>1288</v>
      </c>
      <c r="N4108" t="s">
        <v>654</v>
      </c>
      <c r="O4108">
        <v>3</v>
      </c>
      <c r="P4108" t="s">
        <v>655</v>
      </c>
      <c r="Q4108">
        <v>1</v>
      </c>
      <c r="R4108" t="s">
        <v>656</v>
      </c>
      <c r="S4108">
        <v>2</v>
      </c>
      <c r="T4108" t="s">
        <v>661</v>
      </c>
      <c r="U4108">
        <v>8</v>
      </c>
      <c r="V4108">
        <v>2</v>
      </c>
      <c r="W4108">
        <v>120</v>
      </c>
      <c r="X4108">
        <v>2020</v>
      </c>
    </row>
    <row r="4109" spans="1:24" x14ac:dyDescent="0.25">
      <c r="A4109">
        <v>6688</v>
      </c>
      <c r="B4109" t="s">
        <v>218</v>
      </c>
      <c r="C4109">
        <v>17</v>
      </c>
      <c r="D4109" t="s">
        <v>568</v>
      </c>
      <c r="E4109">
        <v>117</v>
      </c>
      <c r="F4109" t="s">
        <v>651</v>
      </c>
      <c r="G4109">
        <v>160</v>
      </c>
      <c r="H4109" t="s">
        <v>744</v>
      </c>
      <c r="I4109">
        <v>3143</v>
      </c>
      <c r="J4109" t="s">
        <v>807</v>
      </c>
      <c r="K4109">
        <v>25</v>
      </c>
      <c r="L4109" t="s">
        <v>2112</v>
      </c>
      <c r="M4109">
        <v>1287</v>
      </c>
      <c r="N4109" t="s">
        <v>654</v>
      </c>
      <c r="O4109">
        <v>3</v>
      </c>
      <c r="P4109" t="s">
        <v>655</v>
      </c>
      <c r="Q4109">
        <v>1</v>
      </c>
      <c r="R4109" t="s">
        <v>656</v>
      </c>
      <c r="S4109">
        <v>2</v>
      </c>
      <c r="T4109" t="s">
        <v>661</v>
      </c>
      <c r="U4109">
        <v>8</v>
      </c>
      <c r="V4109">
        <v>2</v>
      </c>
      <c r="W4109">
        <v>120</v>
      </c>
      <c r="X4109">
        <v>2020</v>
      </c>
    </row>
    <row r="4110" spans="1:24" x14ac:dyDescent="0.25">
      <c r="A4110">
        <v>6687</v>
      </c>
      <c r="B4110" t="s">
        <v>218</v>
      </c>
      <c r="C4110">
        <v>17</v>
      </c>
      <c r="D4110" t="s">
        <v>568</v>
      </c>
      <c r="E4110">
        <v>117</v>
      </c>
      <c r="F4110" t="s">
        <v>651</v>
      </c>
      <c r="G4110">
        <v>160</v>
      </c>
      <c r="H4110" t="s">
        <v>744</v>
      </c>
      <c r="I4110">
        <v>3143</v>
      </c>
      <c r="J4110" t="s">
        <v>955</v>
      </c>
      <c r="K4110">
        <v>29</v>
      </c>
      <c r="L4110" t="s">
        <v>3162</v>
      </c>
      <c r="M4110">
        <v>1286</v>
      </c>
      <c r="N4110" t="s">
        <v>654</v>
      </c>
      <c r="O4110">
        <v>3</v>
      </c>
      <c r="P4110" t="s">
        <v>655</v>
      </c>
      <c r="Q4110">
        <v>1</v>
      </c>
      <c r="R4110" t="s">
        <v>656</v>
      </c>
      <c r="S4110">
        <v>2</v>
      </c>
      <c r="T4110" t="s">
        <v>661</v>
      </c>
      <c r="U4110">
        <v>8</v>
      </c>
      <c r="V4110">
        <v>2</v>
      </c>
      <c r="W4110">
        <v>120</v>
      </c>
      <c r="X4110">
        <v>2020</v>
      </c>
    </row>
    <row r="4111" spans="1:24" x14ac:dyDescent="0.25">
      <c r="A4111">
        <v>6685</v>
      </c>
      <c r="B4111" t="s">
        <v>218</v>
      </c>
      <c r="C4111">
        <v>17</v>
      </c>
      <c r="D4111" t="s">
        <v>568</v>
      </c>
      <c r="E4111">
        <v>117</v>
      </c>
      <c r="F4111" t="s">
        <v>651</v>
      </c>
      <c r="G4111">
        <v>160</v>
      </c>
      <c r="H4111" t="s">
        <v>744</v>
      </c>
      <c r="I4111">
        <v>3143</v>
      </c>
      <c r="J4111" t="s">
        <v>295</v>
      </c>
      <c r="K4111">
        <v>30</v>
      </c>
      <c r="L4111" t="s">
        <v>3163</v>
      </c>
      <c r="M4111">
        <v>1285</v>
      </c>
      <c r="N4111" t="s">
        <v>654</v>
      </c>
      <c r="O4111">
        <v>3</v>
      </c>
      <c r="P4111" t="s">
        <v>655</v>
      </c>
      <c r="Q4111">
        <v>1</v>
      </c>
      <c r="R4111" t="s">
        <v>656</v>
      </c>
      <c r="S4111">
        <v>2</v>
      </c>
      <c r="T4111" t="s">
        <v>661</v>
      </c>
      <c r="U4111">
        <v>8</v>
      </c>
      <c r="V4111">
        <v>2</v>
      </c>
      <c r="W4111">
        <v>120</v>
      </c>
      <c r="X4111">
        <v>2020</v>
      </c>
    </row>
    <row r="4112" spans="1:24" x14ac:dyDescent="0.25">
      <c r="A4112">
        <v>6684</v>
      </c>
      <c r="B4112" t="s">
        <v>218</v>
      </c>
      <c r="C4112">
        <v>17</v>
      </c>
      <c r="D4112" t="s">
        <v>568</v>
      </c>
      <c r="E4112">
        <v>117</v>
      </c>
      <c r="F4112" t="s">
        <v>651</v>
      </c>
      <c r="G4112">
        <v>160</v>
      </c>
      <c r="H4112" t="s">
        <v>744</v>
      </c>
      <c r="I4112">
        <v>3143</v>
      </c>
      <c r="J4112" t="s">
        <v>301</v>
      </c>
      <c r="K4112">
        <v>26</v>
      </c>
      <c r="L4112" t="s">
        <v>1632</v>
      </c>
      <c r="M4112">
        <v>980</v>
      </c>
      <c r="N4112" t="s">
        <v>654</v>
      </c>
      <c r="O4112">
        <v>3</v>
      </c>
      <c r="P4112" t="s">
        <v>655</v>
      </c>
      <c r="Q4112">
        <v>1</v>
      </c>
      <c r="R4112" t="s">
        <v>656</v>
      </c>
      <c r="S4112">
        <v>2</v>
      </c>
      <c r="T4112" t="s">
        <v>661</v>
      </c>
      <c r="U4112">
        <v>8</v>
      </c>
      <c r="V4112">
        <v>2</v>
      </c>
      <c r="W4112">
        <v>120</v>
      </c>
      <c r="X4112">
        <v>2020</v>
      </c>
    </row>
    <row r="4113" spans="1:24" x14ac:dyDescent="0.25">
      <c r="A4113">
        <v>6682</v>
      </c>
      <c r="B4113" t="s">
        <v>218</v>
      </c>
      <c r="C4113">
        <v>17</v>
      </c>
      <c r="D4113" t="s">
        <v>568</v>
      </c>
      <c r="E4113">
        <v>117</v>
      </c>
      <c r="F4113" t="s">
        <v>651</v>
      </c>
      <c r="G4113">
        <v>160</v>
      </c>
      <c r="H4113" t="s">
        <v>744</v>
      </c>
      <c r="I4113">
        <v>3143</v>
      </c>
      <c r="J4113" t="s">
        <v>294</v>
      </c>
      <c r="K4113">
        <v>31</v>
      </c>
      <c r="L4113" t="s">
        <v>3164</v>
      </c>
      <c r="M4113">
        <v>1283</v>
      </c>
      <c r="N4113" t="s">
        <v>654</v>
      </c>
      <c r="O4113">
        <v>3</v>
      </c>
      <c r="P4113" t="s">
        <v>655</v>
      </c>
      <c r="Q4113">
        <v>1</v>
      </c>
      <c r="R4113" t="s">
        <v>656</v>
      </c>
      <c r="S4113">
        <v>2</v>
      </c>
      <c r="T4113" t="s">
        <v>661</v>
      </c>
      <c r="U4113">
        <v>8</v>
      </c>
      <c r="V4113">
        <v>2</v>
      </c>
      <c r="W4113">
        <v>120</v>
      </c>
      <c r="X4113">
        <v>2020</v>
      </c>
    </row>
    <row r="4114" spans="1:24" x14ac:dyDescent="0.25">
      <c r="A4114">
        <v>6679</v>
      </c>
      <c r="B4114" t="s">
        <v>218</v>
      </c>
      <c r="C4114">
        <v>17</v>
      </c>
      <c r="D4114" t="s">
        <v>567</v>
      </c>
      <c r="E4114">
        <v>119</v>
      </c>
      <c r="F4114" t="s">
        <v>651</v>
      </c>
      <c r="G4114">
        <v>160</v>
      </c>
      <c r="H4114" t="s">
        <v>744</v>
      </c>
      <c r="I4114">
        <v>3143</v>
      </c>
      <c r="J4114" t="s">
        <v>819</v>
      </c>
      <c r="K4114">
        <v>101</v>
      </c>
      <c r="L4114" t="s">
        <v>3165</v>
      </c>
      <c r="M4114">
        <v>1280</v>
      </c>
      <c r="N4114" t="s">
        <v>654</v>
      </c>
      <c r="O4114">
        <v>3</v>
      </c>
      <c r="P4114" t="s">
        <v>655</v>
      </c>
      <c r="Q4114">
        <v>1</v>
      </c>
      <c r="R4114" t="s">
        <v>656</v>
      </c>
      <c r="S4114">
        <v>2</v>
      </c>
      <c r="T4114" t="s">
        <v>661</v>
      </c>
      <c r="U4114">
        <v>8</v>
      </c>
      <c r="V4114">
        <v>2</v>
      </c>
      <c r="W4114">
        <v>120</v>
      </c>
      <c r="X4114">
        <v>2020</v>
      </c>
    </row>
    <row r="4115" spans="1:24" x14ac:dyDescent="0.25">
      <c r="A4115">
        <v>6678</v>
      </c>
      <c r="B4115" t="s">
        <v>218</v>
      </c>
      <c r="C4115">
        <v>17</v>
      </c>
      <c r="D4115" t="s">
        <v>567</v>
      </c>
      <c r="E4115">
        <v>119</v>
      </c>
      <c r="F4115" t="s">
        <v>651</v>
      </c>
      <c r="G4115">
        <v>160</v>
      </c>
      <c r="H4115" t="s">
        <v>744</v>
      </c>
      <c r="I4115">
        <v>3143</v>
      </c>
      <c r="J4115" t="s">
        <v>819</v>
      </c>
      <c r="K4115">
        <v>101</v>
      </c>
      <c r="L4115" t="s">
        <v>3166</v>
      </c>
      <c r="M4115">
        <v>1279</v>
      </c>
      <c r="N4115" t="s">
        <v>654</v>
      </c>
      <c r="O4115">
        <v>3</v>
      </c>
      <c r="P4115" t="s">
        <v>655</v>
      </c>
      <c r="Q4115">
        <v>1</v>
      </c>
      <c r="R4115" t="s">
        <v>656</v>
      </c>
      <c r="S4115">
        <v>2</v>
      </c>
      <c r="T4115" t="s">
        <v>661</v>
      </c>
      <c r="U4115">
        <v>8</v>
      </c>
      <c r="V4115">
        <v>2</v>
      </c>
      <c r="W4115">
        <v>120</v>
      </c>
      <c r="X4115">
        <v>2020</v>
      </c>
    </row>
    <row r="4116" spans="1:24" x14ac:dyDescent="0.25">
      <c r="A4116">
        <v>6677</v>
      </c>
      <c r="B4116" t="s">
        <v>218</v>
      </c>
      <c r="C4116">
        <v>17</v>
      </c>
      <c r="D4116" t="s">
        <v>567</v>
      </c>
      <c r="E4116">
        <v>119</v>
      </c>
      <c r="F4116" t="s">
        <v>651</v>
      </c>
      <c r="G4116">
        <v>160</v>
      </c>
      <c r="H4116" t="s">
        <v>744</v>
      </c>
      <c r="I4116">
        <v>3143</v>
      </c>
      <c r="J4116" t="s">
        <v>819</v>
      </c>
      <c r="K4116">
        <v>101</v>
      </c>
      <c r="L4116" t="s">
        <v>3167</v>
      </c>
      <c r="M4116">
        <v>1278</v>
      </c>
      <c r="N4116" t="s">
        <v>654</v>
      </c>
      <c r="O4116">
        <v>3</v>
      </c>
      <c r="P4116" t="s">
        <v>655</v>
      </c>
      <c r="Q4116">
        <v>1</v>
      </c>
      <c r="R4116" t="s">
        <v>656</v>
      </c>
      <c r="S4116">
        <v>2</v>
      </c>
      <c r="T4116" t="s">
        <v>661</v>
      </c>
      <c r="U4116">
        <v>8</v>
      </c>
      <c r="V4116">
        <v>2</v>
      </c>
      <c r="W4116">
        <v>120</v>
      </c>
      <c r="X4116">
        <v>2020</v>
      </c>
    </row>
    <row r="4117" spans="1:24" x14ac:dyDescent="0.25">
      <c r="A4117">
        <v>6676</v>
      </c>
      <c r="B4117" t="s">
        <v>218</v>
      </c>
      <c r="C4117">
        <v>17</v>
      </c>
      <c r="D4117" t="s">
        <v>458</v>
      </c>
      <c r="E4117">
        <v>116</v>
      </c>
      <c r="F4117" t="s">
        <v>651</v>
      </c>
      <c r="G4117">
        <v>160</v>
      </c>
      <c r="H4117" t="s">
        <v>744</v>
      </c>
      <c r="I4117">
        <v>3143</v>
      </c>
      <c r="J4117" t="s">
        <v>676</v>
      </c>
      <c r="K4117">
        <v>4</v>
      </c>
      <c r="L4117" t="s">
        <v>3168</v>
      </c>
      <c r="M4117">
        <v>1277</v>
      </c>
      <c r="N4117" t="s">
        <v>654</v>
      </c>
      <c r="O4117">
        <v>3</v>
      </c>
      <c r="P4117" t="s">
        <v>655</v>
      </c>
      <c r="Q4117">
        <v>1</v>
      </c>
      <c r="R4117" t="s">
        <v>656</v>
      </c>
      <c r="S4117">
        <v>2</v>
      </c>
      <c r="T4117" t="s">
        <v>729</v>
      </c>
      <c r="U4117">
        <v>4</v>
      </c>
      <c r="V4117">
        <v>2</v>
      </c>
      <c r="W4117">
        <v>120</v>
      </c>
      <c r="X4117">
        <v>2020</v>
      </c>
    </row>
    <row r="4118" spans="1:24" x14ac:dyDescent="0.25">
      <c r="A4118">
        <v>6675</v>
      </c>
      <c r="B4118" t="s">
        <v>218</v>
      </c>
      <c r="C4118">
        <v>17</v>
      </c>
      <c r="D4118" t="s">
        <v>458</v>
      </c>
      <c r="E4118">
        <v>116</v>
      </c>
      <c r="F4118" t="s">
        <v>651</v>
      </c>
      <c r="G4118">
        <v>160</v>
      </c>
      <c r="H4118" t="s">
        <v>744</v>
      </c>
      <c r="I4118">
        <v>3143</v>
      </c>
      <c r="J4118" t="s">
        <v>676</v>
      </c>
      <c r="K4118">
        <v>4</v>
      </c>
      <c r="L4118" t="s">
        <v>3169</v>
      </c>
      <c r="M4118">
        <v>1276</v>
      </c>
      <c r="N4118" t="s">
        <v>654</v>
      </c>
      <c r="O4118">
        <v>3</v>
      </c>
      <c r="P4118" t="s">
        <v>655</v>
      </c>
      <c r="Q4118">
        <v>1</v>
      </c>
      <c r="R4118" t="s">
        <v>656</v>
      </c>
      <c r="S4118">
        <v>2</v>
      </c>
      <c r="T4118" t="s">
        <v>718</v>
      </c>
      <c r="U4118">
        <v>2</v>
      </c>
      <c r="V4118">
        <v>2</v>
      </c>
      <c r="W4118">
        <v>120</v>
      </c>
      <c r="X4118">
        <v>2020</v>
      </c>
    </row>
    <row r="4119" spans="1:24" x14ac:dyDescent="0.25">
      <c r="A4119">
        <v>6674</v>
      </c>
      <c r="B4119" t="s">
        <v>218</v>
      </c>
      <c r="C4119">
        <v>17</v>
      </c>
      <c r="D4119" t="s">
        <v>458</v>
      </c>
      <c r="E4119">
        <v>116</v>
      </c>
      <c r="F4119" t="s">
        <v>651</v>
      </c>
      <c r="G4119">
        <v>160</v>
      </c>
      <c r="H4119" t="s">
        <v>744</v>
      </c>
      <c r="I4119">
        <v>3143</v>
      </c>
      <c r="J4119" t="s">
        <v>676</v>
      </c>
      <c r="K4119">
        <v>4</v>
      </c>
      <c r="L4119" t="s">
        <v>3170</v>
      </c>
      <c r="M4119">
        <v>1275</v>
      </c>
      <c r="N4119" t="s">
        <v>654</v>
      </c>
      <c r="O4119">
        <v>3</v>
      </c>
      <c r="P4119" t="s">
        <v>655</v>
      </c>
      <c r="Q4119">
        <v>1</v>
      </c>
      <c r="R4119" t="s">
        <v>656</v>
      </c>
      <c r="S4119">
        <v>2</v>
      </c>
      <c r="T4119" t="s">
        <v>661</v>
      </c>
      <c r="U4119">
        <v>8</v>
      </c>
      <c r="V4119">
        <v>2</v>
      </c>
      <c r="W4119">
        <v>120</v>
      </c>
      <c r="X4119">
        <v>2020</v>
      </c>
    </row>
    <row r="4120" spans="1:24" x14ac:dyDescent="0.25">
      <c r="A4120">
        <v>6672</v>
      </c>
      <c r="B4120" t="s">
        <v>218</v>
      </c>
      <c r="C4120">
        <v>17</v>
      </c>
      <c r="D4120" t="s">
        <v>458</v>
      </c>
      <c r="E4120">
        <v>116</v>
      </c>
      <c r="F4120" t="s">
        <v>651</v>
      </c>
      <c r="G4120">
        <v>160</v>
      </c>
      <c r="H4120" t="s">
        <v>744</v>
      </c>
      <c r="I4120">
        <v>3143</v>
      </c>
      <c r="J4120" t="s">
        <v>885</v>
      </c>
      <c r="K4120">
        <v>1</v>
      </c>
      <c r="L4120" t="s">
        <v>3171</v>
      </c>
      <c r="M4120">
        <v>1273</v>
      </c>
      <c r="N4120" t="s">
        <v>654</v>
      </c>
      <c r="O4120">
        <v>3</v>
      </c>
      <c r="P4120" t="s">
        <v>655</v>
      </c>
      <c r="Q4120">
        <v>1</v>
      </c>
      <c r="R4120" t="s">
        <v>656</v>
      </c>
      <c r="S4120">
        <v>2</v>
      </c>
      <c r="T4120" t="s">
        <v>661</v>
      </c>
      <c r="U4120">
        <v>8</v>
      </c>
      <c r="V4120">
        <v>2</v>
      </c>
      <c r="W4120">
        <v>120</v>
      </c>
      <c r="X4120">
        <v>2020</v>
      </c>
    </row>
    <row r="4121" spans="1:24" x14ac:dyDescent="0.25">
      <c r="A4121">
        <v>6670</v>
      </c>
      <c r="B4121" t="s">
        <v>218</v>
      </c>
      <c r="C4121">
        <v>17</v>
      </c>
      <c r="D4121" t="s">
        <v>574</v>
      </c>
      <c r="E4121">
        <v>107</v>
      </c>
      <c r="F4121" t="s">
        <v>651</v>
      </c>
      <c r="G4121">
        <v>160</v>
      </c>
      <c r="H4121" t="s">
        <v>744</v>
      </c>
      <c r="I4121">
        <v>3143</v>
      </c>
      <c r="J4121" t="s">
        <v>738</v>
      </c>
      <c r="K4121">
        <v>61</v>
      </c>
      <c r="L4121" t="s">
        <v>3172</v>
      </c>
      <c r="M4121">
        <v>1271</v>
      </c>
      <c r="N4121" t="s">
        <v>654</v>
      </c>
      <c r="O4121">
        <v>3</v>
      </c>
      <c r="P4121" t="s">
        <v>655</v>
      </c>
      <c r="Q4121">
        <v>1</v>
      </c>
      <c r="R4121" t="s">
        <v>656</v>
      </c>
      <c r="S4121">
        <v>2</v>
      </c>
      <c r="T4121" t="s">
        <v>661</v>
      </c>
      <c r="U4121">
        <v>8</v>
      </c>
      <c r="V4121">
        <v>2</v>
      </c>
      <c r="W4121">
        <v>120</v>
      </c>
      <c r="X4121">
        <v>2020</v>
      </c>
    </row>
    <row r="4122" spans="1:24" x14ac:dyDescent="0.25">
      <c r="A4122">
        <v>6669</v>
      </c>
      <c r="B4122" t="s">
        <v>218</v>
      </c>
      <c r="C4122">
        <v>17</v>
      </c>
      <c r="D4122" t="s">
        <v>570</v>
      </c>
      <c r="E4122">
        <v>114</v>
      </c>
      <c r="F4122" t="s">
        <v>651</v>
      </c>
      <c r="G4122">
        <v>160</v>
      </c>
      <c r="H4122" t="s">
        <v>744</v>
      </c>
      <c r="I4122">
        <v>3143</v>
      </c>
      <c r="J4122" t="s">
        <v>738</v>
      </c>
      <c r="K4122">
        <v>61</v>
      </c>
      <c r="L4122" t="s">
        <v>3173</v>
      </c>
      <c r="M4122">
        <v>1270</v>
      </c>
      <c r="N4122" t="s">
        <v>654</v>
      </c>
      <c r="O4122">
        <v>3</v>
      </c>
      <c r="P4122" t="s">
        <v>655</v>
      </c>
      <c r="Q4122">
        <v>1</v>
      </c>
      <c r="R4122" t="s">
        <v>656</v>
      </c>
      <c r="S4122">
        <v>2</v>
      </c>
      <c r="T4122" t="s">
        <v>661</v>
      </c>
      <c r="U4122">
        <v>8</v>
      </c>
      <c r="V4122">
        <v>2</v>
      </c>
      <c r="W4122">
        <v>120</v>
      </c>
      <c r="X4122">
        <v>2020</v>
      </c>
    </row>
    <row r="4123" spans="1:24" x14ac:dyDescent="0.25">
      <c r="A4123">
        <v>6668</v>
      </c>
      <c r="B4123" t="s">
        <v>218</v>
      </c>
      <c r="C4123">
        <v>17</v>
      </c>
      <c r="D4123" t="s">
        <v>470</v>
      </c>
      <c r="E4123">
        <v>113</v>
      </c>
      <c r="F4123" t="s">
        <v>651</v>
      </c>
      <c r="G4123">
        <v>160</v>
      </c>
      <c r="H4123" t="s">
        <v>744</v>
      </c>
      <c r="I4123">
        <v>3143</v>
      </c>
      <c r="J4123" t="s">
        <v>1022</v>
      </c>
      <c r="K4123">
        <v>85</v>
      </c>
      <c r="L4123" t="s">
        <v>3174</v>
      </c>
      <c r="M4123">
        <v>1269</v>
      </c>
      <c r="N4123" t="s">
        <v>654</v>
      </c>
      <c r="O4123">
        <v>3</v>
      </c>
      <c r="P4123" t="s">
        <v>655</v>
      </c>
      <c r="Q4123">
        <v>1</v>
      </c>
      <c r="R4123" t="s">
        <v>656</v>
      </c>
      <c r="S4123">
        <v>2</v>
      </c>
      <c r="T4123" t="s">
        <v>661</v>
      </c>
      <c r="U4123">
        <v>8</v>
      </c>
      <c r="V4123">
        <v>2</v>
      </c>
      <c r="W4123">
        <v>120</v>
      </c>
      <c r="X4123">
        <v>2020</v>
      </c>
    </row>
    <row r="4124" spans="1:24" x14ac:dyDescent="0.25">
      <c r="A4124">
        <v>6667</v>
      </c>
      <c r="B4124" t="s">
        <v>218</v>
      </c>
      <c r="C4124">
        <v>17</v>
      </c>
      <c r="D4124" t="s">
        <v>571</v>
      </c>
      <c r="E4124">
        <v>112</v>
      </c>
      <c r="F4124" t="s">
        <v>651</v>
      </c>
      <c r="G4124">
        <v>160</v>
      </c>
      <c r="H4124" t="s">
        <v>744</v>
      </c>
      <c r="I4124">
        <v>3143</v>
      </c>
      <c r="J4124" t="s">
        <v>1259</v>
      </c>
      <c r="K4124">
        <v>57</v>
      </c>
      <c r="L4124" t="s">
        <v>3175</v>
      </c>
      <c r="M4124">
        <v>1268</v>
      </c>
      <c r="N4124" t="s">
        <v>654</v>
      </c>
      <c r="O4124">
        <v>3</v>
      </c>
      <c r="P4124" t="s">
        <v>655</v>
      </c>
      <c r="Q4124">
        <v>1</v>
      </c>
      <c r="R4124" t="s">
        <v>656</v>
      </c>
      <c r="S4124">
        <v>2</v>
      </c>
      <c r="T4124" t="s">
        <v>661</v>
      </c>
      <c r="U4124">
        <v>8</v>
      </c>
      <c r="V4124">
        <v>2</v>
      </c>
      <c r="W4124">
        <v>120</v>
      </c>
      <c r="X4124">
        <v>2020</v>
      </c>
    </row>
    <row r="4125" spans="1:24" x14ac:dyDescent="0.25">
      <c r="A4125">
        <v>6666</v>
      </c>
      <c r="B4125" t="s">
        <v>218</v>
      </c>
      <c r="C4125">
        <v>17</v>
      </c>
      <c r="D4125" t="s">
        <v>571</v>
      </c>
      <c r="E4125">
        <v>112</v>
      </c>
      <c r="F4125" t="s">
        <v>651</v>
      </c>
      <c r="G4125">
        <v>160</v>
      </c>
      <c r="H4125" t="s">
        <v>744</v>
      </c>
      <c r="I4125">
        <v>3143</v>
      </c>
      <c r="J4125" t="s">
        <v>1259</v>
      </c>
      <c r="K4125">
        <v>57</v>
      </c>
      <c r="L4125" t="s">
        <v>3176</v>
      </c>
      <c r="M4125">
        <v>1267</v>
      </c>
      <c r="N4125" t="s">
        <v>654</v>
      </c>
      <c r="O4125">
        <v>3</v>
      </c>
      <c r="P4125" t="s">
        <v>655</v>
      </c>
      <c r="Q4125">
        <v>1</v>
      </c>
      <c r="R4125" t="s">
        <v>656</v>
      </c>
      <c r="S4125">
        <v>2</v>
      </c>
      <c r="T4125" t="s">
        <v>661</v>
      </c>
      <c r="U4125">
        <v>8</v>
      </c>
      <c r="V4125">
        <v>2</v>
      </c>
      <c r="W4125">
        <v>120</v>
      </c>
      <c r="X4125">
        <v>2020</v>
      </c>
    </row>
    <row r="4126" spans="1:24" x14ac:dyDescent="0.25">
      <c r="A4126">
        <v>6665</v>
      </c>
      <c r="B4126" t="s">
        <v>218</v>
      </c>
      <c r="C4126">
        <v>17</v>
      </c>
      <c r="D4126" t="s">
        <v>572</v>
      </c>
      <c r="E4126">
        <v>111</v>
      </c>
      <c r="F4126" t="s">
        <v>651</v>
      </c>
      <c r="G4126">
        <v>160</v>
      </c>
      <c r="H4126" t="s">
        <v>744</v>
      </c>
      <c r="I4126">
        <v>3143</v>
      </c>
      <c r="J4126" t="s">
        <v>678</v>
      </c>
      <c r="K4126">
        <v>41</v>
      </c>
      <c r="L4126" t="s">
        <v>3177</v>
      </c>
      <c r="M4126">
        <v>1266</v>
      </c>
      <c r="N4126" t="s">
        <v>654</v>
      </c>
      <c r="O4126">
        <v>3</v>
      </c>
      <c r="P4126" t="s">
        <v>655</v>
      </c>
      <c r="Q4126">
        <v>1</v>
      </c>
      <c r="R4126" t="s">
        <v>656</v>
      </c>
      <c r="S4126">
        <v>2</v>
      </c>
      <c r="T4126" t="s">
        <v>661</v>
      </c>
      <c r="U4126">
        <v>8</v>
      </c>
      <c r="V4126">
        <v>2</v>
      </c>
      <c r="W4126">
        <v>120</v>
      </c>
      <c r="X4126">
        <v>2020</v>
      </c>
    </row>
    <row r="4127" spans="1:24" x14ac:dyDescent="0.25">
      <c r="A4127">
        <v>6664</v>
      </c>
      <c r="B4127" t="s">
        <v>218</v>
      </c>
      <c r="C4127">
        <v>17</v>
      </c>
      <c r="D4127" t="s">
        <v>572</v>
      </c>
      <c r="E4127">
        <v>111</v>
      </c>
      <c r="F4127" t="s">
        <v>651</v>
      </c>
      <c r="G4127">
        <v>160</v>
      </c>
      <c r="H4127" t="s">
        <v>744</v>
      </c>
      <c r="I4127">
        <v>3143</v>
      </c>
      <c r="J4127" t="s">
        <v>678</v>
      </c>
      <c r="K4127">
        <v>41</v>
      </c>
      <c r="L4127" t="s">
        <v>3072</v>
      </c>
      <c r="M4127">
        <v>1265</v>
      </c>
      <c r="N4127" t="s">
        <v>654</v>
      </c>
      <c r="O4127">
        <v>3</v>
      </c>
      <c r="P4127" t="s">
        <v>655</v>
      </c>
      <c r="Q4127">
        <v>1</v>
      </c>
      <c r="R4127" t="s">
        <v>656</v>
      </c>
      <c r="S4127">
        <v>2</v>
      </c>
      <c r="T4127" t="s">
        <v>661</v>
      </c>
      <c r="U4127">
        <v>8</v>
      </c>
      <c r="V4127">
        <v>2</v>
      </c>
      <c r="W4127">
        <v>120</v>
      </c>
      <c r="X4127">
        <v>2020</v>
      </c>
    </row>
    <row r="4128" spans="1:24" x14ac:dyDescent="0.25">
      <c r="A4128">
        <v>6663</v>
      </c>
      <c r="B4128" t="s">
        <v>218</v>
      </c>
      <c r="C4128">
        <v>17</v>
      </c>
      <c r="D4128" t="s">
        <v>488</v>
      </c>
      <c r="E4128">
        <v>110</v>
      </c>
      <c r="F4128" t="s">
        <v>651</v>
      </c>
      <c r="G4128">
        <v>160</v>
      </c>
      <c r="H4128" t="s">
        <v>744</v>
      </c>
      <c r="I4128">
        <v>3143</v>
      </c>
      <c r="J4128" t="s">
        <v>710</v>
      </c>
      <c r="K4128">
        <v>53</v>
      </c>
      <c r="L4128" t="s">
        <v>3178</v>
      </c>
      <c r="M4128">
        <v>1264</v>
      </c>
      <c r="N4128" t="s">
        <v>654</v>
      </c>
      <c r="O4128">
        <v>3</v>
      </c>
      <c r="P4128" t="s">
        <v>655</v>
      </c>
      <c r="Q4128">
        <v>1</v>
      </c>
      <c r="R4128" t="s">
        <v>656</v>
      </c>
      <c r="S4128">
        <v>2</v>
      </c>
      <c r="T4128" t="s">
        <v>661</v>
      </c>
      <c r="U4128">
        <v>8</v>
      </c>
      <c r="V4128">
        <v>2</v>
      </c>
      <c r="W4128">
        <v>120</v>
      </c>
      <c r="X4128">
        <v>2020</v>
      </c>
    </row>
    <row r="4129" spans="1:24" x14ac:dyDescent="0.25">
      <c r="A4129">
        <v>6661</v>
      </c>
      <c r="B4129" t="s">
        <v>218</v>
      </c>
      <c r="C4129">
        <v>17</v>
      </c>
      <c r="D4129" t="s">
        <v>488</v>
      </c>
      <c r="E4129">
        <v>110</v>
      </c>
      <c r="F4129" t="s">
        <v>651</v>
      </c>
      <c r="G4129">
        <v>160</v>
      </c>
      <c r="H4129" t="s">
        <v>744</v>
      </c>
      <c r="I4129">
        <v>3143</v>
      </c>
      <c r="J4129" t="s">
        <v>797</v>
      </c>
      <c r="K4129">
        <v>65</v>
      </c>
      <c r="L4129" t="s">
        <v>3179</v>
      </c>
      <c r="M4129">
        <v>1262</v>
      </c>
      <c r="N4129" t="s">
        <v>654</v>
      </c>
      <c r="O4129">
        <v>3</v>
      </c>
      <c r="P4129" t="s">
        <v>655</v>
      </c>
      <c r="Q4129">
        <v>1</v>
      </c>
      <c r="R4129" t="s">
        <v>656</v>
      </c>
      <c r="S4129">
        <v>2</v>
      </c>
      <c r="T4129" t="s">
        <v>661</v>
      </c>
      <c r="U4129">
        <v>8</v>
      </c>
      <c r="V4129">
        <v>2</v>
      </c>
      <c r="W4129">
        <v>120</v>
      </c>
      <c r="X4129">
        <v>2020</v>
      </c>
    </row>
    <row r="4130" spans="1:24" x14ac:dyDescent="0.25">
      <c r="A4130">
        <v>6660</v>
      </c>
      <c r="B4130" t="s">
        <v>218</v>
      </c>
      <c r="C4130">
        <v>17</v>
      </c>
      <c r="D4130" t="s">
        <v>488</v>
      </c>
      <c r="E4130">
        <v>110</v>
      </c>
      <c r="F4130" t="s">
        <v>651</v>
      </c>
      <c r="G4130">
        <v>160</v>
      </c>
      <c r="H4130" t="s">
        <v>744</v>
      </c>
      <c r="I4130">
        <v>3143</v>
      </c>
      <c r="J4130" t="s">
        <v>714</v>
      </c>
      <c r="K4130">
        <v>52</v>
      </c>
      <c r="L4130" t="s">
        <v>1194</v>
      </c>
      <c r="M4130">
        <v>1261</v>
      </c>
      <c r="N4130" t="s">
        <v>654</v>
      </c>
      <c r="O4130">
        <v>3</v>
      </c>
      <c r="P4130" t="s">
        <v>655</v>
      </c>
      <c r="Q4130">
        <v>1</v>
      </c>
      <c r="R4130" t="s">
        <v>656</v>
      </c>
      <c r="S4130">
        <v>2</v>
      </c>
      <c r="T4130" t="s">
        <v>718</v>
      </c>
      <c r="U4130">
        <v>2</v>
      </c>
      <c r="V4130">
        <v>2</v>
      </c>
      <c r="W4130">
        <v>120</v>
      </c>
      <c r="X4130">
        <v>2020</v>
      </c>
    </row>
    <row r="4131" spans="1:24" x14ac:dyDescent="0.25">
      <c r="A4131">
        <v>6659</v>
      </c>
      <c r="B4131" t="s">
        <v>218</v>
      </c>
      <c r="C4131">
        <v>17</v>
      </c>
      <c r="D4131" t="s">
        <v>519</v>
      </c>
      <c r="E4131">
        <v>109</v>
      </c>
      <c r="F4131" t="s">
        <v>651</v>
      </c>
      <c r="G4131">
        <v>160</v>
      </c>
      <c r="H4131" t="s">
        <v>744</v>
      </c>
      <c r="I4131">
        <v>3143</v>
      </c>
      <c r="J4131" t="s">
        <v>1236</v>
      </c>
      <c r="K4131">
        <v>60</v>
      </c>
      <c r="L4131" t="s">
        <v>3180</v>
      </c>
      <c r="M4131">
        <v>1260</v>
      </c>
      <c r="N4131" t="s">
        <v>654</v>
      </c>
      <c r="O4131">
        <v>3</v>
      </c>
      <c r="P4131" t="s">
        <v>655</v>
      </c>
      <c r="Q4131">
        <v>1</v>
      </c>
      <c r="R4131" t="s">
        <v>656</v>
      </c>
      <c r="S4131">
        <v>2</v>
      </c>
      <c r="T4131" t="s">
        <v>661</v>
      </c>
      <c r="U4131">
        <v>8</v>
      </c>
      <c r="V4131">
        <v>2</v>
      </c>
      <c r="W4131">
        <v>120</v>
      </c>
      <c r="X4131">
        <v>2020</v>
      </c>
    </row>
    <row r="4132" spans="1:24" x14ac:dyDescent="0.25">
      <c r="A4132">
        <v>6658</v>
      </c>
      <c r="B4132" t="s">
        <v>218</v>
      </c>
      <c r="C4132">
        <v>17</v>
      </c>
      <c r="D4132" t="s">
        <v>573</v>
      </c>
      <c r="E4132">
        <v>108</v>
      </c>
      <c r="F4132" t="s">
        <v>651</v>
      </c>
      <c r="G4132">
        <v>160</v>
      </c>
      <c r="H4132" t="s">
        <v>744</v>
      </c>
      <c r="I4132">
        <v>3143</v>
      </c>
      <c r="J4132" t="s">
        <v>730</v>
      </c>
      <c r="K4132">
        <v>66</v>
      </c>
      <c r="L4132" t="s">
        <v>3181</v>
      </c>
      <c r="M4132">
        <v>1259</v>
      </c>
      <c r="N4132" t="s">
        <v>654</v>
      </c>
      <c r="O4132">
        <v>3</v>
      </c>
      <c r="P4132" t="s">
        <v>655</v>
      </c>
      <c r="Q4132">
        <v>1</v>
      </c>
      <c r="R4132" t="s">
        <v>656</v>
      </c>
      <c r="S4132">
        <v>2</v>
      </c>
      <c r="T4132" t="s">
        <v>661</v>
      </c>
      <c r="U4132">
        <v>8</v>
      </c>
      <c r="V4132">
        <v>2</v>
      </c>
      <c r="W4132">
        <v>120</v>
      </c>
      <c r="X4132">
        <v>2020</v>
      </c>
    </row>
    <row r="4133" spans="1:24" x14ac:dyDescent="0.25">
      <c r="A4133">
        <v>6657</v>
      </c>
      <c r="B4133" t="s">
        <v>218</v>
      </c>
      <c r="C4133">
        <v>17</v>
      </c>
      <c r="D4133" t="s">
        <v>569</v>
      </c>
      <c r="E4133">
        <v>115</v>
      </c>
      <c r="F4133" t="s">
        <v>651</v>
      </c>
      <c r="G4133">
        <v>160</v>
      </c>
      <c r="H4133" t="s">
        <v>744</v>
      </c>
      <c r="I4133">
        <v>3143</v>
      </c>
      <c r="J4133" t="s">
        <v>693</v>
      </c>
      <c r="K4133">
        <v>56</v>
      </c>
      <c r="L4133" t="s">
        <v>3182</v>
      </c>
      <c r="M4133">
        <v>1258</v>
      </c>
      <c r="N4133" t="s">
        <v>654</v>
      </c>
      <c r="O4133">
        <v>3</v>
      </c>
      <c r="P4133" t="s">
        <v>655</v>
      </c>
      <c r="Q4133">
        <v>1</v>
      </c>
      <c r="R4133" t="s">
        <v>656</v>
      </c>
      <c r="S4133">
        <v>2</v>
      </c>
      <c r="T4133" t="s">
        <v>1295</v>
      </c>
      <c r="U4133">
        <v>10</v>
      </c>
      <c r="V4133">
        <v>2</v>
      </c>
      <c r="W4133">
        <v>120</v>
      </c>
      <c r="X4133">
        <v>2020</v>
      </c>
    </row>
    <row r="4134" spans="1:24" x14ac:dyDescent="0.25">
      <c r="A4134">
        <v>6656</v>
      </c>
      <c r="B4134" t="s">
        <v>218</v>
      </c>
      <c r="C4134">
        <v>17</v>
      </c>
      <c r="D4134" t="s">
        <v>519</v>
      </c>
      <c r="E4134">
        <v>109</v>
      </c>
      <c r="F4134" t="s">
        <v>651</v>
      </c>
      <c r="G4134">
        <v>160</v>
      </c>
      <c r="H4134" t="s">
        <v>744</v>
      </c>
      <c r="I4134">
        <v>3143</v>
      </c>
      <c r="J4134" t="s">
        <v>693</v>
      </c>
      <c r="K4134">
        <v>56</v>
      </c>
      <c r="L4134" t="s">
        <v>3183</v>
      </c>
      <c r="M4134">
        <v>1257</v>
      </c>
      <c r="N4134" t="s">
        <v>654</v>
      </c>
      <c r="O4134">
        <v>3</v>
      </c>
      <c r="P4134" t="s">
        <v>655</v>
      </c>
      <c r="Q4134">
        <v>1</v>
      </c>
      <c r="R4134" t="s">
        <v>656</v>
      </c>
      <c r="S4134">
        <v>2</v>
      </c>
      <c r="T4134" t="s">
        <v>661</v>
      </c>
      <c r="U4134">
        <v>8</v>
      </c>
      <c r="V4134">
        <v>2</v>
      </c>
      <c r="W4134">
        <v>120</v>
      </c>
      <c r="X4134">
        <v>2020</v>
      </c>
    </row>
    <row r="4135" spans="1:24" x14ac:dyDescent="0.25">
      <c r="A4135">
        <v>6655</v>
      </c>
      <c r="B4135" t="s">
        <v>218</v>
      </c>
      <c r="C4135">
        <v>17</v>
      </c>
      <c r="D4135" t="s">
        <v>573</v>
      </c>
      <c r="E4135">
        <v>108</v>
      </c>
      <c r="F4135" t="s">
        <v>651</v>
      </c>
      <c r="G4135">
        <v>160</v>
      </c>
      <c r="H4135" t="s">
        <v>744</v>
      </c>
      <c r="I4135">
        <v>3143</v>
      </c>
      <c r="J4135" t="s">
        <v>693</v>
      </c>
      <c r="K4135">
        <v>56</v>
      </c>
      <c r="L4135" t="s">
        <v>2456</v>
      </c>
      <c r="M4135">
        <v>977</v>
      </c>
      <c r="N4135" t="s">
        <v>654</v>
      </c>
      <c r="O4135">
        <v>3</v>
      </c>
      <c r="P4135" t="s">
        <v>655</v>
      </c>
      <c r="Q4135">
        <v>1</v>
      </c>
      <c r="R4135" t="s">
        <v>656</v>
      </c>
      <c r="S4135">
        <v>2</v>
      </c>
      <c r="T4135" t="s">
        <v>661</v>
      </c>
      <c r="U4135">
        <v>8</v>
      </c>
      <c r="V4135">
        <v>2</v>
      </c>
      <c r="W4135">
        <v>120</v>
      </c>
      <c r="X4135">
        <v>2020</v>
      </c>
    </row>
    <row r="4136" spans="1:24" x14ac:dyDescent="0.25">
      <c r="A4136">
        <v>6654</v>
      </c>
      <c r="B4136" t="s">
        <v>218</v>
      </c>
      <c r="C4136">
        <v>17</v>
      </c>
      <c r="D4136" t="s">
        <v>573</v>
      </c>
      <c r="E4136">
        <v>108</v>
      </c>
      <c r="F4136" t="s">
        <v>651</v>
      </c>
      <c r="G4136">
        <v>160</v>
      </c>
      <c r="H4136" t="s">
        <v>744</v>
      </c>
      <c r="I4136">
        <v>3143</v>
      </c>
      <c r="J4136" t="s">
        <v>693</v>
      </c>
      <c r="K4136">
        <v>56</v>
      </c>
      <c r="L4136" t="s">
        <v>3184</v>
      </c>
      <c r="M4136">
        <v>1256</v>
      </c>
      <c r="N4136" t="s">
        <v>654</v>
      </c>
      <c r="O4136">
        <v>3</v>
      </c>
      <c r="P4136" t="s">
        <v>655</v>
      </c>
      <c r="Q4136">
        <v>1</v>
      </c>
      <c r="R4136" t="s">
        <v>656</v>
      </c>
      <c r="S4136">
        <v>2</v>
      </c>
      <c r="T4136" t="s">
        <v>661</v>
      </c>
      <c r="U4136">
        <v>8</v>
      </c>
      <c r="V4136">
        <v>2</v>
      </c>
      <c r="W4136">
        <v>120</v>
      </c>
      <c r="X4136">
        <v>2020</v>
      </c>
    </row>
    <row r="4137" spans="1:24" x14ac:dyDescent="0.25">
      <c r="A4137">
        <v>6653</v>
      </c>
      <c r="B4137" t="s">
        <v>218</v>
      </c>
      <c r="C4137">
        <v>17</v>
      </c>
      <c r="D4137" t="s">
        <v>569</v>
      </c>
      <c r="E4137">
        <v>115</v>
      </c>
      <c r="F4137" t="s">
        <v>651</v>
      </c>
      <c r="G4137">
        <v>160</v>
      </c>
      <c r="H4137" t="s">
        <v>744</v>
      </c>
      <c r="I4137">
        <v>3143</v>
      </c>
      <c r="J4137" t="s">
        <v>716</v>
      </c>
      <c r="K4137">
        <v>68</v>
      </c>
      <c r="L4137" t="s">
        <v>3185</v>
      </c>
      <c r="M4137">
        <v>1255</v>
      </c>
      <c r="N4137" t="s">
        <v>654</v>
      </c>
      <c r="O4137">
        <v>3</v>
      </c>
      <c r="P4137" t="s">
        <v>655</v>
      </c>
      <c r="Q4137">
        <v>1</v>
      </c>
      <c r="R4137" t="s">
        <v>656</v>
      </c>
      <c r="S4137">
        <v>2</v>
      </c>
      <c r="T4137" t="s">
        <v>661</v>
      </c>
      <c r="U4137">
        <v>8</v>
      </c>
      <c r="V4137">
        <v>2</v>
      </c>
      <c r="W4137">
        <v>120</v>
      </c>
      <c r="X4137">
        <v>2020</v>
      </c>
    </row>
    <row r="4138" spans="1:24" x14ac:dyDescent="0.25">
      <c r="A4138">
        <v>6651</v>
      </c>
      <c r="B4138" t="s">
        <v>218</v>
      </c>
      <c r="C4138">
        <v>17</v>
      </c>
      <c r="D4138" t="s">
        <v>574</v>
      </c>
      <c r="E4138">
        <v>107</v>
      </c>
      <c r="F4138" t="s">
        <v>651</v>
      </c>
      <c r="G4138">
        <v>160</v>
      </c>
      <c r="H4138" t="s">
        <v>744</v>
      </c>
      <c r="I4138">
        <v>3143</v>
      </c>
      <c r="J4138" t="s">
        <v>707</v>
      </c>
      <c r="K4138">
        <v>59</v>
      </c>
      <c r="L4138" t="s">
        <v>3186</v>
      </c>
      <c r="M4138">
        <v>1253</v>
      </c>
      <c r="N4138" t="s">
        <v>654</v>
      </c>
      <c r="O4138">
        <v>3</v>
      </c>
      <c r="P4138" t="s">
        <v>655</v>
      </c>
      <c r="Q4138">
        <v>1</v>
      </c>
      <c r="R4138" t="s">
        <v>656</v>
      </c>
      <c r="S4138">
        <v>2</v>
      </c>
      <c r="T4138" t="s">
        <v>718</v>
      </c>
      <c r="U4138">
        <v>2</v>
      </c>
      <c r="V4138">
        <v>2</v>
      </c>
      <c r="W4138">
        <v>120</v>
      </c>
      <c r="X4138">
        <v>2020</v>
      </c>
    </row>
    <row r="4139" spans="1:24" x14ac:dyDescent="0.25">
      <c r="A4139">
        <v>6650</v>
      </c>
      <c r="B4139" t="s">
        <v>218</v>
      </c>
      <c r="C4139">
        <v>17</v>
      </c>
      <c r="D4139" t="s">
        <v>574</v>
      </c>
      <c r="E4139">
        <v>107</v>
      </c>
      <c r="F4139" t="s">
        <v>651</v>
      </c>
      <c r="G4139">
        <v>160</v>
      </c>
      <c r="H4139" t="s">
        <v>744</v>
      </c>
      <c r="I4139">
        <v>3143</v>
      </c>
      <c r="J4139" t="s">
        <v>707</v>
      </c>
      <c r="K4139">
        <v>59</v>
      </c>
      <c r="L4139" t="s">
        <v>903</v>
      </c>
      <c r="M4139">
        <v>1252</v>
      </c>
      <c r="N4139" t="s">
        <v>654</v>
      </c>
      <c r="O4139">
        <v>3</v>
      </c>
      <c r="P4139" t="s">
        <v>746</v>
      </c>
      <c r="Q4139">
        <v>2</v>
      </c>
      <c r="R4139" t="s">
        <v>656</v>
      </c>
      <c r="S4139">
        <v>2</v>
      </c>
      <c r="T4139" t="s">
        <v>661</v>
      </c>
      <c r="U4139">
        <v>8</v>
      </c>
      <c r="V4139">
        <v>2</v>
      </c>
      <c r="W4139">
        <v>120</v>
      </c>
      <c r="X4139">
        <v>2020</v>
      </c>
    </row>
    <row r="4140" spans="1:24" x14ac:dyDescent="0.25">
      <c r="A4140">
        <v>6649</v>
      </c>
      <c r="B4140" t="s">
        <v>218</v>
      </c>
      <c r="C4140">
        <v>17</v>
      </c>
      <c r="D4140" t="s">
        <v>574</v>
      </c>
      <c r="E4140">
        <v>107</v>
      </c>
      <c r="F4140" t="s">
        <v>651</v>
      </c>
      <c r="G4140">
        <v>160</v>
      </c>
      <c r="H4140" t="s">
        <v>744</v>
      </c>
      <c r="I4140">
        <v>3143</v>
      </c>
      <c r="J4140" t="s">
        <v>707</v>
      </c>
      <c r="K4140">
        <v>59</v>
      </c>
      <c r="L4140" t="s">
        <v>3187</v>
      </c>
      <c r="M4140">
        <v>1251</v>
      </c>
      <c r="N4140" t="s">
        <v>654</v>
      </c>
      <c r="O4140">
        <v>3</v>
      </c>
      <c r="P4140" t="s">
        <v>655</v>
      </c>
      <c r="Q4140">
        <v>1</v>
      </c>
      <c r="R4140" t="s">
        <v>656</v>
      </c>
      <c r="S4140">
        <v>2</v>
      </c>
      <c r="T4140" t="s">
        <v>661</v>
      </c>
      <c r="U4140">
        <v>8</v>
      </c>
      <c r="V4140">
        <v>2</v>
      </c>
      <c r="W4140">
        <v>120</v>
      </c>
      <c r="X4140">
        <v>2020</v>
      </c>
    </row>
    <row r="4141" spans="1:24" x14ac:dyDescent="0.25">
      <c r="A4141">
        <v>6648</v>
      </c>
      <c r="B4141" t="s">
        <v>218</v>
      </c>
      <c r="C4141">
        <v>17</v>
      </c>
      <c r="D4141" t="s">
        <v>574</v>
      </c>
      <c r="E4141">
        <v>107</v>
      </c>
      <c r="F4141" t="s">
        <v>651</v>
      </c>
      <c r="G4141">
        <v>160</v>
      </c>
      <c r="H4141" t="s">
        <v>744</v>
      </c>
      <c r="I4141">
        <v>3143</v>
      </c>
      <c r="J4141" t="s">
        <v>707</v>
      </c>
      <c r="K4141">
        <v>59</v>
      </c>
      <c r="L4141" t="s">
        <v>3188</v>
      </c>
      <c r="M4141">
        <v>1250</v>
      </c>
      <c r="N4141" t="s">
        <v>654</v>
      </c>
      <c r="O4141">
        <v>3</v>
      </c>
      <c r="P4141" t="s">
        <v>655</v>
      </c>
      <c r="Q4141">
        <v>1</v>
      </c>
      <c r="R4141" t="s">
        <v>656</v>
      </c>
      <c r="S4141">
        <v>2</v>
      </c>
      <c r="T4141" t="s">
        <v>661</v>
      </c>
      <c r="U4141">
        <v>8</v>
      </c>
      <c r="V4141">
        <v>2</v>
      </c>
      <c r="W4141">
        <v>120</v>
      </c>
      <c r="X4141">
        <v>2020</v>
      </c>
    </row>
    <row r="4142" spans="1:24" x14ac:dyDescent="0.25">
      <c r="A4142">
        <v>6647</v>
      </c>
      <c r="B4142" t="s">
        <v>213</v>
      </c>
      <c r="C4142">
        <v>15</v>
      </c>
      <c r="D4142" t="s">
        <v>426</v>
      </c>
      <c r="E4142">
        <v>98</v>
      </c>
      <c r="F4142" t="s">
        <v>651</v>
      </c>
      <c r="G4142">
        <v>160</v>
      </c>
      <c r="H4142" t="s">
        <v>741</v>
      </c>
      <c r="I4142">
        <v>1585</v>
      </c>
      <c r="J4142" t="s">
        <v>691</v>
      </c>
      <c r="K4142">
        <v>21</v>
      </c>
      <c r="L4142" t="s">
        <v>3189</v>
      </c>
      <c r="M4142">
        <v>1249</v>
      </c>
      <c r="N4142" t="s">
        <v>654</v>
      </c>
      <c r="O4142">
        <v>3</v>
      </c>
      <c r="P4142" t="s">
        <v>655</v>
      </c>
      <c r="Q4142">
        <v>1</v>
      </c>
      <c r="R4142" t="s">
        <v>656</v>
      </c>
      <c r="S4142">
        <v>2</v>
      </c>
      <c r="T4142" t="s">
        <v>661</v>
      </c>
      <c r="U4142">
        <v>8</v>
      </c>
      <c r="V4142">
        <v>2</v>
      </c>
      <c r="W4142">
        <v>120</v>
      </c>
      <c r="X4142">
        <v>2020</v>
      </c>
    </row>
    <row r="4143" spans="1:24" x14ac:dyDescent="0.25">
      <c r="A4143">
        <v>6646</v>
      </c>
      <c r="B4143" t="s">
        <v>213</v>
      </c>
      <c r="C4143">
        <v>15</v>
      </c>
      <c r="D4143" t="s">
        <v>575</v>
      </c>
      <c r="E4143">
        <v>99</v>
      </c>
      <c r="F4143" t="s">
        <v>651</v>
      </c>
      <c r="G4143">
        <v>160</v>
      </c>
      <c r="H4143" t="s">
        <v>741</v>
      </c>
      <c r="I4143">
        <v>1585</v>
      </c>
      <c r="J4143" t="s">
        <v>819</v>
      </c>
      <c r="K4143">
        <v>101</v>
      </c>
      <c r="L4143" t="s">
        <v>3190</v>
      </c>
      <c r="M4143">
        <v>1248</v>
      </c>
      <c r="N4143" t="s">
        <v>654</v>
      </c>
      <c r="O4143">
        <v>3</v>
      </c>
      <c r="P4143" t="s">
        <v>655</v>
      </c>
      <c r="Q4143">
        <v>1</v>
      </c>
      <c r="R4143" t="s">
        <v>656</v>
      </c>
      <c r="S4143">
        <v>2</v>
      </c>
      <c r="T4143" t="s">
        <v>661</v>
      </c>
      <c r="U4143">
        <v>8</v>
      </c>
      <c r="V4143">
        <v>2</v>
      </c>
      <c r="W4143">
        <v>120</v>
      </c>
      <c r="X4143">
        <v>2020</v>
      </c>
    </row>
    <row r="4144" spans="1:24" x14ac:dyDescent="0.25">
      <c r="A4144">
        <v>6645</v>
      </c>
      <c r="B4144" t="s">
        <v>213</v>
      </c>
      <c r="C4144">
        <v>15</v>
      </c>
      <c r="D4144" t="s">
        <v>575</v>
      </c>
      <c r="E4144">
        <v>99</v>
      </c>
      <c r="F4144" t="s">
        <v>651</v>
      </c>
      <c r="G4144">
        <v>160</v>
      </c>
      <c r="H4144" t="s">
        <v>741</v>
      </c>
      <c r="I4144">
        <v>1585</v>
      </c>
      <c r="J4144" t="s">
        <v>819</v>
      </c>
      <c r="K4144">
        <v>101</v>
      </c>
      <c r="L4144" t="s">
        <v>3191</v>
      </c>
      <c r="M4144">
        <v>1247</v>
      </c>
      <c r="N4144" t="s">
        <v>654</v>
      </c>
      <c r="O4144">
        <v>3</v>
      </c>
      <c r="P4144" t="s">
        <v>655</v>
      </c>
      <c r="Q4144">
        <v>1</v>
      </c>
      <c r="R4144" t="s">
        <v>656</v>
      </c>
      <c r="S4144">
        <v>2</v>
      </c>
      <c r="T4144" t="s">
        <v>661</v>
      </c>
      <c r="U4144">
        <v>8</v>
      </c>
      <c r="V4144">
        <v>2</v>
      </c>
      <c r="W4144">
        <v>120</v>
      </c>
      <c r="X4144">
        <v>2020</v>
      </c>
    </row>
    <row r="4145" spans="1:24" x14ac:dyDescent="0.25">
      <c r="A4145">
        <v>6644</v>
      </c>
      <c r="B4145" t="s">
        <v>213</v>
      </c>
      <c r="C4145">
        <v>15</v>
      </c>
      <c r="D4145" t="s">
        <v>575</v>
      </c>
      <c r="E4145">
        <v>99</v>
      </c>
      <c r="F4145" t="s">
        <v>651</v>
      </c>
      <c r="G4145">
        <v>160</v>
      </c>
      <c r="H4145" t="s">
        <v>741</v>
      </c>
      <c r="I4145">
        <v>1585</v>
      </c>
      <c r="J4145" t="s">
        <v>819</v>
      </c>
      <c r="K4145">
        <v>101</v>
      </c>
      <c r="L4145" t="s">
        <v>3192</v>
      </c>
      <c r="M4145">
        <v>1246</v>
      </c>
      <c r="N4145" t="s">
        <v>654</v>
      </c>
      <c r="O4145">
        <v>3</v>
      </c>
      <c r="P4145" t="s">
        <v>655</v>
      </c>
      <c r="Q4145">
        <v>1</v>
      </c>
      <c r="R4145" t="s">
        <v>656</v>
      </c>
      <c r="S4145">
        <v>2</v>
      </c>
      <c r="T4145" t="s">
        <v>661</v>
      </c>
      <c r="U4145">
        <v>8</v>
      </c>
      <c r="V4145">
        <v>2</v>
      </c>
      <c r="W4145">
        <v>120</v>
      </c>
      <c r="X4145">
        <v>2020</v>
      </c>
    </row>
    <row r="4146" spans="1:24" x14ac:dyDescent="0.25">
      <c r="A4146">
        <v>6643</v>
      </c>
      <c r="B4146" t="s">
        <v>213</v>
      </c>
      <c r="C4146">
        <v>15</v>
      </c>
      <c r="D4146" t="s">
        <v>316</v>
      </c>
      <c r="E4146">
        <v>101</v>
      </c>
      <c r="F4146" t="s">
        <v>651</v>
      </c>
      <c r="G4146">
        <v>160</v>
      </c>
      <c r="H4146" t="s">
        <v>741</v>
      </c>
      <c r="I4146">
        <v>1585</v>
      </c>
      <c r="J4146" t="s">
        <v>294</v>
      </c>
      <c r="K4146">
        <v>31</v>
      </c>
      <c r="L4146" t="s">
        <v>1960</v>
      </c>
      <c r="M4146">
        <v>1039</v>
      </c>
      <c r="N4146" t="s">
        <v>654</v>
      </c>
      <c r="O4146">
        <v>3</v>
      </c>
      <c r="P4146" t="s">
        <v>655</v>
      </c>
      <c r="Q4146">
        <v>1</v>
      </c>
      <c r="R4146" t="s">
        <v>656</v>
      </c>
      <c r="S4146">
        <v>2</v>
      </c>
      <c r="T4146" t="s">
        <v>661</v>
      </c>
      <c r="U4146">
        <v>8</v>
      </c>
      <c r="V4146">
        <v>2</v>
      </c>
      <c r="W4146">
        <v>120</v>
      </c>
      <c r="X4146">
        <v>2020</v>
      </c>
    </row>
    <row r="4147" spans="1:24" x14ac:dyDescent="0.25">
      <c r="A4147">
        <v>6640</v>
      </c>
      <c r="B4147" t="s">
        <v>213</v>
      </c>
      <c r="C4147">
        <v>15</v>
      </c>
      <c r="D4147" t="s">
        <v>362</v>
      </c>
      <c r="E4147">
        <v>100</v>
      </c>
      <c r="F4147" t="s">
        <v>651</v>
      </c>
      <c r="G4147">
        <v>160</v>
      </c>
      <c r="H4147" t="s">
        <v>741</v>
      </c>
      <c r="I4147">
        <v>1585</v>
      </c>
      <c r="J4147" t="s">
        <v>885</v>
      </c>
      <c r="K4147">
        <v>1</v>
      </c>
      <c r="L4147" t="s">
        <v>901</v>
      </c>
      <c r="M4147">
        <v>1244</v>
      </c>
      <c r="N4147" t="s">
        <v>654</v>
      </c>
      <c r="O4147">
        <v>3</v>
      </c>
      <c r="P4147" t="s">
        <v>655</v>
      </c>
      <c r="Q4147">
        <v>1</v>
      </c>
      <c r="R4147" t="s">
        <v>656</v>
      </c>
      <c r="S4147">
        <v>2</v>
      </c>
      <c r="T4147" t="s">
        <v>661</v>
      </c>
      <c r="U4147">
        <v>8</v>
      </c>
      <c r="V4147">
        <v>2</v>
      </c>
      <c r="W4147">
        <v>120</v>
      </c>
      <c r="X4147">
        <v>2020</v>
      </c>
    </row>
    <row r="4148" spans="1:24" x14ac:dyDescent="0.25">
      <c r="A4148">
        <v>6639</v>
      </c>
      <c r="B4148" t="s">
        <v>213</v>
      </c>
      <c r="C4148">
        <v>15</v>
      </c>
      <c r="D4148" t="s">
        <v>362</v>
      </c>
      <c r="E4148">
        <v>100</v>
      </c>
      <c r="F4148" t="s">
        <v>651</v>
      </c>
      <c r="G4148">
        <v>160</v>
      </c>
      <c r="H4148" t="s">
        <v>741</v>
      </c>
      <c r="I4148">
        <v>1585</v>
      </c>
      <c r="J4148" t="s">
        <v>676</v>
      </c>
      <c r="K4148">
        <v>4</v>
      </c>
      <c r="L4148" t="s">
        <v>3193</v>
      </c>
      <c r="M4148">
        <v>1243</v>
      </c>
      <c r="N4148" t="s">
        <v>654</v>
      </c>
      <c r="O4148">
        <v>3</v>
      </c>
      <c r="P4148" t="s">
        <v>655</v>
      </c>
      <c r="Q4148">
        <v>1</v>
      </c>
      <c r="R4148" t="s">
        <v>656</v>
      </c>
      <c r="S4148">
        <v>2</v>
      </c>
      <c r="T4148" t="s">
        <v>661</v>
      </c>
      <c r="U4148">
        <v>8</v>
      </c>
      <c r="V4148">
        <v>2</v>
      </c>
      <c r="W4148">
        <v>120</v>
      </c>
      <c r="X4148">
        <v>2020</v>
      </c>
    </row>
    <row r="4149" spans="1:24" x14ac:dyDescent="0.25">
      <c r="A4149">
        <v>6638</v>
      </c>
      <c r="B4149" t="s">
        <v>213</v>
      </c>
      <c r="C4149">
        <v>15</v>
      </c>
      <c r="D4149" t="s">
        <v>362</v>
      </c>
      <c r="E4149">
        <v>100</v>
      </c>
      <c r="F4149" t="s">
        <v>651</v>
      </c>
      <c r="G4149">
        <v>160</v>
      </c>
      <c r="H4149" t="s">
        <v>741</v>
      </c>
      <c r="I4149">
        <v>1585</v>
      </c>
      <c r="J4149" t="s">
        <v>831</v>
      </c>
      <c r="K4149">
        <v>5</v>
      </c>
      <c r="L4149" t="s">
        <v>3194</v>
      </c>
      <c r="M4149">
        <v>1242</v>
      </c>
      <c r="N4149" t="s">
        <v>654</v>
      </c>
      <c r="O4149">
        <v>3</v>
      </c>
      <c r="P4149" t="s">
        <v>655</v>
      </c>
      <c r="Q4149">
        <v>1</v>
      </c>
      <c r="R4149" t="s">
        <v>656</v>
      </c>
      <c r="S4149">
        <v>2</v>
      </c>
      <c r="T4149" t="s">
        <v>661</v>
      </c>
      <c r="U4149">
        <v>8</v>
      </c>
      <c r="V4149">
        <v>2</v>
      </c>
      <c r="W4149">
        <v>120</v>
      </c>
      <c r="X4149">
        <v>2020</v>
      </c>
    </row>
    <row r="4150" spans="1:24" x14ac:dyDescent="0.25">
      <c r="A4150">
        <v>6636</v>
      </c>
      <c r="B4150" t="s">
        <v>213</v>
      </c>
      <c r="C4150">
        <v>15</v>
      </c>
      <c r="D4150" t="s">
        <v>426</v>
      </c>
      <c r="E4150">
        <v>98</v>
      </c>
      <c r="F4150" t="s">
        <v>651</v>
      </c>
      <c r="G4150">
        <v>160</v>
      </c>
      <c r="H4150" t="s">
        <v>741</v>
      </c>
      <c r="I4150">
        <v>1585</v>
      </c>
      <c r="J4150" t="s">
        <v>663</v>
      </c>
      <c r="K4150">
        <v>99</v>
      </c>
      <c r="L4150" t="s">
        <v>3195</v>
      </c>
      <c r="M4150">
        <v>1240</v>
      </c>
      <c r="N4150" t="s">
        <v>654</v>
      </c>
      <c r="O4150">
        <v>3</v>
      </c>
      <c r="P4150" t="s">
        <v>655</v>
      </c>
      <c r="Q4150">
        <v>1</v>
      </c>
      <c r="R4150" t="s">
        <v>656</v>
      </c>
      <c r="S4150">
        <v>2</v>
      </c>
      <c r="T4150" t="s">
        <v>769</v>
      </c>
      <c r="U4150">
        <v>3</v>
      </c>
      <c r="V4150">
        <v>2</v>
      </c>
      <c r="W4150">
        <v>120</v>
      </c>
      <c r="X4150">
        <v>2020</v>
      </c>
    </row>
    <row r="4151" spans="1:24" x14ac:dyDescent="0.25">
      <c r="A4151">
        <v>6635</v>
      </c>
      <c r="B4151" t="s">
        <v>213</v>
      </c>
      <c r="C4151">
        <v>15</v>
      </c>
      <c r="D4151" t="s">
        <v>426</v>
      </c>
      <c r="E4151">
        <v>98</v>
      </c>
      <c r="F4151" t="s">
        <v>651</v>
      </c>
      <c r="G4151">
        <v>160</v>
      </c>
      <c r="H4151" t="s">
        <v>741</v>
      </c>
      <c r="I4151">
        <v>1585</v>
      </c>
      <c r="J4151" t="s">
        <v>663</v>
      </c>
      <c r="K4151">
        <v>99</v>
      </c>
      <c r="L4151" t="s">
        <v>3196</v>
      </c>
      <c r="M4151">
        <v>1239</v>
      </c>
      <c r="N4151" t="s">
        <v>654</v>
      </c>
      <c r="O4151">
        <v>3</v>
      </c>
      <c r="P4151" t="s">
        <v>655</v>
      </c>
      <c r="Q4151">
        <v>1</v>
      </c>
      <c r="R4151" t="s">
        <v>656</v>
      </c>
      <c r="S4151">
        <v>2</v>
      </c>
      <c r="T4151" t="s">
        <v>718</v>
      </c>
      <c r="U4151">
        <v>2</v>
      </c>
      <c r="V4151">
        <v>2</v>
      </c>
      <c r="W4151">
        <v>120</v>
      </c>
      <c r="X4151">
        <v>2020</v>
      </c>
    </row>
    <row r="4152" spans="1:24" x14ac:dyDescent="0.25">
      <c r="A4152">
        <v>6632</v>
      </c>
      <c r="B4152" t="s">
        <v>213</v>
      </c>
      <c r="C4152">
        <v>15</v>
      </c>
      <c r="D4152" t="s">
        <v>426</v>
      </c>
      <c r="E4152">
        <v>98</v>
      </c>
      <c r="F4152" t="s">
        <v>651</v>
      </c>
      <c r="G4152">
        <v>160</v>
      </c>
      <c r="H4152" t="s">
        <v>741</v>
      </c>
      <c r="I4152">
        <v>1585</v>
      </c>
      <c r="J4152" t="s">
        <v>663</v>
      </c>
      <c r="K4152">
        <v>99</v>
      </c>
      <c r="L4152" t="s">
        <v>3197</v>
      </c>
      <c r="M4152">
        <v>1236</v>
      </c>
      <c r="N4152" t="s">
        <v>654</v>
      </c>
      <c r="O4152">
        <v>3</v>
      </c>
      <c r="P4152" t="s">
        <v>655</v>
      </c>
      <c r="Q4152">
        <v>1</v>
      </c>
      <c r="R4152" t="s">
        <v>656</v>
      </c>
      <c r="S4152">
        <v>2</v>
      </c>
      <c r="T4152" t="s">
        <v>661</v>
      </c>
      <c r="U4152">
        <v>8</v>
      </c>
      <c r="V4152">
        <v>2</v>
      </c>
      <c r="W4152">
        <v>120</v>
      </c>
      <c r="X4152">
        <v>2020</v>
      </c>
    </row>
    <row r="4153" spans="1:24" x14ac:dyDescent="0.25">
      <c r="A4153">
        <v>6631</v>
      </c>
      <c r="B4153" t="s">
        <v>213</v>
      </c>
      <c r="C4153">
        <v>15</v>
      </c>
      <c r="D4153" t="s">
        <v>477</v>
      </c>
      <c r="E4153">
        <v>97</v>
      </c>
      <c r="F4153" t="s">
        <v>651</v>
      </c>
      <c r="G4153">
        <v>160</v>
      </c>
      <c r="H4153" t="s">
        <v>741</v>
      </c>
      <c r="I4153">
        <v>1585</v>
      </c>
      <c r="J4153" t="s">
        <v>716</v>
      </c>
      <c r="K4153">
        <v>68</v>
      </c>
      <c r="L4153" t="s">
        <v>2697</v>
      </c>
      <c r="M4153">
        <v>1235</v>
      </c>
      <c r="N4153" t="s">
        <v>654</v>
      </c>
      <c r="O4153">
        <v>3</v>
      </c>
      <c r="P4153" t="s">
        <v>655</v>
      </c>
      <c r="Q4153">
        <v>1</v>
      </c>
      <c r="R4153" t="s">
        <v>656</v>
      </c>
      <c r="S4153">
        <v>2</v>
      </c>
      <c r="T4153" t="s">
        <v>661</v>
      </c>
      <c r="U4153">
        <v>8</v>
      </c>
      <c r="V4153">
        <v>2</v>
      </c>
      <c r="W4153">
        <v>120</v>
      </c>
      <c r="X4153">
        <v>2020</v>
      </c>
    </row>
    <row r="4154" spans="1:24" x14ac:dyDescent="0.25">
      <c r="A4154">
        <v>6630</v>
      </c>
      <c r="B4154" t="s">
        <v>213</v>
      </c>
      <c r="C4154">
        <v>15</v>
      </c>
      <c r="D4154" t="s">
        <v>477</v>
      </c>
      <c r="E4154">
        <v>97</v>
      </c>
      <c r="F4154" t="s">
        <v>651</v>
      </c>
      <c r="G4154">
        <v>160</v>
      </c>
      <c r="H4154" t="s">
        <v>741</v>
      </c>
      <c r="I4154">
        <v>1585</v>
      </c>
      <c r="J4154" t="s">
        <v>730</v>
      </c>
      <c r="K4154">
        <v>66</v>
      </c>
      <c r="L4154" t="s">
        <v>3198</v>
      </c>
      <c r="M4154">
        <v>1234</v>
      </c>
      <c r="N4154" t="s">
        <v>654</v>
      </c>
      <c r="O4154">
        <v>3</v>
      </c>
      <c r="P4154" t="s">
        <v>655</v>
      </c>
      <c r="Q4154">
        <v>1</v>
      </c>
      <c r="R4154" t="s">
        <v>656</v>
      </c>
      <c r="S4154">
        <v>2</v>
      </c>
      <c r="T4154" t="s">
        <v>661</v>
      </c>
      <c r="U4154">
        <v>8</v>
      </c>
      <c r="V4154">
        <v>2</v>
      </c>
      <c r="W4154">
        <v>120</v>
      </c>
      <c r="X4154">
        <v>2020</v>
      </c>
    </row>
    <row r="4155" spans="1:24" x14ac:dyDescent="0.25">
      <c r="A4155">
        <v>6628</v>
      </c>
      <c r="B4155" t="s">
        <v>213</v>
      </c>
      <c r="C4155">
        <v>15</v>
      </c>
      <c r="D4155" t="s">
        <v>477</v>
      </c>
      <c r="E4155">
        <v>97</v>
      </c>
      <c r="F4155" t="s">
        <v>651</v>
      </c>
      <c r="G4155">
        <v>160</v>
      </c>
      <c r="H4155" t="s">
        <v>741</v>
      </c>
      <c r="I4155">
        <v>1585</v>
      </c>
      <c r="J4155" t="s">
        <v>738</v>
      </c>
      <c r="K4155">
        <v>61</v>
      </c>
      <c r="L4155" t="s">
        <v>3199</v>
      </c>
      <c r="M4155">
        <v>1232</v>
      </c>
      <c r="N4155" t="s">
        <v>654</v>
      </c>
      <c r="O4155">
        <v>3</v>
      </c>
      <c r="P4155" t="s">
        <v>655</v>
      </c>
      <c r="Q4155">
        <v>1</v>
      </c>
      <c r="R4155" t="s">
        <v>656</v>
      </c>
      <c r="S4155">
        <v>2</v>
      </c>
      <c r="T4155" t="s">
        <v>661</v>
      </c>
      <c r="U4155">
        <v>8</v>
      </c>
      <c r="V4155">
        <v>2</v>
      </c>
      <c r="W4155">
        <v>120</v>
      </c>
      <c r="X4155">
        <v>2020</v>
      </c>
    </row>
    <row r="4156" spans="1:24" x14ac:dyDescent="0.25">
      <c r="A4156">
        <v>6627</v>
      </c>
      <c r="B4156" t="s">
        <v>213</v>
      </c>
      <c r="C4156">
        <v>15</v>
      </c>
      <c r="D4156" t="s">
        <v>477</v>
      </c>
      <c r="E4156">
        <v>97</v>
      </c>
      <c r="F4156" t="s">
        <v>651</v>
      </c>
      <c r="G4156">
        <v>160</v>
      </c>
      <c r="H4156" t="s">
        <v>741</v>
      </c>
      <c r="I4156">
        <v>1585</v>
      </c>
      <c r="J4156" t="s">
        <v>693</v>
      </c>
      <c r="K4156">
        <v>56</v>
      </c>
      <c r="L4156" t="s">
        <v>3200</v>
      </c>
      <c r="M4156">
        <v>1231</v>
      </c>
      <c r="N4156" t="s">
        <v>654</v>
      </c>
      <c r="O4156">
        <v>3</v>
      </c>
      <c r="P4156" t="s">
        <v>655</v>
      </c>
      <c r="Q4156">
        <v>1</v>
      </c>
      <c r="R4156" t="s">
        <v>656</v>
      </c>
      <c r="S4156">
        <v>2</v>
      </c>
      <c r="T4156" t="s">
        <v>661</v>
      </c>
      <c r="U4156">
        <v>8</v>
      </c>
      <c r="V4156">
        <v>2</v>
      </c>
      <c r="W4156">
        <v>120</v>
      </c>
      <c r="X4156">
        <v>2020</v>
      </c>
    </row>
    <row r="4157" spans="1:24" x14ac:dyDescent="0.25">
      <c r="A4157">
        <v>6624</v>
      </c>
      <c r="B4157" t="s">
        <v>213</v>
      </c>
      <c r="C4157">
        <v>15</v>
      </c>
      <c r="D4157" t="s">
        <v>477</v>
      </c>
      <c r="E4157">
        <v>97</v>
      </c>
      <c r="F4157" t="s">
        <v>651</v>
      </c>
      <c r="G4157">
        <v>160</v>
      </c>
      <c r="H4157" t="s">
        <v>741</v>
      </c>
      <c r="I4157">
        <v>1585</v>
      </c>
      <c r="J4157" t="s">
        <v>693</v>
      </c>
      <c r="K4157">
        <v>56</v>
      </c>
      <c r="L4157" t="s">
        <v>3201</v>
      </c>
      <c r="M4157">
        <v>1228</v>
      </c>
      <c r="N4157" t="s">
        <v>654</v>
      </c>
      <c r="O4157">
        <v>3</v>
      </c>
      <c r="P4157" t="s">
        <v>655</v>
      </c>
      <c r="Q4157">
        <v>1</v>
      </c>
      <c r="R4157" t="s">
        <v>656</v>
      </c>
      <c r="S4157">
        <v>2</v>
      </c>
      <c r="T4157" t="s">
        <v>661</v>
      </c>
      <c r="U4157">
        <v>8</v>
      </c>
      <c r="V4157">
        <v>2</v>
      </c>
      <c r="W4157">
        <v>120</v>
      </c>
      <c r="X4157">
        <v>2020</v>
      </c>
    </row>
    <row r="4158" spans="1:24" x14ac:dyDescent="0.25">
      <c r="A4158">
        <v>6622</v>
      </c>
      <c r="B4158" t="s">
        <v>213</v>
      </c>
      <c r="C4158">
        <v>15</v>
      </c>
      <c r="D4158" t="s">
        <v>477</v>
      </c>
      <c r="E4158">
        <v>97</v>
      </c>
      <c r="F4158" t="s">
        <v>651</v>
      </c>
      <c r="G4158">
        <v>160</v>
      </c>
      <c r="H4158" t="s">
        <v>741</v>
      </c>
      <c r="I4158">
        <v>1585</v>
      </c>
      <c r="J4158" t="s">
        <v>695</v>
      </c>
      <c r="K4158">
        <v>54</v>
      </c>
      <c r="L4158" t="s">
        <v>3202</v>
      </c>
      <c r="M4158">
        <v>1226</v>
      </c>
      <c r="N4158" t="s">
        <v>654</v>
      </c>
      <c r="O4158">
        <v>3</v>
      </c>
      <c r="P4158" t="s">
        <v>655</v>
      </c>
      <c r="Q4158">
        <v>1</v>
      </c>
      <c r="R4158" t="s">
        <v>656</v>
      </c>
      <c r="S4158">
        <v>2</v>
      </c>
      <c r="T4158" t="s">
        <v>661</v>
      </c>
      <c r="U4158">
        <v>8</v>
      </c>
      <c r="V4158">
        <v>2</v>
      </c>
      <c r="W4158">
        <v>120</v>
      </c>
      <c r="X4158">
        <v>2020</v>
      </c>
    </row>
    <row r="4159" spans="1:24" x14ac:dyDescent="0.25">
      <c r="A4159">
        <v>6615</v>
      </c>
      <c r="B4159" t="s">
        <v>213</v>
      </c>
      <c r="C4159">
        <v>15</v>
      </c>
      <c r="D4159" t="s">
        <v>477</v>
      </c>
      <c r="E4159">
        <v>97</v>
      </c>
      <c r="F4159" t="s">
        <v>651</v>
      </c>
      <c r="G4159">
        <v>160</v>
      </c>
      <c r="H4159" t="s">
        <v>741</v>
      </c>
      <c r="I4159">
        <v>1585</v>
      </c>
      <c r="J4159" t="s">
        <v>848</v>
      </c>
      <c r="K4159">
        <v>62</v>
      </c>
      <c r="L4159" t="s">
        <v>3203</v>
      </c>
      <c r="M4159">
        <v>1219</v>
      </c>
      <c r="N4159" t="s">
        <v>654</v>
      </c>
      <c r="O4159">
        <v>3</v>
      </c>
      <c r="P4159" t="s">
        <v>655</v>
      </c>
      <c r="Q4159">
        <v>1</v>
      </c>
      <c r="R4159" t="s">
        <v>656</v>
      </c>
      <c r="S4159">
        <v>2</v>
      </c>
      <c r="T4159" t="s">
        <v>661</v>
      </c>
      <c r="U4159">
        <v>8</v>
      </c>
      <c r="V4159">
        <v>2</v>
      </c>
      <c r="W4159">
        <v>120</v>
      </c>
      <c r="X4159">
        <v>2020</v>
      </c>
    </row>
    <row r="4160" spans="1:24" x14ac:dyDescent="0.25">
      <c r="A4160">
        <v>6612</v>
      </c>
      <c r="B4160" t="s">
        <v>213</v>
      </c>
      <c r="C4160">
        <v>15</v>
      </c>
      <c r="D4160" t="s">
        <v>477</v>
      </c>
      <c r="E4160">
        <v>97</v>
      </c>
      <c r="F4160" t="s">
        <v>651</v>
      </c>
      <c r="G4160">
        <v>160</v>
      </c>
      <c r="H4160" t="s">
        <v>741</v>
      </c>
      <c r="I4160">
        <v>1585</v>
      </c>
      <c r="J4160" t="s">
        <v>848</v>
      </c>
      <c r="K4160">
        <v>62</v>
      </c>
      <c r="L4160" t="s">
        <v>3204</v>
      </c>
      <c r="M4160">
        <v>1216</v>
      </c>
      <c r="N4160" t="s">
        <v>654</v>
      </c>
      <c r="O4160">
        <v>3</v>
      </c>
      <c r="P4160" t="s">
        <v>655</v>
      </c>
      <c r="Q4160">
        <v>1</v>
      </c>
      <c r="R4160" t="s">
        <v>656</v>
      </c>
      <c r="S4160">
        <v>2</v>
      </c>
      <c r="T4160" t="s">
        <v>661</v>
      </c>
      <c r="U4160">
        <v>8</v>
      </c>
      <c r="V4160">
        <v>2</v>
      </c>
      <c r="W4160">
        <v>120</v>
      </c>
      <c r="X4160">
        <v>2020</v>
      </c>
    </row>
    <row r="4161" spans="1:24" x14ac:dyDescent="0.25">
      <c r="A4161">
        <v>6610</v>
      </c>
      <c r="B4161" t="s">
        <v>20</v>
      </c>
      <c r="C4161">
        <v>14</v>
      </c>
      <c r="D4161" t="s">
        <v>402</v>
      </c>
      <c r="E4161">
        <v>95</v>
      </c>
      <c r="F4161" t="s">
        <v>651</v>
      </c>
      <c r="G4161">
        <v>160</v>
      </c>
      <c r="H4161" t="s">
        <v>681</v>
      </c>
      <c r="I4161">
        <v>717</v>
      </c>
      <c r="J4161" t="s">
        <v>819</v>
      </c>
      <c r="K4161">
        <v>101</v>
      </c>
      <c r="L4161" t="s">
        <v>1643</v>
      </c>
      <c r="M4161">
        <v>1214</v>
      </c>
      <c r="N4161" t="s">
        <v>654</v>
      </c>
      <c r="O4161">
        <v>3</v>
      </c>
      <c r="P4161" t="s">
        <v>655</v>
      </c>
      <c r="Q4161">
        <v>1</v>
      </c>
      <c r="R4161" t="s">
        <v>656</v>
      </c>
      <c r="S4161">
        <v>2</v>
      </c>
      <c r="T4161" t="s">
        <v>661</v>
      </c>
      <c r="U4161">
        <v>8</v>
      </c>
      <c r="V4161">
        <v>2</v>
      </c>
      <c r="W4161">
        <v>120</v>
      </c>
      <c r="X4161">
        <v>2020</v>
      </c>
    </row>
    <row r="4162" spans="1:24" x14ac:dyDescent="0.25">
      <c r="A4162">
        <v>6609</v>
      </c>
      <c r="B4162" t="s">
        <v>20</v>
      </c>
      <c r="C4162">
        <v>14</v>
      </c>
      <c r="D4162" t="s">
        <v>576</v>
      </c>
      <c r="E4162">
        <v>96</v>
      </c>
      <c r="F4162" t="s">
        <v>651</v>
      </c>
      <c r="G4162">
        <v>160</v>
      </c>
      <c r="H4162" t="s">
        <v>681</v>
      </c>
      <c r="I4162">
        <v>717</v>
      </c>
      <c r="J4162" t="s">
        <v>659</v>
      </c>
      <c r="K4162">
        <v>35</v>
      </c>
      <c r="L4162" t="s">
        <v>3205</v>
      </c>
      <c r="M4162">
        <v>1213</v>
      </c>
      <c r="N4162" t="s">
        <v>654</v>
      </c>
      <c r="O4162">
        <v>3</v>
      </c>
      <c r="P4162" t="s">
        <v>655</v>
      </c>
      <c r="Q4162">
        <v>1</v>
      </c>
      <c r="R4162" t="s">
        <v>656</v>
      </c>
      <c r="S4162">
        <v>2</v>
      </c>
      <c r="T4162" t="s">
        <v>661</v>
      </c>
      <c r="U4162">
        <v>8</v>
      </c>
      <c r="V4162">
        <v>2</v>
      </c>
      <c r="W4162">
        <v>120</v>
      </c>
      <c r="X4162">
        <v>2020</v>
      </c>
    </row>
    <row r="4163" spans="1:24" x14ac:dyDescent="0.25">
      <c r="A4163">
        <v>6608</v>
      </c>
      <c r="B4163" t="s">
        <v>20</v>
      </c>
      <c r="C4163">
        <v>14</v>
      </c>
      <c r="D4163" t="s">
        <v>578</v>
      </c>
      <c r="E4163">
        <v>93</v>
      </c>
      <c r="F4163" t="s">
        <v>651</v>
      </c>
      <c r="G4163">
        <v>160</v>
      </c>
      <c r="H4163" t="s">
        <v>681</v>
      </c>
      <c r="I4163">
        <v>717</v>
      </c>
      <c r="J4163" t="s">
        <v>885</v>
      </c>
      <c r="K4163">
        <v>1</v>
      </c>
      <c r="L4163" t="s">
        <v>3206</v>
      </c>
      <c r="M4163">
        <v>1212</v>
      </c>
      <c r="N4163" t="s">
        <v>654</v>
      </c>
      <c r="O4163">
        <v>3</v>
      </c>
      <c r="P4163" t="s">
        <v>655</v>
      </c>
      <c r="Q4163">
        <v>1</v>
      </c>
      <c r="R4163" t="s">
        <v>656</v>
      </c>
      <c r="S4163">
        <v>2</v>
      </c>
      <c r="T4163" t="s">
        <v>718</v>
      </c>
      <c r="U4163">
        <v>2</v>
      </c>
      <c r="V4163">
        <v>2</v>
      </c>
      <c r="W4163">
        <v>120</v>
      </c>
      <c r="X4163">
        <v>2020</v>
      </c>
    </row>
    <row r="4164" spans="1:24" x14ac:dyDescent="0.25">
      <c r="A4164">
        <v>6607</v>
      </c>
      <c r="B4164" t="s">
        <v>20</v>
      </c>
      <c r="C4164">
        <v>14</v>
      </c>
      <c r="D4164" t="s">
        <v>577</v>
      </c>
      <c r="E4164">
        <v>94</v>
      </c>
      <c r="F4164" t="s">
        <v>651</v>
      </c>
      <c r="G4164">
        <v>160</v>
      </c>
      <c r="H4164" t="s">
        <v>681</v>
      </c>
      <c r="I4164">
        <v>717</v>
      </c>
      <c r="J4164" t="s">
        <v>684</v>
      </c>
      <c r="K4164">
        <v>22</v>
      </c>
      <c r="L4164" t="s">
        <v>3157</v>
      </c>
      <c r="M4164">
        <v>1173</v>
      </c>
      <c r="N4164" t="s">
        <v>654</v>
      </c>
      <c r="O4164">
        <v>3</v>
      </c>
      <c r="P4164" t="s">
        <v>655</v>
      </c>
      <c r="Q4164">
        <v>1</v>
      </c>
      <c r="R4164" t="s">
        <v>656</v>
      </c>
      <c r="S4164">
        <v>2</v>
      </c>
      <c r="T4164" t="s">
        <v>661</v>
      </c>
      <c r="U4164">
        <v>8</v>
      </c>
      <c r="V4164">
        <v>2</v>
      </c>
      <c r="W4164">
        <v>120</v>
      </c>
      <c r="X4164">
        <v>2020</v>
      </c>
    </row>
    <row r="4165" spans="1:24" x14ac:dyDescent="0.25">
      <c r="A4165">
        <v>6606</v>
      </c>
      <c r="B4165" t="s">
        <v>20</v>
      </c>
      <c r="C4165">
        <v>14</v>
      </c>
      <c r="D4165" t="s">
        <v>577</v>
      </c>
      <c r="E4165">
        <v>94</v>
      </c>
      <c r="F4165" t="s">
        <v>651</v>
      </c>
      <c r="G4165">
        <v>160</v>
      </c>
      <c r="H4165" t="s">
        <v>681</v>
      </c>
      <c r="I4165">
        <v>717</v>
      </c>
      <c r="J4165" t="s">
        <v>684</v>
      </c>
      <c r="K4165">
        <v>22</v>
      </c>
      <c r="L4165" t="s">
        <v>3207</v>
      </c>
      <c r="M4165">
        <v>1211</v>
      </c>
      <c r="N4165" t="s">
        <v>654</v>
      </c>
      <c r="O4165">
        <v>3</v>
      </c>
      <c r="P4165" t="s">
        <v>655</v>
      </c>
      <c r="Q4165">
        <v>1</v>
      </c>
      <c r="R4165" t="s">
        <v>656</v>
      </c>
      <c r="S4165">
        <v>2</v>
      </c>
      <c r="T4165" t="s">
        <v>661</v>
      </c>
      <c r="U4165">
        <v>8</v>
      </c>
      <c r="V4165">
        <v>2</v>
      </c>
      <c r="W4165">
        <v>120</v>
      </c>
      <c r="X4165">
        <v>2020</v>
      </c>
    </row>
    <row r="4166" spans="1:24" x14ac:dyDescent="0.25">
      <c r="A4166">
        <v>6605</v>
      </c>
      <c r="B4166" t="s">
        <v>20</v>
      </c>
      <c r="C4166">
        <v>14</v>
      </c>
      <c r="D4166" t="s">
        <v>577</v>
      </c>
      <c r="E4166">
        <v>94</v>
      </c>
      <c r="F4166" t="s">
        <v>651</v>
      </c>
      <c r="G4166">
        <v>160</v>
      </c>
      <c r="H4166" t="s">
        <v>681</v>
      </c>
      <c r="I4166">
        <v>717</v>
      </c>
      <c r="J4166" t="s">
        <v>684</v>
      </c>
      <c r="K4166">
        <v>22</v>
      </c>
      <c r="L4166" t="s">
        <v>3208</v>
      </c>
      <c r="M4166">
        <v>1210</v>
      </c>
      <c r="N4166" t="s">
        <v>654</v>
      </c>
      <c r="O4166">
        <v>3</v>
      </c>
      <c r="P4166" t="s">
        <v>655</v>
      </c>
      <c r="Q4166">
        <v>1</v>
      </c>
      <c r="R4166" t="s">
        <v>656</v>
      </c>
      <c r="S4166">
        <v>2</v>
      </c>
      <c r="T4166" t="s">
        <v>661</v>
      </c>
      <c r="U4166">
        <v>8</v>
      </c>
      <c r="V4166">
        <v>2</v>
      </c>
      <c r="W4166">
        <v>120</v>
      </c>
      <c r="X4166">
        <v>2020</v>
      </c>
    </row>
    <row r="4167" spans="1:24" x14ac:dyDescent="0.25">
      <c r="A4167">
        <v>6604</v>
      </c>
      <c r="B4167" t="s">
        <v>20</v>
      </c>
      <c r="C4167">
        <v>14</v>
      </c>
      <c r="D4167" t="s">
        <v>580</v>
      </c>
      <c r="E4167">
        <v>90</v>
      </c>
      <c r="F4167" t="s">
        <v>651</v>
      </c>
      <c r="G4167">
        <v>160</v>
      </c>
      <c r="H4167" t="s">
        <v>681</v>
      </c>
      <c r="I4167">
        <v>717</v>
      </c>
      <c r="J4167" t="s">
        <v>682</v>
      </c>
      <c r="K4167">
        <v>20</v>
      </c>
      <c r="L4167" t="s">
        <v>3209</v>
      </c>
      <c r="M4167">
        <v>1209</v>
      </c>
      <c r="N4167" t="s">
        <v>654</v>
      </c>
      <c r="O4167">
        <v>3</v>
      </c>
      <c r="P4167" t="s">
        <v>655</v>
      </c>
      <c r="Q4167">
        <v>1</v>
      </c>
      <c r="R4167" t="s">
        <v>656</v>
      </c>
      <c r="S4167">
        <v>2</v>
      </c>
      <c r="T4167" t="s">
        <v>661</v>
      </c>
      <c r="U4167">
        <v>8</v>
      </c>
      <c r="V4167">
        <v>2</v>
      </c>
      <c r="W4167">
        <v>120</v>
      </c>
      <c r="X4167">
        <v>2020</v>
      </c>
    </row>
    <row r="4168" spans="1:24" x14ac:dyDescent="0.25">
      <c r="A4168">
        <v>6602</v>
      </c>
      <c r="B4168" t="s">
        <v>20</v>
      </c>
      <c r="C4168">
        <v>14</v>
      </c>
      <c r="D4168" t="s">
        <v>580</v>
      </c>
      <c r="E4168">
        <v>90</v>
      </c>
      <c r="F4168" t="s">
        <v>651</v>
      </c>
      <c r="G4168">
        <v>160</v>
      </c>
      <c r="H4168" t="s">
        <v>681</v>
      </c>
      <c r="I4168">
        <v>717</v>
      </c>
      <c r="J4168" t="s">
        <v>663</v>
      </c>
      <c r="K4168">
        <v>99</v>
      </c>
      <c r="L4168" t="s">
        <v>3210</v>
      </c>
      <c r="M4168">
        <v>1207</v>
      </c>
      <c r="N4168" t="s">
        <v>654</v>
      </c>
      <c r="O4168">
        <v>3</v>
      </c>
      <c r="P4168" t="s">
        <v>655</v>
      </c>
      <c r="Q4168">
        <v>1</v>
      </c>
      <c r="R4168" t="s">
        <v>656</v>
      </c>
      <c r="S4168">
        <v>2</v>
      </c>
      <c r="T4168" t="s">
        <v>661</v>
      </c>
      <c r="U4168">
        <v>8</v>
      </c>
      <c r="V4168">
        <v>2</v>
      </c>
      <c r="W4168">
        <v>120</v>
      </c>
      <c r="X4168">
        <v>2020</v>
      </c>
    </row>
    <row r="4169" spans="1:24" x14ac:dyDescent="0.25">
      <c r="A4169">
        <v>6601</v>
      </c>
      <c r="B4169" t="s">
        <v>20</v>
      </c>
      <c r="C4169">
        <v>14</v>
      </c>
      <c r="D4169" t="s">
        <v>578</v>
      </c>
      <c r="E4169">
        <v>93</v>
      </c>
      <c r="F4169" t="s">
        <v>651</v>
      </c>
      <c r="G4169">
        <v>160</v>
      </c>
      <c r="H4169" t="s">
        <v>681</v>
      </c>
      <c r="I4169">
        <v>717</v>
      </c>
      <c r="J4169" t="s">
        <v>676</v>
      </c>
      <c r="K4169">
        <v>4</v>
      </c>
      <c r="L4169" t="s">
        <v>3211</v>
      </c>
      <c r="M4169">
        <v>1206</v>
      </c>
      <c r="N4169" t="s">
        <v>654</v>
      </c>
      <c r="O4169">
        <v>3</v>
      </c>
      <c r="P4169" t="s">
        <v>655</v>
      </c>
      <c r="Q4169">
        <v>1</v>
      </c>
      <c r="R4169" t="s">
        <v>656</v>
      </c>
      <c r="S4169">
        <v>2</v>
      </c>
      <c r="T4169" t="s">
        <v>661</v>
      </c>
      <c r="U4169">
        <v>8</v>
      </c>
      <c r="V4169">
        <v>2</v>
      </c>
      <c r="W4169">
        <v>120</v>
      </c>
      <c r="X4169">
        <v>2020</v>
      </c>
    </row>
    <row r="4170" spans="1:24" x14ac:dyDescent="0.25">
      <c r="A4170">
        <v>6600</v>
      </c>
      <c r="B4170" t="s">
        <v>20</v>
      </c>
      <c r="C4170">
        <v>14</v>
      </c>
      <c r="D4170" t="s">
        <v>581</v>
      </c>
      <c r="E4170">
        <v>89</v>
      </c>
      <c r="F4170" t="s">
        <v>651</v>
      </c>
      <c r="G4170">
        <v>160</v>
      </c>
      <c r="H4170" t="s">
        <v>681</v>
      </c>
      <c r="I4170">
        <v>717</v>
      </c>
      <c r="J4170" t="s">
        <v>848</v>
      </c>
      <c r="K4170">
        <v>62</v>
      </c>
      <c r="L4170" t="s">
        <v>3212</v>
      </c>
      <c r="M4170">
        <v>1205</v>
      </c>
      <c r="N4170" t="s">
        <v>654</v>
      </c>
      <c r="O4170">
        <v>3</v>
      </c>
      <c r="P4170" t="s">
        <v>655</v>
      </c>
      <c r="Q4170">
        <v>1</v>
      </c>
      <c r="R4170" t="s">
        <v>656</v>
      </c>
      <c r="S4170">
        <v>2</v>
      </c>
      <c r="T4170" t="s">
        <v>661</v>
      </c>
      <c r="U4170">
        <v>8</v>
      </c>
      <c r="V4170">
        <v>2</v>
      </c>
      <c r="W4170">
        <v>120</v>
      </c>
      <c r="X4170">
        <v>2020</v>
      </c>
    </row>
    <row r="4171" spans="1:24" x14ac:dyDescent="0.25">
      <c r="A4171">
        <v>6598</v>
      </c>
      <c r="B4171" t="s">
        <v>20</v>
      </c>
      <c r="C4171">
        <v>14</v>
      </c>
      <c r="D4171" t="s">
        <v>581</v>
      </c>
      <c r="E4171">
        <v>89</v>
      </c>
      <c r="F4171" t="s">
        <v>651</v>
      </c>
      <c r="G4171">
        <v>160</v>
      </c>
      <c r="H4171" t="s">
        <v>681</v>
      </c>
      <c r="I4171">
        <v>717</v>
      </c>
      <c r="J4171" t="s">
        <v>880</v>
      </c>
      <c r="K4171">
        <v>58</v>
      </c>
      <c r="L4171" t="s">
        <v>3213</v>
      </c>
      <c r="M4171">
        <v>1203</v>
      </c>
      <c r="N4171" t="s">
        <v>654</v>
      </c>
      <c r="O4171">
        <v>3</v>
      </c>
      <c r="P4171" t="s">
        <v>655</v>
      </c>
      <c r="Q4171">
        <v>1</v>
      </c>
      <c r="R4171" t="s">
        <v>656</v>
      </c>
      <c r="S4171">
        <v>2</v>
      </c>
      <c r="T4171" t="s">
        <v>661</v>
      </c>
      <c r="U4171">
        <v>8</v>
      </c>
      <c r="V4171">
        <v>2</v>
      </c>
      <c r="W4171">
        <v>120</v>
      </c>
      <c r="X4171">
        <v>2020</v>
      </c>
    </row>
    <row r="4172" spans="1:24" x14ac:dyDescent="0.25">
      <c r="A4172">
        <v>6597</v>
      </c>
      <c r="B4172" t="s">
        <v>20</v>
      </c>
      <c r="C4172">
        <v>14</v>
      </c>
      <c r="D4172" t="s">
        <v>477</v>
      </c>
      <c r="E4172">
        <v>88</v>
      </c>
      <c r="F4172" t="s">
        <v>651</v>
      </c>
      <c r="G4172">
        <v>160</v>
      </c>
      <c r="H4172" t="s">
        <v>681</v>
      </c>
      <c r="I4172">
        <v>717</v>
      </c>
      <c r="J4172" t="s">
        <v>797</v>
      </c>
      <c r="K4172">
        <v>65</v>
      </c>
      <c r="L4172" t="s">
        <v>3214</v>
      </c>
      <c r="M4172">
        <v>1202</v>
      </c>
      <c r="N4172" t="s">
        <v>654</v>
      </c>
      <c r="O4172">
        <v>3</v>
      </c>
      <c r="P4172" t="s">
        <v>655</v>
      </c>
      <c r="Q4172">
        <v>1</v>
      </c>
      <c r="R4172" t="s">
        <v>656</v>
      </c>
      <c r="S4172">
        <v>2</v>
      </c>
      <c r="T4172" t="s">
        <v>661</v>
      </c>
      <c r="U4172">
        <v>8</v>
      </c>
      <c r="V4172">
        <v>2</v>
      </c>
      <c r="W4172">
        <v>120</v>
      </c>
      <c r="X4172">
        <v>2020</v>
      </c>
    </row>
    <row r="4173" spans="1:24" x14ac:dyDescent="0.25">
      <c r="A4173">
        <v>6595</v>
      </c>
      <c r="B4173" t="s">
        <v>20</v>
      </c>
      <c r="C4173">
        <v>14</v>
      </c>
      <c r="D4173" t="s">
        <v>477</v>
      </c>
      <c r="E4173">
        <v>88</v>
      </c>
      <c r="F4173" t="s">
        <v>651</v>
      </c>
      <c r="G4173">
        <v>160</v>
      </c>
      <c r="H4173" t="s">
        <v>681</v>
      </c>
      <c r="I4173">
        <v>717</v>
      </c>
      <c r="J4173" t="s">
        <v>693</v>
      </c>
      <c r="K4173">
        <v>56</v>
      </c>
      <c r="L4173" t="s">
        <v>3215</v>
      </c>
      <c r="M4173">
        <v>1200</v>
      </c>
      <c r="N4173" t="s">
        <v>654</v>
      </c>
      <c r="O4173">
        <v>3</v>
      </c>
      <c r="P4173" t="s">
        <v>655</v>
      </c>
      <c r="Q4173">
        <v>1</v>
      </c>
      <c r="R4173" t="s">
        <v>656</v>
      </c>
      <c r="S4173">
        <v>2</v>
      </c>
      <c r="T4173" t="s">
        <v>661</v>
      </c>
      <c r="U4173">
        <v>8</v>
      </c>
      <c r="V4173">
        <v>2</v>
      </c>
      <c r="W4173">
        <v>120</v>
      </c>
      <c r="X4173">
        <v>2020</v>
      </c>
    </row>
    <row r="4174" spans="1:24" x14ac:dyDescent="0.25">
      <c r="A4174">
        <v>6594</v>
      </c>
      <c r="B4174" t="s">
        <v>20</v>
      </c>
      <c r="C4174">
        <v>14</v>
      </c>
      <c r="D4174" t="s">
        <v>316</v>
      </c>
      <c r="E4174">
        <v>91</v>
      </c>
      <c r="F4174" t="s">
        <v>651</v>
      </c>
      <c r="G4174">
        <v>160</v>
      </c>
      <c r="H4174" t="s">
        <v>681</v>
      </c>
      <c r="I4174">
        <v>717</v>
      </c>
      <c r="J4174" t="s">
        <v>301</v>
      </c>
      <c r="K4174">
        <v>26</v>
      </c>
      <c r="L4174" t="s">
        <v>3216</v>
      </c>
      <c r="M4174">
        <v>1199</v>
      </c>
      <c r="N4174" t="s">
        <v>654</v>
      </c>
      <c r="O4174">
        <v>3</v>
      </c>
      <c r="P4174" t="s">
        <v>655</v>
      </c>
      <c r="Q4174">
        <v>1</v>
      </c>
      <c r="R4174" t="s">
        <v>656</v>
      </c>
      <c r="S4174">
        <v>2</v>
      </c>
      <c r="T4174" t="s">
        <v>661</v>
      </c>
      <c r="U4174">
        <v>8</v>
      </c>
      <c r="V4174">
        <v>2</v>
      </c>
      <c r="W4174">
        <v>120</v>
      </c>
      <c r="X4174">
        <v>2020</v>
      </c>
    </row>
    <row r="4175" spans="1:24" x14ac:dyDescent="0.25">
      <c r="A4175">
        <v>6590</v>
      </c>
      <c r="B4175" t="s">
        <v>20</v>
      </c>
      <c r="C4175">
        <v>14</v>
      </c>
      <c r="D4175" t="s">
        <v>316</v>
      </c>
      <c r="E4175">
        <v>91</v>
      </c>
      <c r="F4175" t="s">
        <v>651</v>
      </c>
      <c r="G4175">
        <v>160</v>
      </c>
      <c r="H4175" t="s">
        <v>681</v>
      </c>
      <c r="I4175">
        <v>717</v>
      </c>
      <c r="J4175" t="s">
        <v>807</v>
      </c>
      <c r="K4175">
        <v>25</v>
      </c>
      <c r="L4175" t="s">
        <v>3217</v>
      </c>
      <c r="M4175">
        <v>1018</v>
      </c>
      <c r="N4175" t="s">
        <v>654</v>
      </c>
      <c r="O4175">
        <v>3</v>
      </c>
      <c r="P4175" t="s">
        <v>655</v>
      </c>
      <c r="Q4175">
        <v>1</v>
      </c>
      <c r="R4175" t="s">
        <v>656</v>
      </c>
      <c r="S4175">
        <v>2</v>
      </c>
      <c r="T4175" t="s">
        <v>661</v>
      </c>
      <c r="U4175">
        <v>8</v>
      </c>
      <c r="V4175">
        <v>2</v>
      </c>
      <c r="W4175">
        <v>120</v>
      </c>
      <c r="X4175">
        <v>2020</v>
      </c>
    </row>
    <row r="4176" spans="1:24" x14ac:dyDescent="0.25">
      <c r="A4176">
        <v>6588</v>
      </c>
      <c r="B4176" t="s">
        <v>20</v>
      </c>
      <c r="C4176">
        <v>14</v>
      </c>
      <c r="D4176" t="s">
        <v>316</v>
      </c>
      <c r="E4176">
        <v>91</v>
      </c>
      <c r="F4176" t="s">
        <v>651</v>
      </c>
      <c r="G4176">
        <v>160</v>
      </c>
      <c r="H4176" t="s">
        <v>681</v>
      </c>
      <c r="I4176">
        <v>717</v>
      </c>
      <c r="J4176" t="s">
        <v>295</v>
      </c>
      <c r="K4176">
        <v>30</v>
      </c>
      <c r="L4176" t="s">
        <v>3218</v>
      </c>
      <c r="M4176">
        <v>1194</v>
      </c>
      <c r="N4176" t="s">
        <v>654</v>
      </c>
      <c r="O4176">
        <v>3</v>
      </c>
      <c r="P4176" t="s">
        <v>655</v>
      </c>
      <c r="Q4176">
        <v>1</v>
      </c>
      <c r="R4176" t="s">
        <v>656</v>
      </c>
      <c r="S4176">
        <v>2</v>
      </c>
      <c r="T4176" t="s">
        <v>661</v>
      </c>
      <c r="U4176">
        <v>8</v>
      </c>
      <c r="V4176">
        <v>2</v>
      </c>
      <c r="W4176">
        <v>120</v>
      </c>
      <c r="X4176">
        <v>2020</v>
      </c>
    </row>
    <row r="4177" spans="1:24" x14ac:dyDescent="0.25">
      <c r="A4177">
        <v>6587</v>
      </c>
      <c r="B4177" t="s">
        <v>20</v>
      </c>
      <c r="C4177">
        <v>14</v>
      </c>
      <c r="D4177" t="s">
        <v>316</v>
      </c>
      <c r="E4177">
        <v>91</v>
      </c>
      <c r="F4177" t="s">
        <v>651</v>
      </c>
      <c r="G4177">
        <v>160</v>
      </c>
      <c r="H4177" t="s">
        <v>681</v>
      </c>
      <c r="I4177">
        <v>717</v>
      </c>
      <c r="J4177" t="s">
        <v>295</v>
      </c>
      <c r="K4177">
        <v>30</v>
      </c>
      <c r="L4177" t="s">
        <v>3219</v>
      </c>
      <c r="M4177">
        <v>1193</v>
      </c>
      <c r="N4177" t="s">
        <v>654</v>
      </c>
      <c r="O4177">
        <v>3</v>
      </c>
      <c r="P4177" t="s">
        <v>655</v>
      </c>
      <c r="Q4177">
        <v>1</v>
      </c>
      <c r="R4177" t="s">
        <v>656</v>
      </c>
      <c r="S4177">
        <v>2</v>
      </c>
      <c r="T4177" t="s">
        <v>661</v>
      </c>
      <c r="U4177">
        <v>8</v>
      </c>
      <c r="V4177">
        <v>2</v>
      </c>
      <c r="W4177">
        <v>120</v>
      </c>
      <c r="X4177">
        <v>2020</v>
      </c>
    </row>
    <row r="4178" spans="1:24" x14ac:dyDescent="0.25">
      <c r="A4178">
        <v>6583</v>
      </c>
      <c r="B4178" t="s">
        <v>20</v>
      </c>
      <c r="C4178">
        <v>14</v>
      </c>
      <c r="D4178" t="s">
        <v>579</v>
      </c>
      <c r="E4178">
        <v>92</v>
      </c>
      <c r="F4178" t="s">
        <v>651</v>
      </c>
      <c r="G4178">
        <v>160</v>
      </c>
      <c r="H4178" t="s">
        <v>681</v>
      </c>
      <c r="I4178">
        <v>717</v>
      </c>
      <c r="J4178" t="s">
        <v>864</v>
      </c>
      <c r="K4178">
        <v>14</v>
      </c>
      <c r="L4178" t="s">
        <v>2897</v>
      </c>
      <c r="M4178">
        <v>959</v>
      </c>
      <c r="N4178" t="s">
        <v>654</v>
      </c>
      <c r="O4178">
        <v>3</v>
      </c>
      <c r="P4178" t="s">
        <v>655</v>
      </c>
      <c r="Q4178">
        <v>1</v>
      </c>
      <c r="R4178" t="s">
        <v>656</v>
      </c>
      <c r="S4178">
        <v>2</v>
      </c>
      <c r="T4178" t="s">
        <v>661</v>
      </c>
      <c r="U4178">
        <v>8</v>
      </c>
      <c r="V4178">
        <v>2</v>
      </c>
      <c r="W4178">
        <v>120</v>
      </c>
      <c r="X4178">
        <v>2020</v>
      </c>
    </row>
    <row r="4179" spans="1:24" x14ac:dyDescent="0.25">
      <c r="A4179">
        <v>6582</v>
      </c>
      <c r="B4179" t="s">
        <v>20</v>
      </c>
      <c r="C4179">
        <v>14</v>
      </c>
      <c r="D4179" t="s">
        <v>579</v>
      </c>
      <c r="E4179">
        <v>92</v>
      </c>
      <c r="F4179" t="s">
        <v>651</v>
      </c>
      <c r="G4179">
        <v>160</v>
      </c>
      <c r="H4179" t="s">
        <v>681</v>
      </c>
      <c r="I4179">
        <v>717</v>
      </c>
      <c r="J4179" t="s">
        <v>864</v>
      </c>
      <c r="K4179">
        <v>14</v>
      </c>
      <c r="L4179" t="s">
        <v>3220</v>
      </c>
      <c r="M4179">
        <v>956</v>
      </c>
      <c r="N4179" t="s">
        <v>654</v>
      </c>
      <c r="O4179">
        <v>3</v>
      </c>
      <c r="P4179" t="s">
        <v>655</v>
      </c>
      <c r="Q4179">
        <v>1</v>
      </c>
      <c r="R4179" t="s">
        <v>656</v>
      </c>
      <c r="S4179">
        <v>2</v>
      </c>
      <c r="T4179" t="s">
        <v>661</v>
      </c>
      <c r="U4179">
        <v>8</v>
      </c>
      <c r="V4179">
        <v>2</v>
      </c>
      <c r="W4179">
        <v>120</v>
      </c>
      <c r="X4179">
        <v>2020</v>
      </c>
    </row>
    <row r="4180" spans="1:24" x14ac:dyDescent="0.25">
      <c r="A4180">
        <v>6581</v>
      </c>
      <c r="B4180" t="s">
        <v>108</v>
      </c>
      <c r="C4180">
        <v>13</v>
      </c>
      <c r="D4180" t="s">
        <v>509</v>
      </c>
      <c r="E4180">
        <v>87</v>
      </c>
      <c r="F4180" t="s">
        <v>651</v>
      </c>
      <c r="G4180">
        <v>160</v>
      </c>
      <c r="H4180" t="s">
        <v>854</v>
      </c>
      <c r="I4180">
        <v>1</v>
      </c>
      <c r="J4180" t="s">
        <v>864</v>
      </c>
      <c r="K4180">
        <v>14</v>
      </c>
      <c r="L4180" t="s">
        <v>2495</v>
      </c>
      <c r="M4180">
        <v>1189</v>
      </c>
      <c r="N4180" t="s">
        <v>654</v>
      </c>
      <c r="O4180">
        <v>3</v>
      </c>
      <c r="P4180" t="s">
        <v>655</v>
      </c>
      <c r="Q4180">
        <v>1</v>
      </c>
      <c r="R4180" t="s">
        <v>656</v>
      </c>
      <c r="S4180">
        <v>2</v>
      </c>
      <c r="T4180" t="s">
        <v>661</v>
      </c>
      <c r="U4180">
        <v>8</v>
      </c>
      <c r="V4180">
        <v>2</v>
      </c>
      <c r="W4180">
        <v>120</v>
      </c>
      <c r="X4180">
        <v>2020</v>
      </c>
    </row>
    <row r="4181" spans="1:24" x14ac:dyDescent="0.25">
      <c r="A4181">
        <v>6579</v>
      </c>
      <c r="B4181" t="s">
        <v>108</v>
      </c>
      <c r="C4181">
        <v>13</v>
      </c>
      <c r="D4181" t="s">
        <v>509</v>
      </c>
      <c r="E4181">
        <v>87</v>
      </c>
      <c r="F4181" t="s">
        <v>651</v>
      </c>
      <c r="G4181">
        <v>160</v>
      </c>
      <c r="H4181" t="s">
        <v>854</v>
      </c>
      <c r="I4181">
        <v>1</v>
      </c>
      <c r="J4181" t="s">
        <v>864</v>
      </c>
      <c r="K4181">
        <v>14</v>
      </c>
      <c r="L4181" t="s">
        <v>3221</v>
      </c>
      <c r="M4181">
        <v>1187</v>
      </c>
      <c r="N4181" t="s">
        <v>654</v>
      </c>
      <c r="O4181">
        <v>3</v>
      </c>
      <c r="P4181" t="s">
        <v>655</v>
      </c>
      <c r="Q4181">
        <v>1</v>
      </c>
      <c r="R4181" t="s">
        <v>656</v>
      </c>
      <c r="S4181">
        <v>2</v>
      </c>
      <c r="T4181" t="s">
        <v>661</v>
      </c>
      <c r="U4181">
        <v>8</v>
      </c>
      <c r="V4181">
        <v>2</v>
      </c>
      <c r="W4181">
        <v>120</v>
      </c>
      <c r="X4181">
        <v>2020</v>
      </c>
    </row>
    <row r="4182" spans="1:24" x14ac:dyDescent="0.25">
      <c r="A4182">
        <v>6573</v>
      </c>
      <c r="B4182" t="s">
        <v>108</v>
      </c>
      <c r="C4182">
        <v>13</v>
      </c>
      <c r="D4182" t="s">
        <v>583</v>
      </c>
      <c r="E4182">
        <v>84</v>
      </c>
      <c r="F4182" t="s">
        <v>651</v>
      </c>
      <c r="G4182">
        <v>160</v>
      </c>
      <c r="H4182" t="s">
        <v>854</v>
      </c>
      <c r="I4182">
        <v>1</v>
      </c>
      <c r="J4182" t="s">
        <v>663</v>
      </c>
      <c r="K4182">
        <v>99</v>
      </c>
      <c r="L4182" t="s">
        <v>3222</v>
      </c>
      <c r="M4182">
        <v>1181</v>
      </c>
      <c r="N4182" t="s">
        <v>654</v>
      </c>
      <c r="O4182">
        <v>3</v>
      </c>
      <c r="P4182" t="s">
        <v>655</v>
      </c>
      <c r="Q4182">
        <v>1</v>
      </c>
      <c r="R4182" t="s">
        <v>656</v>
      </c>
      <c r="S4182">
        <v>2</v>
      </c>
      <c r="T4182" t="s">
        <v>718</v>
      </c>
      <c r="U4182">
        <v>2</v>
      </c>
      <c r="V4182">
        <v>2</v>
      </c>
      <c r="W4182">
        <v>120</v>
      </c>
      <c r="X4182">
        <v>2020</v>
      </c>
    </row>
    <row r="4183" spans="1:24" x14ac:dyDescent="0.25">
      <c r="A4183">
        <v>6572</v>
      </c>
      <c r="B4183" t="s">
        <v>108</v>
      </c>
      <c r="C4183">
        <v>13</v>
      </c>
      <c r="D4183" t="s">
        <v>583</v>
      </c>
      <c r="E4183">
        <v>84</v>
      </c>
      <c r="F4183" t="s">
        <v>651</v>
      </c>
      <c r="G4183">
        <v>160</v>
      </c>
      <c r="H4183" t="s">
        <v>854</v>
      </c>
      <c r="I4183">
        <v>1</v>
      </c>
      <c r="J4183" t="s">
        <v>663</v>
      </c>
      <c r="K4183">
        <v>99</v>
      </c>
      <c r="L4183" t="s">
        <v>3223</v>
      </c>
      <c r="M4183">
        <v>1180</v>
      </c>
      <c r="N4183" t="s">
        <v>654</v>
      </c>
      <c r="O4183">
        <v>3</v>
      </c>
      <c r="P4183" t="s">
        <v>655</v>
      </c>
      <c r="Q4183">
        <v>1</v>
      </c>
      <c r="R4183" t="s">
        <v>656</v>
      </c>
      <c r="S4183">
        <v>2</v>
      </c>
      <c r="T4183" t="s">
        <v>661</v>
      </c>
      <c r="U4183">
        <v>8</v>
      </c>
      <c r="V4183">
        <v>2</v>
      </c>
      <c r="W4183">
        <v>120</v>
      </c>
      <c r="X4183">
        <v>2020</v>
      </c>
    </row>
    <row r="4184" spans="1:24" x14ac:dyDescent="0.25">
      <c r="A4184">
        <v>6570</v>
      </c>
      <c r="B4184" t="s">
        <v>108</v>
      </c>
      <c r="C4184">
        <v>13</v>
      </c>
      <c r="D4184" t="s">
        <v>583</v>
      </c>
      <c r="E4184">
        <v>84</v>
      </c>
      <c r="F4184" t="s">
        <v>651</v>
      </c>
      <c r="G4184">
        <v>160</v>
      </c>
      <c r="H4184" t="s">
        <v>854</v>
      </c>
      <c r="I4184">
        <v>1</v>
      </c>
      <c r="J4184" t="s">
        <v>802</v>
      </c>
      <c r="K4184">
        <v>12</v>
      </c>
      <c r="L4184" t="s">
        <v>3224</v>
      </c>
      <c r="M4184">
        <v>1178</v>
      </c>
      <c r="N4184" t="s">
        <v>654</v>
      </c>
      <c r="O4184">
        <v>3</v>
      </c>
      <c r="P4184" t="s">
        <v>655</v>
      </c>
      <c r="Q4184">
        <v>1</v>
      </c>
      <c r="R4184" t="s">
        <v>656</v>
      </c>
      <c r="S4184">
        <v>2</v>
      </c>
      <c r="T4184" t="s">
        <v>661</v>
      </c>
      <c r="U4184">
        <v>8</v>
      </c>
      <c r="V4184">
        <v>2</v>
      </c>
      <c r="W4184">
        <v>120</v>
      </c>
      <c r="X4184">
        <v>2020</v>
      </c>
    </row>
    <row r="4185" spans="1:24" x14ac:dyDescent="0.25">
      <c r="A4185">
        <v>6565</v>
      </c>
      <c r="B4185" t="s">
        <v>108</v>
      </c>
      <c r="C4185">
        <v>13</v>
      </c>
      <c r="D4185" t="s">
        <v>582</v>
      </c>
      <c r="E4185">
        <v>86</v>
      </c>
      <c r="F4185" t="s">
        <v>651</v>
      </c>
      <c r="G4185">
        <v>160</v>
      </c>
      <c r="H4185" t="s">
        <v>854</v>
      </c>
      <c r="I4185">
        <v>1</v>
      </c>
      <c r="J4185" t="s">
        <v>684</v>
      </c>
      <c r="K4185">
        <v>22</v>
      </c>
      <c r="L4185" t="s">
        <v>3157</v>
      </c>
      <c r="M4185">
        <v>1173</v>
      </c>
      <c r="N4185" t="s">
        <v>654</v>
      </c>
      <c r="O4185">
        <v>3</v>
      </c>
      <c r="P4185" t="s">
        <v>655</v>
      </c>
      <c r="Q4185">
        <v>1</v>
      </c>
      <c r="R4185" t="s">
        <v>656</v>
      </c>
      <c r="S4185">
        <v>2</v>
      </c>
      <c r="T4185" t="s">
        <v>661</v>
      </c>
      <c r="U4185">
        <v>8</v>
      </c>
      <c r="V4185">
        <v>2</v>
      </c>
      <c r="W4185">
        <v>120</v>
      </c>
      <c r="X4185">
        <v>2020</v>
      </c>
    </row>
    <row r="4186" spans="1:24" x14ac:dyDescent="0.25">
      <c r="A4186">
        <v>6564</v>
      </c>
      <c r="B4186" t="s">
        <v>108</v>
      </c>
      <c r="C4186">
        <v>13</v>
      </c>
      <c r="D4186" t="s">
        <v>582</v>
      </c>
      <c r="E4186">
        <v>86</v>
      </c>
      <c r="F4186" t="s">
        <v>651</v>
      </c>
      <c r="G4186">
        <v>160</v>
      </c>
      <c r="H4186" t="s">
        <v>854</v>
      </c>
      <c r="I4186">
        <v>1</v>
      </c>
      <c r="J4186" t="s">
        <v>684</v>
      </c>
      <c r="K4186">
        <v>22</v>
      </c>
      <c r="L4186" t="s">
        <v>906</v>
      </c>
      <c r="M4186">
        <v>725</v>
      </c>
      <c r="N4186" t="s">
        <v>654</v>
      </c>
      <c r="O4186">
        <v>3</v>
      </c>
      <c r="P4186" t="s">
        <v>655</v>
      </c>
      <c r="Q4186">
        <v>1</v>
      </c>
      <c r="R4186" t="s">
        <v>656</v>
      </c>
      <c r="S4186">
        <v>2</v>
      </c>
      <c r="T4186" t="s">
        <v>661</v>
      </c>
      <c r="U4186">
        <v>8</v>
      </c>
      <c r="V4186">
        <v>2</v>
      </c>
      <c r="W4186">
        <v>120</v>
      </c>
      <c r="X4186">
        <v>2020</v>
      </c>
    </row>
    <row r="4187" spans="1:24" x14ac:dyDescent="0.25">
      <c r="A4187">
        <v>6562</v>
      </c>
      <c r="B4187" t="s">
        <v>108</v>
      </c>
      <c r="C4187">
        <v>13</v>
      </c>
      <c r="D4187" t="s">
        <v>582</v>
      </c>
      <c r="E4187">
        <v>86</v>
      </c>
      <c r="F4187" t="s">
        <v>651</v>
      </c>
      <c r="G4187">
        <v>160</v>
      </c>
      <c r="H4187" t="s">
        <v>854</v>
      </c>
      <c r="I4187">
        <v>1</v>
      </c>
      <c r="J4187" t="s">
        <v>703</v>
      </c>
      <c r="K4187">
        <v>16</v>
      </c>
      <c r="L4187" t="s">
        <v>3225</v>
      </c>
      <c r="M4187">
        <v>1171</v>
      </c>
      <c r="N4187" t="s">
        <v>654</v>
      </c>
      <c r="O4187">
        <v>3</v>
      </c>
      <c r="P4187" t="s">
        <v>655</v>
      </c>
      <c r="Q4187">
        <v>1</v>
      </c>
      <c r="R4187" t="s">
        <v>656</v>
      </c>
      <c r="S4187">
        <v>2</v>
      </c>
      <c r="T4187" t="s">
        <v>661</v>
      </c>
      <c r="U4187">
        <v>8</v>
      </c>
      <c r="V4187">
        <v>2</v>
      </c>
      <c r="W4187">
        <v>120</v>
      </c>
      <c r="X4187">
        <v>2020</v>
      </c>
    </row>
    <row r="4188" spans="1:24" x14ac:dyDescent="0.25">
      <c r="A4188">
        <v>6560</v>
      </c>
      <c r="B4188" t="s">
        <v>108</v>
      </c>
      <c r="C4188">
        <v>13</v>
      </c>
      <c r="D4188" t="s">
        <v>582</v>
      </c>
      <c r="E4188">
        <v>86</v>
      </c>
      <c r="F4188" t="s">
        <v>651</v>
      </c>
      <c r="G4188">
        <v>160</v>
      </c>
      <c r="H4188" t="s">
        <v>854</v>
      </c>
      <c r="I4188">
        <v>1</v>
      </c>
      <c r="J4188" t="s">
        <v>65</v>
      </c>
      <c r="K4188">
        <v>15</v>
      </c>
      <c r="L4188" t="s">
        <v>740</v>
      </c>
      <c r="M4188">
        <v>1169</v>
      </c>
      <c r="N4188" t="s">
        <v>654</v>
      </c>
      <c r="O4188">
        <v>3</v>
      </c>
      <c r="P4188" t="s">
        <v>655</v>
      </c>
      <c r="Q4188">
        <v>1</v>
      </c>
      <c r="R4188" t="s">
        <v>656</v>
      </c>
      <c r="S4188">
        <v>2</v>
      </c>
      <c r="T4188" t="s">
        <v>661</v>
      </c>
      <c r="U4188">
        <v>8</v>
      </c>
      <c r="V4188">
        <v>1</v>
      </c>
      <c r="W4188">
        <v>60</v>
      </c>
      <c r="X4188">
        <v>2020</v>
      </c>
    </row>
    <row r="4189" spans="1:24" x14ac:dyDescent="0.25">
      <c r="A4189">
        <v>6558</v>
      </c>
      <c r="B4189" t="s">
        <v>108</v>
      </c>
      <c r="C4189">
        <v>13</v>
      </c>
      <c r="D4189" t="s">
        <v>582</v>
      </c>
      <c r="E4189">
        <v>86</v>
      </c>
      <c r="F4189" t="s">
        <v>651</v>
      </c>
      <c r="G4189">
        <v>160</v>
      </c>
      <c r="H4189" t="s">
        <v>854</v>
      </c>
      <c r="I4189">
        <v>1</v>
      </c>
      <c r="J4189" t="s">
        <v>65</v>
      </c>
      <c r="K4189">
        <v>15</v>
      </c>
      <c r="L4189" t="s">
        <v>3030</v>
      </c>
      <c r="M4189">
        <v>1167</v>
      </c>
      <c r="N4189" t="s">
        <v>654</v>
      </c>
      <c r="O4189">
        <v>3</v>
      </c>
      <c r="P4189" t="s">
        <v>655</v>
      </c>
      <c r="Q4189">
        <v>1</v>
      </c>
      <c r="R4189" t="s">
        <v>656</v>
      </c>
      <c r="S4189">
        <v>2</v>
      </c>
      <c r="T4189" t="s">
        <v>661</v>
      </c>
      <c r="U4189">
        <v>8</v>
      </c>
      <c r="V4189">
        <v>1</v>
      </c>
      <c r="W4189">
        <v>60</v>
      </c>
      <c r="X4189">
        <v>2020</v>
      </c>
    </row>
    <row r="4190" spans="1:24" x14ac:dyDescent="0.25">
      <c r="A4190">
        <v>6557</v>
      </c>
      <c r="B4190" t="s">
        <v>108</v>
      </c>
      <c r="C4190">
        <v>13</v>
      </c>
      <c r="D4190" t="s">
        <v>336</v>
      </c>
      <c r="E4190">
        <v>644</v>
      </c>
      <c r="F4190" t="s">
        <v>651</v>
      </c>
      <c r="G4190">
        <v>160</v>
      </c>
      <c r="H4190" t="s">
        <v>854</v>
      </c>
      <c r="I4190">
        <v>1</v>
      </c>
      <c r="J4190" t="s">
        <v>1182</v>
      </c>
      <c r="K4190">
        <v>46</v>
      </c>
      <c r="L4190" t="s">
        <v>3226</v>
      </c>
      <c r="M4190">
        <v>1166</v>
      </c>
      <c r="N4190" t="s">
        <v>654</v>
      </c>
      <c r="O4190">
        <v>3</v>
      </c>
      <c r="P4190" t="s">
        <v>655</v>
      </c>
      <c r="Q4190">
        <v>1</v>
      </c>
      <c r="R4190" t="s">
        <v>656</v>
      </c>
      <c r="S4190">
        <v>2</v>
      </c>
      <c r="T4190" t="s">
        <v>661</v>
      </c>
      <c r="U4190">
        <v>8</v>
      </c>
      <c r="V4190">
        <v>2</v>
      </c>
      <c r="W4190">
        <v>120</v>
      </c>
      <c r="X4190">
        <v>2020</v>
      </c>
    </row>
    <row r="4191" spans="1:24" x14ac:dyDescent="0.25">
      <c r="A4191">
        <v>6556</v>
      </c>
      <c r="B4191" t="s">
        <v>108</v>
      </c>
      <c r="C4191">
        <v>13</v>
      </c>
      <c r="D4191" t="s">
        <v>336</v>
      </c>
      <c r="E4191">
        <v>644</v>
      </c>
      <c r="F4191" t="s">
        <v>651</v>
      </c>
      <c r="G4191">
        <v>160</v>
      </c>
      <c r="H4191" t="s">
        <v>854</v>
      </c>
      <c r="I4191">
        <v>1</v>
      </c>
      <c r="J4191" t="s">
        <v>676</v>
      </c>
      <c r="K4191">
        <v>4</v>
      </c>
      <c r="L4191" t="s">
        <v>3227</v>
      </c>
      <c r="M4191">
        <v>1165</v>
      </c>
      <c r="N4191" t="s">
        <v>654</v>
      </c>
      <c r="O4191">
        <v>3</v>
      </c>
      <c r="P4191" t="s">
        <v>655</v>
      </c>
      <c r="Q4191">
        <v>1</v>
      </c>
      <c r="R4191" t="s">
        <v>656</v>
      </c>
      <c r="S4191">
        <v>2</v>
      </c>
      <c r="T4191" t="s">
        <v>661</v>
      </c>
      <c r="U4191">
        <v>8</v>
      </c>
      <c r="V4191">
        <v>2</v>
      </c>
      <c r="W4191">
        <v>120</v>
      </c>
      <c r="X4191">
        <v>2020</v>
      </c>
    </row>
    <row r="4192" spans="1:24" x14ac:dyDescent="0.25">
      <c r="A4192">
        <v>6555</v>
      </c>
      <c r="B4192" t="s">
        <v>108</v>
      </c>
      <c r="C4192">
        <v>13</v>
      </c>
      <c r="D4192" t="s">
        <v>316</v>
      </c>
      <c r="E4192">
        <v>85</v>
      </c>
      <c r="F4192" t="s">
        <v>651</v>
      </c>
      <c r="G4192">
        <v>160</v>
      </c>
      <c r="H4192" t="s">
        <v>854</v>
      </c>
      <c r="I4192">
        <v>1</v>
      </c>
      <c r="J4192" t="s">
        <v>294</v>
      </c>
      <c r="K4192">
        <v>31</v>
      </c>
      <c r="L4192" t="s">
        <v>3228</v>
      </c>
      <c r="M4192">
        <v>1164</v>
      </c>
      <c r="N4192" t="s">
        <v>654</v>
      </c>
      <c r="O4192">
        <v>3</v>
      </c>
      <c r="P4192" t="s">
        <v>655</v>
      </c>
      <c r="Q4192">
        <v>1</v>
      </c>
      <c r="R4192" t="s">
        <v>656</v>
      </c>
      <c r="S4192">
        <v>2</v>
      </c>
      <c r="T4192" t="s">
        <v>661</v>
      </c>
      <c r="U4192">
        <v>8</v>
      </c>
      <c r="V4192">
        <v>2</v>
      </c>
      <c r="W4192">
        <v>120</v>
      </c>
      <c r="X4192">
        <v>2020</v>
      </c>
    </row>
    <row r="4193" spans="1:24" x14ac:dyDescent="0.25">
      <c r="A4193">
        <v>6554</v>
      </c>
      <c r="B4193" t="s">
        <v>108</v>
      </c>
      <c r="C4193">
        <v>13</v>
      </c>
      <c r="D4193" t="s">
        <v>316</v>
      </c>
      <c r="E4193">
        <v>85</v>
      </c>
      <c r="F4193" t="s">
        <v>651</v>
      </c>
      <c r="G4193">
        <v>160</v>
      </c>
      <c r="H4193" t="s">
        <v>854</v>
      </c>
      <c r="I4193">
        <v>1</v>
      </c>
      <c r="J4193" t="s">
        <v>807</v>
      </c>
      <c r="K4193">
        <v>25</v>
      </c>
      <c r="L4193" t="s">
        <v>3229</v>
      </c>
      <c r="M4193">
        <v>1163</v>
      </c>
      <c r="N4193" t="s">
        <v>654</v>
      </c>
      <c r="O4193">
        <v>3</v>
      </c>
      <c r="P4193" t="s">
        <v>655</v>
      </c>
      <c r="Q4193">
        <v>1</v>
      </c>
      <c r="R4193" t="s">
        <v>656</v>
      </c>
      <c r="S4193">
        <v>2</v>
      </c>
      <c r="T4193" t="s">
        <v>661</v>
      </c>
      <c r="U4193">
        <v>8</v>
      </c>
      <c r="V4193">
        <v>2</v>
      </c>
      <c r="W4193">
        <v>120</v>
      </c>
      <c r="X4193">
        <v>2020</v>
      </c>
    </row>
    <row r="4194" spans="1:24" x14ac:dyDescent="0.25">
      <c r="A4194">
        <v>6553</v>
      </c>
      <c r="B4194" t="s">
        <v>108</v>
      </c>
      <c r="C4194">
        <v>13</v>
      </c>
      <c r="D4194" t="s">
        <v>316</v>
      </c>
      <c r="E4194">
        <v>85</v>
      </c>
      <c r="F4194" t="s">
        <v>651</v>
      </c>
      <c r="G4194">
        <v>160</v>
      </c>
      <c r="H4194" t="s">
        <v>854</v>
      </c>
      <c r="I4194">
        <v>1</v>
      </c>
      <c r="J4194" t="s">
        <v>301</v>
      </c>
      <c r="K4194">
        <v>26</v>
      </c>
      <c r="L4194" t="s">
        <v>2028</v>
      </c>
      <c r="M4194">
        <v>1162</v>
      </c>
      <c r="N4194" t="s">
        <v>654</v>
      </c>
      <c r="O4194">
        <v>3</v>
      </c>
      <c r="P4194" t="s">
        <v>655</v>
      </c>
      <c r="Q4194">
        <v>1</v>
      </c>
      <c r="R4194" t="s">
        <v>656</v>
      </c>
      <c r="S4194">
        <v>2</v>
      </c>
      <c r="T4194" t="s">
        <v>661</v>
      </c>
      <c r="U4194">
        <v>8</v>
      </c>
      <c r="V4194">
        <v>2</v>
      </c>
      <c r="W4194">
        <v>120</v>
      </c>
      <c r="X4194">
        <v>2020</v>
      </c>
    </row>
    <row r="4195" spans="1:24" x14ac:dyDescent="0.25">
      <c r="A4195">
        <v>6552</v>
      </c>
      <c r="B4195" t="s">
        <v>108</v>
      </c>
      <c r="C4195">
        <v>13</v>
      </c>
      <c r="D4195" t="s">
        <v>316</v>
      </c>
      <c r="E4195">
        <v>85</v>
      </c>
      <c r="F4195" t="s">
        <v>651</v>
      </c>
      <c r="G4195">
        <v>160</v>
      </c>
      <c r="H4195" t="s">
        <v>854</v>
      </c>
      <c r="I4195">
        <v>1</v>
      </c>
      <c r="J4195" t="s">
        <v>301</v>
      </c>
      <c r="K4195">
        <v>26</v>
      </c>
      <c r="L4195" t="s">
        <v>3230</v>
      </c>
      <c r="M4195">
        <v>1161</v>
      </c>
      <c r="N4195" t="s">
        <v>654</v>
      </c>
      <c r="O4195">
        <v>3</v>
      </c>
      <c r="P4195" t="s">
        <v>655</v>
      </c>
      <c r="Q4195">
        <v>1</v>
      </c>
      <c r="R4195" t="s">
        <v>656</v>
      </c>
      <c r="S4195">
        <v>2</v>
      </c>
      <c r="T4195" t="s">
        <v>661</v>
      </c>
      <c r="U4195">
        <v>8</v>
      </c>
      <c r="V4195">
        <v>2</v>
      </c>
      <c r="W4195">
        <v>120</v>
      </c>
      <c r="X4195">
        <v>2020</v>
      </c>
    </row>
    <row r="4196" spans="1:24" x14ac:dyDescent="0.25">
      <c r="A4196">
        <v>6551</v>
      </c>
      <c r="B4196" t="s">
        <v>108</v>
      </c>
      <c r="C4196">
        <v>13</v>
      </c>
      <c r="D4196" t="s">
        <v>316</v>
      </c>
      <c r="E4196">
        <v>85</v>
      </c>
      <c r="F4196" t="s">
        <v>651</v>
      </c>
      <c r="G4196">
        <v>160</v>
      </c>
      <c r="H4196" t="s">
        <v>854</v>
      </c>
      <c r="I4196">
        <v>1</v>
      </c>
      <c r="J4196" t="s">
        <v>299</v>
      </c>
      <c r="K4196">
        <v>27</v>
      </c>
      <c r="L4196" t="s">
        <v>3231</v>
      </c>
      <c r="M4196">
        <v>1160</v>
      </c>
      <c r="N4196" t="s">
        <v>654</v>
      </c>
      <c r="O4196">
        <v>3</v>
      </c>
      <c r="P4196" t="s">
        <v>655</v>
      </c>
      <c r="Q4196">
        <v>1</v>
      </c>
      <c r="R4196" t="s">
        <v>656</v>
      </c>
      <c r="S4196">
        <v>2</v>
      </c>
      <c r="T4196" t="s">
        <v>661</v>
      </c>
      <c r="U4196">
        <v>8</v>
      </c>
      <c r="V4196">
        <v>2</v>
      </c>
      <c r="W4196">
        <v>120</v>
      </c>
      <c r="X4196">
        <v>2020</v>
      </c>
    </row>
    <row r="4197" spans="1:24" x14ac:dyDescent="0.25">
      <c r="A4197">
        <v>6549</v>
      </c>
      <c r="B4197" t="s">
        <v>108</v>
      </c>
      <c r="C4197">
        <v>13</v>
      </c>
      <c r="D4197" t="s">
        <v>316</v>
      </c>
      <c r="E4197">
        <v>85</v>
      </c>
      <c r="F4197" t="s">
        <v>651</v>
      </c>
      <c r="G4197">
        <v>160</v>
      </c>
      <c r="H4197" t="s">
        <v>854</v>
      </c>
      <c r="I4197">
        <v>1</v>
      </c>
      <c r="J4197" t="s">
        <v>299</v>
      </c>
      <c r="K4197">
        <v>27</v>
      </c>
      <c r="L4197" t="s">
        <v>3232</v>
      </c>
      <c r="M4197">
        <v>1158</v>
      </c>
      <c r="N4197" t="s">
        <v>654</v>
      </c>
      <c r="O4197">
        <v>3</v>
      </c>
      <c r="P4197" t="s">
        <v>655</v>
      </c>
      <c r="Q4197">
        <v>1</v>
      </c>
      <c r="R4197" t="s">
        <v>656</v>
      </c>
      <c r="S4197">
        <v>2</v>
      </c>
      <c r="T4197" t="s">
        <v>661</v>
      </c>
      <c r="U4197">
        <v>8</v>
      </c>
      <c r="V4197">
        <v>2</v>
      </c>
      <c r="W4197">
        <v>120</v>
      </c>
      <c r="X4197">
        <v>2020</v>
      </c>
    </row>
    <row r="4198" spans="1:24" x14ac:dyDescent="0.25">
      <c r="A4198">
        <v>6548</v>
      </c>
      <c r="B4198" t="s">
        <v>289</v>
      </c>
      <c r="C4198">
        <v>12</v>
      </c>
      <c r="D4198" t="s">
        <v>308</v>
      </c>
      <c r="E4198">
        <v>684</v>
      </c>
      <c r="F4198" t="s">
        <v>651</v>
      </c>
      <c r="G4198">
        <v>160</v>
      </c>
      <c r="H4198" t="s">
        <v>658</v>
      </c>
      <c r="I4198">
        <v>13755</v>
      </c>
      <c r="J4198" t="s">
        <v>756</v>
      </c>
      <c r="K4198">
        <v>19</v>
      </c>
      <c r="L4198" t="s">
        <v>3233</v>
      </c>
      <c r="M4198">
        <v>1157</v>
      </c>
      <c r="N4198" t="s">
        <v>654</v>
      </c>
      <c r="O4198">
        <v>3</v>
      </c>
      <c r="P4198" t="s">
        <v>655</v>
      </c>
      <c r="Q4198">
        <v>1</v>
      </c>
      <c r="R4198" t="s">
        <v>656</v>
      </c>
      <c r="S4198">
        <v>2</v>
      </c>
      <c r="T4198" t="s">
        <v>1160</v>
      </c>
      <c r="U4198">
        <v>184</v>
      </c>
      <c r="V4198">
        <v>2</v>
      </c>
      <c r="W4198">
        <v>120</v>
      </c>
      <c r="X4198">
        <v>2020</v>
      </c>
    </row>
    <row r="4199" spans="1:24" x14ac:dyDescent="0.25">
      <c r="A4199">
        <v>6547</v>
      </c>
      <c r="B4199" t="s">
        <v>289</v>
      </c>
      <c r="C4199">
        <v>12</v>
      </c>
      <c r="D4199" t="s">
        <v>308</v>
      </c>
      <c r="E4199">
        <v>684</v>
      </c>
      <c r="F4199" t="s">
        <v>651</v>
      </c>
      <c r="G4199">
        <v>160</v>
      </c>
      <c r="H4199" t="s">
        <v>658</v>
      </c>
      <c r="I4199">
        <v>13755</v>
      </c>
      <c r="J4199" t="s">
        <v>756</v>
      </c>
      <c r="K4199">
        <v>19</v>
      </c>
      <c r="L4199" t="s">
        <v>3234</v>
      </c>
      <c r="M4199">
        <v>1156</v>
      </c>
      <c r="N4199" t="s">
        <v>654</v>
      </c>
      <c r="O4199">
        <v>3</v>
      </c>
      <c r="P4199" t="s">
        <v>655</v>
      </c>
      <c r="Q4199">
        <v>1</v>
      </c>
      <c r="R4199" t="s">
        <v>656</v>
      </c>
      <c r="S4199">
        <v>2</v>
      </c>
      <c r="T4199" t="s">
        <v>718</v>
      </c>
      <c r="U4199">
        <v>2</v>
      </c>
      <c r="V4199">
        <v>2</v>
      </c>
      <c r="W4199">
        <v>120</v>
      </c>
      <c r="X4199">
        <v>2020</v>
      </c>
    </row>
    <row r="4200" spans="1:24" x14ac:dyDescent="0.25">
      <c r="A4200">
        <v>6546</v>
      </c>
      <c r="B4200" t="s">
        <v>289</v>
      </c>
      <c r="C4200">
        <v>12</v>
      </c>
      <c r="D4200" t="s">
        <v>408</v>
      </c>
      <c r="E4200">
        <v>80</v>
      </c>
      <c r="F4200" t="s">
        <v>651</v>
      </c>
      <c r="G4200">
        <v>160</v>
      </c>
      <c r="H4200" t="s">
        <v>658</v>
      </c>
      <c r="I4200">
        <v>13755</v>
      </c>
      <c r="J4200" t="s">
        <v>65</v>
      </c>
      <c r="K4200">
        <v>15</v>
      </c>
      <c r="L4200" t="s">
        <v>3235</v>
      </c>
      <c r="M4200">
        <v>1155</v>
      </c>
      <c r="N4200" t="s">
        <v>654</v>
      </c>
      <c r="O4200">
        <v>3</v>
      </c>
      <c r="P4200" t="s">
        <v>655</v>
      </c>
      <c r="Q4200">
        <v>1</v>
      </c>
      <c r="R4200" t="s">
        <v>656</v>
      </c>
      <c r="S4200">
        <v>2</v>
      </c>
      <c r="T4200" t="s">
        <v>661</v>
      </c>
      <c r="U4200">
        <v>8</v>
      </c>
      <c r="V4200">
        <v>2</v>
      </c>
      <c r="W4200">
        <v>120</v>
      </c>
      <c r="X4200">
        <v>2020</v>
      </c>
    </row>
    <row r="4201" spans="1:24" x14ac:dyDescent="0.25">
      <c r="A4201">
        <v>6545</v>
      </c>
      <c r="B4201" t="s">
        <v>289</v>
      </c>
      <c r="C4201">
        <v>12</v>
      </c>
      <c r="D4201" t="s">
        <v>585</v>
      </c>
      <c r="E4201">
        <v>81</v>
      </c>
      <c r="F4201" t="s">
        <v>651</v>
      </c>
      <c r="G4201">
        <v>160</v>
      </c>
      <c r="H4201" t="s">
        <v>658</v>
      </c>
      <c r="I4201">
        <v>13755</v>
      </c>
      <c r="J4201" t="s">
        <v>894</v>
      </c>
      <c r="K4201">
        <v>18</v>
      </c>
      <c r="L4201" t="s">
        <v>3236</v>
      </c>
      <c r="M4201">
        <v>1154</v>
      </c>
      <c r="N4201" t="s">
        <v>654</v>
      </c>
      <c r="O4201">
        <v>3</v>
      </c>
      <c r="P4201" t="s">
        <v>655</v>
      </c>
      <c r="Q4201">
        <v>1</v>
      </c>
      <c r="R4201" t="s">
        <v>656</v>
      </c>
      <c r="S4201">
        <v>2</v>
      </c>
      <c r="T4201" t="s">
        <v>718</v>
      </c>
      <c r="U4201">
        <v>2</v>
      </c>
      <c r="V4201">
        <v>2</v>
      </c>
      <c r="W4201">
        <v>120</v>
      </c>
      <c r="X4201">
        <v>2020</v>
      </c>
    </row>
    <row r="4202" spans="1:24" x14ac:dyDescent="0.25">
      <c r="A4202">
        <v>6544</v>
      </c>
      <c r="B4202" t="s">
        <v>289</v>
      </c>
      <c r="C4202">
        <v>12</v>
      </c>
      <c r="D4202" t="s">
        <v>585</v>
      </c>
      <c r="E4202">
        <v>81</v>
      </c>
      <c r="F4202" t="s">
        <v>651</v>
      </c>
      <c r="G4202">
        <v>160</v>
      </c>
      <c r="H4202" t="s">
        <v>658</v>
      </c>
      <c r="I4202">
        <v>13755</v>
      </c>
      <c r="J4202" t="s">
        <v>894</v>
      </c>
      <c r="K4202">
        <v>18</v>
      </c>
      <c r="L4202" t="s">
        <v>3237</v>
      </c>
      <c r="M4202">
        <v>1153</v>
      </c>
      <c r="N4202" t="s">
        <v>654</v>
      </c>
      <c r="O4202">
        <v>3</v>
      </c>
      <c r="P4202" t="s">
        <v>655</v>
      </c>
      <c r="Q4202">
        <v>1</v>
      </c>
      <c r="R4202" t="s">
        <v>656</v>
      </c>
      <c r="S4202">
        <v>2</v>
      </c>
      <c r="T4202" t="s">
        <v>661</v>
      </c>
      <c r="U4202">
        <v>8</v>
      </c>
      <c r="V4202">
        <v>2</v>
      </c>
      <c r="W4202">
        <v>120</v>
      </c>
      <c r="X4202">
        <v>2020</v>
      </c>
    </row>
    <row r="4203" spans="1:24" x14ac:dyDescent="0.25">
      <c r="A4203">
        <v>6543</v>
      </c>
      <c r="B4203" t="s">
        <v>289</v>
      </c>
      <c r="C4203">
        <v>12</v>
      </c>
      <c r="D4203" t="s">
        <v>585</v>
      </c>
      <c r="E4203">
        <v>81</v>
      </c>
      <c r="F4203" t="s">
        <v>651</v>
      </c>
      <c r="G4203">
        <v>160</v>
      </c>
      <c r="H4203" t="s">
        <v>658</v>
      </c>
      <c r="I4203">
        <v>13755</v>
      </c>
      <c r="J4203" t="s">
        <v>894</v>
      </c>
      <c r="K4203">
        <v>18</v>
      </c>
      <c r="L4203" t="s">
        <v>3238</v>
      </c>
      <c r="M4203">
        <v>1152</v>
      </c>
      <c r="N4203" t="s">
        <v>654</v>
      </c>
      <c r="O4203">
        <v>3</v>
      </c>
      <c r="P4203" t="s">
        <v>655</v>
      </c>
      <c r="Q4203">
        <v>1</v>
      </c>
      <c r="R4203" t="s">
        <v>656</v>
      </c>
      <c r="S4203">
        <v>2</v>
      </c>
      <c r="T4203" t="s">
        <v>1611</v>
      </c>
      <c r="U4203">
        <v>11</v>
      </c>
      <c r="V4203">
        <v>2</v>
      </c>
      <c r="W4203">
        <v>120</v>
      </c>
      <c r="X4203">
        <v>2020</v>
      </c>
    </row>
    <row r="4204" spans="1:24" x14ac:dyDescent="0.25">
      <c r="A4204">
        <v>6542</v>
      </c>
      <c r="B4204" t="s">
        <v>289</v>
      </c>
      <c r="C4204">
        <v>12</v>
      </c>
      <c r="D4204" t="s">
        <v>308</v>
      </c>
      <c r="E4204">
        <v>684</v>
      </c>
      <c r="F4204" t="s">
        <v>651</v>
      </c>
      <c r="G4204">
        <v>160</v>
      </c>
      <c r="H4204" t="s">
        <v>658</v>
      </c>
      <c r="I4204">
        <v>13755</v>
      </c>
      <c r="J4204" t="s">
        <v>894</v>
      </c>
      <c r="K4204">
        <v>18</v>
      </c>
      <c r="L4204" t="s">
        <v>3239</v>
      </c>
      <c r="M4204">
        <v>1151</v>
      </c>
      <c r="N4204" t="s">
        <v>654</v>
      </c>
      <c r="O4204">
        <v>3</v>
      </c>
      <c r="P4204" t="s">
        <v>655</v>
      </c>
      <c r="Q4204">
        <v>1</v>
      </c>
      <c r="R4204" t="s">
        <v>656</v>
      </c>
      <c r="S4204">
        <v>2</v>
      </c>
      <c r="T4204" t="s">
        <v>661</v>
      </c>
      <c r="U4204">
        <v>8</v>
      </c>
      <c r="V4204">
        <v>2</v>
      </c>
      <c r="W4204">
        <v>120</v>
      </c>
      <c r="X4204">
        <v>2020</v>
      </c>
    </row>
    <row r="4205" spans="1:24" x14ac:dyDescent="0.25">
      <c r="A4205">
        <v>6541</v>
      </c>
      <c r="B4205" t="s">
        <v>289</v>
      </c>
      <c r="C4205">
        <v>12</v>
      </c>
      <c r="D4205" t="s">
        <v>308</v>
      </c>
      <c r="E4205">
        <v>684</v>
      </c>
      <c r="F4205" t="s">
        <v>651</v>
      </c>
      <c r="G4205">
        <v>160</v>
      </c>
      <c r="H4205" t="s">
        <v>658</v>
      </c>
      <c r="I4205">
        <v>13755</v>
      </c>
      <c r="J4205" t="s">
        <v>894</v>
      </c>
      <c r="K4205">
        <v>18</v>
      </c>
      <c r="L4205" t="s">
        <v>3240</v>
      </c>
      <c r="M4205">
        <v>1150</v>
      </c>
      <c r="N4205" t="s">
        <v>654</v>
      </c>
      <c r="O4205">
        <v>3</v>
      </c>
      <c r="P4205" t="s">
        <v>655</v>
      </c>
      <c r="Q4205">
        <v>1</v>
      </c>
      <c r="R4205" t="s">
        <v>656</v>
      </c>
      <c r="S4205">
        <v>2</v>
      </c>
      <c r="T4205" t="s">
        <v>718</v>
      </c>
      <c r="U4205">
        <v>2</v>
      </c>
      <c r="V4205">
        <v>2</v>
      </c>
      <c r="W4205">
        <v>120</v>
      </c>
      <c r="X4205">
        <v>2020</v>
      </c>
    </row>
    <row r="4206" spans="1:24" x14ac:dyDescent="0.25">
      <c r="A4206">
        <v>6540</v>
      </c>
      <c r="B4206" t="s">
        <v>289</v>
      </c>
      <c r="C4206">
        <v>12</v>
      </c>
      <c r="D4206" t="s">
        <v>308</v>
      </c>
      <c r="E4206">
        <v>684</v>
      </c>
      <c r="F4206" t="s">
        <v>651</v>
      </c>
      <c r="G4206">
        <v>160</v>
      </c>
      <c r="H4206" t="s">
        <v>658</v>
      </c>
      <c r="I4206">
        <v>13755</v>
      </c>
      <c r="J4206" t="s">
        <v>894</v>
      </c>
      <c r="K4206">
        <v>18</v>
      </c>
      <c r="L4206" t="s">
        <v>3241</v>
      </c>
      <c r="M4206">
        <v>1149</v>
      </c>
      <c r="N4206" t="s">
        <v>654</v>
      </c>
      <c r="O4206">
        <v>3</v>
      </c>
      <c r="P4206" t="s">
        <v>655</v>
      </c>
      <c r="Q4206">
        <v>1</v>
      </c>
      <c r="R4206" t="s">
        <v>656</v>
      </c>
      <c r="S4206">
        <v>2</v>
      </c>
      <c r="T4206" t="s">
        <v>661</v>
      </c>
      <c r="U4206">
        <v>8</v>
      </c>
      <c r="V4206">
        <v>2</v>
      </c>
      <c r="W4206">
        <v>120</v>
      </c>
      <c r="X4206">
        <v>2020</v>
      </c>
    </row>
    <row r="4207" spans="1:24" x14ac:dyDescent="0.25">
      <c r="A4207">
        <v>6539</v>
      </c>
      <c r="B4207" t="s">
        <v>289</v>
      </c>
      <c r="C4207">
        <v>12</v>
      </c>
      <c r="D4207" t="s">
        <v>308</v>
      </c>
      <c r="E4207">
        <v>684</v>
      </c>
      <c r="F4207" t="s">
        <v>651</v>
      </c>
      <c r="G4207">
        <v>160</v>
      </c>
      <c r="H4207" t="s">
        <v>658</v>
      </c>
      <c r="I4207">
        <v>13755</v>
      </c>
      <c r="J4207" t="s">
        <v>894</v>
      </c>
      <c r="K4207">
        <v>18</v>
      </c>
      <c r="L4207" t="s">
        <v>3242</v>
      </c>
      <c r="M4207">
        <v>1148</v>
      </c>
      <c r="N4207" t="s">
        <v>654</v>
      </c>
      <c r="O4207">
        <v>3</v>
      </c>
      <c r="P4207" t="s">
        <v>655</v>
      </c>
      <c r="Q4207">
        <v>1</v>
      </c>
      <c r="R4207" t="s">
        <v>656</v>
      </c>
      <c r="S4207">
        <v>2</v>
      </c>
      <c r="T4207" t="s">
        <v>661</v>
      </c>
      <c r="U4207">
        <v>8</v>
      </c>
      <c r="V4207">
        <v>2</v>
      </c>
      <c r="W4207">
        <v>120</v>
      </c>
      <c r="X4207">
        <v>2020</v>
      </c>
    </row>
    <row r="4208" spans="1:24" x14ac:dyDescent="0.25">
      <c r="A4208">
        <v>6538</v>
      </c>
      <c r="B4208" t="s">
        <v>289</v>
      </c>
      <c r="C4208">
        <v>12</v>
      </c>
      <c r="D4208" t="s">
        <v>308</v>
      </c>
      <c r="E4208">
        <v>684</v>
      </c>
      <c r="F4208" t="s">
        <v>651</v>
      </c>
      <c r="G4208">
        <v>160</v>
      </c>
      <c r="H4208" t="s">
        <v>658</v>
      </c>
      <c r="I4208">
        <v>13755</v>
      </c>
      <c r="J4208" t="s">
        <v>894</v>
      </c>
      <c r="K4208">
        <v>18</v>
      </c>
      <c r="L4208" t="s">
        <v>3243</v>
      </c>
      <c r="M4208">
        <v>1147</v>
      </c>
      <c r="N4208" t="s">
        <v>654</v>
      </c>
      <c r="O4208">
        <v>3</v>
      </c>
      <c r="P4208" t="s">
        <v>655</v>
      </c>
      <c r="Q4208">
        <v>1</v>
      </c>
      <c r="R4208" t="s">
        <v>656</v>
      </c>
      <c r="S4208">
        <v>2</v>
      </c>
      <c r="T4208" t="s">
        <v>718</v>
      </c>
      <c r="U4208">
        <v>2</v>
      </c>
      <c r="V4208">
        <v>2</v>
      </c>
      <c r="W4208">
        <v>120</v>
      </c>
      <c r="X4208">
        <v>2020</v>
      </c>
    </row>
    <row r="4209" spans="1:24" x14ac:dyDescent="0.25">
      <c r="A4209">
        <v>6537</v>
      </c>
      <c r="B4209" t="s">
        <v>289</v>
      </c>
      <c r="C4209">
        <v>12</v>
      </c>
      <c r="D4209" t="s">
        <v>308</v>
      </c>
      <c r="E4209">
        <v>684</v>
      </c>
      <c r="F4209" t="s">
        <v>651</v>
      </c>
      <c r="G4209">
        <v>160</v>
      </c>
      <c r="H4209" t="s">
        <v>658</v>
      </c>
      <c r="I4209">
        <v>13755</v>
      </c>
      <c r="J4209" t="s">
        <v>894</v>
      </c>
      <c r="K4209">
        <v>18</v>
      </c>
      <c r="L4209" t="s">
        <v>2584</v>
      </c>
      <c r="M4209">
        <v>1146</v>
      </c>
      <c r="N4209" t="s">
        <v>654</v>
      </c>
      <c r="O4209">
        <v>3</v>
      </c>
      <c r="P4209" t="s">
        <v>655</v>
      </c>
      <c r="Q4209">
        <v>1</v>
      </c>
      <c r="R4209" t="s">
        <v>656</v>
      </c>
      <c r="S4209">
        <v>2</v>
      </c>
      <c r="T4209" t="s">
        <v>661</v>
      </c>
      <c r="U4209">
        <v>8</v>
      </c>
      <c r="V4209">
        <v>2</v>
      </c>
      <c r="W4209">
        <v>120</v>
      </c>
      <c r="X4209">
        <v>2020</v>
      </c>
    </row>
    <row r="4210" spans="1:24" x14ac:dyDescent="0.25">
      <c r="A4210">
        <v>6536</v>
      </c>
      <c r="B4210" t="s">
        <v>289</v>
      </c>
      <c r="C4210">
        <v>12</v>
      </c>
      <c r="D4210" t="s">
        <v>308</v>
      </c>
      <c r="E4210">
        <v>684</v>
      </c>
      <c r="F4210" t="s">
        <v>651</v>
      </c>
      <c r="G4210">
        <v>160</v>
      </c>
      <c r="H4210" t="s">
        <v>658</v>
      </c>
      <c r="I4210">
        <v>13755</v>
      </c>
      <c r="J4210" t="s">
        <v>894</v>
      </c>
      <c r="K4210">
        <v>18</v>
      </c>
      <c r="L4210" t="s">
        <v>3244</v>
      </c>
      <c r="M4210">
        <v>1145</v>
      </c>
      <c r="N4210" t="s">
        <v>654</v>
      </c>
      <c r="O4210">
        <v>3</v>
      </c>
      <c r="P4210" t="s">
        <v>746</v>
      </c>
      <c r="Q4210">
        <v>2</v>
      </c>
      <c r="R4210" t="s">
        <v>656</v>
      </c>
      <c r="S4210">
        <v>2</v>
      </c>
      <c r="T4210" t="s">
        <v>661</v>
      </c>
      <c r="U4210">
        <v>8</v>
      </c>
      <c r="V4210">
        <v>2</v>
      </c>
      <c r="W4210">
        <v>120</v>
      </c>
      <c r="X4210">
        <v>2020</v>
      </c>
    </row>
    <row r="4211" spans="1:24" x14ac:dyDescent="0.25">
      <c r="A4211">
        <v>6535</v>
      </c>
      <c r="B4211" t="s">
        <v>289</v>
      </c>
      <c r="C4211">
        <v>12</v>
      </c>
      <c r="D4211" t="s">
        <v>308</v>
      </c>
      <c r="E4211">
        <v>684</v>
      </c>
      <c r="F4211" t="s">
        <v>651</v>
      </c>
      <c r="G4211">
        <v>160</v>
      </c>
      <c r="H4211" t="s">
        <v>658</v>
      </c>
      <c r="I4211">
        <v>13755</v>
      </c>
      <c r="J4211" t="s">
        <v>894</v>
      </c>
      <c r="K4211">
        <v>18</v>
      </c>
      <c r="L4211" t="s">
        <v>3244</v>
      </c>
      <c r="M4211">
        <v>1145</v>
      </c>
      <c r="N4211" t="s">
        <v>654</v>
      </c>
      <c r="O4211">
        <v>3</v>
      </c>
      <c r="P4211" t="s">
        <v>655</v>
      </c>
      <c r="Q4211">
        <v>1</v>
      </c>
      <c r="R4211" t="s">
        <v>656</v>
      </c>
      <c r="S4211">
        <v>2</v>
      </c>
      <c r="T4211" t="s">
        <v>661</v>
      </c>
      <c r="U4211">
        <v>8</v>
      </c>
      <c r="V4211">
        <v>2</v>
      </c>
      <c r="W4211">
        <v>120</v>
      </c>
      <c r="X4211">
        <v>2020</v>
      </c>
    </row>
    <row r="4212" spans="1:24" x14ac:dyDescent="0.25">
      <c r="A4212">
        <v>6534</v>
      </c>
      <c r="B4212" t="s">
        <v>289</v>
      </c>
      <c r="C4212">
        <v>12</v>
      </c>
      <c r="D4212" t="s">
        <v>308</v>
      </c>
      <c r="E4212">
        <v>684</v>
      </c>
      <c r="F4212" t="s">
        <v>651</v>
      </c>
      <c r="G4212">
        <v>160</v>
      </c>
      <c r="H4212" t="s">
        <v>658</v>
      </c>
      <c r="I4212">
        <v>13755</v>
      </c>
      <c r="J4212" t="s">
        <v>894</v>
      </c>
      <c r="K4212">
        <v>18</v>
      </c>
      <c r="L4212" t="s">
        <v>3245</v>
      </c>
      <c r="M4212">
        <v>1144</v>
      </c>
      <c r="N4212" t="s">
        <v>654</v>
      </c>
      <c r="O4212">
        <v>3</v>
      </c>
      <c r="P4212" t="s">
        <v>655</v>
      </c>
      <c r="Q4212">
        <v>1</v>
      </c>
      <c r="R4212" t="s">
        <v>656</v>
      </c>
      <c r="S4212">
        <v>2</v>
      </c>
      <c r="T4212" t="s">
        <v>661</v>
      </c>
      <c r="U4212">
        <v>8</v>
      </c>
      <c r="V4212">
        <v>2</v>
      </c>
      <c r="W4212">
        <v>120</v>
      </c>
      <c r="X4212">
        <v>2020</v>
      </c>
    </row>
    <row r="4213" spans="1:24" x14ac:dyDescent="0.25">
      <c r="A4213">
        <v>6533</v>
      </c>
      <c r="B4213" t="s">
        <v>289</v>
      </c>
      <c r="C4213">
        <v>12</v>
      </c>
      <c r="D4213" t="s">
        <v>308</v>
      </c>
      <c r="E4213">
        <v>684</v>
      </c>
      <c r="F4213" t="s">
        <v>651</v>
      </c>
      <c r="G4213">
        <v>160</v>
      </c>
      <c r="H4213" t="s">
        <v>658</v>
      </c>
      <c r="I4213">
        <v>13755</v>
      </c>
      <c r="J4213" t="s">
        <v>894</v>
      </c>
      <c r="K4213">
        <v>18</v>
      </c>
      <c r="L4213" t="s">
        <v>3246</v>
      </c>
      <c r="M4213">
        <v>1143</v>
      </c>
      <c r="N4213" t="s">
        <v>654</v>
      </c>
      <c r="O4213">
        <v>3</v>
      </c>
      <c r="P4213" t="s">
        <v>746</v>
      </c>
      <c r="Q4213">
        <v>2</v>
      </c>
      <c r="R4213" t="s">
        <v>656</v>
      </c>
      <c r="S4213">
        <v>2</v>
      </c>
      <c r="T4213" t="s">
        <v>661</v>
      </c>
      <c r="U4213">
        <v>8</v>
      </c>
      <c r="V4213">
        <v>2</v>
      </c>
      <c r="W4213">
        <v>120</v>
      </c>
      <c r="X4213">
        <v>2020</v>
      </c>
    </row>
    <row r="4214" spans="1:24" x14ac:dyDescent="0.25">
      <c r="A4214">
        <v>6532</v>
      </c>
      <c r="B4214" t="s">
        <v>289</v>
      </c>
      <c r="C4214">
        <v>12</v>
      </c>
      <c r="D4214" t="s">
        <v>308</v>
      </c>
      <c r="E4214">
        <v>684</v>
      </c>
      <c r="F4214" t="s">
        <v>651</v>
      </c>
      <c r="G4214">
        <v>160</v>
      </c>
      <c r="H4214" t="s">
        <v>658</v>
      </c>
      <c r="I4214">
        <v>13755</v>
      </c>
      <c r="J4214" t="s">
        <v>894</v>
      </c>
      <c r="K4214">
        <v>18</v>
      </c>
      <c r="L4214" t="s">
        <v>3246</v>
      </c>
      <c r="M4214">
        <v>1143</v>
      </c>
      <c r="N4214" t="s">
        <v>654</v>
      </c>
      <c r="O4214">
        <v>3</v>
      </c>
      <c r="P4214" t="s">
        <v>655</v>
      </c>
      <c r="Q4214">
        <v>1</v>
      </c>
      <c r="R4214" t="s">
        <v>656</v>
      </c>
      <c r="S4214">
        <v>2</v>
      </c>
      <c r="T4214" t="s">
        <v>661</v>
      </c>
      <c r="U4214">
        <v>8</v>
      </c>
      <c r="V4214">
        <v>2</v>
      </c>
      <c r="W4214">
        <v>120</v>
      </c>
      <c r="X4214">
        <v>2020</v>
      </c>
    </row>
    <row r="4215" spans="1:24" x14ac:dyDescent="0.25">
      <c r="A4215">
        <v>6531</v>
      </c>
      <c r="B4215" t="s">
        <v>289</v>
      </c>
      <c r="C4215">
        <v>12</v>
      </c>
      <c r="D4215" t="s">
        <v>585</v>
      </c>
      <c r="E4215">
        <v>81</v>
      </c>
      <c r="F4215" t="s">
        <v>651</v>
      </c>
      <c r="G4215">
        <v>160</v>
      </c>
      <c r="H4215" t="s">
        <v>658</v>
      </c>
      <c r="I4215">
        <v>13755</v>
      </c>
      <c r="J4215" t="s">
        <v>894</v>
      </c>
      <c r="K4215">
        <v>18</v>
      </c>
      <c r="L4215" t="s">
        <v>3247</v>
      </c>
      <c r="M4215">
        <v>1142</v>
      </c>
      <c r="N4215" t="s">
        <v>654</v>
      </c>
      <c r="O4215">
        <v>3</v>
      </c>
      <c r="P4215" t="s">
        <v>655</v>
      </c>
      <c r="Q4215">
        <v>1</v>
      </c>
      <c r="R4215" t="s">
        <v>656</v>
      </c>
      <c r="S4215">
        <v>2</v>
      </c>
      <c r="T4215" t="s">
        <v>661</v>
      </c>
      <c r="U4215">
        <v>8</v>
      </c>
      <c r="V4215">
        <v>2</v>
      </c>
      <c r="W4215">
        <v>120</v>
      </c>
      <c r="X4215">
        <v>2020</v>
      </c>
    </row>
    <row r="4216" spans="1:24" x14ac:dyDescent="0.25">
      <c r="A4216">
        <v>6530</v>
      </c>
      <c r="B4216" t="s">
        <v>289</v>
      </c>
      <c r="C4216">
        <v>12</v>
      </c>
      <c r="D4216" t="s">
        <v>585</v>
      </c>
      <c r="E4216">
        <v>81</v>
      </c>
      <c r="F4216" t="s">
        <v>651</v>
      </c>
      <c r="G4216">
        <v>160</v>
      </c>
      <c r="H4216" t="s">
        <v>658</v>
      </c>
      <c r="I4216">
        <v>13755</v>
      </c>
      <c r="J4216" t="s">
        <v>894</v>
      </c>
      <c r="K4216">
        <v>18</v>
      </c>
      <c r="L4216" t="s">
        <v>894</v>
      </c>
      <c r="M4216">
        <v>1141</v>
      </c>
      <c r="N4216" t="s">
        <v>654</v>
      </c>
      <c r="O4216">
        <v>3</v>
      </c>
      <c r="P4216" t="s">
        <v>655</v>
      </c>
      <c r="Q4216">
        <v>1</v>
      </c>
      <c r="R4216" t="s">
        <v>656</v>
      </c>
      <c r="S4216">
        <v>2</v>
      </c>
      <c r="T4216" t="s">
        <v>661</v>
      </c>
      <c r="U4216">
        <v>8</v>
      </c>
      <c r="V4216">
        <v>2</v>
      </c>
      <c r="W4216">
        <v>120</v>
      </c>
      <c r="X4216">
        <v>2020</v>
      </c>
    </row>
    <row r="4217" spans="1:24" x14ac:dyDescent="0.25">
      <c r="A4217">
        <v>6529</v>
      </c>
      <c r="B4217" t="s">
        <v>289</v>
      </c>
      <c r="C4217">
        <v>12</v>
      </c>
      <c r="D4217" t="s">
        <v>585</v>
      </c>
      <c r="E4217">
        <v>81</v>
      </c>
      <c r="F4217" t="s">
        <v>651</v>
      </c>
      <c r="G4217">
        <v>160</v>
      </c>
      <c r="H4217" t="s">
        <v>658</v>
      </c>
      <c r="I4217">
        <v>13755</v>
      </c>
      <c r="J4217" t="s">
        <v>894</v>
      </c>
      <c r="K4217">
        <v>18</v>
      </c>
      <c r="L4217" t="s">
        <v>3248</v>
      </c>
      <c r="M4217">
        <v>1140</v>
      </c>
      <c r="N4217" t="s">
        <v>654</v>
      </c>
      <c r="O4217">
        <v>3</v>
      </c>
      <c r="P4217" t="s">
        <v>655</v>
      </c>
      <c r="Q4217">
        <v>1</v>
      </c>
      <c r="R4217" t="s">
        <v>656</v>
      </c>
      <c r="S4217">
        <v>2</v>
      </c>
      <c r="T4217" t="s">
        <v>661</v>
      </c>
      <c r="U4217">
        <v>8</v>
      </c>
      <c r="V4217">
        <v>2</v>
      </c>
      <c r="W4217">
        <v>120</v>
      </c>
      <c r="X4217">
        <v>2020</v>
      </c>
    </row>
    <row r="4218" spans="1:24" x14ac:dyDescent="0.25">
      <c r="A4218">
        <v>6528</v>
      </c>
      <c r="B4218" t="s">
        <v>289</v>
      </c>
      <c r="C4218">
        <v>12</v>
      </c>
      <c r="D4218" t="s">
        <v>585</v>
      </c>
      <c r="E4218">
        <v>81</v>
      </c>
      <c r="F4218" t="s">
        <v>651</v>
      </c>
      <c r="G4218">
        <v>160</v>
      </c>
      <c r="H4218" t="s">
        <v>658</v>
      </c>
      <c r="I4218">
        <v>13755</v>
      </c>
      <c r="J4218" t="s">
        <v>894</v>
      </c>
      <c r="K4218">
        <v>18</v>
      </c>
      <c r="L4218" t="s">
        <v>3249</v>
      </c>
      <c r="M4218">
        <v>1139</v>
      </c>
      <c r="N4218" t="s">
        <v>654</v>
      </c>
      <c r="O4218">
        <v>3</v>
      </c>
      <c r="P4218" t="s">
        <v>746</v>
      </c>
      <c r="Q4218">
        <v>2</v>
      </c>
      <c r="R4218" t="s">
        <v>656</v>
      </c>
      <c r="S4218">
        <v>2</v>
      </c>
      <c r="T4218" t="s">
        <v>661</v>
      </c>
      <c r="U4218">
        <v>8</v>
      </c>
      <c r="V4218">
        <v>2</v>
      </c>
      <c r="W4218">
        <v>120</v>
      </c>
      <c r="X4218">
        <v>2020</v>
      </c>
    </row>
    <row r="4219" spans="1:24" x14ac:dyDescent="0.25">
      <c r="A4219">
        <v>6527</v>
      </c>
      <c r="B4219" t="s">
        <v>289</v>
      </c>
      <c r="C4219">
        <v>12</v>
      </c>
      <c r="D4219" t="s">
        <v>585</v>
      </c>
      <c r="E4219">
        <v>81</v>
      </c>
      <c r="F4219" t="s">
        <v>651</v>
      </c>
      <c r="G4219">
        <v>160</v>
      </c>
      <c r="H4219" t="s">
        <v>658</v>
      </c>
      <c r="I4219">
        <v>13755</v>
      </c>
      <c r="J4219" t="s">
        <v>894</v>
      </c>
      <c r="K4219">
        <v>18</v>
      </c>
      <c r="L4219" t="s">
        <v>3249</v>
      </c>
      <c r="M4219">
        <v>1139</v>
      </c>
      <c r="N4219" t="s">
        <v>654</v>
      </c>
      <c r="O4219">
        <v>3</v>
      </c>
      <c r="P4219" t="s">
        <v>655</v>
      </c>
      <c r="Q4219">
        <v>1</v>
      </c>
      <c r="R4219" t="s">
        <v>656</v>
      </c>
      <c r="S4219">
        <v>2</v>
      </c>
      <c r="T4219" t="s">
        <v>661</v>
      </c>
      <c r="U4219">
        <v>8</v>
      </c>
      <c r="V4219">
        <v>2</v>
      </c>
      <c r="W4219">
        <v>120</v>
      </c>
      <c r="X4219">
        <v>2020</v>
      </c>
    </row>
    <row r="4220" spans="1:24" x14ac:dyDescent="0.25">
      <c r="A4220">
        <v>6526</v>
      </c>
      <c r="B4220" t="s">
        <v>289</v>
      </c>
      <c r="C4220">
        <v>12</v>
      </c>
      <c r="D4220" t="s">
        <v>585</v>
      </c>
      <c r="E4220">
        <v>81</v>
      </c>
      <c r="F4220" t="s">
        <v>651</v>
      </c>
      <c r="G4220">
        <v>160</v>
      </c>
      <c r="H4220" t="s">
        <v>658</v>
      </c>
      <c r="I4220">
        <v>13755</v>
      </c>
      <c r="J4220" t="s">
        <v>894</v>
      </c>
      <c r="K4220">
        <v>18</v>
      </c>
      <c r="L4220" t="s">
        <v>3250</v>
      </c>
      <c r="M4220">
        <v>1138</v>
      </c>
      <c r="N4220" t="s">
        <v>654</v>
      </c>
      <c r="O4220">
        <v>3</v>
      </c>
      <c r="P4220" t="s">
        <v>655</v>
      </c>
      <c r="Q4220">
        <v>1</v>
      </c>
      <c r="R4220" t="s">
        <v>656</v>
      </c>
      <c r="S4220">
        <v>2</v>
      </c>
      <c r="T4220" t="s">
        <v>661</v>
      </c>
      <c r="U4220">
        <v>8</v>
      </c>
      <c r="V4220">
        <v>2</v>
      </c>
      <c r="W4220">
        <v>120</v>
      </c>
      <c r="X4220">
        <v>2020</v>
      </c>
    </row>
    <row r="4221" spans="1:24" x14ac:dyDescent="0.25">
      <c r="A4221">
        <v>6525</v>
      </c>
      <c r="B4221" t="s">
        <v>289</v>
      </c>
      <c r="C4221">
        <v>12</v>
      </c>
      <c r="D4221" t="s">
        <v>585</v>
      </c>
      <c r="E4221">
        <v>81</v>
      </c>
      <c r="F4221" t="s">
        <v>651</v>
      </c>
      <c r="G4221">
        <v>160</v>
      </c>
      <c r="H4221" t="s">
        <v>658</v>
      </c>
      <c r="I4221">
        <v>13755</v>
      </c>
      <c r="J4221" t="s">
        <v>894</v>
      </c>
      <c r="K4221">
        <v>18</v>
      </c>
      <c r="L4221" t="s">
        <v>3251</v>
      </c>
      <c r="M4221">
        <v>1137</v>
      </c>
      <c r="N4221" t="s">
        <v>654</v>
      </c>
      <c r="O4221">
        <v>3</v>
      </c>
      <c r="P4221" t="s">
        <v>655</v>
      </c>
      <c r="Q4221">
        <v>1</v>
      </c>
      <c r="R4221" t="s">
        <v>656</v>
      </c>
      <c r="S4221">
        <v>2</v>
      </c>
      <c r="T4221" t="s">
        <v>661</v>
      </c>
      <c r="U4221">
        <v>8</v>
      </c>
      <c r="V4221">
        <v>2</v>
      </c>
      <c r="W4221">
        <v>120</v>
      </c>
      <c r="X4221">
        <v>2020</v>
      </c>
    </row>
    <row r="4222" spans="1:24" x14ac:dyDescent="0.25">
      <c r="A4222">
        <v>6524</v>
      </c>
      <c r="B4222" t="s">
        <v>289</v>
      </c>
      <c r="C4222">
        <v>12</v>
      </c>
      <c r="D4222" t="s">
        <v>585</v>
      </c>
      <c r="E4222">
        <v>81</v>
      </c>
      <c r="F4222" t="s">
        <v>651</v>
      </c>
      <c r="G4222">
        <v>160</v>
      </c>
      <c r="H4222" t="s">
        <v>658</v>
      </c>
      <c r="I4222">
        <v>13755</v>
      </c>
      <c r="J4222" t="s">
        <v>894</v>
      </c>
      <c r="K4222">
        <v>18</v>
      </c>
      <c r="L4222" t="s">
        <v>3252</v>
      </c>
      <c r="M4222">
        <v>1136</v>
      </c>
      <c r="N4222" t="s">
        <v>654</v>
      </c>
      <c r="O4222">
        <v>3</v>
      </c>
      <c r="P4222" t="s">
        <v>655</v>
      </c>
      <c r="Q4222">
        <v>1</v>
      </c>
      <c r="R4222" t="s">
        <v>656</v>
      </c>
      <c r="S4222">
        <v>2</v>
      </c>
      <c r="T4222" t="s">
        <v>661</v>
      </c>
      <c r="U4222">
        <v>8</v>
      </c>
      <c r="V4222">
        <v>2</v>
      </c>
      <c r="W4222">
        <v>120</v>
      </c>
      <c r="X4222">
        <v>2020</v>
      </c>
    </row>
    <row r="4223" spans="1:24" x14ac:dyDescent="0.25">
      <c r="A4223">
        <v>6522</v>
      </c>
      <c r="B4223" t="s">
        <v>289</v>
      </c>
      <c r="C4223">
        <v>12</v>
      </c>
      <c r="D4223" t="s">
        <v>584</v>
      </c>
      <c r="E4223">
        <v>82</v>
      </c>
      <c r="F4223" t="s">
        <v>651</v>
      </c>
      <c r="G4223">
        <v>160</v>
      </c>
      <c r="H4223" t="s">
        <v>658</v>
      </c>
      <c r="I4223">
        <v>13755</v>
      </c>
      <c r="J4223" t="s">
        <v>691</v>
      </c>
      <c r="K4223">
        <v>21</v>
      </c>
      <c r="L4223" t="s">
        <v>3253</v>
      </c>
      <c r="M4223">
        <v>1134</v>
      </c>
      <c r="N4223" t="s">
        <v>654</v>
      </c>
      <c r="O4223">
        <v>3</v>
      </c>
      <c r="P4223" t="s">
        <v>655</v>
      </c>
      <c r="Q4223">
        <v>1</v>
      </c>
      <c r="R4223" t="s">
        <v>656</v>
      </c>
      <c r="S4223">
        <v>2</v>
      </c>
      <c r="T4223" t="s">
        <v>661</v>
      </c>
      <c r="U4223">
        <v>8</v>
      </c>
      <c r="V4223">
        <v>2</v>
      </c>
      <c r="W4223">
        <v>120</v>
      </c>
      <c r="X4223">
        <v>2020</v>
      </c>
    </row>
    <row r="4224" spans="1:24" x14ac:dyDescent="0.25">
      <c r="A4224">
        <v>6521</v>
      </c>
      <c r="B4224" t="s">
        <v>289</v>
      </c>
      <c r="C4224">
        <v>12</v>
      </c>
      <c r="D4224" t="s">
        <v>584</v>
      </c>
      <c r="E4224">
        <v>82</v>
      </c>
      <c r="F4224" t="s">
        <v>651</v>
      </c>
      <c r="G4224">
        <v>160</v>
      </c>
      <c r="H4224" t="s">
        <v>658</v>
      </c>
      <c r="I4224">
        <v>13755</v>
      </c>
      <c r="J4224" t="s">
        <v>691</v>
      </c>
      <c r="K4224">
        <v>21</v>
      </c>
      <c r="L4224" t="s">
        <v>3254</v>
      </c>
      <c r="M4224">
        <v>1133</v>
      </c>
      <c r="N4224" t="s">
        <v>654</v>
      </c>
      <c r="O4224">
        <v>3</v>
      </c>
      <c r="P4224" t="s">
        <v>655</v>
      </c>
      <c r="Q4224">
        <v>1</v>
      </c>
      <c r="R4224" t="s">
        <v>656</v>
      </c>
      <c r="S4224">
        <v>2</v>
      </c>
      <c r="T4224" t="s">
        <v>718</v>
      </c>
      <c r="U4224">
        <v>2</v>
      </c>
      <c r="V4224">
        <v>2</v>
      </c>
      <c r="W4224">
        <v>120</v>
      </c>
      <c r="X4224">
        <v>2020</v>
      </c>
    </row>
    <row r="4225" spans="1:24" x14ac:dyDescent="0.25">
      <c r="A4225">
        <v>6518</v>
      </c>
      <c r="B4225" t="s">
        <v>289</v>
      </c>
      <c r="C4225">
        <v>12</v>
      </c>
      <c r="D4225" t="s">
        <v>584</v>
      </c>
      <c r="E4225">
        <v>82</v>
      </c>
      <c r="F4225" t="s">
        <v>651</v>
      </c>
      <c r="G4225">
        <v>160</v>
      </c>
      <c r="H4225" t="s">
        <v>658</v>
      </c>
      <c r="I4225">
        <v>13755</v>
      </c>
      <c r="J4225" t="s">
        <v>691</v>
      </c>
      <c r="K4225">
        <v>21</v>
      </c>
      <c r="L4225" t="s">
        <v>2991</v>
      </c>
      <c r="M4225">
        <v>1131</v>
      </c>
      <c r="N4225" t="s">
        <v>654</v>
      </c>
      <c r="O4225">
        <v>3</v>
      </c>
      <c r="P4225" t="s">
        <v>655</v>
      </c>
      <c r="Q4225">
        <v>1</v>
      </c>
      <c r="R4225" t="s">
        <v>656</v>
      </c>
      <c r="S4225">
        <v>2</v>
      </c>
      <c r="T4225" t="s">
        <v>661</v>
      </c>
      <c r="U4225">
        <v>8</v>
      </c>
      <c r="V4225">
        <v>2</v>
      </c>
      <c r="W4225">
        <v>120</v>
      </c>
      <c r="X4225">
        <v>2020</v>
      </c>
    </row>
    <row r="4226" spans="1:24" x14ac:dyDescent="0.25">
      <c r="A4226">
        <v>6517</v>
      </c>
      <c r="B4226" t="s">
        <v>289</v>
      </c>
      <c r="C4226">
        <v>12</v>
      </c>
      <c r="D4226" t="s">
        <v>584</v>
      </c>
      <c r="E4226">
        <v>82</v>
      </c>
      <c r="F4226" t="s">
        <v>651</v>
      </c>
      <c r="G4226">
        <v>160</v>
      </c>
      <c r="H4226" t="s">
        <v>658</v>
      </c>
      <c r="I4226">
        <v>13755</v>
      </c>
      <c r="J4226" t="s">
        <v>691</v>
      </c>
      <c r="K4226">
        <v>21</v>
      </c>
      <c r="L4226" t="s">
        <v>3255</v>
      </c>
      <c r="M4226">
        <v>4285</v>
      </c>
      <c r="N4226" t="s">
        <v>654</v>
      </c>
      <c r="O4226">
        <v>3</v>
      </c>
      <c r="P4226" t="s">
        <v>655</v>
      </c>
      <c r="Q4226">
        <v>1</v>
      </c>
      <c r="R4226" t="s">
        <v>656</v>
      </c>
      <c r="S4226">
        <v>2</v>
      </c>
      <c r="T4226" t="s">
        <v>718</v>
      </c>
      <c r="U4226">
        <v>2</v>
      </c>
      <c r="V4226">
        <v>2</v>
      </c>
      <c r="W4226">
        <v>120</v>
      </c>
      <c r="X4226">
        <v>2020</v>
      </c>
    </row>
    <row r="4227" spans="1:24" x14ac:dyDescent="0.25">
      <c r="A4227">
        <v>6516</v>
      </c>
      <c r="B4227" t="s">
        <v>289</v>
      </c>
      <c r="C4227">
        <v>12</v>
      </c>
      <c r="D4227" t="s">
        <v>584</v>
      </c>
      <c r="E4227">
        <v>82</v>
      </c>
      <c r="F4227" t="s">
        <v>651</v>
      </c>
      <c r="G4227">
        <v>160</v>
      </c>
      <c r="H4227" t="s">
        <v>658</v>
      </c>
      <c r="I4227">
        <v>13755</v>
      </c>
      <c r="J4227" t="s">
        <v>691</v>
      </c>
      <c r="K4227">
        <v>21</v>
      </c>
      <c r="L4227" t="s">
        <v>3255</v>
      </c>
      <c r="M4227">
        <v>4285</v>
      </c>
      <c r="N4227" t="s">
        <v>654</v>
      </c>
      <c r="O4227">
        <v>3</v>
      </c>
      <c r="P4227" t="s">
        <v>746</v>
      </c>
      <c r="Q4227">
        <v>2</v>
      </c>
      <c r="R4227" t="s">
        <v>656</v>
      </c>
      <c r="S4227">
        <v>2</v>
      </c>
      <c r="T4227" t="s">
        <v>661</v>
      </c>
      <c r="U4227">
        <v>8</v>
      </c>
      <c r="V4227">
        <v>2</v>
      </c>
      <c r="W4227">
        <v>120</v>
      </c>
      <c r="X4227">
        <v>2020</v>
      </c>
    </row>
    <row r="4228" spans="1:24" x14ac:dyDescent="0.25">
      <c r="A4228">
        <v>6515</v>
      </c>
      <c r="B4228" t="s">
        <v>289</v>
      </c>
      <c r="C4228">
        <v>12</v>
      </c>
      <c r="D4228" t="s">
        <v>584</v>
      </c>
      <c r="E4228">
        <v>82</v>
      </c>
      <c r="F4228" t="s">
        <v>651</v>
      </c>
      <c r="G4228">
        <v>160</v>
      </c>
      <c r="H4228" t="s">
        <v>658</v>
      </c>
      <c r="I4228">
        <v>13755</v>
      </c>
      <c r="J4228" t="s">
        <v>691</v>
      </c>
      <c r="K4228">
        <v>21</v>
      </c>
      <c r="L4228" t="s">
        <v>3255</v>
      </c>
      <c r="M4228">
        <v>4285</v>
      </c>
      <c r="N4228" t="s">
        <v>654</v>
      </c>
      <c r="O4228">
        <v>3</v>
      </c>
      <c r="P4228" t="s">
        <v>655</v>
      </c>
      <c r="Q4228">
        <v>1</v>
      </c>
      <c r="R4228" t="s">
        <v>656</v>
      </c>
      <c r="S4228">
        <v>2</v>
      </c>
      <c r="T4228" t="s">
        <v>661</v>
      </c>
      <c r="U4228">
        <v>8</v>
      </c>
      <c r="V4228">
        <v>2</v>
      </c>
      <c r="W4228">
        <v>120</v>
      </c>
      <c r="X4228">
        <v>2020</v>
      </c>
    </row>
    <row r="4229" spans="1:24" x14ac:dyDescent="0.25">
      <c r="A4229">
        <v>6513</v>
      </c>
      <c r="B4229" t="s">
        <v>289</v>
      </c>
      <c r="C4229">
        <v>12</v>
      </c>
      <c r="D4229" t="s">
        <v>584</v>
      </c>
      <c r="E4229">
        <v>82</v>
      </c>
      <c r="F4229" t="s">
        <v>651</v>
      </c>
      <c r="G4229">
        <v>160</v>
      </c>
      <c r="H4229" t="s">
        <v>658</v>
      </c>
      <c r="I4229">
        <v>13755</v>
      </c>
      <c r="J4229" t="s">
        <v>691</v>
      </c>
      <c r="K4229">
        <v>21</v>
      </c>
      <c r="L4229" t="s">
        <v>3256</v>
      </c>
      <c r="M4229">
        <v>1129</v>
      </c>
      <c r="N4229" t="s">
        <v>654</v>
      </c>
      <c r="O4229">
        <v>3</v>
      </c>
      <c r="P4229" t="s">
        <v>746</v>
      </c>
      <c r="Q4229">
        <v>2</v>
      </c>
      <c r="R4229" t="s">
        <v>656</v>
      </c>
      <c r="S4229">
        <v>2</v>
      </c>
      <c r="T4229" t="s">
        <v>661</v>
      </c>
      <c r="U4229">
        <v>8</v>
      </c>
      <c r="V4229">
        <v>2</v>
      </c>
      <c r="W4229">
        <v>120</v>
      </c>
      <c r="X4229">
        <v>2020</v>
      </c>
    </row>
    <row r="4230" spans="1:24" x14ac:dyDescent="0.25">
      <c r="A4230">
        <v>6512</v>
      </c>
      <c r="B4230" t="s">
        <v>289</v>
      </c>
      <c r="C4230">
        <v>12</v>
      </c>
      <c r="D4230" t="s">
        <v>584</v>
      </c>
      <c r="E4230">
        <v>82</v>
      </c>
      <c r="F4230" t="s">
        <v>651</v>
      </c>
      <c r="G4230">
        <v>160</v>
      </c>
      <c r="H4230" t="s">
        <v>658</v>
      </c>
      <c r="I4230">
        <v>13755</v>
      </c>
      <c r="J4230" t="s">
        <v>691</v>
      </c>
      <c r="K4230">
        <v>21</v>
      </c>
      <c r="L4230" t="s">
        <v>3256</v>
      </c>
      <c r="M4230">
        <v>1129</v>
      </c>
      <c r="N4230" t="s">
        <v>654</v>
      </c>
      <c r="O4230">
        <v>3</v>
      </c>
      <c r="P4230" t="s">
        <v>655</v>
      </c>
      <c r="Q4230">
        <v>1</v>
      </c>
      <c r="R4230" t="s">
        <v>656</v>
      </c>
      <c r="S4230">
        <v>2</v>
      </c>
      <c r="T4230" t="s">
        <v>661</v>
      </c>
      <c r="U4230">
        <v>8</v>
      </c>
      <c r="V4230">
        <v>2</v>
      </c>
      <c r="W4230">
        <v>120</v>
      </c>
      <c r="X4230">
        <v>2020</v>
      </c>
    </row>
    <row r="4231" spans="1:24" x14ac:dyDescent="0.25">
      <c r="A4231">
        <v>6511</v>
      </c>
      <c r="B4231" t="s">
        <v>289</v>
      </c>
      <c r="C4231">
        <v>12</v>
      </c>
      <c r="D4231" t="s">
        <v>584</v>
      </c>
      <c r="E4231">
        <v>82</v>
      </c>
      <c r="F4231" t="s">
        <v>651</v>
      </c>
      <c r="G4231">
        <v>160</v>
      </c>
      <c r="H4231" t="s">
        <v>658</v>
      </c>
      <c r="I4231">
        <v>13755</v>
      </c>
      <c r="J4231" t="s">
        <v>691</v>
      </c>
      <c r="K4231">
        <v>21</v>
      </c>
      <c r="L4231" t="s">
        <v>3257</v>
      </c>
      <c r="M4231">
        <v>1128</v>
      </c>
      <c r="N4231" t="s">
        <v>654</v>
      </c>
      <c r="O4231">
        <v>3</v>
      </c>
      <c r="P4231" t="s">
        <v>746</v>
      </c>
      <c r="Q4231">
        <v>2</v>
      </c>
      <c r="R4231" t="s">
        <v>656</v>
      </c>
      <c r="S4231">
        <v>2</v>
      </c>
      <c r="T4231" t="s">
        <v>661</v>
      </c>
      <c r="U4231">
        <v>8</v>
      </c>
      <c r="V4231">
        <v>2</v>
      </c>
      <c r="W4231">
        <v>120</v>
      </c>
      <c r="X4231">
        <v>2020</v>
      </c>
    </row>
    <row r="4232" spans="1:24" x14ac:dyDescent="0.25">
      <c r="A4232">
        <v>6510</v>
      </c>
      <c r="B4232" t="s">
        <v>289</v>
      </c>
      <c r="C4232">
        <v>12</v>
      </c>
      <c r="D4232" t="s">
        <v>584</v>
      </c>
      <c r="E4232">
        <v>82</v>
      </c>
      <c r="F4232" t="s">
        <v>651</v>
      </c>
      <c r="G4232">
        <v>160</v>
      </c>
      <c r="H4232" t="s">
        <v>658</v>
      </c>
      <c r="I4232">
        <v>13755</v>
      </c>
      <c r="J4232" t="s">
        <v>691</v>
      </c>
      <c r="K4232">
        <v>21</v>
      </c>
      <c r="L4232" t="s">
        <v>3257</v>
      </c>
      <c r="M4232">
        <v>1128</v>
      </c>
      <c r="N4232" t="s">
        <v>654</v>
      </c>
      <c r="O4232">
        <v>3</v>
      </c>
      <c r="P4232" t="s">
        <v>655</v>
      </c>
      <c r="Q4232">
        <v>1</v>
      </c>
      <c r="R4232" t="s">
        <v>656</v>
      </c>
      <c r="S4232">
        <v>2</v>
      </c>
      <c r="T4232" t="s">
        <v>661</v>
      </c>
      <c r="U4232">
        <v>8</v>
      </c>
      <c r="V4232">
        <v>2</v>
      </c>
      <c r="W4232">
        <v>120</v>
      </c>
      <c r="X4232">
        <v>2020</v>
      </c>
    </row>
    <row r="4233" spans="1:24" x14ac:dyDescent="0.25">
      <c r="A4233">
        <v>6509</v>
      </c>
      <c r="B4233" t="s">
        <v>289</v>
      </c>
      <c r="C4233">
        <v>12</v>
      </c>
      <c r="D4233" t="s">
        <v>584</v>
      </c>
      <c r="E4233">
        <v>82</v>
      </c>
      <c r="F4233" t="s">
        <v>651</v>
      </c>
      <c r="G4233">
        <v>160</v>
      </c>
      <c r="H4233" t="s">
        <v>658</v>
      </c>
      <c r="I4233">
        <v>13755</v>
      </c>
      <c r="J4233" t="s">
        <v>691</v>
      </c>
      <c r="K4233">
        <v>21</v>
      </c>
      <c r="L4233" t="s">
        <v>1923</v>
      </c>
      <c r="M4233">
        <v>1127</v>
      </c>
      <c r="N4233" t="s">
        <v>654</v>
      </c>
      <c r="O4233">
        <v>3</v>
      </c>
      <c r="P4233" t="s">
        <v>746</v>
      </c>
      <c r="Q4233">
        <v>2</v>
      </c>
      <c r="R4233" t="s">
        <v>656</v>
      </c>
      <c r="S4233">
        <v>2</v>
      </c>
      <c r="T4233" t="s">
        <v>661</v>
      </c>
      <c r="U4233">
        <v>8</v>
      </c>
      <c r="V4233">
        <v>2</v>
      </c>
      <c r="W4233">
        <v>120</v>
      </c>
      <c r="X4233">
        <v>2020</v>
      </c>
    </row>
    <row r="4234" spans="1:24" x14ac:dyDescent="0.25">
      <c r="A4234">
        <v>6508</v>
      </c>
      <c r="B4234" t="s">
        <v>289</v>
      </c>
      <c r="C4234">
        <v>12</v>
      </c>
      <c r="D4234" t="s">
        <v>584</v>
      </c>
      <c r="E4234">
        <v>82</v>
      </c>
      <c r="F4234" t="s">
        <v>651</v>
      </c>
      <c r="G4234">
        <v>160</v>
      </c>
      <c r="H4234" t="s">
        <v>658</v>
      </c>
      <c r="I4234">
        <v>13755</v>
      </c>
      <c r="J4234" t="s">
        <v>691</v>
      </c>
      <c r="K4234">
        <v>21</v>
      </c>
      <c r="L4234" t="s">
        <v>1923</v>
      </c>
      <c r="M4234">
        <v>1127</v>
      </c>
      <c r="N4234" t="s">
        <v>654</v>
      </c>
      <c r="O4234">
        <v>3</v>
      </c>
      <c r="P4234" t="s">
        <v>655</v>
      </c>
      <c r="Q4234">
        <v>1</v>
      </c>
      <c r="R4234" t="s">
        <v>656</v>
      </c>
      <c r="S4234">
        <v>2</v>
      </c>
      <c r="T4234" t="s">
        <v>661</v>
      </c>
      <c r="U4234">
        <v>8</v>
      </c>
      <c r="V4234">
        <v>2</v>
      </c>
      <c r="W4234">
        <v>120</v>
      </c>
      <c r="X4234">
        <v>2020</v>
      </c>
    </row>
    <row r="4235" spans="1:24" x14ac:dyDescent="0.25">
      <c r="A4235">
        <v>6507</v>
      </c>
      <c r="B4235" t="s">
        <v>289</v>
      </c>
      <c r="C4235">
        <v>12</v>
      </c>
      <c r="D4235" t="s">
        <v>584</v>
      </c>
      <c r="E4235">
        <v>82</v>
      </c>
      <c r="F4235" t="s">
        <v>651</v>
      </c>
      <c r="G4235">
        <v>160</v>
      </c>
      <c r="H4235" t="s">
        <v>658</v>
      </c>
      <c r="I4235">
        <v>13755</v>
      </c>
      <c r="J4235" t="s">
        <v>691</v>
      </c>
      <c r="K4235">
        <v>21</v>
      </c>
      <c r="L4235" t="s">
        <v>3258</v>
      </c>
      <c r="M4235">
        <v>1126</v>
      </c>
      <c r="N4235" t="s">
        <v>654</v>
      </c>
      <c r="O4235">
        <v>3</v>
      </c>
      <c r="P4235" t="s">
        <v>655</v>
      </c>
      <c r="Q4235">
        <v>1</v>
      </c>
      <c r="R4235" t="s">
        <v>656</v>
      </c>
      <c r="S4235">
        <v>2</v>
      </c>
      <c r="T4235" t="s">
        <v>718</v>
      </c>
      <c r="U4235">
        <v>2</v>
      </c>
      <c r="V4235">
        <v>2</v>
      </c>
      <c r="W4235">
        <v>120</v>
      </c>
      <c r="X4235">
        <v>2020</v>
      </c>
    </row>
    <row r="4236" spans="1:24" x14ac:dyDescent="0.25">
      <c r="A4236">
        <v>6504</v>
      </c>
      <c r="B4236" t="s">
        <v>289</v>
      </c>
      <c r="C4236">
        <v>12</v>
      </c>
      <c r="D4236" t="s">
        <v>584</v>
      </c>
      <c r="E4236">
        <v>82</v>
      </c>
      <c r="F4236" t="s">
        <v>651</v>
      </c>
      <c r="G4236">
        <v>160</v>
      </c>
      <c r="H4236" t="s">
        <v>658</v>
      </c>
      <c r="I4236">
        <v>13755</v>
      </c>
      <c r="J4236" t="s">
        <v>691</v>
      </c>
      <c r="K4236">
        <v>21</v>
      </c>
      <c r="L4236" t="s">
        <v>727</v>
      </c>
      <c r="M4236">
        <v>1123</v>
      </c>
      <c r="N4236" t="s">
        <v>654</v>
      </c>
      <c r="O4236">
        <v>3</v>
      </c>
      <c r="P4236" t="s">
        <v>746</v>
      </c>
      <c r="Q4236">
        <v>2</v>
      </c>
      <c r="R4236" t="s">
        <v>656</v>
      </c>
      <c r="S4236">
        <v>2</v>
      </c>
      <c r="T4236" t="s">
        <v>661</v>
      </c>
      <c r="U4236">
        <v>8</v>
      </c>
      <c r="V4236">
        <v>2</v>
      </c>
      <c r="W4236">
        <v>120</v>
      </c>
      <c r="X4236">
        <v>2020</v>
      </c>
    </row>
    <row r="4237" spans="1:24" x14ac:dyDescent="0.25">
      <c r="A4237">
        <v>6503</v>
      </c>
      <c r="B4237" t="s">
        <v>289</v>
      </c>
      <c r="C4237">
        <v>12</v>
      </c>
      <c r="D4237" t="s">
        <v>584</v>
      </c>
      <c r="E4237">
        <v>82</v>
      </c>
      <c r="F4237" t="s">
        <v>651</v>
      </c>
      <c r="G4237">
        <v>160</v>
      </c>
      <c r="H4237" t="s">
        <v>658</v>
      </c>
      <c r="I4237">
        <v>13755</v>
      </c>
      <c r="J4237" t="s">
        <v>691</v>
      </c>
      <c r="K4237">
        <v>21</v>
      </c>
      <c r="L4237" t="s">
        <v>727</v>
      </c>
      <c r="M4237">
        <v>1123</v>
      </c>
      <c r="N4237" t="s">
        <v>654</v>
      </c>
      <c r="O4237">
        <v>3</v>
      </c>
      <c r="P4237" t="s">
        <v>655</v>
      </c>
      <c r="Q4237">
        <v>1</v>
      </c>
      <c r="R4237" t="s">
        <v>656</v>
      </c>
      <c r="S4237">
        <v>2</v>
      </c>
      <c r="T4237" t="s">
        <v>661</v>
      </c>
      <c r="U4237">
        <v>8</v>
      </c>
      <c r="V4237">
        <v>2</v>
      </c>
      <c r="W4237">
        <v>120</v>
      </c>
      <c r="X4237">
        <v>2020</v>
      </c>
    </row>
    <row r="4238" spans="1:24" x14ac:dyDescent="0.25">
      <c r="A4238">
        <v>6502</v>
      </c>
      <c r="B4238" t="s">
        <v>289</v>
      </c>
      <c r="C4238">
        <v>12</v>
      </c>
      <c r="D4238" t="s">
        <v>584</v>
      </c>
      <c r="E4238">
        <v>82</v>
      </c>
      <c r="F4238" t="s">
        <v>651</v>
      </c>
      <c r="G4238">
        <v>160</v>
      </c>
      <c r="H4238" t="s">
        <v>658</v>
      </c>
      <c r="I4238">
        <v>13755</v>
      </c>
      <c r="J4238" t="s">
        <v>691</v>
      </c>
      <c r="K4238">
        <v>21</v>
      </c>
      <c r="L4238" t="s">
        <v>3259</v>
      </c>
      <c r="M4238">
        <v>1122</v>
      </c>
      <c r="N4238" t="s">
        <v>654</v>
      </c>
      <c r="O4238">
        <v>3</v>
      </c>
      <c r="P4238" t="s">
        <v>655</v>
      </c>
      <c r="Q4238">
        <v>1</v>
      </c>
      <c r="R4238" t="s">
        <v>656</v>
      </c>
      <c r="S4238">
        <v>2</v>
      </c>
      <c r="T4238" t="s">
        <v>661</v>
      </c>
      <c r="U4238">
        <v>8</v>
      </c>
      <c r="V4238">
        <v>2</v>
      </c>
      <c r="W4238">
        <v>120</v>
      </c>
      <c r="X4238">
        <v>2020</v>
      </c>
    </row>
    <row r="4239" spans="1:24" x14ac:dyDescent="0.25">
      <c r="A4239">
        <v>6501</v>
      </c>
      <c r="B4239" t="s">
        <v>289</v>
      </c>
      <c r="C4239">
        <v>12</v>
      </c>
      <c r="D4239" t="s">
        <v>584</v>
      </c>
      <c r="E4239">
        <v>82</v>
      </c>
      <c r="F4239" t="s">
        <v>651</v>
      </c>
      <c r="G4239">
        <v>160</v>
      </c>
      <c r="H4239" t="s">
        <v>658</v>
      </c>
      <c r="I4239">
        <v>13755</v>
      </c>
      <c r="J4239" t="s">
        <v>691</v>
      </c>
      <c r="K4239">
        <v>21</v>
      </c>
      <c r="L4239" t="s">
        <v>3260</v>
      </c>
      <c r="M4239">
        <v>1121</v>
      </c>
      <c r="N4239" t="s">
        <v>654</v>
      </c>
      <c r="O4239">
        <v>3</v>
      </c>
      <c r="P4239" t="s">
        <v>655</v>
      </c>
      <c r="Q4239">
        <v>1</v>
      </c>
      <c r="R4239" t="s">
        <v>656</v>
      </c>
      <c r="S4239">
        <v>2</v>
      </c>
      <c r="T4239" t="s">
        <v>661</v>
      </c>
      <c r="U4239">
        <v>8</v>
      </c>
      <c r="V4239">
        <v>2</v>
      </c>
      <c r="W4239">
        <v>120</v>
      </c>
      <c r="X4239">
        <v>2020</v>
      </c>
    </row>
    <row r="4240" spans="1:24" x14ac:dyDescent="0.25">
      <c r="A4240">
        <v>6500</v>
      </c>
      <c r="B4240" t="s">
        <v>289</v>
      </c>
      <c r="C4240">
        <v>12</v>
      </c>
      <c r="D4240" t="s">
        <v>408</v>
      </c>
      <c r="E4240">
        <v>80</v>
      </c>
      <c r="F4240" t="s">
        <v>651</v>
      </c>
      <c r="G4240">
        <v>160</v>
      </c>
      <c r="H4240" t="s">
        <v>658</v>
      </c>
      <c r="I4240">
        <v>13755</v>
      </c>
      <c r="J4240" t="s">
        <v>682</v>
      </c>
      <c r="K4240">
        <v>20</v>
      </c>
      <c r="L4240" t="s">
        <v>3261</v>
      </c>
      <c r="M4240">
        <v>1120</v>
      </c>
      <c r="N4240" t="s">
        <v>654</v>
      </c>
      <c r="O4240">
        <v>3</v>
      </c>
      <c r="P4240" t="s">
        <v>746</v>
      </c>
      <c r="Q4240">
        <v>2</v>
      </c>
      <c r="R4240" t="s">
        <v>656</v>
      </c>
      <c r="S4240">
        <v>2</v>
      </c>
      <c r="T4240" t="s">
        <v>661</v>
      </c>
      <c r="U4240">
        <v>8</v>
      </c>
      <c r="V4240">
        <v>2</v>
      </c>
      <c r="W4240">
        <v>120</v>
      </c>
      <c r="X4240">
        <v>2020</v>
      </c>
    </row>
    <row r="4241" spans="1:24" x14ac:dyDescent="0.25">
      <c r="A4241">
        <v>6499</v>
      </c>
      <c r="B4241" t="s">
        <v>289</v>
      </c>
      <c r="C4241">
        <v>12</v>
      </c>
      <c r="D4241" t="s">
        <v>408</v>
      </c>
      <c r="E4241">
        <v>80</v>
      </c>
      <c r="F4241" t="s">
        <v>651</v>
      </c>
      <c r="G4241">
        <v>160</v>
      </c>
      <c r="H4241" t="s">
        <v>658</v>
      </c>
      <c r="I4241">
        <v>13755</v>
      </c>
      <c r="J4241" t="s">
        <v>682</v>
      </c>
      <c r="K4241">
        <v>20</v>
      </c>
      <c r="L4241" t="s">
        <v>3261</v>
      </c>
      <c r="M4241">
        <v>1120</v>
      </c>
      <c r="N4241" t="s">
        <v>654</v>
      </c>
      <c r="O4241">
        <v>3</v>
      </c>
      <c r="P4241" t="s">
        <v>655</v>
      </c>
      <c r="Q4241">
        <v>1</v>
      </c>
      <c r="R4241" t="s">
        <v>656</v>
      </c>
      <c r="S4241">
        <v>2</v>
      </c>
      <c r="T4241" t="s">
        <v>661</v>
      </c>
      <c r="U4241">
        <v>8</v>
      </c>
      <c r="V4241">
        <v>2</v>
      </c>
      <c r="W4241">
        <v>120</v>
      </c>
      <c r="X4241">
        <v>2020</v>
      </c>
    </row>
    <row r="4242" spans="1:24" x14ac:dyDescent="0.25">
      <c r="A4242">
        <v>6498</v>
      </c>
      <c r="B4242" t="s">
        <v>289</v>
      </c>
      <c r="C4242">
        <v>12</v>
      </c>
      <c r="D4242" t="s">
        <v>408</v>
      </c>
      <c r="E4242">
        <v>80</v>
      </c>
      <c r="F4242" t="s">
        <v>651</v>
      </c>
      <c r="G4242">
        <v>160</v>
      </c>
      <c r="H4242" t="s">
        <v>658</v>
      </c>
      <c r="I4242">
        <v>13755</v>
      </c>
      <c r="J4242" t="s">
        <v>682</v>
      </c>
      <c r="K4242">
        <v>20</v>
      </c>
      <c r="L4242" t="s">
        <v>3262</v>
      </c>
      <c r="M4242">
        <v>1119</v>
      </c>
      <c r="N4242" t="s">
        <v>654</v>
      </c>
      <c r="O4242">
        <v>3</v>
      </c>
      <c r="P4242" t="s">
        <v>746</v>
      </c>
      <c r="Q4242">
        <v>2</v>
      </c>
      <c r="R4242" t="s">
        <v>656</v>
      </c>
      <c r="S4242">
        <v>2</v>
      </c>
      <c r="T4242" t="s">
        <v>661</v>
      </c>
      <c r="U4242">
        <v>8</v>
      </c>
      <c r="V4242">
        <v>2</v>
      </c>
      <c r="W4242">
        <v>120</v>
      </c>
      <c r="X4242">
        <v>2020</v>
      </c>
    </row>
    <row r="4243" spans="1:24" x14ac:dyDescent="0.25">
      <c r="A4243">
        <v>6497</v>
      </c>
      <c r="B4243" t="s">
        <v>289</v>
      </c>
      <c r="C4243">
        <v>12</v>
      </c>
      <c r="D4243" t="s">
        <v>408</v>
      </c>
      <c r="E4243">
        <v>80</v>
      </c>
      <c r="F4243" t="s">
        <v>651</v>
      </c>
      <c r="G4243">
        <v>160</v>
      </c>
      <c r="H4243" t="s">
        <v>658</v>
      </c>
      <c r="I4243">
        <v>13755</v>
      </c>
      <c r="J4243" t="s">
        <v>682</v>
      </c>
      <c r="K4243">
        <v>20</v>
      </c>
      <c r="L4243" t="s">
        <v>3262</v>
      </c>
      <c r="M4243">
        <v>1119</v>
      </c>
      <c r="N4243" t="s">
        <v>654</v>
      </c>
      <c r="O4243">
        <v>3</v>
      </c>
      <c r="P4243" t="s">
        <v>655</v>
      </c>
      <c r="Q4243">
        <v>1</v>
      </c>
      <c r="R4243" t="s">
        <v>656</v>
      </c>
      <c r="S4243">
        <v>2</v>
      </c>
      <c r="T4243" t="s">
        <v>661</v>
      </c>
      <c r="U4243">
        <v>8</v>
      </c>
      <c r="V4243">
        <v>2</v>
      </c>
      <c r="W4243">
        <v>120</v>
      </c>
      <c r="X4243">
        <v>2020</v>
      </c>
    </row>
    <row r="4244" spans="1:24" x14ac:dyDescent="0.25">
      <c r="A4244">
        <v>6496</v>
      </c>
      <c r="B4244" t="s">
        <v>289</v>
      </c>
      <c r="C4244">
        <v>12</v>
      </c>
      <c r="D4244" t="s">
        <v>408</v>
      </c>
      <c r="E4244">
        <v>80</v>
      </c>
      <c r="F4244" t="s">
        <v>651</v>
      </c>
      <c r="G4244">
        <v>160</v>
      </c>
      <c r="H4244" t="s">
        <v>658</v>
      </c>
      <c r="I4244">
        <v>13755</v>
      </c>
      <c r="J4244" t="s">
        <v>682</v>
      </c>
      <c r="K4244">
        <v>20</v>
      </c>
      <c r="L4244" t="s">
        <v>2033</v>
      </c>
      <c r="M4244">
        <v>1118</v>
      </c>
      <c r="N4244" t="s">
        <v>654</v>
      </c>
      <c r="O4244">
        <v>3</v>
      </c>
      <c r="P4244" t="s">
        <v>746</v>
      </c>
      <c r="Q4244">
        <v>2</v>
      </c>
      <c r="R4244" t="s">
        <v>656</v>
      </c>
      <c r="S4244">
        <v>2</v>
      </c>
      <c r="T4244" t="s">
        <v>661</v>
      </c>
      <c r="U4244">
        <v>8</v>
      </c>
      <c r="V4244">
        <v>2</v>
      </c>
      <c r="W4244">
        <v>120</v>
      </c>
      <c r="X4244">
        <v>2020</v>
      </c>
    </row>
    <row r="4245" spans="1:24" x14ac:dyDescent="0.25">
      <c r="A4245">
        <v>6495</v>
      </c>
      <c r="B4245" t="s">
        <v>289</v>
      </c>
      <c r="C4245">
        <v>12</v>
      </c>
      <c r="D4245" t="s">
        <v>408</v>
      </c>
      <c r="E4245">
        <v>80</v>
      </c>
      <c r="F4245" t="s">
        <v>651</v>
      </c>
      <c r="G4245">
        <v>160</v>
      </c>
      <c r="H4245" t="s">
        <v>658</v>
      </c>
      <c r="I4245">
        <v>13755</v>
      </c>
      <c r="J4245" t="s">
        <v>682</v>
      </c>
      <c r="K4245">
        <v>20</v>
      </c>
      <c r="L4245" t="s">
        <v>2033</v>
      </c>
      <c r="M4245">
        <v>1118</v>
      </c>
      <c r="N4245" t="s">
        <v>654</v>
      </c>
      <c r="O4245">
        <v>3</v>
      </c>
      <c r="P4245" t="s">
        <v>655</v>
      </c>
      <c r="Q4245">
        <v>1</v>
      </c>
      <c r="R4245" t="s">
        <v>656</v>
      </c>
      <c r="S4245">
        <v>2</v>
      </c>
      <c r="T4245" t="s">
        <v>661</v>
      </c>
      <c r="U4245">
        <v>8</v>
      </c>
      <c r="V4245">
        <v>2</v>
      </c>
      <c r="W4245">
        <v>120</v>
      </c>
      <c r="X4245">
        <v>2020</v>
      </c>
    </row>
    <row r="4246" spans="1:24" x14ac:dyDescent="0.25">
      <c r="A4246">
        <v>6494</v>
      </c>
      <c r="B4246" t="s">
        <v>289</v>
      </c>
      <c r="C4246">
        <v>12</v>
      </c>
      <c r="D4246" t="s">
        <v>408</v>
      </c>
      <c r="E4246">
        <v>80</v>
      </c>
      <c r="F4246" t="s">
        <v>651</v>
      </c>
      <c r="G4246">
        <v>160</v>
      </c>
      <c r="H4246" t="s">
        <v>658</v>
      </c>
      <c r="I4246">
        <v>13755</v>
      </c>
      <c r="J4246" t="s">
        <v>682</v>
      </c>
      <c r="K4246">
        <v>20</v>
      </c>
      <c r="L4246" t="s">
        <v>2517</v>
      </c>
      <c r="M4246">
        <v>1117</v>
      </c>
      <c r="N4246" t="s">
        <v>654</v>
      </c>
      <c r="O4246">
        <v>3</v>
      </c>
      <c r="P4246" t="s">
        <v>655</v>
      </c>
      <c r="Q4246">
        <v>1</v>
      </c>
      <c r="R4246" t="s">
        <v>656</v>
      </c>
      <c r="S4246">
        <v>2</v>
      </c>
      <c r="T4246" t="s">
        <v>718</v>
      </c>
      <c r="U4246">
        <v>2</v>
      </c>
      <c r="V4246">
        <v>2</v>
      </c>
      <c r="W4246">
        <v>120</v>
      </c>
      <c r="X4246">
        <v>2020</v>
      </c>
    </row>
    <row r="4247" spans="1:24" x14ac:dyDescent="0.25">
      <c r="A4247">
        <v>6493</v>
      </c>
      <c r="B4247" t="s">
        <v>289</v>
      </c>
      <c r="C4247">
        <v>12</v>
      </c>
      <c r="D4247" t="s">
        <v>408</v>
      </c>
      <c r="E4247">
        <v>80</v>
      </c>
      <c r="F4247" t="s">
        <v>651</v>
      </c>
      <c r="G4247">
        <v>160</v>
      </c>
      <c r="H4247" t="s">
        <v>658</v>
      </c>
      <c r="I4247">
        <v>13755</v>
      </c>
      <c r="J4247" t="s">
        <v>682</v>
      </c>
      <c r="K4247">
        <v>20</v>
      </c>
      <c r="L4247" t="s">
        <v>2517</v>
      </c>
      <c r="M4247">
        <v>1117</v>
      </c>
      <c r="N4247" t="s">
        <v>654</v>
      </c>
      <c r="O4247">
        <v>3</v>
      </c>
      <c r="P4247" t="s">
        <v>746</v>
      </c>
      <c r="Q4247">
        <v>2</v>
      </c>
      <c r="R4247" t="s">
        <v>656</v>
      </c>
      <c r="S4247">
        <v>2</v>
      </c>
      <c r="T4247" t="s">
        <v>661</v>
      </c>
      <c r="U4247">
        <v>8</v>
      </c>
      <c r="V4247">
        <v>2</v>
      </c>
      <c r="W4247">
        <v>120</v>
      </c>
      <c r="X4247">
        <v>2020</v>
      </c>
    </row>
    <row r="4248" spans="1:24" x14ac:dyDescent="0.25">
      <c r="A4248">
        <v>6492</v>
      </c>
      <c r="B4248" t="s">
        <v>289</v>
      </c>
      <c r="C4248">
        <v>12</v>
      </c>
      <c r="D4248" t="s">
        <v>408</v>
      </c>
      <c r="E4248">
        <v>80</v>
      </c>
      <c r="F4248" t="s">
        <v>651</v>
      </c>
      <c r="G4248">
        <v>160</v>
      </c>
      <c r="H4248" t="s">
        <v>658</v>
      </c>
      <c r="I4248">
        <v>13755</v>
      </c>
      <c r="J4248" t="s">
        <v>682</v>
      </c>
      <c r="K4248">
        <v>20</v>
      </c>
      <c r="L4248" t="s">
        <v>2517</v>
      </c>
      <c r="M4248">
        <v>1117</v>
      </c>
      <c r="N4248" t="s">
        <v>654</v>
      </c>
      <c r="O4248">
        <v>3</v>
      </c>
      <c r="P4248" t="s">
        <v>655</v>
      </c>
      <c r="Q4248">
        <v>1</v>
      </c>
      <c r="R4248" t="s">
        <v>656</v>
      </c>
      <c r="S4248">
        <v>2</v>
      </c>
      <c r="T4248" t="s">
        <v>661</v>
      </c>
      <c r="U4248">
        <v>8</v>
      </c>
      <c r="V4248">
        <v>2</v>
      </c>
      <c r="W4248">
        <v>120</v>
      </c>
      <c r="X4248">
        <v>2020</v>
      </c>
    </row>
    <row r="4249" spans="1:24" x14ac:dyDescent="0.25">
      <c r="A4249">
        <v>6491</v>
      </c>
      <c r="B4249" t="s">
        <v>289</v>
      </c>
      <c r="C4249">
        <v>12</v>
      </c>
      <c r="D4249" t="s">
        <v>585</v>
      </c>
      <c r="E4249">
        <v>81</v>
      </c>
      <c r="F4249" t="s">
        <v>651</v>
      </c>
      <c r="G4249">
        <v>160</v>
      </c>
      <c r="H4249" t="s">
        <v>658</v>
      </c>
      <c r="I4249">
        <v>13755</v>
      </c>
      <c r="J4249" t="s">
        <v>703</v>
      </c>
      <c r="K4249">
        <v>16</v>
      </c>
      <c r="L4249" t="s">
        <v>3263</v>
      </c>
      <c r="M4249">
        <v>1116</v>
      </c>
      <c r="N4249" t="s">
        <v>654</v>
      </c>
      <c r="O4249">
        <v>3</v>
      </c>
      <c r="P4249" t="s">
        <v>655</v>
      </c>
      <c r="Q4249">
        <v>1</v>
      </c>
      <c r="R4249" t="s">
        <v>656</v>
      </c>
      <c r="S4249">
        <v>2</v>
      </c>
      <c r="T4249" t="s">
        <v>661</v>
      </c>
      <c r="U4249">
        <v>8</v>
      </c>
      <c r="V4249">
        <v>2</v>
      </c>
      <c r="W4249">
        <v>120</v>
      </c>
      <c r="X4249">
        <v>2020</v>
      </c>
    </row>
    <row r="4250" spans="1:24" x14ac:dyDescent="0.25">
      <c r="A4250">
        <v>6490</v>
      </c>
      <c r="B4250" t="s">
        <v>289</v>
      </c>
      <c r="C4250">
        <v>12</v>
      </c>
      <c r="D4250" t="s">
        <v>585</v>
      </c>
      <c r="E4250">
        <v>81</v>
      </c>
      <c r="F4250" t="s">
        <v>651</v>
      </c>
      <c r="G4250">
        <v>160</v>
      </c>
      <c r="H4250" t="s">
        <v>658</v>
      </c>
      <c r="I4250">
        <v>13755</v>
      </c>
      <c r="J4250" t="s">
        <v>703</v>
      </c>
      <c r="K4250">
        <v>16</v>
      </c>
      <c r="L4250" t="s">
        <v>3264</v>
      </c>
      <c r="M4250">
        <v>1115</v>
      </c>
      <c r="N4250" t="s">
        <v>654</v>
      </c>
      <c r="O4250">
        <v>3</v>
      </c>
      <c r="P4250" t="s">
        <v>655</v>
      </c>
      <c r="Q4250">
        <v>1</v>
      </c>
      <c r="R4250" t="s">
        <v>656</v>
      </c>
      <c r="S4250">
        <v>2</v>
      </c>
      <c r="T4250" t="s">
        <v>661</v>
      </c>
      <c r="U4250">
        <v>8</v>
      </c>
      <c r="V4250">
        <v>2</v>
      </c>
      <c r="W4250">
        <v>120</v>
      </c>
      <c r="X4250">
        <v>2020</v>
      </c>
    </row>
    <row r="4251" spans="1:24" x14ac:dyDescent="0.25">
      <c r="A4251">
        <v>6489</v>
      </c>
      <c r="B4251" t="s">
        <v>289</v>
      </c>
      <c r="C4251">
        <v>12</v>
      </c>
      <c r="D4251" t="s">
        <v>585</v>
      </c>
      <c r="E4251">
        <v>81</v>
      </c>
      <c r="F4251" t="s">
        <v>651</v>
      </c>
      <c r="G4251">
        <v>160</v>
      </c>
      <c r="H4251" t="s">
        <v>658</v>
      </c>
      <c r="I4251">
        <v>13755</v>
      </c>
      <c r="J4251" t="s">
        <v>703</v>
      </c>
      <c r="K4251">
        <v>16</v>
      </c>
      <c r="L4251" t="s">
        <v>3265</v>
      </c>
      <c r="M4251">
        <v>1114</v>
      </c>
      <c r="N4251" t="s">
        <v>654</v>
      </c>
      <c r="O4251">
        <v>3</v>
      </c>
      <c r="P4251" t="s">
        <v>655</v>
      </c>
      <c r="Q4251">
        <v>1</v>
      </c>
      <c r="R4251" t="s">
        <v>656</v>
      </c>
      <c r="S4251">
        <v>2</v>
      </c>
      <c r="T4251" t="s">
        <v>661</v>
      </c>
      <c r="U4251">
        <v>8</v>
      </c>
      <c r="V4251">
        <v>2</v>
      </c>
      <c r="W4251">
        <v>120</v>
      </c>
      <c r="X4251">
        <v>2020</v>
      </c>
    </row>
    <row r="4252" spans="1:24" x14ac:dyDescent="0.25">
      <c r="A4252">
        <v>6488</v>
      </c>
      <c r="B4252" t="s">
        <v>125</v>
      </c>
      <c r="C4252">
        <v>11</v>
      </c>
      <c r="D4252" t="s">
        <v>402</v>
      </c>
      <c r="E4252">
        <v>78</v>
      </c>
      <c r="F4252" t="s">
        <v>651</v>
      </c>
      <c r="G4252">
        <v>160</v>
      </c>
      <c r="H4252" t="s">
        <v>658</v>
      </c>
      <c r="I4252">
        <v>13755</v>
      </c>
      <c r="J4252" t="s">
        <v>819</v>
      </c>
      <c r="K4252">
        <v>101</v>
      </c>
      <c r="L4252" t="s">
        <v>3266</v>
      </c>
      <c r="M4252">
        <v>1113</v>
      </c>
      <c r="N4252" t="s">
        <v>654</v>
      </c>
      <c r="O4252">
        <v>3</v>
      </c>
      <c r="P4252" t="s">
        <v>655</v>
      </c>
      <c r="Q4252">
        <v>1</v>
      </c>
      <c r="R4252" t="s">
        <v>656</v>
      </c>
      <c r="S4252">
        <v>2</v>
      </c>
      <c r="T4252" t="s">
        <v>661</v>
      </c>
      <c r="U4252">
        <v>8</v>
      </c>
      <c r="V4252">
        <v>2</v>
      </c>
      <c r="W4252">
        <v>120</v>
      </c>
      <c r="X4252">
        <v>2020</v>
      </c>
    </row>
    <row r="4253" spans="1:24" x14ac:dyDescent="0.25">
      <c r="A4253">
        <v>6487</v>
      </c>
      <c r="B4253" t="s">
        <v>125</v>
      </c>
      <c r="C4253">
        <v>11</v>
      </c>
      <c r="D4253" t="s">
        <v>586</v>
      </c>
      <c r="E4253">
        <v>79</v>
      </c>
      <c r="F4253" t="s">
        <v>651</v>
      </c>
      <c r="G4253">
        <v>160</v>
      </c>
      <c r="H4253" t="s">
        <v>658</v>
      </c>
      <c r="I4253">
        <v>13755</v>
      </c>
      <c r="J4253" t="s">
        <v>819</v>
      </c>
      <c r="K4253">
        <v>101</v>
      </c>
      <c r="L4253" t="s">
        <v>3267</v>
      </c>
      <c r="M4253">
        <v>1112</v>
      </c>
      <c r="N4253" t="s">
        <v>654</v>
      </c>
      <c r="O4253">
        <v>3</v>
      </c>
      <c r="P4253" t="s">
        <v>655</v>
      </c>
      <c r="Q4253">
        <v>1</v>
      </c>
      <c r="R4253" t="s">
        <v>656</v>
      </c>
      <c r="S4253">
        <v>2</v>
      </c>
      <c r="T4253" t="s">
        <v>661</v>
      </c>
      <c r="U4253">
        <v>8</v>
      </c>
      <c r="V4253">
        <v>2</v>
      </c>
      <c r="W4253">
        <v>120</v>
      </c>
      <c r="X4253">
        <v>2020</v>
      </c>
    </row>
    <row r="4254" spans="1:24" x14ac:dyDescent="0.25">
      <c r="A4254">
        <v>6486</v>
      </c>
      <c r="B4254" t="s">
        <v>125</v>
      </c>
      <c r="C4254">
        <v>11</v>
      </c>
      <c r="D4254" t="s">
        <v>586</v>
      </c>
      <c r="E4254">
        <v>79</v>
      </c>
      <c r="F4254" t="s">
        <v>651</v>
      </c>
      <c r="G4254">
        <v>160</v>
      </c>
      <c r="H4254" t="s">
        <v>658</v>
      </c>
      <c r="I4254">
        <v>13755</v>
      </c>
      <c r="J4254" t="s">
        <v>819</v>
      </c>
      <c r="K4254">
        <v>101</v>
      </c>
      <c r="L4254" t="s">
        <v>3268</v>
      </c>
      <c r="M4254">
        <v>1111</v>
      </c>
      <c r="N4254" t="s">
        <v>654</v>
      </c>
      <c r="O4254">
        <v>3</v>
      </c>
      <c r="P4254" t="s">
        <v>655</v>
      </c>
      <c r="Q4254">
        <v>1</v>
      </c>
      <c r="R4254" t="s">
        <v>656</v>
      </c>
      <c r="S4254">
        <v>2</v>
      </c>
      <c r="T4254" t="s">
        <v>661</v>
      </c>
      <c r="U4254">
        <v>8</v>
      </c>
      <c r="V4254">
        <v>2</v>
      </c>
      <c r="W4254">
        <v>120</v>
      </c>
      <c r="X4254">
        <v>2020</v>
      </c>
    </row>
    <row r="4255" spans="1:24" x14ac:dyDescent="0.25">
      <c r="A4255">
        <v>6485</v>
      </c>
      <c r="B4255" t="s">
        <v>125</v>
      </c>
      <c r="C4255">
        <v>11</v>
      </c>
      <c r="D4255" t="s">
        <v>402</v>
      </c>
      <c r="E4255">
        <v>78</v>
      </c>
      <c r="F4255" t="s">
        <v>651</v>
      </c>
      <c r="G4255">
        <v>160</v>
      </c>
      <c r="H4255" t="s">
        <v>658</v>
      </c>
      <c r="I4255">
        <v>13755</v>
      </c>
      <c r="J4255" t="s">
        <v>819</v>
      </c>
      <c r="K4255">
        <v>101</v>
      </c>
      <c r="L4255" t="s">
        <v>3269</v>
      </c>
      <c r="M4255">
        <v>1110</v>
      </c>
      <c r="N4255" t="s">
        <v>654</v>
      </c>
      <c r="O4255">
        <v>3</v>
      </c>
      <c r="P4255" t="s">
        <v>655</v>
      </c>
      <c r="Q4255">
        <v>1</v>
      </c>
      <c r="R4255" t="s">
        <v>656</v>
      </c>
      <c r="S4255">
        <v>2</v>
      </c>
      <c r="T4255" t="s">
        <v>661</v>
      </c>
      <c r="U4255">
        <v>8</v>
      </c>
      <c r="V4255">
        <v>2</v>
      </c>
      <c r="W4255">
        <v>120</v>
      </c>
      <c r="X4255">
        <v>2020</v>
      </c>
    </row>
    <row r="4256" spans="1:24" x14ac:dyDescent="0.25">
      <c r="A4256">
        <v>6484</v>
      </c>
      <c r="B4256" t="s">
        <v>125</v>
      </c>
      <c r="C4256">
        <v>11</v>
      </c>
      <c r="D4256" t="s">
        <v>402</v>
      </c>
      <c r="E4256">
        <v>78</v>
      </c>
      <c r="F4256" t="s">
        <v>651</v>
      </c>
      <c r="G4256">
        <v>160</v>
      </c>
      <c r="H4256" t="s">
        <v>658</v>
      </c>
      <c r="I4256">
        <v>13755</v>
      </c>
      <c r="J4256" t="s">
        <v>819</v>
      </c>
      <c r="K4256">
        <v>101</v>
      </c>
      <c r="L4256" t="s">
        <v>3270</v>
      </c>
      <c r="M4256">
        <v>1109</v>
      </c>
      <c r="N4256" t="s">
        <v>654</v>
      </c>
      <c r="O4256">
        <v>3</v>
      </c>
      <c r="P4256" t="s">
        <v>655</v>
      </c>
      <c r="Q4256">
        <v>1</v>
      </c>
      <c r="R4256" t="s">
        <v>656</v>
      </c>
      <c r="S4256">
        <v>2</v>
      </c>
      <c r="T4256" t="s">
        <v>661</v>
      </c>
      <c r="U4256">
        <v>8</v>
      </c>
      <c r="V4256">
        <v>2</v>
      </c>
      <c r="W4256">
        <v>120</v>
      </c>
      <c r="X4256">
        <v>2020</v>
      </c>
    </row>
    <row r="4257" spans="1:24" x14ac:dyDescent="0.25">
      <c r="A4257">
        <v>6482</v>
      </c>
      <c r="B4257" t="s">
        <v>125</v>
      </c>
      <c r="C4257">
        <v>11</v>
      </c>
      <c r="D4257" t="s">
        <v>402</v>
      </c>
      <c r="E4257">
        <v>78</v>
      </c>
      <c r="F4257" t="s">
        <v>651</v>
      </c>
      <c r="G4257">
        <v>160</v>
      </c>
      <c r="H4257" t="s">
        <v>658</v>
      </c>
      <c r="I4257">
        <v>13755</v>
      </c>
      <c r="J4257" t="s">
        <v>819</v>
      </c>
      <c r="K4257">
        <v>101</v>
      </c>
      <c r="L4257" t="s">
        <v>3271</v>
      </c>
      <c r="M4257">
        <v>1107</v>
      </c>
      <c r="N4257" t="s">
        <v>654</v>
      </c>
      <c r="O4257">
        <v>3</v>
      </c>
      <c r="P4257" t="s">
        <v>655</v>
      </c>
      <c r="Q4257">
        <v>1</v>
      </c>
      <c r="R4257" t="s">
        <v>656</v>
      </c>
      <c r="S4257">
        <v>2</v>
      </c>
      <c r="T4257" t="s">
        <v>661</v>
      </c>
      <c r="U4257">
        <v>8</v>
      </c>
      <c r="V4257">
        <v>2</v>
      </c>
      <c r="W4257">
        <v>120</v>
      </c>
      <c r="X4257">
        <v>2020</v>
      </c>
    </row>
    <row r="4258" spans="1:24" x14ac:dyDescent="0.25">
      <c r="A4258">
        <v>6481</v>
      </c>
      <c r="B4258" t="s">
        <v>125</v>
      </c>
      <c r="C4258">
        <v>11</v>
      </c>
      <c r="D4258" t="s">
        <v>402</v>
      </c>
      <c r="E4258">
        <v>78</v>
      </c>
      <c r="F4258" t="s">
        <v>651</v>
      </c>
      <c r="G4258">
        <v>160</v>
      </c>
      <c r="H4258" t="s">
        <v>658</v>
      </c>
      <c r="I4258">
        <v>13755</v>
      </c>
      <c r="J4258" t="s">
        <v>819</v>
      </c>
      <c r="K4258">
        <v>101</v>
      </c>
      <c r="L4258" t="s">
        <v>1641</v>
      </c>
      <c r="M4258">
        <v>1106</v>
      </c>
      <c r="N4258" t="s">
        <v>654</v>
      </c>
      <c r="O4258">
        <v>3</v>
      </c>
      <c r="P4258" t="s">
        <v>655</v>
      </c>
      <c r="Q4258">
        <v>1</v>
      </c>
      <c r="R4258" t="s">
        <v>656</v>
      </c>
      <c r="S4258">
        <v>2</v>
      </c>
      <c r="T4258" t="s">
        <v>661</v>
      </c>
      <c r="U4258">
        <v>8</v>
      </c>
      <c r="V4258">
        <v>2</v>
      </c>
      <c r="W4258">
        <v>120</v>
      </c>
      <c r="X4258">
        <v>2020</v>
      </c>
    </row>
    <row r="4259" spans="1:24" x14ac:dyDescent="0.25">
      <c r="A4259">
        <v>6480</v>
      </c>
      <c r="B4259" t="s">
        <v>129</v>
      </c>
      <c r="C4259">
        <v>10</v>
      </c>
      <c r="D4259" t="s">
        <v>587</v>
      </c>
      <c r="E4259">
        <v>77</v>
      </c>
      <c r="F4259" t="s">
        <v>651</v>
      </c>
      <c r="G4259">
        <v>160</v>
      </c>
      <c r="H4259" t="s">
        <v>658</v>
      </c>
      <c r="I4259">
        <v>13755</v>
      </c>
      <c r="J4259" t="s">
        <v>1028</v>
      </c>
      <c r="K4259">
        <v>33</v>
      </c>
      <c r="L4259" t="s">
        <v>3272</v>
      </c>
      <c r="M4259">
        <v>1105</v>
      </c>
      <c r="N4259" t="s">
        <v>654</v>
      </c>
      <c r="O4259">
        <v>3</v>
      </c>
      <c r="P4259" t="s">
        <v>655</v>
      </c>
      <c r="Q4259">
        <v>1</v>
      </c>
      <c r="R4259" t="s">
        <v>656</v>
      </c>
      <c r="S4259">
        <v>2</v>
      </c>
      <c r="T4259" t="s">
        <v>661</v>
      </c>
      <c r="U4259">
        <v>8</v>
      </c>
      <c r="V4259">
        <v>2</v>
      </c>
      <c r="W4259">
        <v>120</v>
      </c>
      <c r="X4259">
        <v>2020</v>
      </c>
    </row>
    <row r="4260" spans="1:24" x14ac:dyDescent="0.25">
      <c r="A4260">
        <v>6479</v>
      </c>
      <c r="B4260" t="s">
        <v>129</v>
      </c>
      <c r="C4260">
        <v>10</v>
      </c>
      <c r="D4260" t="s">
        <v>587</v>
      </c>
      <c r="E4260">
        <v>77</v>
      </c>
      <c r="F4260" t="s">
        <v>651</v>
      </c>
      <c r="G4260">
        <v>160</v>
      </c>
      <c r="H4260" t="s">
        <v>658</v>
      </c>
      <c r="I4260">
        <v>13755</v>
      </c>
      <c r="J4260" t="s">
        <v>1028</v>
      </c>
      <c r="K4260">
        <v>33</v>
      </c>
      <c r="L4260" t="s">
        <v>3273</v>
      </c>
      <c r="M4260">
        <v>1104</v>
      </c>
      <c r="N4260" t="s">
        <v>654</v>
      </c>
      <c r="O4260">
        <v>3</v>
      </c>
      <c r="P4260" t="s">
        <v>655</v>
      </c>
      <c r="Q4260">
        <v>1</v>
      </c>
      <c r="R4260" t="s">
        <v>656</v>
      </c>
      <c r="S4260">
        <v>2</v>
      </c>
      <c r="T4260" t="s">
        <v>661</v>
      </c>
      <c r="U4260">
        <v>8</v>
      </c>
      <c r="V4260">
        <v>2</v>
      </c>
      <c r="W4260">
        <v>120</v>
      </c>
      <c r="X4260">
        <v>2020</v>
      </c>
    </row>
    <row r="4261" spans="1:24" x14ac:dyDescent="0.25">
      <c r="A4261">
        <v>6478</v>
      </c>
      <c r="B4261" t="s">
        <v>129</v>
      </c>
      <c r="C4261">
        <v>10</v>
      </c>
      <c r="D4261" t="s">
        <v>587</v>
      </c>
      <c r="E4261">
        <v>77</v>
      </c>
      <c r="F4261" t="s">
        <v>651</v>
      </c>
      <c r="G4261">
        <v>160</v>
      </c>
      <c r="H4261" t="s">
        <v>658</v>
      </c>
      <c r="I4261">
        <v>13755</v>
      </c>
      <c r="J4261" t="s">
        <v>1028</v>
      </c>
      <c r="K4261">
        <v>33</v>
      </c>
      <c r="L4261" t="s">
        <v>3274</v>
      </c>
      <c r="M4261">
        <v>1103</v>
      </c>
      <c r="N4261" t="s">
        <v>654</v>
      </c>
      <c r="O4261">
        <v>3</v>
      </c>
      <c r="P4261" t="s">
        <v>655</v>
      </c>
      <c r="Q4261">
        <v>1</v>
      </c>
      <c r="R4261" t="s">
        <v>656</v>
      </c>
      <c r="S4261">
        <v>2</v>
      </c>
      <c r="T4261" t="s">
        <v>661</v>
      </c>
      <c r="U4261">
        <v>8</v>
      </c>
      <c r="V4261">
        <v>2</v>
      </c>
      <c r="W4261">
        <v>120</v>
      </c>
      <c r="X4261">
        <v>2020</v>
      </c>
    </row>
    <row r="4262" spans="1:24" x14ac:dyDescent="0.25">
      <c r="A4262">
        <v>6477</v>
      </c>
      <c r="B4262" t="s">
        <v>129</v>
      </c>
      <c r="C4262">
        <v>10</v>
      </c>
      <c r="D4262" t="s">
        <v>587</v>
      </c>
      <c r="E4262">
        <v>77</v>
      </c>
      <c r="F4262" t="s">
        <v>651</v>
      </c>
      <c r="G4262">
        <v>160</v>
      </c>
      <c r="H4262" t="s">
        <v>658</v>
      </c>
      <c r="I4262">
        <v>13755</v>
      </c>
      <c r="J4262" t="s">
        <v>1028</v>
      </c>
      <c r="K4262">
        <v>33</v>
      </c>
      <c r="L4262" t="s">
        <v>3275</v>
      </c>
      <c r="M4262">
        <v>1102</v>
      </c>
      <c r="N4262" t="s">
        <v>654</v>
      </c>
      <c r="O4262">
        <v>3</v>
      </c>
      <c r="P4262" t="s">
        <v>655</v>
      </c>
      <c r="Q4262">
        <v>1</v>
      </c>
      <c r="R4262" t="s">
        <v>656</v>
      </c>
      <c r="S4262">
        <v>2</v>
      </c>
      <c r="T4262" t="s">
        <v>661</v>
      </c>
      <c r="U4262">
        <v>8</v>
      </c>
      <c r="V4262">
        <v>2</v>
      </c>
      <c r="W4262">
        <v>120</v>
      </c>
      <c r="X4262">
        <v>2020</v>
      </c>
    </row>
    <row r="4263" spans="1:24" x14ac:dyDescent="0.25">
      <c r="A4263">
        <v>6476</v>
      </c>
      <c r="B4263" t="s">
        <v>129</v>
      </c>
      <c r="C4263">
        <v>10</v>
      </c>
      <c r="D4263" t="s">
        <v>587</v>
      </c>
      <c r="E4263">
        <v>77</v>
      </c>
      <c r="F4263" t="s">
        <v>651</v>
      </c>
      <c r="G4263">
        <v>160</v>
      </c>
      <c r="H4263" t="s">
        <v>658</v>
      </c>
      <c r="I4263">
        <v>13755</v>
      </c>
      <c r="J4263" t="s">
        <v>1028</v>
      </c>
      <c r="K4263">
        <v>33</v>
      </c>
      <c r="L4263" t="s">
        <v>3276</v>
      </c>
      <c r="M4263">
        <v>1101</v>
      </c>
      <c r="N4263" t="s">
        <v>654</v>
      </c>
      <c r="O4263">
        <v>3</v>
      </c>
      <c r="P4263" t="s">
        <v>655</v>
      </c>
      <c r="Q4263">
        <v>1</v>
      </c>
      <c r="R4263" t="s">
        <v>656</v>
      </c>
      <c r="S4263">
        <v>2</v>
      </c>
      <c r="T4263" t="s">
        <v>661</v>
      </c>
      <c r="U4263">
        <v>8</v>
      </c>
      <c r="V4263">
        <v>2</v>
      </c>
      <c r="W4263">
        <v>120</v>
      </c>
      <c r="X4263">
        <v>2020</v>
      </c>
    </row>
    <row r="4264" spans="1:24" x14ac:dyDescent="0.25">
      <c r="A4264">
        <v>6475</v>
      </c>
      <c r="B4264" t="s">
        <v>129</v>
      </c>
      <c r="C4264">
        <v>10</v>
      </c>
      <c r="D4264" t="s">
        <v>587</v>
      </c>
      <c r="E4264">
        <v>77</v>
      </c>
      <c r="F4264" t="s">
        <v>651</v>
      </c>
      <c r="G4264">
        <v>160</v>
      </c>
      <c r="H4264" t="s">
        <v>658</v>
      </c>
      <c r="I4264">
        <v>13755</v>
      </c>
      <c r="J4264" t="s">
        <v>1028</v>
      </c>
      <c r="K4264">
        <v>33</v>
      </c>
      <c r="L4264" t="s">
        <v>3277</v>
      </c>
      <c r="M4264">
        <v>1100</v>
      </c>
      <c r="N4264" t="s">
        <v>654</v>
      </c>
      <c r="O4264">
        <v>3</v>
      </c>
      <c r="P4264" t="s">
        <v>655</v>
      </c>
      <c r="Q4264">
        <v>1</v>
      </c>
      <c r="R4264" t="s">
        <v>656</v>
      </c>
      <c r="S4264">
        <v>2</v>
      </c>
      <c r="T4264" t="s">
        <v>661</v>
      </c>
      <c r="U4264">
        <v>8</v>
      </c>
      <c r="V4264">
        <v>2</v>
      </c>
      <c r="W4264">
        <v>120</v>
      </c>
      <c r="X4264">
        <v>2020</v>
      </c>
    </row>
    <row r="4265" spans="1:24" x14ac:dyDescent="0.25">
      <c r="A4265">
        <v>6474</v>
      </c>
      <c r="B4265" t="s">
        <v>129</v>
      </c>
      <c r="C4265">
        <v>10</v>
      </c>
      <c r="D4265" t="s">
        <v>587</v>
      </c>
      <c r="E4265">
        <v>77</v>
      </c>
      <c r="F4265" t="s">
        <v>651</v>
      </c>
      <c r="G4265">
        <v>160</v>
      </c>
      <c r="H4265" t="s">
        <v>658</v>
      </c>
      <c r="I4265">
        <v>13755</v>
      </c>
      <c r="J4265" t="s">
        <v>1028</v>
      </c>
      <c r="K4265">
        <v>33</v>
      </c>
      <c r="L4265" t="s">
        <v>3278</v>
      </c>
      <c r="M4265">
        <v>1099</v>
      </c>
      <c r="N4265" t="s">
        <v>654</v>
      </c>
      <c r="O4265">
        <v>3</v>
      </c>
      <c r="P4265" t="s">
        <v>655</v>
      </c>
      <c r="Q4265">
        <v>1</v>
      </c>
      <c r="R4265" t="s">
        <v>656</v>
      </c>
      <c r="S4265">
        <v>2</v>
      </c>
      <c r="T4265" t="s">
        <v>661</v>
      </c>
      <c r="U4265">
        <v>8</v>
      </c>
      <c r="V4265">
        <v>2</v>
      </c>
      <c r="W4265">
        <v>120</v>
      </c>
      <c r="X4265">
        <v>2020</v>
      </c>
    </row>
    <row r="4266" spans="1:24" x14ac:dyDescent="0.25">
      <c r="A4266">
        <v>6473</v>
      </c>
      <c r="B4266" t="s">
        <v>129</v>
      </c>
      <c r="C4266">
        <v>10</v>
      </c>
      <c r="D4266" t="s">
        <v>587</v>
      </c>
      <c r="E4266">
        <v>77</v>
      </c>
      <c r="F4266" t="s">
        <v>651</v>
      </c>
      <c r="G4266">
        <v>160</v>
      </c>
      <c r="H4266" t="s">
        <v>658</v>
      </c>
      <c r="I4266">
        <v>13755</v>
      </c>
      <c r="J4266" t="s">
        <v>1028</v>
      </c>
      <c r="K4266">
        <v>33</v>
      </c>
      <c r="L4266" t="s">
        <v>3279</v>
      </c>
      <c r="M4266">
        <v>1098</v>
      </c>
      <c r="N4266" t="s">
        <v>654</v>
      </c>
      <c r="O4266">
        <v>3</v>
      </c>
      <c r="P4266" t="s">
        <v>655</v>
      </c>
      <c r="Q4266">
        <v>1</v>
      </c>
      <c r="R4266" t="s">
        <v>656</v>
      </c>
      <c r="S4266">
        <v>2</v>
      </c>
      <c r="T4266" t="s">
        <v>661</v>
      </c>
      <c r="U4266">
        <v>8</v>
      </c>
      <c r="V4266">
        <v>2</v>
      </c>
      <c r="W4266">
        <v>120</v>
      </c>
      <c r="X4266">
        <v>2020</v>
      </c>
    </row>
    <row r="4267" spans="1:24" x14ac:dyDescent="0.25">
      <c r="A4267">
        <v>6472</v>
      </c>
      <c r="B4267" t="s">
        <v>129</v>
      </c>
      <c r="C4267">
        <v>10</v>
      </c>
      <c r="D4267" t="s">
        <v>587</v>
      </c>
      <c r="E4267">
        <v>77</v>
      </c>
      <c r="F4267" t="s">
        <v>651</v>
      </c>
      <c r="G4267">
        <v>160</v>
      </c>
      <c r="H4267" t="s">
        <v>658</v>
      </c>
      <c r="I4267">
        <v>13755</v>
      </c>
      <c r="J4267" t="s">
        <v>1028</v>
      </c>
      <c r="K4267">
        <v>33</v>
      </c>
      <c r="L4267" t="s">
        <v>3280</v>
      </c>
      <c r="M4267">
        <v>1097</v>
      </c>
      <c r="N4267" t="s">
        <v>654</v>
      </c>
      <c r="O4267">
        <v>3</v>
      </c>
      <c r="P4267" t="s">
        <v>655</v>
      </c>
      <c r="Q4267">
        <v>1</v>
      </c>
      <c r="R4267" t="s">
        <v>656</v>
      </c>
      <c r="S4267">
        <v>2</v>
      </c>
      <c r="T4267" t="s">
        <v>661</v>
      </c>
      <c r="U4267">
        <v>8</v>
      </c>
      <c r="V4267">
        <v>2</v>
      </c>
      <c r="W4267">
        <v>120</v>
      </c>
      <c r="X4267">
        <v>2020</v>
      </c>
    </row>
    <row r="4268" spans="1:24" x14ac:dyDescent="0.25">
      <c r="A4268">
        <v>6471</v>
      </c>
      <c r="B4268" t="s">
        <v>129</v>
      </c>
      <c r="C4268">
        <v>10</v>
      </c>
      <c r="D4268" t="s">
        <v>348</v>
      </c>
      <c r="E4268">
        <v>76</v>
      </c>
      <c r="F4268" t="s">
        <v>651</v>
      </c>
      <c r="G4268">
        <v>160</v>
      </c>
      <c r="H4268" t="s">
        <v>658</v>
      </c>
      <c r="I4268">
        <v>13755</v>
      </c>
      <c r="J4268" t="s">
        <v>679</v>
      </c>
      <c r="K4268">
        <v>32</v>
      </c>
      <c r="L4268" t="s">
        <v>3281</v>
      </c>
      <c r="M4268">
        <v>1096</v>
      </c>
      <c r="N4268" t="s">
        <v>654</v>
      </c>
      <c r="O4268">
        <v>3</v>
      </c>
      <c r="P4268" t="s">
        <v>655</v>
      </c>
      <c r="Q4268">
        <v>1</v>
      </c>
      <c r="R4268" t="s">
        <v>656</v>
      </c>
      <c r="S4268">
        <v>2</v>
      </c>
      <c r="T4268" t="s">
        <v>661</v>
      </c>
      <c r="U4268">
        <v>8</v>
      </c>
      <c r="V4268">
        <v>2</v>
      </c>
      <c r="W4268">
        <v>120</v>
      </c>
      <c r="X4268">
        <v>2020</v>
      </c>
    </row>
    <row r="4269" spans="1:24" x14ac:dyDescent="0.25">
      <c r="A4269">
        <v>6470</v>
      </c>
      <c r="B4269" t="s">
        <v>129</v>
      </c>
      <c r="C4269">
        <v>10</v>
      </c>
      <c r="D4269" t="s">
        <v>348</v>
      </c>
      <c r="E4269">
        <v>76</v>
      </c>
      <c r="F4269" t="s">
        <v>651</v>
      </c>
      <c r="G4269">
        <v>160</v>
      </c>
      <c r="H4269" t="s">
        <v>658</v>
      </c>
      <c r="I4269">
        <v>13755</v>
      </c>
      <c r="J4269" t="s">
        <v>679</v>
      </c>
      <c r="K4269">
        <v>32</v>
      </c>
      <c r="L4269" t="s">
        <v>3282</v>
      </c>
      <c r="M4269">
        <v>1095</v>
      </c>
      <c r="N4269" t="s">
        <v>654</v>
      </c>
      <c r="O4269">
        <v>3</v>
      </c>
      <c r="P4269" t="s">
        <v>655</v>
      </c>
      <c r="Q4269">
        <v>1</v>
      </c>
      <c r="R4269" t="s">
        <v>656</v>
      </c>
      <c r="S4269">
        <v>2</v>
      </c>
      <c r="T4269" t="s">
        <v>661</v>
      </c>
      <c r="U4269">
        <v>8</v>
      </c>
      <c r="V4269">
        <v>2</v>
      </c>
      <c r="W4269">
        <v>120</v>
      </c>
      <c r="X4269">
        <v>2020</v>
      </c>
    </row>
    <row r="4270" spans="1:24" x14ac:dyDescent="0.25">
      <c r="A4270">
        <v>6469</v>
      </c>
      <c r="B4270" t="s">
        <v>129</v>
      </c>
      <c r="C4270">
        <v>10</v>
      </c>
      <c r="D4270" t="s">
        <v>348</v>
      </c>
      <c r="E4270">
        <v>76</v>
      </c>
      <c r="F4270" t="s">
        <v>651</v>
      </c>
      <c r="G4270">
        <v>160</v>
      </c>
      <c r="H4270" t="s">
        <v>658</v>
      </c>
      <c r="I4270">
        <v>13755</v>
      </c>
      <c r="J4270" t="s">
        <v>679</v>
      </c>
      <c r="K4270">
        <v>32</v>
      </c>
      <c r="L4270" t="s">
        <v>3283</v>
      </c>
      <c r="M4270">
        <v>1094</v>
      </c>
      <c r="N4270" t="s">
        <v>654</v>
      </c>
      <c r="O4270">
        <v>3</v>
      </c>
      <c r="P4270" t="s">
        <v>655</v>
      </c>
      <c r="Q4270">
        <v>1</v>
      </c>
      <c r="R4270" t="s">
        <v>656</v>
      </c>
      <c r="S4270">
        <v>2</v>
      </c>
      <c r="T4270" t="s">
        <v>661</v>
      </c>
      <c r="U4270">
        <v>8</v>
      </c>
      <c r="V4270">
        <v>2</v>
      </c>
      <c r="W4270">
        <v>120</v>
      </c>
      <c r="X4270">
        <v>2020</v>
      </c>
    </row>
    <row r="4271" spans="1:24" x14ac:dyDescent="0.25">
      <c r="A4271">
        <v>6468</v>
      </c>
      <c r="B4271" t="s">
        <v>129</v>
      </c>
      <c r="C4271">
        <v>10</v>
      </c>
      <c r="D4271" t="s">
        <v>348</v>
      </c>
      <c r="E4271">
        <v>76</v>
      </c>
      <c r="F4271" t="s">
        <v>651</v>
      </c>
      <c r="G4271">
        <v>160</v>
      </c>
      <c r="H4271" t="s">
        <v>658</v>
      </c>
      <c r="I4271">
        <v>13755</v>
      </c>
      <c r="J4271" t="s">
        <v>679</v>
      </c>
      <c r="K4271">
        <v>32</v>
      </c>
      <c r="L4271" t="s">
        <v>3284</v>
      </c>
      <c r="M4271">
        <v>1093</v>
      </c>
      <c r="N4271" t="s">
        <v>654</v>
      </c>
      <c r="O4271">
        <v>3</v>
      </c>
      <c r="P4271" t="s">
        <v>655</v>
      </c>
      <c r="Q4271">
        <v>1</v>
      </c>
      <c r="R4271" t="s">
        <v>656</v>
      </c>
      <c r="S4271">
        <v>2</v>
      </c>
      <c r="T4271" t="s">
        <v>661</v>
      </c>
      <c r="U4271">
        <v>8</v>
      </c>
      <c r="V4271">
        <v>2</v>
      </c>
      <c r="W4271">
        <v>120</v>
      </c>
      <c r="X4271">
        <v>2020</v>
      </c>
    </row>
    <row r="4272" spans="1:24" x14ac:dyDescent="0.25">
      <c r="A4272">
        <v>6467</v>
      </c>
      <c r="B4272" t="s">
        <v>129</v>
      </c>
      <c r="C4272">
        <v>10</v>
      </c>
      <c r="D4272" t="s">
        <v>348</v>
      </c>
      <c r="E4272">
        <v>76</v>
      </c>
      <c r="F4272" t="s">
        <v>651</v>
      </c>
      <c r="G4272">
        <v>160</v>
      </c>
      <c r="H4272" t="s">
        <v>658</v>
      </c>
      <c r="I4272">
        <v>13755</v>
      </c>
      <c r="J4272" t="s">
        <v>679</v>
      </c>
      <c r="K4272">
        <v>32</v>
      </c>
      <c r="L4272" t="s">
        <v>2334</v>
      </c>
      <c r="M4272">
        <v>1092</v>
      </c>
      <c r="N4272" t="s">
        <v>654</v>
      </c>
      <c r="O4272">
        <v>3</v>
      </c>
      <c r="P4272" t="s">
        <v>655</v>
      </c>
      <c r="Q4272">
        <v>1</v>
      </c>
      <c r="R4272" t="s">
        <v>656</v>
      </c>
      <c r="S4272">
        <v>2</v>
      </c>
      <c r="T4272" t="s">
        <v>661</v>
      </c>
      <c r="U4272">
        <v>8</v>
      </c>
      <c r="V4272">
        <v>2</v>
      </c>
      <c r="W4272">
        <v>120</v>
      </c>
      <c r="X4272">
        <v>2020</v>
      </c>
    </row>
    <row r="4273" spans="1:24" x14ac:dyDescent="0.25">
      <c r="A4273">
        <v>6466</v>
      </c>
      <c r="B4273" t="s">
        <v>129</v>
      </c>
      <c r="C4273">
        <v>10</v>
      </c>
      <c r="D4273" t="s">
        <v>348</v>
      </c>
      <c r="E4273">
        <v>76</v>
      </c>
      <c r="F4273" t="s">
        <v>651</v>
      </c>
      <c r="G4273">
        <v>160</v>
      </c>
      <c r="H4273" t="s">
        <v>658</v>
      </c>
      <c r="I4273">
        <v>13755</v>
      </c>
      <c r="J4273" t="s">
        <v>679</v>
      </c>
      <c r="K4273">
        <v>32</v>
      </c>
      <c r="L4273" t="s">
        <v>3285</v>
      </c>
      <c r="M4273">
        <v>1091</v>
      </c>
      <c r="N4273" t="s">
        <v>654</v>
      </c>
      <c r="O4273">
        <v>3</v>
      </c>
      <c r="P4273" t="s">
        <v>655</v>
      </c>
      <c r="Q4273">
        <v>1</v>
      </c>
      <c r="R4273" t="s">
        <v>656</v>
      </c>
      <c r="S4273">
        <v>2</v>
      </c>
      <c r="T4273" t="s">
        <v>661</v>
      </c>
      <c r="U4273">
        <v>8</v>
      </c>
      <c r="V4273">
        <v>2</v>
      </c>
      <c r="W4273">
        <v>120</v>
      </c>
      <c r="X4273">
        <v>2020</v>
      </c>
    </row>
    <row r="4274" spans="1:24" x14ac:dyDescent="0.25">
      <c r="A4274">
        <v>6465</v>
      </c>
      <c r="B4274" t="s">
        <v>129</v>
      </c>
      <c r="C4274">
        <v>10</v>
      </c>
      <c r="D4274" t="s">
        <v>348</v>
      </c>
      <c r="E4274">
        <v>76</v>
      </c>
      <c r="F4274" t="s">
        <v>651</v>
      </c>
      <c r="G4274">
        <v>160</v>
      </c>
      <c r="H4274" t="s">
        <v>658</v>
      </c>
      <c r="I4274">
        <v>13755</v>
      </c>
      <c r="J4274" t="s">
        <v>679</v>
      </c>
      <c r="K4274">
        <v>32</v>
      </c>
      <c r="L4274" t="s">
        <v>3286</v>
      </c>
      <c r="M4274">
        <v>1090</v>
      </c>
      <c r="N4274" t="s">
        <v>654</v>
      </c>
      <c r="O4274">
        <v>3</v>
      </c>
      <c r="P4274" t="s">
        <v>655</v>
      </c>
      <c r="Q4274">
        <v>1</v>
      </c>
      <c r="R4274" t="s">
        <v>656</v>
      </c>
      <c r="S4274">
        <v>2</v>
      </c>
      <c r="T4274" t="s">
        <v>661</v>
      </c>
      <c r="U4274">
        <v>8</v>
      </c>
      <c r="V4274">
        <v>2</v>
      </c>
      <c r="W4274">
        <v>120</v>
      </c>
      <c r="X4274">
        <v>2020</v>
      </c>
    </row>
    <row r="4275" spans="1:24" x14ac:dyDescent="0.25">
      <c r="A4275">
        <v>6464</v>
      </c>
      <c r="B4275" t="s">
        <v>129</v>
      </c>
      <c r="C4275">
        <v>10</v>
      </c>
      <c r="D4275" t="s">
        <v>348</v>
      </c>
      <c r="E4275">
        <v>76</v>
      </c>
      <c r="F4275" t="s">
        <v>651</v>
      </c>
      <c r="G4275">
        <v>160</v>
      </c>
      <c r="H4275" t="s">
        <v>658</v>
      </c>
      <c r="I4275">
        <v>13755</v>
      </c>
      <c r="J4275" t="s">
        <v>679</v>
      </c>
      <c r="K4275">
        <v>32</v>
      </c>
      <c r="L4275" t="s">
        <v>3287</v>
      </c>
      <c r="M4275">
        <v>1089</v>
      </c>
      <c r="N4275" t="s">
        <v>654</v>
      </c>
      <c r="O4275">
        <v>3</v>
      </c>
      <c r="P4275" t="s">
        <v>655</v>
      </c>
      <c r="Q4275">
        <v>1</v>
      </c>
      <c r="R4275" t="s">
        <v>656</v>
      </c>
      <c r="S4275">
        <v>2</v>
      </c>
      <c r="T4275" t="s">
        <v>661</v>
      </c>
      <c r="U4275">
        <v>8</v>
      </c>
      <c r="V4275">
        <v>2</v>
      </c>
      <c r="W4275">
        <v>120</v>
      </c>
      <c r="X4275">
        <v>2020</v>
      </c>
    </row>
    <row r="4276" spans="1:24" x14ac:dyDescent="0.25">
      <c r="A4276">
        <v>6463</v>
      </c>
      <c r="B4276" t="s">
        <v>129</v>
      </c>
      <c r="C4276">
        <v>10</v>
      </c>
      <c r="D4276" t="s">
        <v>348</v>
      </c>
      <c r="E4276">
        <v>76</v>
      </c>
      <c r="F4276" t="s">
        <v>651</v>
      </c>
      <c r="G4276">
        <v>160</v>
      </c>
      <c r="H4276" t="s">
        <v>658</v>
      </c>
      <c r="I4276">
        <v>13755</v>
      </c>
      <c r="J4276" t="s">
        <v>679</v>
      </c>
      <c r="K4276">
        <v>32</v>
      </c>
      <c r="L4276" t="s">
        <v>3288</v>
      </c>
      <c r="M4276">
        <v>1088</v>
      </c>
      <c r="N4276" t="s">
        <v>654</v>
      </c>
      <c r="O4276">
        <v>3</v>
      </c>
      <c r="P4276" t="s">
        <v>655</v>
      </c>
      <c r="Q4276">
        <v>1</v>
      </c>
      <c r="R4276" t="s">
        <v>656</v>
      </c>
      <c r="S4276">
        <v>2</v>
      </c>
      <c r="T4276" t="s">
        <v>661</v>
      </c>
      <c r="U4276">
        <v>8</v>
      </c>
      <c r="V4276">
        <v>2</v>
      </c>
      <c r="W4276">
        <v>120</v>
      </c>
      <c r="X4276">
        <v>2020</v>
      </c>
    </row>
    <row r="4277" spans="1:24" x14ac:dyDescent="0.25">
      <c r="A4277">
        <v>6462</v>
      </c>
      <c r="B4277" t="s">
        <v>129</v>
      </c>
      <c r="C4277">
        <v>10</v>
      </c>
      <c r="D4277" t="s">
        <v>348</v>
      </c>
      <c r="E4277">
        <v>76</v>
      </c>
      <c r="F4277" t="s">
        <v>651</v>
      </c>
      <c r="G4277">
        <v>160</v>
      </c>
      <c r="H4277" t="s">
        <v>658</v>
      </c>
      <c r="I4277">
        <v>13755</v>
      </c>
      <c r="J4277" t="s">
        <v>679</v>
      </c>
      <c r="K4277">
        <v>32</v>
      </c>
      <c r="L4277" t="s">
        <v>2337</v>
      </c>
      <c r="M4277">
        <v>1087</v>
      </c>
      <c r="N4277" t="s">
        <v>654</v>
      </c>
      <c r="O4277">
        <v>3</v>
      </c>
      <c r="P4277" t="s">
        <v>655</v>
      </c>
      <c r="Q4277">
        <v>1</v>
      </c>
      <c r="R4277" t="s">
        <v>656</v>
      </c>
      <c r="S4277">
        <v>2</v>
      </c>
      <c r="T4277" t="s">
        <v>661</v>
      </c>
      <c r="U4277">
        <v>8</v>
      </c>
      <c r="V4277">
        <v>2</v>
      </c>
      <c r="W4277">
        <v>120</v>
      </c>
      <c r="X4277">
        <v>2020</v>
      </c>
    </row>
    <row r="4278" spans="1:24" x14ac:dyDescent="0.25">
      <c r="A4278">
        <v>6460</v>
      </c>
      <c r="B4278" t="s">
        <v>127</v>
      </c>
      <c r="C4278">
        <v>9</v>
      </c>
      <c r="D4278" t="s">
        <v>588</v>
      </c>
      <c r="E4278">
        <v>75</v>
      </c>
      <c r="F4278" t="s">
        <v>651</v>
      </c>
      <c r="G4278">
        <v>160</v>
      </c>
      <c r="H4278" t="s">
        <v>658</v>
      </c>
      <c r="I4278">
        <v>13755</v>
      </c>
      <c r="J4278" t="s">
        <v>659</v>
      </c>
      <c r="K4278">
        <v>35</v>
      </c>
      <c r="L4278" t="s">
        <v>3289</v>
      </c>
      <c r="M4278">
        <v>1085</v>
      </c>
      <c r="N4278" t="s">
        <v>654</v>
      </c>
      <c r="O4278">
        <v>3</v>
      </c>
      <c r="P4278" t="s">
        <v>655</v>
      </c>
      <c r="Q4278">
        <v>1</v>
      </c>
      <c r="R4278" t="s">
        <v>656</v>
      </c>
      <c r="S4278">
        <v>2</v>
      </c>
      <c r="T4278" t="s">
        <v>661</v>
      </c>
      <c r="U4278">
        <v>8</v>
      </c>
      <c r="V4278">
        <v>2</v>
      </c>
      <c r="W4278">
        <v>120</v>
      </c>
      <c r="X4278">
        <v>2020</v>
      </c>
    </row>
    <row r="4279" spans="1:24" x14ac:dyDescent="0.25">
      <c r="A4279">
        <v>6459</v>
      </c>
      <c r="B4279" t="s">
        <v>127</v>
      </c>
      <c r="C4279">
        <v>9</v>
      </c>
      <c r="D4279" t="s">
        <v>543</v>
      </c>
      <c r="E4279">
        <v>74</v>
      </c>
      <c r="F4279" t="s">
        <v>651</v>
      </c>
      <c r="G4279">
        <v>160</v>
      </c>
      <c r="H4279" t="s">
        <v>658</v>
      </c>
      <c r="I4279">
        <v>13755</v>
      </c>
      <c r="J4279" t="s">
        <v>659</v>
      </c>
      <c r="K4279">
        <v>35</v>
      </c>
      <c r="L4279" t="s">
        <v>3290</v>
      </c>
      <c r="M4279">
        <v>1084</v>
      </c>
      <c r="N4279" t="s">
        <v>654</v>
      </c>
      <c r="O4279">
        <v>3</v>
      </c>
      <c r="P4279" t="s">
        <v>655</v>
      </c>
      <c r="Q4279">
        <v>1</v>
      </c>
      <c r="R4279" t="s">
        <v>656</v>
      </c>
      <c r="S4279">
        <v>2</v>
      </c>
      <c r="T4279" t="s">
        <v>661</v>
      </c>
      <c r="U4279">
        <v>8</v>
      </c>
      <c r="V4279">
        <v>2</v>
      </c>
      <c r="W4279">
        <v>120</v>
      </c>
      <c r="X4279">
        <v>2020</v>
      </c>
    </row>
    <row r="4280" spans="1:24" x14ac:dyDescent="0.25">
      <c r="A4280">
        <v>6458</v>
      </c>
      <c r="B4280" t="s">
        <v>127</v>
      </c>
      <c r="C4280">
        <v>9</v>
      </c>
      <c r="D4280" t="s">
        <v>543</v>
      </c>
      <c r="E4280">
        <v>74</v>
      </c>
      <c r="F4280" t="s">
        <v>651</v>
      </c>
      <c r="G4280">
        <v>160</v>
      </c>
      <c r="H4280" t="s">
        <v>658</v>
      </c>
      <c r="I4280">
        <v>13755</v>
      </c>
      <c r="J4280" t="s">
        <v>659</v>
      </c>
      <c r="K4280">
        <v>35</v>
      </c>
      <c r="L4280" t="s">
        <v>3291</v>
      </c>
      <c r="M4280">
        <v>1083</v>
      </c>
      <c r="N4280" t="s">
        <v>654</v>
      </c>
      <c r="O4280">
        <v>3</v>
      </c>
      <c r="P4280" t="s">
        <v>655</v>
      </c>
      <c r="Q4280">
        <v>1</v>
      </c>
      <c r="R4280" t="s">
        <v>656</v>
      </c>
      <c r="S4280">
        <v>2</v>
      </c>
      <c r="T4280" t="s">
        <v>661</v>
      </c>
      <c r="U4280">
        <v>8</v>
      </c>
      <c r="V4280">
        <v>2</v>
      </c>
      <c r="W4280">
        <v>120</v>
      </c>
      <c r="X4280">
        <v>2020</v>
      </c>
    </row>
    <row r="4281" spans="1:24" x14ac:dyDescent="0.25">
      <c r="A4281">
        <v>6457</v>
      </c>
      <c r="B4281" t="s">
        <v>127</v>
      </c>
      <c r="C4281">
        <v>9</v>
      </c>
      <c r="D4281" t="s">
        <v>543</v>
      </c>
      <c r="E4281">
        <v>74</v>
      </c>
      <c r="F4281" t="s">
        <v>651</v>
      </c>
      <c r="G4281">
        <v>160</v>
      </c>
      <c r="H4281" t="s">
        <v>658</v>
      </c>
      <c r="I4281">
        <v>13755</v>
      </c>
      <c r="J4281" t="s">
        <v>659</v>
      </c>
      <c r="K4281">
        <v>35</v>
      </c>
      <c r="L4281" t="s">
        <v>3292</v>
      </c>
      <c r="M4281">
        <v>1082</v>
      </c>
      <c r="N4281" t="s">
        <v>654</v>
      </c>
      <c r="O4281">
        <v>3</v>
      </c>
      <c r="P4281" t="s">
        <v>655</v>
      </c>
      <c r="Q4281">
        <v>1</v>
      </c>
      <c r="R4281" t="s">
        <v>656</v>
      </c>
      <c r="S4281">
        <v>2</v>
      </c>
      <c r="T4281" t="s">
        <v>661</v>
      </c>
      <c r="U4281">
        <v>8</v>
      </c>
      <c r="V4281">
        <v>2</v>
      </c>
      <c r="W4281">
        <v>120</v>
      </c>
      <c r="X4281">
        <v>2020</v>
      </c>
    </row>
    <row r="4282" spans="1:24" x14ac:dyDescent="0.25">
      <c r="A4282">
        <v>6456</v>
      </c>
      <c r="B4282" t="s">
        <v>127</v>
      </c>
      <c r="C4282">
        <v>9</v>
      </c>
      <c r="D4282" t="s">
        <v>543</v>
      </c>
      <c r="E4282">
        <v>74</v>
      </c>
      <c r="F4282" t="s">
        <v>651</v>
      </c>
      <c r="G4282">
        <v>160</v>
      </c>
      <c r="H4282" t="s">
        <v>658</v>
      </c>
      <c r="I4282">
        <v>13755</v>
      </c>
      <c r="J4282" t="s">
        <v>659</v>
      </c>
      <c r="K4282">
        <v>35</v>
      </c>
      <c r="L4282" t="s">
        <v>3293</v>
      </c>
      <c r="M4282">
        <v>1081</v>
      </c>
      <c r="N4282" t="s">
        <v>654</v>
      </c>
      <c r="O4282">
        <v>3</v>
      </c>
      <c r="P4282" t="s">
        <v>655</v>
      </c>
      <c r="Q4282">
        <v>1</v>
      </c>
      <c r="R4282" t="s">
        <v>656</v>
      </c>
      <c r="S4282">
        <v>2</v>
      </c>
      <c r="T4282" t="s">
        <v>661</v>
      </c>
      <c r="U4282">
        <v>8</v>
      </c>
      <c r="V4282">
        <v>2</v>
      </c>
      <c r="W4282">
        <v>120</v>
      </c>
      <c r="X4282">
        <v>2020</v>
      </c>
    </row>
    <row r="4283" spans="1:24" x14ac:dyDescent="0.25">
      <c r="A4283">
        <v>6455</v>
      </c>
      <c r="B4283" t="s">
        <v>127</v>
      </c>
      <c r="C4283">
        <v>9</v>
      </c>
      <c r="D4283" t="s">
        <v>543</v>
      </c>
      <c r="E4283">
        <v>74</v>
      </c>
      <c r="F4283" t="s">
        <v>651</v>
      </c>
      <c r="G4283">
        <v>160</v>
      </c>
      <c r="H4283" t="s">
        <v>658</v>
      </c>
      <c r="I4283">
        <v>13755</v>
      </c>
      <c r="J4283" t="s">
        <v>659</v>
      </c>
      <c r="K4283">
        <v>35</v>
      </c>
      <c r="L4283" t="s">
        <v>3294</v>
      </c>
      <c r="M4283">
        <v>1080</v>
      </c>
      <c r="N4283" t="s">
        <v>654</v>
      </c>
      <c r="O4283">
        <v>3</v>
      </c>
      <c r="P4283" t="s">
        <v>655</v>
      </c>
      <c r="Q4283">
        <v>1</v>
      </c>
      <c r="R4283" t="s">
        <v>656</v>
      </c>
      <c r="S4283">
        <v>2</v>
      </c>
      <c r="T4283" t="s">
        <v>661</v>
      </c>
      <c r="U4283">
        <v>8</v>
      </c>
      <c r="V4283">
        <v>2</v>
      </c>
      <c r="W4283">
        <v>120</v>
      </c>
      <c r="X4283">
        <v>2020</v>
      </c>
    </row>
    <row r="4284" spans="1:24" x14ac:dyDescent="0.25">
      <c r="A4284">
        <v>6454</v>
      </c>
      <c r="B4284" t="s">
        <v>127</v>
      </c>
      <c r="C4284">
        <v>9</v>
      </c>
      <c r="D4284" t="s">
        <v>543</v>
      </c>
      <c r="E4284">
        <v>74</v>
      </c>
      <c r="F4284" t="s">
        <v>651</v>
      </c>
      <c r="G4284">
        <v>160</v>
      </c>
      <c r="H4284" t="s">
        <v>658</v>
      </c>
      <c r="I4284">
        <v>13755</v>
      </c>
      <c r="J4284" t="s">
        <v>659</v>
      </c>
      <c r="K4284">
        <v>35</v>
      </c>
      <c r="L4284" t="s">
        <v>3295</v>
      </c>
      <c r="M4284">
        <v>1079</v>
      </c>
      <c r="N4284" t="s">
        <v>654</v>
      </c>
      <c r="O4284">
        <v>3</v>
      </c>
      <c r="P4284" t="s">
        <v>655</v>
      </c>
      <c r="Q4284">
        <v>1</v>
      </c>
      <c r="R4284" t="s">
        <v>656</v>
      </c>
      <c r="S4284">
        <v>2</v>
      </c>
      <c r="T4284" t="s">
        <v>661</v>
      </c>
      <c r="U4284">
        <v>8</v>
      </c>
      <c r="V4284">
        <v>2</v>
      </c>
      <c r="W4284">
        <v>120</v>
      </c>
      <c r="X4284">
        <v>2020</v>
      </c>
    </row>
    <row r="4285" spans="1:24" x14ac:dyDescent="0.25">
      <c r="A4285">
        <v>6452</v>
      </c>
      <c r="B4285" t="s">
        <v>127</v>
      </c>
      <c r="C4285">
        <v>9</v>
      </c>
      <c r="D4285" t="s">
        <v>544</v>
      </c>
      <c r="E4285">
        <v>73</v>
      </c>
      <c r="F4285" t="s">
        <v>651</v>
      </c>
      <c r="G4285">
        <v>160</v>
      </c>
      <c r="H4285" t="s">
        <v>658</v>
      </c>
      <c r="I4285">
        <v>13755</v>
      </c>
      <c r="J4285" t="s">
        <v>659</v>
      </c>
      <c r="K4285">
        <v>35</v>
      </c>
      <c r="L4285" t="s">
        <v>3296</v>
      </c>
      <c r="M4285">
        <v>1077</v>
      </c>
      <c r="N4285" t="s">
        <v>654</v>
      </c>
      <c r="O4285">
        <v>3</v>
      </c>
      <c r="P4285" t="s">
        <v>655</v>
      </c>
      <c r="Q4285">
        <v>1</v>
      </c>
      <c r="R4285" t="s">
        <v>656</v>
      </c>
      <c r="S4285">
        <v>2</v>
      </c>
      <c r="T4285" t="s">
        <v>661</v>
      </c>
      <c r="U4285">
        <v>8</v>
      </c>
      <c r="V4285">
        <v>2</v>
      </c>
      <c r="W4285">
        <v>120</v>
      </c>
      <c r="X4285">
        <v>2020</v>
      </c>
    </row>
    <row r="4286" spans="1:24" x14ac:dyDescent="0.25">
      <c r="A4286">
        <v>6451</v>
      </c>
      <c r="B4286" t="s">
        <v>127</v>
      </c>
      <c r="C4286">
        <v>9</v>
      </c>
      <c r="D4286" t="s">
        <v>544</v>
      </c>
      <c r="E4286">
        <v>73</v>
      </c>
      <c r="F4286" t="s">
        <v>651</v>
      </c>
      <c r="G4286">
        <v>160</v>
      </c>
      <c r="H4286" t="s">
        <v>658</v>
      </c>
      <c r="I4286">
        <v>13755</v>
      </c>
      <c r="J4286" t="s">
        <v>659</v>
      </c>
      <c r="K4286">
        <v>35</v>
      </c>
      <c r="L4286" t="s">
        <v>3297</v>
      </c>
      <c r="M4286">
        <v>1076</v>
      </c>
      <c r="N4286" t="s">
        <v>654</v>
      </c>
      <c r="O4286">
        <v>3</v>
      </c>
      <c r="P4286" t="s">
        <v>655</v>
      </c>
      <c r="Q4286">
        <v>1</v>
      </c>
      <c r="R4286" t="s">
        <v>656</v>
      </c>
      <c r="S4286">
        <v>2</v>
      </c>
      <c r="T4286" t="s">
        <v>661</v>
      </c>
      <c r="U4286">
        <v>8</v>
      </c>
      <c r="V4286">
        <v>2</v>
      </c>
      <c r="W4286">
        <v>120</v>
      </c>
      <c r="X4286">
        <v>2020</v>
      </c>
    </row>
    <row r="4287" spans="1:24" x14ac:dyDescent="0.25">
      <c r="A4287">
        <v>6450</v>
      </c>
      <c r="B4287" t="s">
        <v>127</v>
      </c>
      <c r="C4287">
        <v>9</v>
      </c>
      <c r="D4287" t="s">
        <v>544</v>
      </c>
      <c r="E4287">
        <v>73</v>
      </c>
      <c r="F4287" t="s">
        <v>651</v>
      </c>
      <c r="G4287">
        <v>160</v>
      </c>
      <c r="H4287" t="s">
        <v>658</v>
      </c>
      <c r="I4287">
        <v>13755</v>
      </c>
      <c r="J4287" t="s">
        <v>659</v>
      </c>
      <c r="K4287">
        <v>35</v>
      </c>
      <c r="L4287" t="s">
        <v>3298</v>
      </c>
      <c r="M4287">
        <v>1075</v>
      </c>
      <c r="N4287" t="s">
        <v>654</v>
      </c>
      <c r="O4287">
        <v>3</v>
      </c>
      <c r="P4287" t="s">
        <v>655</v>
      </c>
      <c r="Q4287">
        <v>1</v>
      </c>
      <c r="R4287" t="s">
        <v>656</v>
      </c>
      <c r="S4287">
        <v>2</v>
      </c>
      <c r="T4287" t="s">
        <v>661</v>
      </c>
      <c r="U4287">
        <v>8</v>
      </c>
      <c r="V4287">
        <v>2</v>
      </c>
      <c r="W4287">
        <v>120</v>
      </c>
      <c r="X4287">
        <v>2020</v>
      </c>
    </row>
    <row r="4288" spans="1:24" x14ac:dyDescent="0.25">
      <c r="A4288">
        <v>6447</v>
      </c>
      <c r="B4288" t="s">
        <v>123</v>
      </c>
      <c r="C4288">
        <v>8</v>
      </c>
      <c r="D4288" t="s">
        <v>589</v>
      </c>
      <c r="E4288">
        <v>72</v>
      </c>
      <c r="F4288" t="s">
        <v>651</v>
      </c>
      <c r="G4288">
        <v>160</v>
      </c>
      <c r="H4288" t="s">
        <v>658</v>
      </c>
      <c r="I4288">
        <v>13755</v>
      </c>
      <c r="J4288" t="s">
        <v>673</v>
      </c>
      <c r="K4288">
        <v>34</v>
      </c>
      <c r="L4288" t="s">
        <v>3299</v>
      </c>
      <c r="M4288">
        <v>1072</v>
      </c>
      <c r="N4288" t="s">
        <v>654</v>
      </c>
      <c r="O4288">
        <v>3</v>
      </c>
      <c r="P4288" t="s">
        <v>655</v>
      </c>
      <c r="Q4288">
        <v>1</v>
      </c>
      <c r="R4288" t="s">
        <v>656</v>
      </c>
      <c r="S4288">
        <v>2</v>
      </c>
      <c r="T4288" t="s">
        <v>661</v>
      </c>
      <c r="U4288">
        <v>8</v>
      </c>
      <c r="V4288">
        <v>2</v>
      </c>
      <c r="W4288">
        <v>120</v>
      </c>
      <c r="X4288">
        <v>2020</v>
      </c>
    </row>
    <row r="4289" spans="1:24" x14ac:dyDescent="0.25">
      <c r="A4289">
        <v>6446</v>
      </c>
      <c r="B4289" t="s">
        <v>123</v>
      </c>
      <c r="C4289">
        <v>8</v>
      </c>
      <c r="D4289" t="s">
        <v>589</v>
      </c>
      <c r="E4289">
        <v>72</v>
      </c>
      <c r="F4289" t="s">
        <v>651</v>
      </c>
      <c r="G4289">
        <v>160</v>
      </c>
      <c r="H4289" t="s">
        <v>658</v>
      </c>
      <c r="I4289">
        <v>13755</v>
      </c>
      <c r="J4289" t="s">
        <v>673</v>
      </c>
      <c r="K4289">
        <v>34</v>
      </c>
      <c r="L4289" t="s">
        <v>3300</v>
      </c>
      <c r="M4289">
        <v>1071</v>
      </c>
      <c r="N4289" t="s">
        <v>654</v>
      </c>
      <c r="O4289">
        <v>3</v>
      </c>
      <c r="P4289" t="s">
        <v>655</v>
      </c>
      <c r="Q4289">
        <v>1</v>
      </c>
      <c r="R4289" t="s">
        <v>656</v>
      </c>
      <c r="S4289">
        <v>2</v>
      </c>
      <c r="T4289" t="s">
        <v>661</v>
      </c>
      <c r="U4289">
        <v>8</v>
      </c>
      <c r="V4289">
        <v>2</v>
      </c>
      <c r="W4289">
        <v>120</v>
      </c>
      <c r="X4289">
        <v>2020</v>
      </c>
    </row>
    <row r="4290" spans="1:24" x14ac:dyDescent="0.25">
      <c r="A4290">
        <v>6445</v>
      </c>
      <c r="B4290" t="s">
        <v>123</v>
      </c>
      <c r="C4290">
        <v>8</v>
      </c>
      <c r="D4290" t="s">
        <v>589</v>
      </c>
      <c r="E4290">
        <v>72</v>
      </c>
      <c r="F4290" t="s">
        <v>651</v>
      </c>
      <c r="G4290">
        <v>160</v>
      </c>
      <c r="H4290" t="s">
        <v>658</v>
      </c>
      <c r="I4290">
        <v>13755</v>
      </c>
      <c r="J4290" t="s">
        <v>673</v>
      </c>
      <c r="K4290">
        <v>34</v>
      </c>
      <c r="L4290" t="s">
        <v>3301</v>
      </c>
      <c r="M4290">
        <v>1070</v>
      </c>
      <c r="N4290" t="s">
        <v>654</v>
      </c>
      <c r="O4290">
        <v>3</v>
      </c>
      <c r="P4290" t="s">
        <v>655</v>
      </c>
      <c r="Q4290">
        <v>1</v>
      </c>
      <c r="R4290" t="s">
        <v>656</v>
      </c>
      <c r="S4290">
        <v>2</v>
      </c>
      <c r="T4290" t="s">
        <v>661</v>
      </c>
      <c r="U4290">
        <v>8</v>
      </c>
      <c r="V4290">
        <v>2</v>
      </c>
      <c r="W4290">
        <v>120</v>
      </c>
      <c r="X4290">
        <v>2020</v>
      </c>
    </row>
    <row r="4291" spans="1:24" x14ac:dyDescent="0.25">
      <c r="A4291">
        <v>6444</v>
      </c>
      <c r="B4291" t="s">
        <v>123</v>
      </c>
      <c r="C4291">
        <v>8</v>
      </c>
      <c r="D4291" t="s">
        <v>589</v>
      </c>
      <c r="E4291">
        <v>72</v>
      </c>
      <c r="F4291" t="s">
        <v>651</v>
      </c>
      <c r="G4291">
        <v>160</v>
      </c>
      <c r="H4291" t="s">
        <v>658</v>
      </c>
      <c r="I4291">
        <v>13755</v>
      </c>
      <c r="J4291" t="s">
        <v>673</v>
      </c>
      <c r="K4291">
        <v>34</v>
      </c>
      <c r="L4291" t="s">
        <v>3302</v>
      </c>
      <c r="M4291">
        <v>1069</v>
      </c>
      <c r="N4291" t="s">
        <v>654</v>
      </c>
      <c r="O4291">
        <v>3</v>
      </c>
      <c r="P4291" t="s">
        <v>655</v>
      </c>
      <c r="Q4291">
        <v>1</v>
      </c>
      <c r="R4291" t="s">
        <v>656</v>
      </c>
      <c r="S4291">
        <v>2</v>
      </c>
      <c r="T4291" t="s">
        <v>661</v>
      </c>
      <c r="U4291">
        <v>8</v>
      </c>
      <c r="V4291">
        <v>2</v>
      </c>
      <c r="W4291">
        <v>120</v>
      </c>
      <c r="X4291">
        <v>2020</v>
      </c>
    </row>
    <row r="4292" spans="1:24" x14ac:dyDescent="0.25">
      <c r="A4292">
        <v>6442</v>
      </c>
      <c r="B4292" t="s">
        <v>123</v>
      </c>
      <c r="C4292">
        <v>8</v>
      </c>
      <c r="D4292" t="s">
        <v>589</v>
      </c>
      <c r="E4292">
        <v>72</v>
      </c>
      <c r="F4292" t="s">
        <v>651</v>
      </c>
      <c r="G4292">
        <v>160</v>
      </c>
      <c r="H4292" t="s">
        <v>658</v>
      </c>
      <c r="I4292">
        <v>13755</v>
      </c>
      <c r="J4292" t="s">
        <v>673</v>
      </c>
      <c r="K4292">
        <v>34</v>
      </c>
      <c r="L4292" t="s">
        <v>3303</v>
      </c>
      <c r="M4292">
        <v>1067</v>
      </c>
      <c r="N4292" t="s">
        <v>654</v>
      </c>
      <c r="O4292">
        <v>3</v>
      </c>
      <c r="P4292" t="s">
        <v>655</v>
      </c>
      <c r="Q4292">
        <v>1</v>
      </c>
      <c r="R4292" t="s">
        <v>656</v>
      </c>
      <c r="S4292">
        <v>2</v>
      </c>
      <c r="T4292" t="s">
        <v>661</v>
      </c>
      <c r="U4292">
        <v>8</v>
      </c>
      <c r="V4292">
        <v>2</v>
      </c>
      <c r="W4292">
        <v>120</v>
      </c>
      <c r="X4292">
        <v>2020</v>
      </c>
    </row>
    <row r="4293" spans="1:24" x14ac:dyDescent="0.25">
      <c r="A4293">
        <v>6441</v>
      </c>
      <c r="B4293" t="s">
        <v>123</v>
      </c>
      <c r="C4293">
        <v>8</v>
      </c>
      <c r="D4293" t="s">
        <v>546</v>
      </c>
      <c r="E4293">
        <v>71</v>
      </c>
      <c r="F4293" t="s">
        <v>651</v>
      </c>
      <c r="G4293">
        <v>160</v>
      </c>
      <c r="H4293" t="s">
        <v>658</v>
      </c>
      <c r="I4293">
        <v>13755</v>
      </c>
      <c r="J4293" t="s">
        <v>673</v>
      </c>
      <c r="K4293">
        <v>34</v>
      </c>
      <c r="L4293" t="s">
        <v>3304</v>
      </c>
      <c r="M4293">
        <v>1066</v>
      </c>
      <c r="N4293" t="s">
        <v>654</v>
      </c>
      <c r="O4293">
        <v>3</v>
      </c>
      <c r="P4293" t="s">
        <v>655</v>
      </c>
      <c r="Q4293">
        <v>1</v>
      </c>
      <c r="R4293" t="s">
        <v>656</v>
      </c>
      <c r="S4293">
        <v>2</v>
      </c>
      <c r="T4293" t="s">
        <v>661</v>
      </c>
      <c r="U4293">
        <v>8</v>
      </c>
      <c r="V4293">
        <v>2</v>
      </c>
      <c r="W4293">
        <v>120</v>
      </c>
      <c r="X4293">
        <v>2020</v>
      </c>
    </row>
    <row r="4294" spans="1:24" x14ac:dyDescent="0.25">
      <c r="A4294">
        <v>6439</v>
      </c>
      <c r="B4294" t="s">
        <v>12</v>
      </c>
      <c r="C4294">
        <v>7</v>
      </c>
      <c r="D4294" t="s">
        <v>591</v>
      </c>
      <c r="E4294">
        <v>69</v>
      </c>
      <c r="F4294" t="s">
        <v>651</v>
      </c>
      <c r="G4294">
        <v>160</v>
      </c>
      <c r="H4294" t="s">
        <v>658</v>
      </c>
      <c r="I4294">
        <v>13755</v>
      </c>
      <c r="J4294" t="s">
        <v>955</v>
      </c>
      <c r="K4294">
        <v>29</v>
      </c>
      <c r="L4294" t="s">
        <v>2110</v>
      </c>
      <c r="M4294">
        <v>1064</v>
      </c>
      <c r="N4294" t="s">
        <v>654</v>
      </c>
      <c r="O4294">
        <v>3</v>
      </c>
      <c r="P4294" t="s">
        <v>655</v>
      </c>
      <c r="Q4294">
        <v>1</v>
      </c>
      <c r="R4294" t="s">
        <v>656</v>
      </c>
      <c r="S4294">
        <v>2</v>
      </c>
      <c r="T4294" t="s">
        <v>661</v>
      </c>
      <c r="U4294">
        <v>8</v>
      </c>
      <c r="V4294">
        <v>2</v>
      </c>
      <c r="W4294">
        <v>120</v>
      </c>
      <c r="X4294">
        <v>2020</v>
      </c>
    </row>
    <row r="4295" spans="1:24" x14ac:dyDescent="0.25">
      <c r="A4295">
        <v>6438</v>
      </c>
      <c r="B4295" t="s">
        <v>12</v>
      </c>
      <c r="C4295">
        <v>7</v>
      </c>
      <c r="D4295" t="s">
        <v>591</v>
      </c>
      <c r="E4295">
        <v>69</v>
      </c>
      <c r="F4295" t="s">
        <v>651</v>
      </c>
      <c r="G4295">
        <v>160</v>
      </c>
      <c r="H4295" t="s">
        <v>658</v>
      </c>
      <c r="I4295">
        <v>13755</v>
      </c>
      <c r="J4295" t="s">
        <v>955</v>
      </c>
      <c r="K4295">
        <v>29</v>
      </c>
      <c r="L4295" t="s">
        <v>2110</v>
      </c>
      <c r="M4295">
        <v>1064</v>
      </c>
      <c r="N4295" t="s">
        <v>654</v>
      </c>
      <c r="O4295">
        <v>3</v>
      </c>
      <c r="P4295" t="s">
        <v>655</v>
      </c>
      <c r="Q4295">
        <v>1</v>
      </c>
      <c r="R4295" t="s">
        <v>656</v>
      </c>
      <c r="S4295">
        <v>2</v>
      </c>
      <c r="T4295" t="s">
        <v>718</v>
      </c>
      <c r="U4295">
        <v>2</v>
      </c>
      <c r="V4295">
        <v>2</v>
      </c>
      <c r="W4295">
        <v>120</v>
      </c>
      <c r="X4295">
        <v>2020</v>
      </c>
    </row>
    <row r="4296" spans="1:24" x14ac:dyDescent="0.25">
      <c r="A4296">
        <v>6436</v>
      </c>
      <c r="B4296" t="s">
        <v>12</v>
      </c>
      <c r="C4296">
        <v>7</v>
      </c>
      <c r="D4296" t="s">
        <v>591</v>
      </c>
      <c r="E4296">
        <v>69</v>
      </c>
      <c r="F4296" t="s">
        <v>651</v>
      </c>
      <c r="G4296">
        <v>160</v>
      </c>
      <c r="H4296" t="s">
        <v>658</v>
      </c>
      <c r="I4296">
        <v>13755</v>
      </c>
      <c r="J4296" t="s">
        <v>955</v>
      </c>
      <c r="K4296">
        <v>29</v>
      </c>
      <c r="L4296" t="s">
        <v>3305</v>
      </c>
      <c r="M4296">
        <v>1062</v>
      </c>
      <c r="N4296" t="s">
        <v>654</v>
      </c>
      <c r="O4296">
        <v>3</v>
      </c>
      <c r="P4296" t="s">
        <v>655</v>
      </c>
      <c r="Q4296">
        <v>1</v>
      </c>
      <c r="R4296" t="s">
        <v>656</v>
      </c>
      <c r="S4296">
        <v>2</v>
      </c>
      <c r="T4296" t="s">
        <v>661</v>
      </c>
      <c r="U4296">
        <v>8</v>
      </c>
      <c r="V4296">
        <v>2</v>
      </c>
      <c r="W4296">
        <v>120</v>
      </c>
      <c r="X4296">
        <v>2020</v>
      </c>
    </row>
    <row r="4297" spans="1:24" x14ac:dyDescent="0.25">
      <c r="A4297">
        <v>6432</v>
      </c>
      <c r="B4297" t="s">
        <v>12</v>
      </c>
      <c r="C4297">
        <v>7</v>
      </c>
      <c r="D4297" t="s">
        <v>591</v>
      </c>
      <c r="E4297">
        <v>69</v>
      </c>
      <c r="F4297" t="s">
        <v>651</v>
      </c>
      <c r="G4297">
        <v>160</v>
      </c>
      <c r="H4297" t="s">
        <v>658</v>
      </c>
      <c r="I4297">
        <v>13755</v>
      </c>
      <c r="J4297" t="s">
        <v>955</v>
      </c>
      <c r="K4297">
        <v>29</v>
      </c>
      <c r="L4297" t="s">
        <v>3306</v>
      </c>
      <c r="M4297">
        <v>1058</v>
      </c>
      <c r="N4297" t="s">
        <v>654</v>
      </c>
      <c r="O4297">
        <v>3</v>
      </c>
      <c r="P4297" t="s">
        <v>655</v>
      </c>
      <c r="Q4297">
        <v>1</v>
      </c>
      <c r="R4297" t="s">
        <v>656</v>
      </c>
      <c r="S4297">
        <v>2</v>
      </c>
      <c r="T4297" t="s">
        <v>661</v>
      </c>
      <c r="U4297">
        <v>8</v>
      </c>
      <c r="V4297">
        <v>2</v>
      </c>
      <c r="W4297">
        <v>120</v>
      </c>
      <c r="X4297">
        <v>2020</v>
      </c>
    </row>
    <row r="4298" spans="1:24" x14ac:dyDescent="0.25">
      <c r="A4298">
        <v>6431</v>
      </c>
      <c r="B4298" t="s">
        <v>12</v>
      </c>
      <c r="C4298">
        <v>7</v>
      </c>
      <c r="D4298" t="s">
        <v>591</v>
      </c>
      <c r="E4298">
        <v>69</v>
      </c>
      <c r="F4298" t="s">
        <v>651</v>
      </c>
      <c r="G4298">
        <v>160</v>
      </c>
      <c r="H4298" t="s">
        <v>658</v>
      </c>
      <c r="I4298">
        <v>13755</v>
      </c>
      <c r="J4298" t="s">
        <v>955</v>
      </c>
      <c r="K4298">
        <v>29</v>
      </c>
      <c r="L4298" t="s">
        <v>3307</v>
      </c>
      <c r="M4298">
        <v>1057</v>
      </c>
      <c r="N4298" t="s">
        <v>654</v>
      </c>
      <c r="O4298">
        <v>3</v>
      </c>
      <c r="P4298" t="s">
        <v>655</v>
      </c>
      <c r="Q4298">
        <v>1</v>
      </c>
      <c r="R4298" t="s">
        <v>656</v>
      </c>
      <c r="S4298">
        <v>2</v>
      </c>
      <c r="T4298" t="s">
        <v>718</v>
      </c>
      <c r="U4298">
        <v>2</v>
      </c>
      <c r="V4298">
        <v>2</v>
      </c>
      <c r="W4298">
        <v>120</v>
      </c>
      <c r="X4298">
        <v>2020</v>
      </c>
    </row>
    <row r="4299" spans="1:24" x14ac:dyDescent="0.25">
      <c r="A4299">
        <v>6430</v>
      </c>
      <c r="B4299" t="s">
        <v>12</v>
      </c>
      <c r="C4299">
        <v>7</v>
      </c>
      <c r="D4299" t="s">
        <v>591</v>
      </c>
      <c r="E4299">
        <v>69</v>
      </c>
      <c r="F4299" t="s">
        <v>651</v>
      </c>
      <c r="G4299">
        <v>160</v>
      </c>
      <c r="H4299" t="s">
        <v>658</v>
      </c>
      <c r="I4299">
        <v>13755</v>
      </c>
      <c r="J4299" t="s">
        <v>955</v>
      </c>
      <c r="K4299">
        <v>29</v>
      </c>
      <c r="L4299" t="s">
        <v>3308</v>
      </c>
      <c r="M4299">
        <v>1056</v>
      </c>
      <c r="N4299" t="s">
        <v>654</v>
      </c>
      <c r="O4299">
        <v>3</v>
      </c>
      <c r="P4299" t="s">
        <v>655</v>
      </c>
      <c r="Q4299">
        <v>1</v>
      </c>
      <c r="R4299" t="s">
        <v>656</v>
      </c>
      <c r="S4299">
        <v>2</v>
      </c>
      <c r="T4299" t="s">
        <v>661</v>
      </c>
      <c r="U4299">
        <v>8</v>
      </c>
      <c r="V4299">
        <v>2</v>
      </c>
      <c r="W4299">
        <v>120</v>
      </c>
      <c r="X4299">
        <v>2020</v>
      </c>
    </row>
    <row r="4300" spans="1:24" x14ac:dyDescent="0.25">
      <c r="A4300">
        <v>6429</v>
      </c>
      <c r="B4300" t="s">
        <v>12</v>
      </c>
      <c r="C4300">
        <v>7</v>
      </c>
      <c r="D4300" t="s">
        <v>591</v>
      </c>
      <c r="E4300">
        <v>69</v>
      </c>
      <c r="F4300" t="s">
        <v>651</v>
      </c>
      <c r="G4300">
        <v>160</v>
      </c>
      <c r="H4300" t="s">
        <v>658</v>
      </c>
      <c r="I4300">
        <v>13755</v>
      </c>
      <c r="J4300" t="s">
        <v>955</v>
      </c>
      <c r="K4300">
        <v>29</v>
      </c>
      <c r="L4300" t="s">
        <v>3309</v>
      </c>
      <c r="M4300">
        <v>1055</v>
      </c>
      <c r="N4300" t="s">
        <v>654</v>
      </c>
      <c r="O4300">
        <v>3</v>
      </c>
      <c r="P4300" t="s">
        <v>655</v>
      </c>
      <c r="Q4300">
        <v>1</v>
      </c>
      <c r="R4300" t="s">
        <v>656</v>
      </c>
      <c r="S4300">
        <v>2</v>
      </c>
      <c r="T4300" t="s">
        <v>661</v>
      </c>
      <c r="U4300">
        <v>8</v>
      </c>
      <c r="V4300">
        <v>2</v>
      </c>
      <c r="W4300">
        <v>120</v>
      </c>
      <c r="X4300">
        <v>2020</v>
      </c>
    </row>
    <row r="4301" spans="1:24" x14ac:dyDescent="0.25">
      <c r="A4301">
        <v>6427</v>
      </c>
      <c r="B4301" t="s">
        <v>12</v>
      </c>
      <c r="C4301">
        <v>7</v>
      </c>
      <c r="D4301" t="s">
        <v>591</v>
      </c>
      <c r="E4301">
        <v>69</v>
      </c>
      <c r="F4301" t="s">
        <v>651</v>
      </c>
      <c r="G4301">
        <v>160</v>
      </c>
      <c r="H4301" t="s">
        <v>658</v>
      </c>
      <c r="I4301">
        <v>13755</v>
      </c>
      <c r="J4301" t="s">
        <v>955</v>
      </c>
      <c r="K4301">
        <v>29</v>
      </c>
      <c r="L4301" t="s">
        <v>3310</v>
      </c>
      <c r="M4301">
        <v>1053</v>
      </c>
      <c r="N4301" t="s">
        <v>654</v>
      </c>
      <c r="O4301">
        <v>3</v>
      </c>
      <c r="P4301" t="s">
        <v>655</v>
      </c>
      <c r="Q4301">
        <v>1</v>
      </c>
      <c r="R4301" t="s">
        <v>656</v>
      </c>
      <c r="S4301">
        <v>2</v>
      </c>
      <c r="T4301" t="s">
        <v>718</v>
      </c>
      <c r="U4301">
        <v>2</v>
      </c>
      <c r="V4301">
        <v>2</v>
      </c>
      <c r="W4301">
        <v>120</v>
      </c>
      <c r="X4301">
        <v>2020</v>
      </c>
    </row>
    <row r="4302" spans="1:24" x14ac:dyDescent="0.25">
      <c r="A4302">
        <v>6425</v>
      </c>
      <c r="B4302" t="s">
        <v>12</v>
      </c>
      <c r="C4302">
        <v>7</v>
      </c>
      <c r="D4302" t="s">
        <v>591</v>
      </c>
      <c r="E4302">
        <v>69</v>
      </c>
      <c r="F4302" t="s">
        <v>651</v>
      </c>
      <c r="G4302">
        <v>160</v>
      </c>
      <c r="H4302" t="s">
        <v>658</v>
      </c>
      <c r="I4302">
        <v>13755</v>
      </c>
      <c r="J4302" t="s">
        <v>955</v>
      </c>
      <c r="K4302">
        <v>29</v>
      </c>
      <c r="L4302" t="s">
        <v>3311</v>
      </c>
      <c r="M4302">
        <v>1051</v>
      </c>
      <c r="N4302" t="s">
        <v>654</v>
      </c>
      <c r="O4302">
        <v>3</v>
      </c>
      <c r="P4302" t="s">
        <v>655</v>
      </c>
      <c r="Q4302">
        <v>1</v>
      </c>
      <c r="R4302" t="s">
        <v>656</v>
      </c>
      <c r="S4302">
        <v>2</v>
      </c>
      <c r="T4302" t="s">
        <v>718</v>
      </c>
      <c r="U4302">
        <v>2</v>
      </c>
      <c r="V4302">
        <v>2</v>
      </c>
      <c r="W4302">
        <v>120</v>
      </c>
      <c r="X4302">
        <v>2020</v>
      </c>
    </row>
    <row r="4303" spans="1:24" x14ac:dyDescent="0.25">
      <c r="A4303">
        <v>6424</v>
      </c>
      <c r="B4303" t="s">
        <v>12</v>
      </c>
      <c r="C4303">
        <v>7</v>
      </c>
      <c r="D4303" t="s">
        <v>591</v>
      </c>
      <c r="E4303">
        <v>69</v>
      </c>
      <c r="F4303" t="s">
        <v>651</v>
      </c>
      <c r="G4303">
        <v>160</v>
      </c>
      <c r="H4303" t="s">
        <v>658</v>
      </c>
      <c r="I4303">
        <v>13755</v>
      </c>
      <c r="J4303" t="s">
        <v>955</v>
      </c>
      <c r="K4303">
        <v>29</v>
      </c>
      <c r="L4303" t="s">
        <v>2089</v>
      </c>
      <c r="M4303">
        <v>1050</v>
      </c>
      <c r="N4303" t="s">
        <v>654</v>
      </c>
      <c r="O4303">
        <v>3</v>
      </c>
      <c r="P4303" t="s">
        <v>655</v>
      </c>
      <c r="Q4303">
        <v>1</v>
      </c>
      <c r="R4303" t="s">
        <v>656</v>
      </c>
      <c r="S4303">
        <v>2</v>
      </c>
      <c r="T4303" t="s">
        <v>661</v>
      </c>
      <c r="U4303">
        <v>8</v>
      </c>
      <c r="V4303">
        <v>2</v>
      </c>
      <c r="W4303">
        <v>120</v>
      </c>
      <c r="X4303">
        <v>2020</v>
      </c>
    </row>
    <row r="4304" spans="1:24" x14ac:dyDescent="0.25">
      <c r="A4304">
        <v>6421</v>
      </c>
      <c r="B4304" t="s">
        <v>12</v>
      </c>
      <c r="C4304">
        <v>7</v>
      </c>
      <c r="D4304" t="s">
        <v>595</v>
      </c>
      <c r="E4304">
        <v>65</v>
      </c>
      <c r="F4304" t="s">
        <v>651</v>
      </c>
      <c r="G4304">
        <v>160</v>
      </c>
      <c r="H4304" t="s">
        <v>658</v>
      </c>
      <c r="I4304">
        <v>13755</v>
      </c>
      <c r="J4304" t="s">
        <v>294</v>
      </c>
      <c r="K4304">
        <v>31</v>
      </c>
      <c r="L4304" t="s">
        <v>3312</v>
      </c>
      <c r="M4304">
        <v>1047</v>
      </c>
      <c r="N4304" t="s">
        <v>654</v>
      </c>
      <c r="O4304">
        <v>3</v>
      </c>
      <c r="P4304" t="s">
        <v>655</v>
      </c>
      <c r="Q4304">
        <v>1</v>
      </c>
      <c r="R4304" t="s">
        <v>656</v>
      </c>
      <c r="S4304">
        <v>2</v>
      </c>
      <c r="T4304" t="s">
        <v>661</v>
      </c>
      <c r="U4304">
        <v>8</v>
      </c>
      <c r="V4304">
        <v>2</v>
      </c>
      <c r="W4304">
        <v>120</v>
      </c>
      <c r="X4304">
        <v>2020</v>
      </c>
    </row>
    <row r="4305" spans="1:24" x14ac:dyDescent="0.25">
      <c r="A4305">
        <v>6420</v>
      </c>
      <c r="B4305" t="s">
        <v>12</v>
      </c>
      <c r="C4305">
        <v>7</v>
      </c>
      <c r="D4305" t="s">
        <v>595</v>
      </c>
      <c r="E4305">
        <v>65</v>
      </c>
      <c r="F4305" t="s">
        <v>651</v>
      </c>
      <c r="G4305">
        <v>160</v>
      </c>
      <c r="H4305" t="s">
        <v>658</v>
      </c>
      <c r="I4305">
        <v>13755</v>
      </c>
      <c r="J4305" t="s">
        <v>294</v>
      </c>
      <c r="K4305">
        <v>31</v>
      </c>
      <c r="L4305" t="s">
        <v>3313</v>
      </c>
      <c r="M4305">
        <v>1046</v>
      </c>
      <c r="N4305" t="s">
        <v>654</v>
      </c>
      <c r="O4305">
        <v>3</v>
      </c>
      <c r="P4305" t="s">
        <v>655</v>
      </c>
      <c r="Q4305">
        <v>1</v>
      </c>
      <c r="R4305" t="s">
        <v>656</v>
      </c>
      <c r="S4305">
        <v>2</v>
      </c>
      <c r="T4305" t="s">
        <v>661</v>
      </c>
      <c r="U4305">
        <v>8</v>
      </c>
      <c r="V4305">
        <v>2</v>
      </c>
      <c r="W4305">
        <v>120</v>
      </c>
      <c r="X4305">
        <v>2020</v>
      </c>
    </row>
    <row r="4306" spans="1:24" x14ac:dyDescent="0.25">
      <c r="A4306">
        <v>6419</v>
      </c>
      <c r="B4306" t="s">
        <v>12</v>
      </c>
      <c r="C4306">
        <v>7</v>
      </c>
      <c r="D4306" t="s">
        <v>595</v>
      </c>
      <c r="E4306">
        <v>65</v>
      </c>
      <c r="F4306" t="s">
        <v>651</v>
      </c>
      <c r="G4306">
        <v>160</v>
      </c>
      <c r="H4306" t="s">
        <v>658</v>
      </c>
      <c r="I4306">
        <v>13755</v>
      </c>
      <c r="J4306" t="s">
        <v>294</v>
      </c>
      <c r="K4306">
        <v>31</v>
      </c>
      <c r="L4306" t="s">
        <v>3314</v>
      </c>
      <c r="M4306">
        <v>1045</v>
      </c>
      <c r="N4306" t="s">
        <v>654</v>
      </c>
      <c r="O4306">
        <v>3</v>
      </c>
      <c r="P4306" t="s">
        <v>655</v>
      </c>
      <c r="Q4306">
        <v>1</v>
      </c>
      <c r="R4306" t="s">
        <v>656</v>
      </c>
      <c r="S4306">
        <v>2</v>
      </c>
      <c r="T4306" t="s">
        <v>661</v>
      </c>
      <c r="U4306">
        <v>8</v>
      </c>
      <c r="V4306">
        <v>2</v>
      </c>
      <c r="W4306">
        <v>120</v>
      </c>
      <c r="X4306">
        <v>2020</v>
      </c>
    </row>
    <row r="4307" spans="1:24" x14ac:dyDescent="0.25">
      <c r="A4307">
        <v>6418</v>
      </c>
      <c r="B4307" t="s">
        <v>12</v>
      </c>
      <c r="C4307">
        <v>7</v>
      </c>
      <c r="D4307" t="s">
        <v>595</v>
      </c>
      <c r="E4307">
        <v>65</v>
      </c>
      <c r="F4307" t="s">
        <v>651</v>
      </c>
      <c r="G4307">
        <v>160</v>
      </c>
      <c r="H4307" t="s">
        <v>658</v>
      </c>
      <c r="I4307">
        <v>13755</v>
      </c>
      <c r="J4307" t="s">
        <v>294</v>
      </c>
      <c r="K4307">
        <v>31</v>
      </c>
      <c r="L4307" t="s">
        <v>3315</v>
      </c>
      <c r="M4307">
        <v>1044</v>
      </c>
      <c r="N4307" t="s">
        <v>654</v>
      </c>
      <c r="O4307">
        <v>3</v>
      </c>
      <c r="P4307" t="s">
        <v>655</v>
      </c>
      <c r="Q4307">
        <v>1</v>
      </c>
      <c r="R4307" t="s">
        <v>656</v>
      </c>
      <c r="S4307">
        <v>2</v>
      </c>
      <c r="T4307" t="s">
        <v>661</v>
      </c>
      <c r="U4307">
        <v>8</v>
      </c>
      <c r="V4307">
        <v>2</v>
      </c>
      <c r="W4307">
        <v>120</v>
      </c>
      <c r="X4307">
        <v>2020</v>
      </c>
    </row>
    <row r="4308" spans="1:24" x14ac:dyDescent="0.25">
      <c r="A4308">
        <v>6417</v>
      </c>
      <c r="B4308" t="s">
        <v>12</v>
      </c>
      <c r="C4308">
        <v>7</v>
      </c>
      <c r="D4308" t="s">
        <v>595</v>
      </c>
      <c r="E4308">
        <v>65</v>
      </c>
      <c r="F4308" t="s">
        <v>651</v>
      </c>
      <c r="G4308">
        <v>160</v>
      </c>
      <c r="H4308" t="s">
        <v>658</v>
      </c>
      <c r="I4308">
        <v>13755</v>
      </c>
      <c r="J4308" t="s">
        <v>294</v>
      </c>
      <c r="K4308">
        <v>31</v>
      </c>
      <c r="L4308" t="s">
        <v>3316</v>
      </c>
      <c r="M4308">
        <v>1043</v>
      </c>
      <c r="N4308" t="s">
        <v>654</v>
      </c>
      <c r="O4308">
        <v>3</v>
      </c>
      <c r="P4308" t="s">
        <v>655</v>
      </c>
      <c r="Q4308">
        <v>1</v>
      </c>
      <c r="R4308" t="s">
        <v>656</v>
      </c>
      <c r="S4308">
        <v>2</v>
      </c>
      <c r="T4308" t="s">
        <v>661</v>
      </c>
      <c r="U4308">
        <v>8</v>
      </c>
      <c r="V4308">
        <v>2</v>
      </c>
      <c r="W4308">
        <v>120</v>
      </c>
      <c r="X4308">
        <v>2020</v>
      </c>
    </row>
    <row r="4309" spans="1:24" x14ac:dyDescent="0.25">
      <c r="A4309">
        <v>6416</v>
      </c>
      <c r="B4309" t="s">
        <v>12</v>
      </c>
      <c r="C4309">
        <v>7</v>
      </c>
      <c r="D4309" t="s">
        <v>595</v>
      </c>
      <c r="E4309">
        <v>65</v>
      </c>
      <c r="F4309" t="s">
        <v>651</v>
      </c>
      <c r="G4309">
        <v>160</v>
      </c>
      <c r="H4309" t="s">
        <v>658</v>
      </c>
      <c r="I4309">
        <v>13755</v>
      </c>
      <c r="J4309" t="s">
        <v>294</v>
      </c>
      <c r="K4309">
        <v>31</v>
      </c>
      <c r="L4309" t="s">
        <v>3317</v>
      </c>
      <c r="M4309">
        <v>1042</v>
      </c>
      <c r="N4309" t="s">
        <v>654</v>
      </c>
      <c r="O4309">
        <v>3</v>
      </c>
      <c r="P4309" t="s">
        <v>655</v>
      </c>
      <c r="Q4309">
        <v>1</v>
      </c>
      <c r="R4309" t="s">
        <v>656</v>
      </c>
      <c r="S4309">
        <v>2</v>
      </c>
      <c r="T4309" t="s">
        <v>661</v>
      </c>
      <c r="U4309">
        <v>8</v>
      </c>
      <c r="V4309">
        <v>2</v>
      </c>
      <c r="W4309">
        <v>120</v>
      </c>
      <c r="X4309">
        <v>2020</v>
      </c>
    </row>
    <row r="4310" spans="1:24" x14ac:dyDescent="0.25">
      <c r="A4310">
        <v>6415</v>
      </c>
      <c r="B4310" t="s">
        <v>12</v>
      </c>
      <c r="C4310">
        <v>7</v>
      </c>
      <c r="D4310" t="s">
        <v>595</v>
      </c>
      <c r="E4310">
        <v>65</v>
      </c>
      <c r="F4310" t="s">
        <v>651</v>
      </c>
      <c r="G4310">
        <v>160</v>
      </c>
      <c r="H4310" t="s">
        <v>658</v>
      </c>
      <c r="I4310">
        <v>13755</v>
      </c>
      <c r="J4310" t="s">
        <v>294</v>
      </c>
      <c r="K4310">
        <v>31</v>
      </c>
      <c r="L4310" t="s">
        <v>3318</v>
      </c>
      <c r="M4310">
        <v>1041</v>
      </c>
      <c r="N4310" t="s">
        <v>654</v>
      </c>
      <c r="O4310">
        <v>3</v>
      </c>
      <c r="P4310" t="s">
        <v>655</v>
      </c>
      <c r="Q4310">
        <v>1</v>
      </c>
      <c r="R4310" t="s">
        <v>656</v>
      </c>
      <c r="S4310">
        <v>2</v>
      </c>
      <c r="T4310" t="s">
        <v>661</v>
      </c>
      <c r="U4310">
        <v>8</v>
      </c>
      <c r="V4310">
        <v>2</v>
      </c>
      <c r="W4310">
        <v>120</v>
      </c>
      <c r="X4310">
        <v>2020</v>
      </c>
    </row>
    <row r="4311" spans="1:24" x14ac:dyDescent="0.25">
      <c r="A4311">
        <v>6414</v>
      </c>
      <c r="B4311" t="s">
        <v>12</v>
      </c>
      <c r="C4311">
        <v>7</v>
      </c>
      <c r="D4311" t="s">
        <v>595</v>
      </c>
      <c r="E4311">
        <v>65</v>
      </c>
      <c r="F4311" t="s">
        <v>651</v>
      </c>
      <c r="G4311">
        <v>160</v>
      </c>
      <c r="H4311" t="s">
        <v>658</v>
      </c>
      <c r="I4311">
        <v>13755</v>
      </c>
      <c r="J4311" t="s">
        <v>294</v>
      </c>
      <c r="K4311">
        <v>31</v>
      </c>
      <c r="L4311" t="s">
        <v>3319</v>
      </c>
      <c r="M4311">
        <v>1040</v>
      </c>
      <c r="N4311" t="s">
        <v>654</v>
      </c>
      <c r="O4311">
        <v>3</v>
      </c>
      <c r="P4311" t="s">
        <v>655</v>
      </c>
      <c r="Q4311">
        <v>1</v>
      </c>
      <c r="R4311" t="s">
        <v>656</v>
      </c>
      <c r="S4311">
        <v>2</v>
      </c>
      <c r="T4311" t="s">
        <v>661</v>
      </c>
      <c r="U4311">
        <v>8</v>
      </c>
      <c r="V4311">
        <v>2</v>
      </c>
      <c r="W4311">
        <v>120</v>
      </c>
      <c r="X4311">
        <v>2020</v>
      </c>
    </row>
    <row r="4312" spans="1:24" x14ac:dyDescent="0.25">
      <c r="A4312">
        <v>6413</v>
      </c>
      <c r="B4312" t="s">
        <v>12</v>
      </c>
      <c r="C4312">
        <v>7</v>
      </c>
      <c r="D4312" t="s">
        <v>595</v>
      </c>
      <c r="E4312">
        <v>65</v>
      </c>
      <c r="F4312" t="s">
        <v>651</v>
      </c>
      <c r="G4312">
        <v>160</v>
      </c>
      <c r="H4312" t="s">
        <v>658</v>
      </c>
      <c r="I4312">
        <v>13755</v>
      </c>
      <c r="J4312" t="s">
        <v>294</v>
      </c>
      <c r="K4312">
        <v>31</v>
      </c>
      <c r="L4312" t="s">
        <v>1960</v>
      </c>
      <c r="M4312">
        <v>1039</v>
      </c>
      <c r="N4312" t="s">
        <v>654</v>
      </c>
      <c r="O4312">
        <v>3</v>
      </c>
      <c r="P4312" t="s">
        <v>655</v>
      </c>
      <c r="Q4312">
        <v>1</v>
      </c>
      <c r="R4312" t="s">
        <v>656</v>
      </c>
      <c r="S4312">
        <v>2</v>
      </c>
      <c r="T4312" t="s">
        <v>661</v>
      </c>
      <c r="U4312">
        <v>8</v>
      </c>
      <c r="V4312">
        <v>2</v>
      </c>
      <c r="W4312">
        <v>120</v>
      </c>
      <c r="X4312">
        <v>2020</v>
      </c>
    </row>
    <row r="4313" spans="1:24" x14ac:dyDescent="0.25">
      <c r="A4313">
        <v>6412</v>
      </c>
      <c r="B4313" t="s">
        <v>12</v>
      </c>
      <c r="C4313">
        <v>7</v>
      </c>
      <c r="D4313" t="s">
        <v>595</v>
      </c>
      <c r="E4313">
        <v>65</v>
      </c>
      <c r="F4313" t="s">
        <v>651</v>
      </c>
      <c r="G4313">
        <v>160</v>
      </c>
      <c r="H4313" t="s">
        <v>658</v>
      </c>
      <c r="I4313">
        <v>13755</v>
      </c>
      <c r="J4313" t="s">
        <v>294</v>
      </c>
      <c r="K4313">
        <v>31</v>
      </c>
      <c r="L4313" t="s">
        <v>3320</v>
      </c>
      <c r="M4313">
        <v>1038</v>
      </c>
      <c r="N4313" t="s">
        <v>654</v>
      </c>
      <c r="O4313">
        <v>3</v>
      </c>
      <c r="P4313" t="s">
        <v>655</v>
      </c>
      <c r="Q4313">
        <v>1</v>
      </c>
      <c r="R4313" t="s">
        <v>656</v>
      </c>
      <c r="S4313">
        <v>2</v>
      </c>
      <c r="T4313" t="s">
        <v>661</v>
      </c>
      <c r="U4313">
        <v>8</v>
      </c>
      <c r="V4313">
        <v>2</v>
      </c>
      <c r="W4313">
        <v>120</v>
      </c>
      <c r="X4313">
        <v>2020</v>
      </c>
    </row>
    <row r="4314" spans="1:24" x14ac:dyDescent="0.25">
      <c r="A4314">
        <v>6411</v>
      </c>
      <c r="B4314" t="s">
        <v>12</v>
      </c>
      <c r="C4314">
        <v>7</v>
      </c>
      <c r="D4314" t="s">
        <v>396</v>
      </c>
      <c r="E4314">
        <v>64</v>
      </c>
      <c r="F4314" t="s">
        <v>651</v>
      </c>
      <c r="G4314">
        <v>160</v>
      </c>
      <c r="H4314" t="s">
        <v>658</v>
      </c>
      <c r="I4314">
        <v>13755</v>
      </c>
      <c r="J4314" t="s">
        <v>295</v>
      </c>
      <c r="K4314">
        <v>30</v>
      </c>
      <c r="L4314" t="s">
        <v>938</v>
      </c>
      <c r="M4314">
        <v>1037</v>
      </c>
      <c r="N4314" t="s">
        <v>654</v>
      </c>
      <c r="O4314">
        <v>3</v>
      </c>
      <c r="P4314" t="s">
        <v>655</v>
      </c>
      <c r="Q4314">
        <v>1</v>
      </c>
      <c r="R4314" t="s">
        <v>656</v>
      </c>
      <c r="S4314">
        <v>2</v>
      </c>
      <c r="T4314" t="s">
        <v>661</v>
      </c>
      <c r="U4314">
        <v>8</v>
      </c>
      <c r="V4314">
        <v>2</v>
      </c>
      <c r="W4314">
        <v>120</v>
      </c>
      <c r="X4314">
        <v>2020</v>
      </c>
    </row>
    <row r="4315" spans="1:24" x14ac:dyDescent="0.25">
      <c r="A4315">
        <v>6410</v>
      </c>
      <c r="B4315" t="s">
        <v>12</v>
      </c>
      <c r="C4315">
        <v>7</v>
      </c>
      <c r="D4315" t="s">
        <v>396</v>
      </c>
      <c r="E4315">
        <v>64</v>
      </c>
      <c r="F4315" t="s">
        <v>651</v>
      </c>
      <c r="G4315">
        <v>160</v>
      </c>
      <c r="H4315" t="s">
        <v>658</v>
      </c>
      <c r="I4315">
        <v>13755</v>
      </c>
      <c r="J4315" t="s">
        <v>295</v>
      </c>
      <c r="K4315">
        <v>30</v>
      </c>
      <c r="L4315" t="s">
        <v>2670</v>
      </c>
      <c r="M4315">
        <v>1036</v>
      </c>
      <c r="N4315" t="s">
        <v>654</v>
      </c>
      <c r="O4315">
        <v>3</v>
      </c>
      <c r="P4315" t="s">
        <v>655</v>
      </c>
      <c r="Q4315">
        <v>1</v>
      </c>
      <c r="R4315" t="s">
        <v>656</v>
      </c>
      <c r="S4315">
        <v>2</v>
      </c>
      <c r="T4315" t="s">
        <v>661</v>
      </c>
      <c r="U4315">
        <v>8</v>
      </c>
      <c r="V4315">
        <v>2</v>
      </c>
      <c r="W4315">
        <v>120</v>
      </c>
      <c r="X4315">
        <v>2020</v>
      </c>
    </row>
    <row r="4316" spans="1:24" x14ac:dyDescent="0.25">
      <c r="A4316">
        <v>6409</v>
      </c>
      <c r="B4316" t="s">
        <v>12</v>
      </c>
      <c r="C4316">
        <v>7</v>
      </c>
      <c r="D4316" t="s">
        <v>396</v>
      </c>
      <c r="E4316">
        <v>64</v>
      </c>
      <c r="F4316" t="s">
        <v>651</v>
      </c>
      <c r="G4316">
        <v>160</v>
      </c>
      <c r="H4316" t="s">
        <v>3321</v>
      </c>
      <c r="I4316">
        <v>9280</v>
      </c>
      <c r="J4316" t="s">
        <v>295</v>
      </c>
      <c r="K4316">
        <v>30</v>
      </c>
      <c r="L4316" t="s">
        <v>1966</v>
      </c>
      <c r="M4316">
        <v>1029</v>
      </c>
      <c r="N4316" t="s">
        <v>654</v>
      </c>
      <c r="O4316">
        <v>3</v>
      </c>
      <c r="P4316" t="s">
        <v>655</v>
      </c>
      <c r="Q4316">
        <v>1</v>
      </c>
      <c r="R4316" t="s">
        <v>656</v>
      </c>
      <c r="S4316">
        <v>2</v>
      </c>
      <c r="T4316" t="s">
        <v>661</v>
      </c>
      <c r="U4316">
        <v>8</v>
      </c>
      <c r="V4316">
        <v>2</v>
      </c>
      <c r="W4316">
        <v>120</v>
      </c>
      <c r="X4316">
        <v>2020</v>
      </c>
    </row>
    <row r="4317" spans="1:24" x14ac:dyDescent="0.25">
      <c r="A4317">
        <v>6407</v>
      </c>
      <c r="B4317" t="s">
        <v>12</v>
      </c>
      <c r="C4317">
        <v>7</v>
      </c>
      <c r="D4317" t="s">
        <v>396</v>
      </c>
      <c r="E4317">
        <v>64</v>
      </c>
      <c r="F4317" t="s">
        <v>651</v>
      </c>
      <c r="G4317">
        <v>160</v>
      </c>
      <c r="H4317" t="s">
        <v>658</v>
      </c>
      <c r="I4317">
        <v>13755</v>
      </c>
      <c r="J4317" t="s">
        <v>295</v>
      </c>
      <c r="K4317">
        <v>30</v>
      </c>
      <c r="L4317" t="s">
        <v>3322</v>
      </c>
      <c r="M4317">
        <v>1034</v>
      </c>
      <c r="N4317" t="s">
        <v>654</v>
      </c>
      <c r="O4317">
        <v>3</v>
      </c>
      <c r="P4317" t="s">
        <v>655</v>
      </c>
      <c r="Q4317">
        <v>1</v>
      </c>
      <c r="R4317" t="s">
        <v>656</v>
      </c>
      <c r="S4317">
        <v>2</v>
      </c>
      <c r="T4317" t="s">
        <v>661</v>
      </c>
      <c r="U4317">
        <v>8</v>
      </c>
      <c r="V4317">
        <v>2</v>
      </c>
      <c r="W4317">
        <v>120</v>
      </c>
      <c r="X4317">
        <v>2020</v>
      </c>
    </row>
    <row r="4318" spans="1:24" x14ac:dyDescent="0.25">
      <c r="A4318">
        <v>6406</v>
      </c>
      <c r="B4318" t="s">
        <v>12</v>
      </c>
      <c r="C4318">
        <v>7</v>
      </c>
      <c r="D4318" t="s">
        <v>396</v>
      </c>
      <c r="E4318">
        <v>64</v>
      </c>
      <c r="F4318" t="s">
        <v>651</v>
      </c>
      <c r="G4318">
        <v>160</v>
      </c>
      <c r="H4318" t="s">
        <v>658</v>
      </c>
      <c r="I4318">
        <v>13755</v>
      </c>
      <c r="J4318" t="s">
        <v>295</v>
      </c>
      <c r="K4318">
        <v>30</v>
      </c>
      <c r="L4318" t="s">
        <v>1955</v>
      </c>
      <c r="M4318">
        <v>917</v>
      </c>
      <c r="N4318" t="s">
        <v>654</v>
      </c>
      <c r="O4318">
        <v>3</v>
      </c>
      <c r="P4318" t="s">
        <v>655</v>
      </c>
      <c r="Q4318">
        <v>1</v>
      </c>
      <c r="R4318" t="s">
        <v>656</v>
      </c>
      <c r="S4318">
        <v>2</v>
      </c>
      <c r="T4318" t="s">
        <v>661</v>
      </c>
      <c r="U4318">
        <v>8</v>
      </c>
      <c r="V4318">
        <v>2</v>
      </c>
      <c r="W4318">
        <v>120</v>
      </c>
      <c r="X4318">
        <v>2020</v>
      </c>
    </row>
    <row r="4319" spans="1:24" x14ac:dyDescent="0.25">
      <c r="A4319">
        <v>6404</v>
      </c>
      <c r="B4319" t="s">
        <v>12</v>
      </c>
      <c r="C4319">
        <v>7</v>
      </c>
      <c r="D4319" t="s">
        <v>396</v>
      </c>
      <c r="E4319">
        <v>64</v>
      </c>
      <c r="F4319" t="s">
        <v>651</v>
      </c>
      <c r="G4319">
        <v>160</v>
      </c>
      <c r="H4319" t="s">
        <v>658</v>
      </c>
      <c r="I4319">
        <v>13755</v>
      </c>
      <c r="J4319" t="s">
        <v>295</v>
      </c>
      <c r="K4319">
        <v>30</v>
      </c>
      <c r="L4319" t="s">
        <v>1747</v>
      </c>
      <c r="M4319">
        <v>1032</v>
      </c>
      <c r="N4319" t="s">
        <v>654</v>
      </c>
      <c r="O4319">
        <v>3</v>
      </c>
      <c r="P4319" t="s">
        <v>655</v>
      </c>
      <c r="Q4319">
        <v>1</v>
      </c>
      <c r="R4319" t="s">
        <v>656</v>
      </c>
      <c r="S4319">
        <v>2</v>
      </c>
      <c r="T4319" t="s">
        <v>661</v>
      </c>
      <c r="U4319">
        <v>8</v>
      </c>
      <c r="V4319">
        <v>2</v>
      </c>
      <c r="W4319">
        <v>120</v>
      </c>
      <c r="X4319">
        <v>2020</v>
      </c>
    </row>
    <row r="4320" spans="1:24" x14ac:dyDescent="0.25">
      <c r="A4320">
        <v>6403</v>
      </c>
      <c r="B4320" t="s">
        <v>12</v>
      </c>
      <c r="C4320">
        <v>7</v>
      </c>
      <c r="D4320" t="s">
        <v>396</v>
      </c>
      <c r="E4320">
        <v>64</v>
      </c>
      <c r="F4320" t="s">
        <v>651</v>
      </c>
      <c r="G4320">
        <v>160</v>
      </c>
      <c r="H4320" t="s">
        <v>658</v>
      </c>
      <c r="I4320">
        <v>13755</v>
      </c>
      <c r="J4320" t="s">
        <v>295</v>
      </c>
      <c r="K4320">
        <v>30</v>
      </c>
      <c r="L4320" t="s">
        <v>3323</v>
      </c>
      <c r="M4320">
        <v>1031</v>
      </c>
      <c r="N4320" t="s">
        <v>654</v>
      </c>
      <c r="O4320">
        <v>3</v>
      </c>
      <c r="P4320" t="s">
        <v>655</v>
      </c>
      <c r="Q4320">
        <v>1</v>
      </c>
      <c r="R4320" t="s">
        <v>656</v>
      </c>
      <c r="S4320">
        <v>2</v>
      </c>
      <c r="T4320" t="s">
        <v>661</v>
      </c>
      <c r="U4320">
        <v>8</v>
      </c>
      <c r="V4320">
        <v>2</v>
      </c>
      <c r="W4320">
        <v>120</v>
      </c>
      <c r="X4320">
        <v>2020</v>
      </c>
    </row>
    <row r="4321" spans="1:24" x14ac:dyDescent="0.25">
      <c r="A4321">
        <v>6402</v>
      </c>
      <c r="B4321" t="s">
        <v>12</v>
      </c>
      <c r="C4321">
        <v>7</v>
      </c>
      <c r="D4321" t="s">
        <v>396</v>
      </c>
      <c r="E4321">
        <v>64</v>
      </c>
      <c r="F4321" t="s">
        <v>651</v>
      </c>
      <c r="G4321">
        <v>160</v>
      </c>
      <c r="H4321" t="s">
        <v>658</v>
      </c>
      <c r="I4321">
        <v>13755</v>
      </c>
      <c r="J4321" t="s">
        <v>295</v>
      </c>
      <c r="K4321">
        <v>30</v>
      </c>
      <c r="L4321" t="s">
        <v>3324</v>
      </c>
      <c r="M4321">
        <v>1030</v>
      </c>
      <c r="N4321" t="s">
        <v>654</v>
      </c>
      <c r="O4321">
        <v>3</v>
      </c>
      <c r="P4321" t="s">
        <v>655</v>
      </c>
      <c r="Q4321">
        <v>1</v>
      </c>
      <c r="R4321" t="s">
        <v>656</v>
      </c>
      <c r="S4321">
        <v>2</v>
      </c>
      <c r="T4321" t="s">
        <v>661</v>
      </c>
      <c r="U4321">
        <v>8</v>
      </c>
      <c r="V4321">
        <v>2</v>
      </c>
      <c r="W4321">
        <v>120</v>
      </c>
      <c r="X4321">
        <v>2020</v>
      </c>
    </row>
    <row r="4322" spans="1:24" x14ac:dyDescent="0.25">
      <c r="A4322">
        <v>6401</v>
      </c>
      <c r="B4322" t="s">
        <v>12</v>
      </c>
      <c r="C4322">
        <v>7</v>
      </c>
      <c r="D4322" t="s">
        <v>396</v>
      </c>
      <c r="E4322">
        <v>64</v>
      </c>
      <c r="F4322" t="s">
        <v>651</v>
      </c>
      <c r="G4322">
        <v>160</v>
      </c>
      <c r="H4322" t="s">
        <v>658</v>
      </c>
      <c r="I4322">
        <v>13755</v>
      </c>
      <c r="J4322" t="s">
        <v>295</v>
      </c>
      <c r="K4322">
        <v>30</v>
      </c>
      <c r="L4322" t="s">
        <v>1966</v>
      </c>
      <c r="M4322">
        <v>1029</v>
      </c>
      <c r="N4322" t="s">
        <v>654</v>
      </c>
      <c r="O4322">
        <v>3</v>
      </c>
      <c r="P4322" t="s">
        <v>655</v>
      </c>
      <c r="Q4322">
        <v>1</v>
      </c>
      <c r="R4322" t="s">
        <v>656</v>
      </c>
      <c r="S4322">
        <v>2</v>
      </c>
      <c r="T4322" t="s">
        <v>661</v>
      </c>
      <c r="U4322">
        <v>8</v>
      </c>
      <c r="V4322">
        <v>2</v>
      </c>
      <c r="W4322">
        <v>120</v>
      </c>
      <c r="X4322">
        <v>2020</v>
      </c>
    </row>
    <row r="4323" spans="1:24" x14ac:dyDescent="0.25">
      <c r="A4323">
        <v>6396</v>
      </c>
      <c r="B4323" t="s">
        <v>12</v>
      </c>
      <c r="C4323">
        <v>7</v>
      </c>
      <c r="D4323" t="s">
        <v>593</v>
      </c>
      <c r="E4323">
        <v>67</v>
      </c>
      <c r="F4323" t="s">
        <v>651</v>
      </c>
      <c r="G4323">
        <v>160</v>
      </c>
      <c r="H4323" t="s">
        <v>658</v>
      </c>
      <c r="I4323">
        <v>13755</v>
      </c>
      <c r="J4323" t="s">
        <v>807</v>
      </c>
      <c r="K4323">
        <v>25</v>
      </c>
      <c r="L4323" t="s">
        <v>2956</v>
      </c>
      <c r="M4323">
        <v>1024</v>
      </c>
      <c r="N4323" t="s">
        <v>654</v>
      </c>
      <c r="O4323">
        <v>3</v>
      </c>
      <c r="P4323" t="s">
        <v>655</v>
      </c>
      <c r="Q4323">
        <v>1</v>
      </c>
      <c r="R4323" t="s">
        <v>656</v>
      </c>
      <c r="S4323">
        <v>2</v>
      </c>
      <c r="T4323" t="s">
        <v>661</v>
      </c>
      <c r="U4323">
        <v>8</v>
      </c>
      <c r="V4323">
        <v>2</v>
      </c>
      <c r="W4323">
        <v>120</v>
      </c>
      <c r="X4323">
        <v>2020</v>
      </c>
    </row>
    <row r="4324" spans="1:24" x14ac:dyDescent="0.25">
      <c r="A4324">
        <v>6395</v>
      </c>
      <c r="B4324" t="s">
        <v>12</v>
      </c>
      <c r="C4324">
        <v>7</v>
      </c>
      <c r="D4324" t="s">
        <v>593</v>
      </c>
      <c r="E4324">
        <v>67</v>
      </c>
      <c r="F4324" t="s">
        <v>651</v>
      </c>
      <c r="G4324">
        <v>160</v>
      </c>
      <c r="H4324" t="s">
        <v>658</v>
      </c>
      <c r="I4324">
        <v>13755</v>
      </c>
      <c r="J4324" t="s">
        <v>807</v>
      </c>
      <c r="K4324">
        <v>25</v>
      </c>
      <c r="L4324" t="s">
        <v>3325</v>
      </c>
      <c r="M4324">
        <v>1023</v>
      </c>
      <c r="N4324" t="s">
        <v>654</v>
      </c>
      <c r="O4324">
        <v>3</v>
      </c>
      <c r="P4324" t="s">
        <v>655</v>
      </c>
      <c r="Q4324">
        <v>1</v>
      </c>
      <c r="R4324" t="s">
        <v>656</v>
      </c>
      <c r="S4324">
        <v>2</v>
      </c>
      <c r="T4324" t="s">
        <v>661</v>
      </c>
      <c r="U4324">
        <v>8</v>
      </c>
      <c r="V4324">
        <v>2</v>
      </c>
      <c r="W4324">
        <v>120</v>
      </c>
      <c r="X4324">
        <v>2020</v>
      </c>
    </row>
    <row r="4325" spans="1:24" x14ac:dyDescent="0.25">
      <c r="A4325">
        <v>6394</v>
      </c>
      <c r="B4325" t="s">
        <v>12</v>
      </c>
      <c r="C4325">
        <v>7</v>
      </c>
      <c r="D4325" t="s">
        <v>593</v>
      </c>
      <c r="E4325">
        <v>67</v>
      </c>
      <c r="F4325" t="s">
        <v>651</v>
      </c>
      <c r="G4325">
        <v>160</v>
      </c>
      <c r="H4325" t="s">
        <v>658</v>
      </c>
      <c r="I4325">
        <v>13755</v>
      </c>
      <c r="J4325" t="s">
        <v>807</v>
      </c>
      <c r="K4325">
        <v>25</v>
      </c>
      <c r="L4325" t="s">
        <v>3326</v>
      </c>
      <c r="M4325">
        <v>1022</v>
      </c>
      <c r="N4325" t="s">
        <v>654</v>
      </c>
      <c r="O4325">
        <v>3</v>
      </c>
      <c r="P4325" t="s">
        <v>655</v>
      </c>
      <c r="Q4325">
        <v>1</v>
      </c>
      <c r="R4325" t="s">
        <v>656</v>
      </c>
      <c r="S4325">
        <v>2</v>
      </c>
      <c r="T4325" t="s">
        <v>661</v>
      </c>
      <c r="U4325">
        <v>8</v>
      </c>
      <c r="V4325">
        <v>2</v>
      </c>
      <c r="W4325">
        <v>120</v>
      </c>
      <c r="X4325">
        <v>2020</v>
      </c>
    </row>
    <row r="4326" spans="1:24" x14ac:dyDescent="0.25">
      <c r="A4326">
        <v>6393</v>
      </c>
      <c r="B4326" t="s">
        <v>12</v>
      </c>
      <c r="C4326">
        <v>7</v>
      </c>
      <c r="D4326" t="s">
        <v>593</v>
      </c>
      <c r="E4326">
        <v>67</v>
      </c>
      <c r="F4326" t="s">
        <v>651</v>
      </c>
      <c r="G4326">
        <v>160</v>
      </c>
      <c r="H4326" t="s">
        <v>658</v>
      </c>
      <c r="I4326">
        <v>13755</v>
      </c>
      <c r="J4326" t="s">
        <v>807</v>
      </c>
      <c r="K4326">
        <v>25</v>
      </c>
      <c r="L4326" t="s">
        <v>3327</v>
      </c>
      <c r="M4326">
        <v>1021</v>
      </c>
      <c r="N4326" t="s">
        <v>654</v>
      </c>
      <c r="O4326">
        <v>3</v>
      </c>
      <c r="P4326" t="s">
        <v>655</v>
      </c>
      <c r="Q4326">
        <v>1</v>
      </c>
      <c r="R4326" t="s">
        <v>656</v>
      </c>
      <c r="S4326">
        <v>2</v>
      </c>
      <c r="T4326" t="s">
        <v>661</v>
      </c>
      <c r="U4326">
        <v>8</v>
      </c>
      <c r="V4326">
        <v>2</v>
      </c>
      <c r="W4326">
        <v>120</v>
      </c>
      <c r="X4326">
        <v>2020</v>
      </c>
    </row>
    <row r="4327" spans="1:24" x14ac:dyDescent="0.25">
      <c r="A4327">
        <v>6392</v>
      </c>
      <c r="B4327" t="s">
        <v>12</v>
      </c>
      <c r="C4327">
        <v>7</v>
      </c>
      <c r="D4327" t="s">
        <v>593</v>
      </c>
      <c r="E4327">
        <v>67</v>
      </c>
      <c r="F4327" t="s">
        <v>651</v>
      </c>
      <c r="G4327">
        <v>160</v>
      </c>
      <c r="H4327" t="s">
        <v>658</v>
      </c>
      <c r="I4327">
        <v>13755</v>
      </c>
      <c r="J4327" t="s">
        <v>807</v>
      </c>
      <c r="K4327">
        <v>25</v>
      </c>
      <c r="L4327" t="s">
        <v>3328</v>
      </c>
      <c r="M4327">
        <v>1020</v>
      </c>
      <c r="N4327" t="s">
        <v>654</v>
      </c>
      <c r="O4327">
        <v>3</v>
      </c>
      <c r="P4327" t="s">
        <v>655</v>
      </c>
      <c r="Q4327">
        <v>1</v>
      </c>
      <c r="R4327" t="s">
        <v>656</v>
      </c>
      <c r="S4327">
        <v>2</v>
      </c>
      <c r="T4327" t="s">
        <v>661</v>
      </c>
      <c r="U4327">
        <v>8</v>
      </c>
      <c r="V4327">
        <v>2</v>
      </c>
      <c r="W4327">
        <v>120</v>
      </c>
      <c r="X4327">
        <v>2020</v>
      </c>
    </row>
    <row r="4328" spans="1:24" x14ac:dyDescent="0.25">
      <c r="A4328">
        <v>6390</v>
      </c>
      <c r="B4328" t="s">
        <v>12</v>
      </c>
      <c r="C4328">
        <v>7</v>
      </c>
      <c r="D4328" t="s">
        <v>593</v>
      </c>
      <c r="E4328">
        <v>67</v>
      </c>
      <c r="F4328" t="s">
        <v>651</v>
      </c>
      <c r="G4328">
        <v>160</v>
      </c>
      <c r="H4328" t="s">
        <v>658</v>
      </c>
      <c r="I4328">
        <v>13755</v>
      </c>
      <c r="J4328" t="s">
        <v>807</v>
      </c>
      <c r="K4328">
        <v>25</v>
      </c>
      <c r="L4328" t="s">
        <v>3217</v>
      </c>
      <c r="M4328">
        <v>1018</v>
      </c>
      <c r="N4328" t="s">
        <v>654</v>
      </c>
      <c r="O4328">
        <v>3</v>
      </c>
      <c r="P4328" t="s">
        <v>655</v>
      </c>
      <c r="Q4328">
        <v>1</v>
      </c>
      <c r="R4328" t="s">
        <v>656</v>
      </c>
      <c r="S4328">
        <v>2</v>
      </c>
      <c r="T4328" t="s">
        <v>661</v>
      </c>
      <c r="U4328">
        <v>8</v>
      </c>
      <c r="V4328">
        <v>2</v>
      </c>
      <c r="W4328">
        <v>120</v>
      </c>
      <c r="X4328">
        <v>2020</v>
      </c>
    </row>
    <row r="4329" spans="1:24" x14ac:dyDescent="0.25">
      <c r="A4329">
        <v>6389</v>
      </c>
      <c r="B4329" t="s">
        <v>12</v>
      </c>
      <c r="C4329">
        <v>7</v>
      </c>
      <c r="D4329" t="s">
        <v>593</v>
      </c>
      <c r="E4329">
        <v>67</v>
      </c>
      <c r="F4329" t="s">
        <v>651</v>
      </c>
      <c r="G4329">
        <v>160</v>
      </c>
      <c r="H4329" t="s">
        <v>658</v>
      </c>
      <c r="I4329">
        <v>13755</v>
      </c>
      <c r="J4329" t="s">
        <v>807</v>
      </c>
      <c r="K4329">
        <v>25</v>
      </c>
      <c r="L4329" t="s">
        <v>3329</v>
      </c>
      <c r="M4329">
        <v>1017</v>
      </c>
      <c r="N4329" t="s">
        <v>654</v>
      </c>
      <c r="O4329">
        <v>3</v>
      </c>
      <c r="P4329" t="s">
        <v>655</v>
      </c>
      <c r="Q4329">
        <v>1</v>
      </c>
      <c r="R4329" t="s">
        <v>656</v>
      </c>
      <c r="S4329">
        <v>2</v>
      </c>
      <c r="T4329" t="s">
        <v>661</v>
      </c>
      <c r="U4329">
        <v>8</v>
      </c>
      <c r="V4329">
        <v>2</v>
      </c>
      <c r="W4329">
        <v>120</v>
      </c>
      <c r="X4329">
        <v>2020</v>
      </c>
    </row>
    <row r="4330" spans="1:24" x14ac:dyDescent="0.25">
      <c r="A4330">
        <v>6388</v>
      </c>
      <c r="B4330" t="s">
        <v>12</v>
      </c>
      <c r="C4330">
        <v>7</v>
      </c>
      <c r="D4330" t="s">
        <v>593</v>
      </c>
      <c r="E4330">
        <v>67</v>
      </c>
      <c r="F4330" t="s">
        <v>651</v>
      </c>
      <c r="G4330">
        <v>160</v>
      </c>
      <c r="H4330" t="s">
        <v>658</v>
      </c>
      <c r="I4330">
        <v>13755</v>
      </c>
      <c r="J4330" t="s">
        <v>807</v>
      </c>
      <c r="K4330">
        <v>25</v>
      </c>
      <c r="L4330" t="s">
        <v>2362</v>
      </c>
      <c r="M4330">
        <v>1016</v>
      </c>
      <c r="N4330" t="s">
        <v>654</v>
      </c>
      <c r="O4330">
        <v>3</v>
      </c>
      <c r="P4330" t="s">
        <v>655</v>
      </c>
      <c r="Q4330">
        <v>1</v>
      </c>
      <c r="R4330" t="s">
        <v>656</v>
      </c>
      <c r="S4330">
        <v>2</v>
      </c>
      <c r="T4330" t="s">
        <v>661</v>
      </c>
      <c r="U4330">
        <v>8</v>
      </c>
      <c r="V4330">
        <v>2</v>
      </c>
      <c r="W4330">
        <v>120</v>
      </c>
      <c r="X4330">
        <v>2020</v>
      </c>
    </row>
    <row r="4331" spans="1:24" x14ac:dyDescent="0.25">
      <c r="A4331">
        <v>6387</v>
      </c>
      <c r="B4331" t="s">
        <v>12</v>
      </c>
      <c r="C4331">
        <v>7</v>
      </c>
      <c r="D4331" t="s">
        <v>598</v>
      </c>
      <c r="E4331">
        <v>61</v>
      </c>
      <c r="F4331" t="s">
        <v>651</v>
      </c>
      <c r="G4331">
        <v>160</v>
      </c>
      <c r="H4331" t="s">
        <v>658</v>
      </c>
      <c r="I4331">
        <v>13755</v>
      </c>
      <c r="J4331" t="s">
        <v>813</v>
      </c>
      <c r="K4331">
        <v>24</v>
      </c>
      <c r="L4331" t="s">
        <v>3330</v>
      </c>
      <c r="M4331">
        <v>1015</v>
      </c>
      <c r="N4331" t="s">
        <v>654</v>
      </c>
      <c r="O4331">
        <v>3</v>
      </c>
      <c r="P4331" t="s">
        <v>655</v>
      </c>
      <c r="Q4331">
        <v>1</v>
      </c>
      <c r="R4331" t="s">
        <v>656</v>
      </c>
      <c r="S4331">
        <v>2</v>
      </c>
      <c r="T4331" t="s">
        <v>661</v>
      </c>
      <c r="U4331">
        <v>8</v>
      </c>
      <c r="V4331">
        <v>2</v>
      </c>
      <c r="W4331">
        <v>120</v>
      </c>
      <c r="X4331">
        <v>2020</v>
      </c>
    </row>
    <row r="4332" spans="1:24" x14ac:dyDescent="0.25">
      <c r="A4332">
        <v>6386</v>
      </c>
      <c r="B4332" t="s">
        <v>12</v>
      </c>
      <c r="C4332">
        <v>7</v>
      </c>
      <c r="D4332" t="s">
        <v>598</v>
      </c>
      <c r="E4332">
        <v>61</v>
      </c>
      <c r="F4332" t="s">
        <v>651</v>
      </c>
      <c r="G4332">
        <v>160</v>
      </c>
      <c r="H4332" t="s">
        <v>658</v>
      </c>
      <c r="I4332">
        <v>13755</v>
      </c>
      <c r="J4332" t="s">
        <v>813</v>
      </c>
      <c r="K4332">
        <v>24</v>
      </c>
      <c r="L4332" t="s">
        <v>3331</v>
      </c>
      <c r="M4332">
        <v>1014</v>
      </c>
      <c r="N4332" t="s">
        <v>654</v>
      </c>
      <c r="O4332">
        <v>3</v>
      </c>
      <c r="P4332" t="s">
        <v>655</v>
      </c>
      <c r="Q4332">
        <v>1</v>
      </c>
      <c r="R4332" t="s">
        <v>656</v>
      </c>
      <c r="S4332">
        <v>2</v>
      </c>
      <c r="T4332" t="s">
        <v>661</v>
      </c>
      <c r="U4332">
        <v>8</v>
      </c>
      <c r="V4332">
        <v>2</v>
      </c>
      <c r="W4332">
        <v>120</v>
      </c>
      <c r="X4332">
        <v>2020</v>
      </c>
    </row>
    <row r="4333" spans="1:24" x14ac:dyDescent="0.25">
      <c r="A4333">
        <v>6385</v>
      </c>
      <c r="B4333" t="s">
        <v>12</v>
      </c>
      <c r="C4333">
        <v>7</v>
      </c>
      <c r="D4333" t="s">
        <v>598</v>
      </c>
      <c r="E4333">
        <v>61</v>
      </c>
      <c r="F4333" t="s">
        <v>651</v>
      </c>
      <c r="G4333">
        <v>160</v>
      </c>
      <c r="H4333" t="s">
        <v>658</v>
      </c>
      <c r="I4333">
        <v>13755</v>
      </c>
      <c r="J4333" t="s">
        <v>813</v>
      </c>
      <c r="K4333">
        <v>24</v>
      </c>
      <c r="L4333" t="s">
        <v>3332</v>
      </c>
      <c r="M4333">
        <v>1013</v>
      </c>
      <c r="N4333" t="s">
        <v>654</v>
      </c>
      <c r="O4333">
        <v>3</v>
      </c>
      <c r="P4333" t="s">
        <v>655</v>
      </c>
      <c r="Q4333">
        <v>1</v>
      </c>
      <c r="R4333" t="s">
        <v>656</v>
      </c>
      <c r="S4333">
        <v>2</v>
      </c>
      <c r="T4333" t="s">
        <v>661</v>
      </c>
      <c r="U4333">
        <v>8</v>
      </c>
      <c r="V4333">
        <v>2</v>
      </c>
      <c r="W4333">
        <v>120</v>
      </c>
      <c r="X4333">
        <v>2020</v>
      </c>
    </row>
    <row r="4334" spans="1:24" x14ac:dyDescent="0.25">
      <c r="A4334">
        <v>6382</v>
      </c>
      <c r="B4334" t="s">
        <v>12</v>
      </c>
      <c r="C4334">
        <v>7</v>
      </c>
      <c r="D4334" t="s">
        <v>599</v>
      </c>
      <c r="E4334">
        <v>60</v>
      </c>
      <c r="F4334" t="s">
        <v>651</v>
      </c>
      <c r="G4334">
        <v>160</v>
      </c>
      <c r="H4334" t="s">
        <v>658</v>
      </c>
      <c r="I4334">
        <v>13755</v>
      </c>
      <c r="J4334" t="s">
        <v>813</v>
      </c>
      <c r="K4334">
        <v>24</v>
      </c>
      <c r="L4334" t="s">
        <v>3333</v>
      </c>
      <c r="M4334">
        <v>1010</v>
      </c>
      <c r="N4334" t="s">
        <v>654</v>
      </c>
      <c r="O4334">
        <v>3</v>
      </c>
      <c r="P4334" t="s">
        <v>655</v>
      </c>
      <c r="Q4334">
        <v>1</v>
      </c>
      <c r="R4334" t="s">
        <v>656</v>
      </c>
      <c r="S4334">
        <v>2</v>
      </c>
      <c r="T4334" t="s">
        <v>661</v>
      </c>
      <c r="U4334">
        <v>8</v>
      </c>
      <c r="V4334">
        <v>2</v>
      </c>
      <c r="W4334">
        <v>120</v>
      </c>
      <c r="X4334">
        <v>2020</v>
      </c>
    </row>
    <row r="4335" spans="1:24" x14ac:dyDescent="0.25">
      <c r="A4335">
        <v>6381</v>
      </c>
      <c r="B4335" t="s">
        <v>12</v>
      </c>
      <c r="C4335">
        <v>7</v>
      </c>
      <c r="D4335" t="s">
        <v>599</v>
      </c>
      <c r="E4335">
        <v>60</v>
      </c>
      <c r="F4335" t="s">
        <v>651</v>
      </c>
      <c r="G4335">
        <v>160</v>
      </c>
      <c r="H4335" t="s">
        <v>658</v>
      </c>
      <c r="I4335">
        <v>13755</v>
      </c>
      <c r="J4335" t="s">
        <v>813</v>
      </c>
      <c r="K4335">
        <v>24</v>
      </c>
      <c r="L4335" t="s">
        <v>1214</v>
      </c>
      <c r="M4335">
        <v>1009</v>
      </c>
      <c r="N4335" t="s">
        <v>654</v>
      </c>
      <c r="O4335">
        <v>3</v>
      </c>
      <c r="P4335" t="s">
        <v>655</v>
      </c>
      <c r="Q4335">
        <v>1</v>
      </c>
      <c r="R4335" t="s">
        <v>656</v>
      </c>
      <c r="S4335">
        <v>2</v>
      </c>
      <c r="T4335" t="s">
        <v>661</v>
      </c>
      <c r="U4335">
        <v>8</v>
      </c>
      <c r="V4335">
        <v>2</v>
      </c>
      <c r="W4335">
        <v>120</v>
      </c>
      <c r="X4335">
        <v>2020</v>
      </c>
    </row>
    <row r="4336" spans="1:24" x14ac:dyDescent="0.25">
      <c r="A4336">
        <v>6379</v>
      </c>
      <c r="B4336" t="s">
        <v>12</v>
      </c>
      <c r="C4336">
        <v>7</v>
      </c>
      <c r="D4336" t="s">
        <v>592</v>
      </c>
      <c r="E4336">
        <v>68</v>
      </c>
      <c r="F4336" t="s">
        <v>651</v>
      </c>
      <c r="G4336">
        <v>160</v>
      </c>
      <c r="H4336" t="s">
        <v>658</v>
      </c>
      <c r="I4336">
        <v>13755</v>
      </c>
      <c r="J4336" t="s">
        <v>299</v>
      </c>
      <c r="K4336">
        <v>27</v>
      </c>
      <c r="L4336" t="s">
        <v>3334</v>
      </c>
      <c r="M4336">
        <v>1007</v>
      </c>
      <c r="N4336" t="s">
        <v>654</v>
      </c>
      <c r="O4336">
        <v>3</v>
      </c>
      <c r="P4336" t="s">
        <v>655</v>
      </c>
      <c r="Q4336">
        <v>1</v>
      </c>
      <c r="R4336" t="s">
        <v>656</v>
      </c>
      <c r="S4336">
        <v>2</v>
      </c>
      <c r="T4336" t="s">
        <v>718</v>
      </c>
      <c r="U4336">
        <v>2</v>
      </c>
      <c r="V4336">
        <v>2</v>
      </c>
      <c r="W4336">
        <v>120</v>
      </c>
      <c r="X4336">
        <v>2020</v>
      </c>
    </row>
    <row r="4337" spans="1:24" x14ac:dyDescent="0.25">
      <c r="A4337">
        <v>6378</v>
      </c>
      <c r="B4337" t="s">
        <v>12</v>
      </c>
      <c r="C4337">
        <v>7</v>
      </c>
      <c r="D4337" t="s">
        <v>592</v>
      </c>
      <c r="E4337">
        <v>68</v>
      </c>
      <c r="F4337" t="s">
        <v>651</v>
      </c>
      <c r="G4337">
        <v>160</v>
      </c>
      <c r="H4337" t="s">
        <v>658</v>
      </c>
      <c r="I4337">
        <v>13755</v>
      </c>
      <c r="J4337" t="s">
        <v>299</v>
      </c>
      <c r="K4337">
        <v>27</v>
      </c>
      <c r="L4337" t="s">
        <v>3334</v>
      </c>
      <c r="M4337">
        <v>1007</v>
      </c>
      <c r="N4337" t="s">
        <v>654</v>
      </c>
      <c r="O4337">
        <v>3</v>
      </c>
      <c r="P4337" t="s">
        <v>655</v>
      </c>
      <c r="Q4337">
        <v>1</v>
      </c>
      <c r="R4337" t="s">
        <v>656</v>
      </c>
      <c r="S4337">
        <v>2</v>
      </c>
      <c r="T4337" t="s">
        <v>661</v>
      </c>
      <c r="U4337">
        <v>8</v>
      </c>
      <c r="V4337">
        <v>2</v>
      </c>
      <c r="W4337">
        <v>120</v>
      </c>
      <c r="X4337">
        <v>2020</v>
      </c>
    </row>
    <row r="4338" spans="1:24" x14ac:dyDescent="0.25">
      <c r="A4338">
        <v>6375</v>
      </c>
      <c r="B4338" t="s">
        <v>12</v>
      </c>
      <c r="C4338">
        <v>7</v>
      </c>
      <c r="D4338" t="s">
        <v>592</v>
      </c>
      <c r="E4338">
        <v>68</v>
      </c>
      <c r="F4338" t="s">
        <v>651</v>
      </c>
      <c r="G4338">
        <v>160</v>
      </c>
      <c r="H4338" t="s">
        <v>658</v>
      </c>
      <c r="I4338">
        <v>13755</v>
      </c>
      <c r="J4338" t="s">
        <v>299</v>
      </c>
      <c r="K4338">
        <v>27</v>
      </c>
      <c r="L4338" t="s">
        <v>3335</v>
      </c>
      <c r="M4338">
        <v>1004</v>
      </c>
      <c r="N4338" t="s">
        <v>654</v>
      </c>
      <c r="O4338">
        <v>3</v>
      </c>
      <c r="P4338" t="s">
        <v>655</v>
      </c>
      <c r="Q4338">
        <v>1</v>
      </c>
      <c r="R4338" t="s">
        <v>656</v>
      </c>
      <c r="S4338">
        <v>2</v>
      </c>
      <c r="T4338" t="s">
        <v>661</v>
      </c>
      <c r="U4338">
        <v>8</v>
      </c>
      <c r="V4338">
        <v>2</v>
      </c>
      <c r="W4338">
        <v>120</v>
      </c>
      <c r="X4338">
        <v>2020</v>
      </c>
    </row>
    <row r="4339" spans="1:24" x14ac:dyDescent="0.25">
      <c r="A4339">
        <v>6374</v>
      </c>
      <c r="B4339" t="s">
        <v>12</v>
      </c>
      <c r="C4339">
        <v>7</v>
      </c>
      <c r="D4339" t="s">
        <v>592</v>
      </c>
      <c r="E4339">
        <v>68</v>
      </c>
      <c r="F4339" t="s">
        <v>651</v>
      </c>
      <c r="G4339">
        <v>160</v>
      </c>
      <c r="H4339" t="s">
        <v>658</v>
      </c>
      <c r="I4339">
        <v>13755</v>
      </c>
      <c r="J4339" t="s">
        <v>299</v>
      </c>
      <c r="K4339">
        <v>27</v>
      </c>
      <c r="L4339" t="s">
        <v>3336</v>
      </c>
      <c r="M4339">
        <v>1003</v>
      </c>
      <c r="N4339" t="s">
        <v>654</v>
      </c>
      <c r="O4339">
        <v>3</v>
      </c>
      <c r="P4339" t="s">
        <v>655</v>
      </c>
      <c r="Q4339">
        <v>1</v>
      </c>
      <c r="R4339" t="s">
        <v>656</v>
      </c>
      <c r="S4339">
        <v>2</v>
      </c>
      <c r="T4339" t="s">
        <v>661</v>
      </c>
      <c r="U4339">
        <v>8</v>
      </c>
      <c r="V4339">
        <v>2</v>
      </c>
      <c r="W4339">
        <v>120</v>
      </c>
      <c r="X4339">
        <v>2020</v>
      </c>
    </row>
    <row r="4340" spans="1:24" x14ac:dyDescent="0.25">
      <c r="A4340">
        <v>6373</v>
      </c>
      <c r="B4340" t="s">
        <v>12</v>
      </c>
      <c r="C4340">
        <v>7</v>
      </c>
      <c r="D4340" t="s">
        <v>592</v>
      </c>
      <c r="E4340">
        <v>68</v>
      </c>
      <c r="F4340" t="s">
        <v>651</v>
      </c>
      <c r="G4340">
        <v>160</v>
      </c>
      <c r="H4340" t="s">
        <v>658</v>
      </c>
      <c r="I4340">
        <v>13755</v>
      </c>
      <c r="J4340" t="s">
        <v>299</v>
      </c>
      <c r="K4340">
        <v>27</v>
      </c>
      <c r="L4340" t="s">
        <v>3337</v>
      </c>
      <c r="M4340">
        <v>1002</v>
      </c>
      <c r="N4340" t="s">
        <v>654</v>
      </c>
      <c r="O4340">
        <v>3</v>
      </c>
      <c r="P4340" t="s">
        <v>655</v>
      </c>
      <c r="Q4340">
        <v>1</v>
      </c>
      <c r="R4340" t="s">
        <v>656</v>
      </c>
      <c r="S4340">
        <v>2</v>
      </c>
      <c r="T4340" t="s">
        <v>661</v>
      </c>
      <c r="U4340">
        <v>8</v>
      </c>
      <c r="V4340">
        <v>2</v>
      </c>
      <c r="W4340">
        <v>120</v>
      </c>
      <c r="X4340">
        <v>2020</v>
      </c>
    </row>
    <row r="4341" spans="1:24" x14ac:dyDescent="0.25">
      <c r="A4341">
        <v>6371</v>
      </c>
      <c r="B4341" t="s">
        <v>12</v>
      </c>
      <c r="C4341">
        <v>7</v>
      </c>
      <c r="D4341" t="s">
        <v>592</v>
      </c>
      <c r="E4341">
        <v>68</v>
      </c>
      <c r="F4341" t="s">
        <v>651</v>
      </c>
      <c r="G4341">
        <v>160</v>
      </c>
      <c r="H4341" t="s">
        <v>658</v>
      </c>
      <c r="I4341">
        <v>13755</v>
      </c>
      <c r="J4341" t="s">
        <v>299</v>
      </c>
      <c r="K4341">
        <v>27</v>
      </c>
      <c r="L4341" t="s">
        <v>3338</v>
      </c>
      <c r="M4341">
        <v>1000</v>
      </c>
      <c r="N4341" t="s">
        <v>654</v>
      </c>
      <c r="O4341">
        <v>3</v>
      </c>
      <c r="P4341" t="s">
        <v>655</v>
      </c>
      <c r="Q4341">
        <v>1</v>
      </c>
      <c r="R4341" t="s">
        <v>656</v>
      </c>
      <c r="S4341">
        <v>2</v>
      </c>
      <c r="T4341" t="s">
        <v>661</v>
      </c>
      <c r="U4341">
        <v>8</v>
      </c>
      <c r="V4341">
        <v>2</v>
      </c>
      <c r="W4341">
        <v>120</v>
      </c>
      <c r="X4341">
        <v>2020</v>
      </c>
    </row>
    <row r="4342" spans="1:24" x14ac:dyDescent="0.25">
      <c r="A4342">
        <v>6370</v>
      </c>
      <c r="B4342" t="s">
        <v>12</v>
      </c>
      <c r="C4342">
        <v>7</v>
      </c>
      <c r="D4342" t="s">
        <v>592</v>
      </c>
      <c r="E4342">
        <v>68</v>
      </c>
      <c r="F4342" t="s">
        <v>651</v>
      </c>
      <c r="G4342">
        <v>160</v>
      </c>
      <c r="H4342" t="s">
        <v>658</v>
      </c>
      <c r="I4342">
        <v>13755</v>
      </c>
      <c r="J4342" t="s">
        <v>299</v>
      </c>
      <c r="K4342">
        <v>27</v>
      </c>
      <c r="L4342" t="s">
        <v>3339</v>
      </c>
      <c r="M4342">
        <v>999</v>
      </c>
      <c r="N4342" t="s">
        <v>654</v>
      </c>
      <c r="O4342">
        <v>3</v>
      </c>
      <c r="P4342" t="s">
        <v>655</v>
      </c>
      <c r="Q4342">
        <v>1</v>
      </c>
      <c r="R4342" t="s">
        <v>656</v>
      </c>
      <c r="S4342">
        <v>2</v>
      </c>
      <c r="T4342" t="s">
        <v>661</v>
      </c>
      <c r="U4342">
        <v>8</v>
      </c>
      <c r="V4342">
        <v>2</v>
      </c>
      <c r="W4342">
        <v>120</v>
      </c>
      <c r="X4342">
        <v>2020</v>
      </c>
    </row>
    <row r="4343" spans="1:24" x14ac:dyDescent="0.25">
      <c r="A4343">
        <v>6367</v>
      </c>
      <c r="B4343" t="s">
        <v>12</v>
      </c>
      <c r="C4343">
        <v>7</v>
      </c>
      <c r="D4343" t="s">
        <v>592</v>
      </c>
      <c r="E4343">
        <v>68</v>
      </c>
      <c r="F4343" t="s">
        <v>651</v>
      </c>
      <c r="G4343">
        <v>160</v>
      </c>
      <c r="H4343" t="s">
        <v>658</v>
      </c>
      <c r="I4343">
        <v>13755</v>
      </c>
      <c r="J4343" t="s">
        <v>299</v>
      </c>
      <c r="K4343">
        <v>27</v>
      </c>
      <c r="L4343" t="s">
        <v>2666</v>
      </c>
      <c r="M4343">
        <v>996</v>
      </c>
      <c r="N4343" t="s">
        <v>654</v>
      </c>
      <c r="O4343">
        <v>3</v>
      </c>
      <c r="P4343" t="s">
        <v>655</v>
      </c>
      <c r="Q4343">
        <v>1</v>
      </c>
      <c r="R4343" t="s">
        <v>656</v>
      </c>
      <c r="S4343">
        <v>2</v>
      </c>
      <c r="T4343" t="s">
        <v>718</v>
      </c>
      <c r="U4343">
        <v>2</v>
      </c>
      <c r="V4343">
        <v>2</v>
      </c>
      <c r="W4343">
        <v>120</v>
      </c>
      <c r="X4343">
        <v>2020</v>
      </c>
    </row>
    <row r="4344" spans="1:24" x14ac:dyDescent="0.25">
      <c r="A4344">
        <v>6365</v>
      </c>
      <c r="B4344" t="s">
        <v>12</v>
      </c>
      <c r="C4344">
        <v>7</v>
      </c>
      <c r="D4344" t="s">
        <v>594</v>
      </c>
      <c r="E4344">
        <v>66</v>
      </c>
      <c r="F4344" t="s">
        <v>651</v>
      </c>
      <c r="G4344">
        <v>160</v>
      </c>
      <c r="H4344" t="s">
        <v>658</v>
      </c>
      <c r="I4344">
        <v>13755</v>
      </c>
      <c r="J4344" t="s">
        <v>296</v>
      </c>
      <c r="K4344">
        <v>97</v>
      </c>
      <c r="L4344" t="s">
        <v>3340</v>
      </c>
      <c r="M4344">
        <v>994</v>
      </c>
      <c r="N4344" t="s">
        <v>654</v>
      </c>
      <c r="O4344">
        <v>3</v>
      </c>
      <c r="P4344" t="s">
        <v>655</v>
      </c>
      <c r="Q4344">
        <v>1</v>
      </c>
      <c r="R4344" t="s">
        <v>656</v>
      </c>
      <c r="S4344">
        <v>2</v>
      </c>
      <c r="T4344" t="s">
        <v>718</v>
      </c>
      <c r="U4344">
        <v>2</v>
      </c>
      <c r="V4344">
        <v>2</v>
      </c>
      <c r="W4344">
        <v>120</v>
      </c>
      <c r="X4344">
        <v>2020</v>
      </c>
    </row>
    <row r="4345" spans="1:24" x14ac:dyDescent="0.25">
      <c r="A4345">
        <v>6364</v>
      </c>
      <c r="B4345" t="s">
        <v>12</v>
      </c>
      <c r="C4345">
        <v>7</v>
      </c>
      <c r="D4345" t="s">
        <v>594</v>
      </c>
      <c r="E4345">
        <v>66</v>
      </c>
      <c r="F4345" t="s">
        <v>651</v>
      </c>
      <c r="G4345">
        <v>160</v>
      </c>
      <c r="H4345" t="s">
        <v>658</v>
      </c>
      <c r="I4345">
        <v>13755</v>
      </c>
      <c r="J4345" t="s">
        <v>296</v>
      </c>
      <c r="K4345">
        <v>97</v>
      </c>
      <c r="L4345" t="s">
        <v>3341</v>
      </c>
      <c r="M4345">
        <v>993</v>
      </c>
      <c r="N4345" t="s">
        <v>654</v>
      </c>
      <c r="O4345">
        <v>3</v>
      </c>
      <c r="P4345" t="s">
        <v>655</v>
      </c>
      <c r="Q4345">
        <v>1</v>
      </c>
      <c r="R4345" t="s">
        <v>656</v>
      </c>
      <c r="S4345">
        <v>2</v>
      </c>
      <c r="T4345" t="s">
        <v>661</v>
      </c>
      <c r="U4345">
        <v>8</v>
      </c>
      <c r="V4345">
        <v>2</v>
      </c>
      <c r="W4345">
        <v>120</v>
      </c>
      <c r="X4345">
        <v>2020</v>
      </c>
    </row>
    <row r="4346" spans="1:24" x14ac:dyDescent="0.25">
      <c r="A4346">
        <v>6363</v>
      </c>
      <c r="B4346" t="s">
        <v>12</v>
      </c>
      <c r="C4346">
        <v>7</v>
      </c>
      <c r="D4346" t="s">
        <v>594</v>
      </c>
      <c r="E4346">
        <v>66</v>
      </c>
      <c r="F4346" t="s">
        <v>651</v>
      </c>
      <c r="G4346">
        <v>160</v>
      </c>
      <c r="H4346" t="s">
        <v>658</v>
      </c>
      <c r="I4346">
        <v>13755</v>
      </c>
      <c r="J4346" t="s">
        <v>296</v>
      </c>
      <c r="K4346">
        <v>97</v>
      </c>
      <c r="L4346" t="s">
        <v>2967</v>
      </c>
      <c r="M4346">
        <v>992</v>
      </c>
      <c r="N4346" t="s">
        <v>654</v>
      </c>
      <c r="O4346">
        <v>3</v>
      </c>
      <c r="P4346" t="s">
        <v>655</v>
      </c>
      <c r="Q4346">
        <v>1</v>
      </c>
      <c r="R4346" t="s">
        <v>656</v>
      </c>
      <c r="S4346">
        <v>2</v>
      </c>
      <c r="T4346" t="s">
        <v>661</v>
      </c>
      <c r="U4346">
        <v>8</v>
      </c>
      <c r="V4346">
        <v>2</v>
      </c>
      <c r="W4346">
        <v>120</v>
      </c>
      <c r="X4346">
        <v>2020</v>
      </c>
    </row>
    <row r="4347" spans="1:24" x14ac:dyDescent="0.25">
      <c r="A4347">
        <v>6362</v>
      </c>
      <c r="B4347" t="s">
        <v>12</v>
      </c>
      <c r="C4347">
        <v>7</v>
      </c>
      <c r="D4347" t="s">
        <v>594</v>
      </c>
      <c r="E4347">
        <v>66</v>
      </c>
      <c r="F4347" t="s">
        <v>651</v>
      </c>
      <c r="G4347">
        <v>160</v>
      </c>
      <c r="H4347" t="s">
        <v>658</v>
      </c>
      <c r="I4347">
        <v>13755</v>
      </c>
      <c r="J4347" t="s">
        <v>296</v>
      </c>
      <c r="K4347">
        <v>97</v>
      </c>
      <c r="L4347" t="s">
        <v>3342</v>
      </c>
      <c r="M4347">
        <v>991</v>
      </c>
      <c r="N4347" t="s">
        <v>654</v>
      </c>
      <c r="O4347">
        <v>3</v>
      </c>
      <c r="P4347" t="s">
        <v>655</v>
      </c>
      <c r="Q4347">
        <v>1</v>
      </c>
      <c r="R4347" t="s">
        <v>656</v>
      </c>
      <c r="S4347">
        <v>2</v>
      </c>
      <c r="T4347" t="s">
        <v>661</v>
      </c>
      <c r="U4347">
        <v>8</v>
      </c>
      <c r="V4347">
        <v>2</v>
      </c>
      <c r="W4347">
        <v>120</v>
      </c>
      <c r="X4347">
        <v>2020</v>
      </c>
    </row>
    <row r="4348" spans="1:24" x14ac:dyDescent="0.25">
      <c r="A4348">
        <v>6360</v>
      </c>
      <c r="B4348" t="s">
        <v>12</v>
      </c>
      <c r="C4348">
        <v>7</v>
      </c>
      <c r="D4348" t="s">
        <v>594</v>
      </c>
      <c r="E4348">
        <v>66</v>
      </c>
      <c r="F4348" t="s">
        <v>651</v>
      </c>
      <c r="G4348">
        <v>160</v>
      </c>
      <c r="H4348" t="s">
        <v>658</v>
      </c>
      <c r="I4348">
        <v>13755</v>
      </c>
      <c r="J4348" t="s">
        <v>296</v>
      </c>
      <c r="K4348">
        <v>97</v>
      </c>
      <c r="L4348" t="s">
        <v>296</v>
      </c>
      <c r="M4348">
        <v>989</v>
      </c>
      <c r="N4348" t="s">
        <v>654</v>
      </c>
      <c r="O4348">
        <v>3</v>
      </c>
      <c r="P4348" t="s">
        <v>655</v>
      </c>
      <c r="Q4348">
        <v>1</v>
      </c>
      <c r="R4348" t="s">
        <v>656</v>
      </c>
      <c r="S4348">
        <v>2</v>
      </c>
      <c r="T4348" t="s">
        <v>661</v>
      </c>
      <c r="U4348">
        <v>8</v>
      </c>
      <c r="V4348">
        <v>2</v>
      </c>
      <c r="W4348">
        <v>120</v>
      </c>
      <c r="X4348">
        <v>2020</v>
      </c>
    </row>
    <row r="4349" spans="1:24" x14ac:dyDescent="0.25">
      <c r="A4349">
        <v>6359</v>
      </c>
      <c r="B4349" t="s">
        <v>12</v>
      </c>
      <c r="C4349">
        <v>7</v>
      </c>
      <c r="D4349" t="s">
        <v>594</v>
      </c>
      <c r="E4349">
        <v>66</v>
      </c>
      <c r="F4349" t="s">
        <v>651</v>
      </c>
      <c r="G4349">
        <v>160</v>
      </c>
      <c r="H4349" t="s">
        <v>658</v>
      </c>
      <c r="I4349">
        <v>13755</v>
      </c>
      <c r="J4349" t="s">
        <v>1559</v>
      </c>
      <c r="K4349">
        <v>96</v>
      </c>
      <c r="L4349" t="s">
        <v>3343</v>
      </c>
      <c r="M4349">
        <v>988</v>
      </c>
      <c r="N4349" t="s">
        <v>654</v>
      </c>
      <c r="O4349">
        <v>3</v>
      </c>
      <c r="P4349" t="s">
        <v>655</v>
      </c>
      <c r="Q4349">
        <v>1</v>
      </c>
      <c r="R4349" t="s">
        <v>656</v>
      </c>
      <c r="S4349">
        <v>2</v>
      </c>
      <c r="T4349" t="s">
        <v>661</v>
      </c>
      <c r="U4349">
        <v>8</v>
      </c>
      <c r="V4349">
        <v>2</v>
      </c>
      <c r="W4349">
        <v>120</v>
      </c>
      <c r="X4349">
        <v>2020</v>
      </c>
    </row>
    <row r="4350" spans="1:24" x14ac:dyDescent="0.25">
      <c r="A4350">
        <v>6358</v>
      </c>
      <c r="B4350" t="s">
        <v>12</v>
      </c>
      <c r="C4350">
        <v>7</v>
      </c>
      <c r="D4350" t="s">
        <v>594</v>
      </c>
      <c r="E4350">
        <v>66</v>
      </c>
      <c r="F4350" t="s">
        <v>651</v>
      </c>
      <c r="G4350">
        <v>160</v>
      </c>
      <c r="H4350" t="s">
        <v>658</v>
      </c>
      <c r="I4350">
        <v>13755</v>
      </c>
      <c r="J4350" t="s">
        <v>1559</v>
      </c>
      <c r="K4350">
        <v>96</v>
      </c>
      <c r="L4350" t="s">
        <v>3344</v>
      </c>
      <c r="M4350">
        <v>987</v>
      </c>
      <c r="N4350" t="s">
        <v>654</v>
      </c>
      <c r="O4350">
        <v>3</v>
      </c>
      <c r="P4350" t="s">
        <v>655</v>
      </c>
      <c r="Q4350">
        <v>1</v>
      </c>
      <c r="R4350" t="s">
        <v>656</v>
      </c>
      <c r="S4350">
        <v>2</v>
      </c>
      <c r="T4350" t="s">
        <v>661</v>
      </c>
      <c r="U4350">
        <v>8</v>
      </c>
      <c r="V4350">
        <v>2</v>
      </c>
      <c r="W4350">
        <v>120</v>
      </c>
      <c r="X4350">
        <v>2020</v>
      </c>
    </row>
    <row r="4351" spans="1:24" x14ac:dyDescent="0.25">
      <c r="A4351">
        <v>6357</v>
      </c>
      <c r="B4351" t="s">
        <v>12</v>
      </c>
      <c r="C4351">
        <v>7</v>
      </c>
      <c r="D4351" t="s">
        <v>594</v>
      </c>
      <c r="E4351">
        <v>66</v>
      </c>
      <c r="F4351" t="s">
        <v>651</v>
      </c>
      <c r="G4351">
        <v>160</v>
      </c>
      <c r="H4351" t="s">
        <v>658</v>
      </c>
      <c r="I4351">
        <v>13755</v>
      </c>
      <c r="J4351" t="s">
        <v>1559</v>
      </c>
      <c r="K4351">
        <v>96</v>
      </c>
      <c r="L4351" t="s">
        <v>3345</v>
      </c>
      <c r="M4351">
        <v>986</v>
      </c>
      <c r="N4351" t="s">
        <v>654</v>
      </c>
      <c r="O4351">
        <v>3</v>
      </c>
      <c r="P4351" t="s">
        <v>655</v>
      </c>
      <c r="Q4351">
        <v>1</v>
      </c>
      <c r="R4351" t="s">
        <v>656</v>
      </c>
      <c r="S4351">
        <v>2</v>
      </c>
      <c r="T4351" t="s">
        <v>661</v>
      </c>
      <c r="U4351">
        <v>8</v>
      </c>
      <c r="V4351">
        <v>2</v>
      </c>
      <c r="W4351">
        <v>120</v>
      </c>
      <c r="X4351">
        <v>2020</v>
      </c>
    </row>
    <row r="4352" spans="1:24" x14ac:dyDescent="0.25">
      <c r="A4352">
        <v>6354</v>
      </c>
      <c r="B4352" t="s">
        <v>12</v>
      </c>
      <c r="C4352">
        <v>7</v>
      </c>
      <c r="D4352" t="s">
        <v>590</v>
      </c>
      <c r="E4352">
        <v>70</v>
      </c>
      <c r="F4352" t="s">
        <v>651</v>
      </c>
      <c r="G4352">
        <v>160</v>
      </c>
      <c r="H4352" t="s">
        <v>658</v>
      </c>
      <c r="I4352">
        <v>13755</v>
      </c>
      <c r="J4352" t="s">
        <v>682</v>
      </c>
      <c r="K4352">
        <v>20</v>
      </c>
      <c r="L4352" t="s">
        <v>2521</v>
      </c>
      <c r="M4352">
        <v>983</v>
      </c>
      <c r="N4352" t="s">
        <v>654</v>
      </c>
      <c r="O4352">
        <v>3</v>
      </c>
      <c r="P4352" t="s">
        <v>655</v>
      </c>
      <c r="Q4352">
        <v>1</v>
      </c>
      <c r="R4352" t="s">
        <v>656</v>
      </c>
      <c r="S4352">
        <v>2</v>
      </c>
      <c r="T4352" t="s">
        <v>661</v>
      </c>
      <c r="U4352">
        <v>8</v>
      </c>
      <c r="V4352">
        <v>2</v>
      </c>
      <c r="W4352">
        <v>120</v>
      </c>
      <c r="X4352">
        <v>2020</v>
      </c>
    </row>
    <row r="4353" spans="1:24" x14ac:dyDescent="0.25">
      <c r="A4353">
        <v>6353</v>
      </c>
      <c r="B4353" t="s">
        <v>12</v>
      </c>
      <c r="C4353">
        <v>7</v>
      </c>
      <c r="D4353" t="s">
        <v>590</v>
      </c>
      <c r="E4353">
        <v>70</v>
      </c>
      <c r="F4353" t="s">
        <v>651</v>
      </c>
      <c r="G4353">
        <v>160</v>
      </c>
      <c r="H4353" t="s">
        <v>658</v>
      </c>
      <c r="I4353">
        <v>13755</v>
      </c>
      <c r="J4353" t="s">
        <v>682</v>
      </c>
      <c r="K4353">
        <v>20</v>
      </c>
      <c r="L4353" t="s">
        <v>2109</v>
      </c>
      <c r="M4353">
        <v>982</v>
      </c>
      <c r="N4353" t="s">
        <v>654</v>
      </c>
      <c r="O4353">
        <v>3</v>
      </c>
      <c r="P4353" t="s">
        <v>655</v>
      </c>
      <c r="Q4353">
        <v>1</v>
      </c>
      <c r="R4353" t="s">
        <v>656</v>
      </c>
      <c r="S4353">
        <v>2</v>
      </c>
      <c r="T4353" t="s">
        <v>661</v>
      </c>
      <c r="U4353">
        <v>8</v>
      </c>
      <c r="V4353">
        <v>2</v>
      </c>
      <c r="W4353">
        <v>120</v>
      </c>
      <c r="X4353">
        <v>2020</v>
      </c>
    </row>
    <row r="4354" spans="1:24" x14ac:dyDescent="0.25">
      <c r="A4354">
        <v>6351</v>
      </c>
      <c r="B4354" t="s">
        <v>12</v>
      </c>
      <c r="C4354">
        <v>7</v>
      </c>
      <c r="D4354" t="s">
        <v>596</v>
      </c>
      <c r="E4354">
        <v>63</v>
      </c>
      <c r="F4354" t="s">
        <v>651</v>
      </c>
      <c r="G4354">
        <v>160</v>
      </c>
      <c r="H4354" t="s">
        <v>658</v>
      </c>
      <c r="I4354">
        <v>13755</v>
      </c>
      <c r="J4354" t="s">
        <v>301</v>
      </c>
      <c r="K4354">
        <v>26</v>
      </c>
      <c r="L4354" t="s">
        <v>3346</v>
      </c>
      <c r="M4354">
        <v>981</v>
      </c>
      <c r="N4354" t="s">
        <v>654</v>
      </c>
      <c r="O4354">
        <v>3</v>
      </c>
      <c r="P4354" t="s">
        <v>655</v>
      </c>
      <c r="Q4354">
        <v>1</v>
      </c>
      <c r="R4354" t="s">
        <v>656</v>
      </c>
      <c r="S4354">
        <v>2</v>
      </c>
      <c r="T4354" t="s">
        <v>661</v>
      </c>
      <c r="U4354">
        <v>8</v>
      </c>
      <c r="V4354">
        <v>2</v>
      </c>
      <c r="W4354">
        <v>120</v>
      </c>
      <c r="X4354">
        <v>2020</v>
      </c>
    </row>
    <row r="4355" spans="1:24" x14ac:dyDescent="0.25">
      <c r="A4355">
        <v>6350</v>
      </c>
      <c r="B4355" t="s">
        <v>12</v>
      </c>
      <c r="C4355">
        <v>7</v>
      </c>
      <c r="D4355" t="s">
        <v>596</v>
      </c>
      <c r="E4355">
        <v>63</v>
      </c>
      <c r="F4355" t="s">
        <v>651</v>
      </c>
      <c r="G4355">
        <v>160</v>
      </c>
      <c r="H4355" t="s">
        <v>658</v>
      </c>
      <c r="I4355">
        <v>13755</v>
      </c>
      <c r="J4355" t="s">
        <v>301</v>
      </c>
      <c r="K4355">
        <v>26</v>
      </c>
      <c r="L4355" t="s">
        <v>1632</v>
      </c>
      <c r="M4355">
        <v>980</v>
      </c>
      <c r="N4355" t="s">
        <v>654</v>
      </c>
      <c r="O4355">
        <v>3</v>
      </c>
      <c r="P4355" t="s">
        <v>655</v>
      </c>
      <c r="Q4355">
        <v>1</v>
      </c>
      <c r="R4355" t="s">
        <v>656</v>
      </c>
      <c r="S4355">
        <v>2</v>
      </c>
      <c r="T4355" t="s">
        <v>661</v>
      </c>
      <c r="U4355">
        <v>8</v>
      </c>
      <c r="V4355">
        <v>2</v>
      </c>
      <c r="W4355">
        <v>120</v>
      </c>
      <c r="X4355">
        <v>2020</v>
      </c>
    </row>
    <row r="4356" spans="1:24" x14ac:dyDescent="0.25">
      <c r="A4356">
        <v>6349</v>
      </c>
      <c r="B4356" t="s">
        <v>12</v>
      </c>
      <c r="C4356">
        <v>7</v>
      </c>
      <c r="D4356" t="s">
        <v>596</v>
      </c>
      <c r="E4356">
        <v>63</v>
      </c>
      <c r="F4356" t="s">
        <v>651</v>
      </c>
      <c r="G4356">
        <v>160</v>
      </c>
      <c r="H4356" t="s">
        <v>658</v>
      </c>
      <c r="I4356">
        <v>13755</v>
      </c>
      <c r="J4356" t="s">
        <v>301</v>
      </c>
      <c r="K4356">
        <v>26</v>
      </c>
      <c r="L4356" t="s">
        <v>3347</v>
      </c>
      <c r="M4356">
        <v>979</v>
      </c>
      <c r="N4356" t="s">
        <v>654</v>
      </c>
      <c r="O4356">
        <v>3</v>
      </c>
      <c r="P4356" t="s">
        <v>655</v>
      </c>
      <c r="Q4356">
        <v>1</v>
      </c>
      <c r="R4356" t="s">
        <v>656</v>
      </c>
      <c r="S4356">
        <v>2</v>
      </c>
      <c r="T4356" t="s">
        <v>661</v>
      </c>
      <c r="U4356">
        <v>8</v>
      </c>
      <c r="V4356">
        <v>2</v>
      </c>
      <c r="W4356">
        <v>120</v>
      </c>
      <c r="X4356">
        <v>2020</v>
      </c>
    </row>
    <row r="4357" spans="1:24" x14ac:dyDescent="0.25">
      <c r="A4357">
        <v>6348</v>
      </c>
      <c r="B4357" t="s">
        <v>12</v>
      </c>
      <c r="C4357">
        <v>7</v>
      </c>
      <c r="D4357" t="s">
        <v>596</v>
      </c>
      <c r="E4357">
        <v>63</v>
      </c>
      <c r="F4357" t="s">
        <v>651</v>
      </c>
      <c r="G4357">
        <v>160</v>
      </c>
      <c r="H4357" t="s">
        <v>658</v>
      </c>
      <c r="I4357">
        <v>13755</v>
      </c>
      <c r="J4357" t="s">
        <v>301</v>
      </c>
      <c r="K4357">
        <v>26</v>
      </c>
      <c r="L4357" t="s">
        <v>3348</v>
      </c>
      <c r="M4357">
        <v>978</v>
      </c>
      <c r="N4357" t="s">
        <v>654</v>
      </c>
      <c r="O4357">
        <v>3</v>
      </c>
      <c r="P4357" t="s">
        <v>655</v>
      </c>
      <c r="Q4357">
        <v>1</v>
      </c>
      <c r="R4357" t="s">
        <v>656</v>
      </c>
      <c r="S4357">
        <v>2</v>
      </c>
      <c r="T4357" t="s">
        <v>661</v>
      </c>
      <c r="U4357">
        <v>8</v>
      </c>
      <c r="V4357">
        <v>2</v>
      </c>
      <c r="W4357">
        <v>120</v>
      </c>
      <c r="X4357">
        <v>2020</v>
      </c>
    </row>
    <row r="4358" spans="1:24" x14ac:dyDescent="0.25">
      <c r="A4358">
        <v>6346</v>
      </c>
      <c r="B4358" t="s">
        <v>12</v>
      </c>
      <c r="C4358">
        <v>7</v>
      </c>
      <c r="D4358" t="s">
        <v>596</v>
      </c>
      <c r="E4358">
        <v>63</v>
      </c>
      <c r="F4358" t="s">
        <v>651</v>
      </c>
      <c r="G4358">
        <v>160</v>
      </c>
      <c r="H4358" t="s">
        <v>658</v>
      </c>
      <c r="I4358">
        <v>13755</v>
      </c>
      <c r="J4358" t="s">
        <v>301</v>
      </c>
      <c r="K4358">
        <v>26</v>
      </c>
      <c r="L4358" t="s">
        <v>3349</v>
      </c>
      <c r="M4358">
        <v>976</v>
      </c>
      <c r="N4358" t="s">
        <v>654</v>
      </c>
      <c r="O4358">
        <v>3</v>
      </c>
      <c r="P4358" t="s">
        <v>655</v>
      </c>
      <c r="Q4358">
        <v>1</v>
      </c>
      <c r="R4358" t="s">
        <v>656</v>
      </c>
      <c r="S4358">
        <v>2</v>
      </c>
      <c r="T4358" t="s">
        <v>661</v>
      </c>
      <c r="U4358">
        <v>8</v>
      </c>
      <c r="V4358">
        <v>2</v>
      </c>
      <c r="W4358">
        <v>120</v>
      </c>
      <c r="X4358">
        <v>2020</v>
      </c>
    </row>
    <row r="4359" spans="1:24" x14ac:dyDescent="0.25">
      <c r="A4359">
        <v>6345</v>
      </c>
      <c r="B4359" t="s">
        <v>12</v>
      </c>
      <c r="C4359">
        <v>7</v>
      </c>
      <c r="D4359" t="s">
        <v>596</v>
      </c>
      <c r="E4359">
        <v>63</v>
      </c>
      <c r="F4359" t="s">
        <v>651</v>
      </c>
      <c r="G4359">
        <v>160</v>
      </c>
      <c r="H4359" t="s">
        <v>658</v>
      </c>
      <c r="I4359">
        <v>13755</v>
      </c>
      <c r="J4359" t="s">
        <v>301</v>
      </c>
      <c r="K4359">
        <v>26</v>
      </c>
      <c r="L4359" t="s">
        <v>3350</v>
      </c>
      <c r="M4359">
        <v>975</v>
      </c>
      <c r="N4359" t="s">
        <v>654</v>
      </c>
      <c r="O4359">
        <v>3</v>
      </c>
      <c r="P4359" t="s">
        <v>655</v>
      </c>
      <c r="Q4359">
        <v>1</v>
      </c>
      <c r="R4359" t="s">
        <v>656</v>
      </c>
      <c r="S4359">
        <v>2</v>
      </c>
      <c r="T4359" t="s">
        <v>661</v>
      </c>
      <c r="U4359">
        <v>8</v>
      </c>
      <c r="V4359">
        <v>2</v>
      </c>
      <c r="W4359">
        <v>120</v>
      </c>
      <c r="X4359">
        <v>2020</v>
      </c>
    </row>
    <row r="4360" spans="1:24" x14ac:dyDescent="0.25">
      <c r="A4360">
        <v>6343</v>
      </c>
      <c r="B4360" t="s">
        <v>12</v>
      </c>
      <c r="C4360">
        <v>7</v>
      </c>
      <c r="D4360" t="s">
        <v>597</v>
      </c>
      <c r="E4360">
        <v>62</v>
      </c>
      <c r="F4360" t="s">
        <v>651</v>
      </c>
      <c r="G4360">
        <v>160</v>
      </c>
      <c r="H4360" t="s">
        <v>658</v>
      </c>
      <c r="I4360">
        <v>13755</v>
      </c>
      <c r="J4360" t="s">
        <v>301</v>
      </c>
      <c r="K4360">
        <v>26</v>
      </c>
      <c r="L4360" t="s">
        <v>1121</v>
      </c>
      <c r="M4360">
        <v>973</v>
      </c>
      <c r="N4360" t="s">
        <v>654</v>
      </c>
      <c r="O4360">
        <v>3</v>
      </c>
      <c r="P4360" t="s">
        <v>655</v>
      </c>
      <c r="Q4360">
        <v>1</v>
      </c>
      <c r="R4360" t="s">
        <v>656</v>
      </c>
      <c r="S4360">
        <v>2</v>
      </c>
      <c r="T4360" t="s">
        <v>729</v>
      </c>
      <c r="U4360">
        <v>4</v>
      </c>
      <c r="V4360">
        <v>2</v>
      </c>
      <c r="W4360">
        <v>120</v>
      </c>
      <c r="X4360">
        <v>2020</v>
      </c>
    </row>
    <row r="4361" spans="1:24" x14ac:dyDescent="0.25">
      <c r="A4361">
        <v>6342</v>
      </c>
      <c r="B4361" t="s">
        <v>12</v>
      </c>
      <c r="C4361">
        <v>7</v>
      </c>
      <c r="D4361" t="s">
        <v>597</v>
      </c>
      <c r="E4361">
        <v>62</v>
      </c>
      <c r="F4361" t="s">
        <v>651</v>
      </c>
      <c r="G4361">
        <v>160</v>
      </c>
      <c r="H4361" t="s">
        <v>658</v>
      </c>
      <c r="I4361">
        <v>13755</v>
      </c>
      <c r="J4361" t="s">
        <v>301</v>
      </c>
      <c r="K4361">
        <v>26</v>
      </c>
      <c r="L4361" t="s">
        <v>1121</v>
      </c>
      <c r="M4361">
        <v>973</v>
      </c>
      <c r="N4361" t="s">
        <v>654</v>
      </c>
      <c r="O4361">
        <v>3</v>
      </c>
      <c r="P4361" t="s">
        <v>655</v>
      </c>
      <c r="Q4361">
        <v>1</v>
      </c>
      <c r="R4361" t="s">
        <v>656</v>
      </c>
      <c r="S4361">
        <v>2</v>
      </c>
      <c r="T4361" t="s">
        <v>769</v>
      </c>
      <c r="U4361">
        <v>3</v>
      </c>
      <c r="V4361">
        <v>2</v>
      </c>
      <c r="W4361">
        <v>120</v>
      </c>
      <c r="X4361">
        <v>2020</v>
      </c>
    </row>
    <row r="4362" spans="1:24" x14ac:dyDescent="0.25">
      <c r="A4362">
        <v>6341</v>
      </c>
      <c r="B4362" t="s">
        <v>12</v>
      </c>
      <c r="C4362">
        <v>7</v>
      </c>
      <c r="D4362" t="s">
        <v>597</v>
      </c>
      <c r="E4362">
        <v>62</v>
      </c>
      <c r="F4362" t="s">
        <v>651</v>
      </c>
      <c r="G4362">
        <v>160</v>
      </c>
      <c r="H4362" t="s">
        <v>658</v>
      </c>
      <c r="I4362">
        <v>13755</v>
      </c>
      <c r="J4362" t="s">
        <v>301</v>
      </c>
      <c r="K4362">
        <v>26</v>
      </c>
      <c r="L4362" t="s">
        <v>1121</v>
      </c>
      <c r="M4362">
        <v>973</v>
      </c>
      <c r="N4362" t="s">
        <v>654</v>
      </c>
      <c r="O4362">
        <v>3</v>
      </c>
      <c r="P4362" t="s">
        <v>655</v>
      </c>
      <c r="Q4362">
        <v>1</v>
      </c>
      <c r="R4362" t="s">
        <v>656</v>
      </c>
      <c r="S4362">
        <v>2</v>
      </c>
      <c r="T4362" t="s">
        <v>718</v>
      </c>
      <c r="U4362">
        <v>2</v>
      </c>
      <c r="V4362">
        <v>2</v>
      </c>
      <c r="W4362">
        <v>120</v>
      </c>
      <c r="X4362">
        <v>2020</v>
      </c>
    </row>
    <row r="4363" spans="1:24" x14ac:dyDescent="0.25">
      <c r="A4363">
        <v>6340</v>
      </c>
      <c r="B4363" t="s">
        <v>12</v>
      </c>
      <c r="C4363">
        <v>7</v>
      </c>
      <c r="D4363" t="s">
        <v>597</v>
      </c>
      <c r="E4363">
        <v>62</v>
      </c>
      <c r="F4363" t="s">
        <v>651</v>
      </c>
      <c r="G4363">
        <v>160</v>
      </c>
      <c r="H4363" t="s">
        <v>658</v>
      </c>
      <c r="I4363">
        <v>13755</v>
      </c>
      <c r="J4363" t="s">
        <v>301</v>
      </c>
      <c r="K4363">
        <v>26</v>
      </c>
      <c r="L4363" t="s">
        <v>1144</v>
      </c>
      <c r="M4363">
        <v>972</v>
      </c>
      <c r="N4363" t="s">
        <v>654</v>
      </c>
      <c r="O4363">
        <v>3</v>
      </c>
      <c r="P4363" t="s">
        <v>655</v>
      </c>
      <c r="Q4363">
        <v>1</v>
      </c>
      <c r="R4363" t="s">
        <v>656</v>
      </c>
      <c r="S4363">
        <v>2</v>
      </c>
      <c r="T4363" t="s">
        <v>729</v>
      </c>
      <c r="U4363">
        <v>4</v>
      </c>
      <c r="V4363">
        <v>2</v>
      </c>
      <c r="W4363">
        <v>120</v>
      </c>
      <c r="X4363">
        <v>2020</v>
      </c>
    </row>
    <row r="4364" spans="1:24" x14ac:dyDescent="0.25">
      <c r="A4364">
        <v>6339</v>
      </c>
      <c r="B4364" t="s">
        <v>12</v>
      </c>
      <c r="C4364">
        <v>7</v>
      </c>
      <c r="D4364" t="s">
        <v>306</v>
      </c>
      <c r="E4364">
        <v>688</v>
      </c>
      <c r="F4364" t="s">
        <v>651</v>
      </c>
      <c r="G4364">
        <v>160</v>
      </c>
      <c r="H4364" t="s">
        <v>658</v>
      </c>
      <c r="I4364">
        <v>13755</v>
      </c>
      <c r="J4364" t="s">
        <v>301</v>
      </c>
      <c r="K4364">
        <v>26</v>
      </c>
      <c r="L4364" t="s">
        <v>3351</v>
      </c>
      <c r="M4364">
        <v>971</v>
      </c>
      <c r="N4364" t="s">
        <v>654</v>
      </c>
      <c r="O4364">
        <v>3</v>
      </c>
      <c r="P4364" t="s">
        <v>655</v>
      </c>
      <c r="Q4364">
        <v>1</v>
      </c>
      <c r="R4364" t="s">
        <v>656</v>
      </c>
      <c r="S4364">
        <v>2</v>
      </c>
      <c r="T4364" t="s">
        <v>718</v>
      </c>
      <c r="U4364">
        <v>2</v>
      </c>
      <c r="V4364">
        <v>2</v>
      </c>
      <c r="W4364">
        <v>120</v>
      </c>
      <c r="X4364">
        <v>2020</v>
      </c>
    </row>
    <row r="4365" spans="1:24" x14ac:dyDescent="0.25">
      <c r="A4365">
        <v>6338</v>
      </c>
      <c r="B4365" t="s">
        <v>12</v>
      </c>
      <c r="C4365">
        <v>7</v>
      </c>
      <c r="D4365" t="s">
        <v>597</v>
      </c>
      <c r="E4365">
        <v>62</v>
      </c>
      <c r="F4365" t="s">
        <v>651</v>
      </c>
      <c r="G4365">
        <v>160</v>
      </c>
      <c r="H4365" t="s">
        <v>658</v>
      </c>
      <c r="I4365">
        <v>13755</v>
      </c>
      <c r="J4365" t="s">
        <v>301</v>
      </c>
      <c r="K4365">
        <v>26</v>
      </c>
      <c r="L4365" t="s">
        <v>3352</v>
      </c>
      <c r="M4365">
        <v>970</v>
      </c>
      <c r="N4365" t="s">
        <v>654</v>
      </c>
      <c r="O4365">
        <v>3</v>
      </c>
      <c r="P4365" t="s">
        <v>655</v>
      </c>
      <c r="Q4365">
        <v>1</v>
      </c>
      <c r="R4365" t="s">
        <v>656</v>
      </c>
      <c r="S4365">
        <v>2</v>
      </c>
      <c r="T4365" t="s">
        <v>718</v>
      </c>
      <c r="U4365">
        <v>2</v>
      </c>
      <c r="V4365">
        <v>2</v>
      </c>
      <c r="W4365">
        <v>120</v>
      </c>
      <c r="X4365">
        <v>2020</v>
      </c>
    </row>
    <row r="4366" spans="1:24" x14ac:dyDescent="0.25">
      <c r="A4366">
        <v>6337</v>
      </c>
      <c r="B4366" t="s">
        <v>12</v>
      </c>
      <c r="C4366">
        <v>7</v>
      </c>
      <c r="D4366" t="s">
        <v>597</v>
      </c>
      <c r="E4366">
        <v>62</v>
      </c>
      <c r="F4366" t="s">
        <v>651</v>
      </c>
      <c r="G4366">
        <v>160</v>
      </c>
      <c r="H4366" t="s">
        <v>658</v>
      </c>
      <c r="I4366">
        <v>13755</v>
      </c>
      <c r="J4366" t="s">
        <v>301</v>
      </c>
      <c r="K4366">
        <v>26</v>
      </c>
      <c r="L4366" t="s">
        <v>301</v>
      </c>
      <c r="M4366">
        <v>969</v>
      </c>
      <c r="N4366" t="s">
        <v>654</v>
      </c>
      <c r="O4366">
        <v>3</v>
      </c>
      <c r="P4366" t="s">
        <v>655</v>
      </c>
      <c r="Q4366">
        <v>1</v>
      </c>
      <c r="R4366" t="s">
        <v>656</v>
      </c>
      <c r="S4366">
        <v>2</v>
      </c>
      <c r="T4366" t="s">
        <v>718</v>
      </c>
      <c r="U4366">
        <v>2</v>
      </c>
      <c r="V4366">
        <v>2</v>
      </c>
      <c r="W4366">
        <v>120</v>
      </c>
      <c r="X4366">
        <v>2020</v>
      </c>
    </row>
    <row r="4367" spans="1:24" x14ac:dyDescent="0.25">
      <c r="A4367">
        <v>6336</v>
      </c>
      <c r="B4367" t="s">
        <v>202</v>
      </c>
      <c r="C4367">
        <v>6</v>
      </c>
      <c r="D4367" t="s">
        <v>321</v>
      </c>
      <c r="E4367">
        <v>58</v>
      </c>
      <c r="F4367" t="s">
        <v>651</v>
      </c>
      <c r="G4367">
        <v>160</v>
      </c>
      <c r="H4367" t="s">
        <v>658</v>
      </c>
      <c r="I4367">
        <v>13755</v>
      </c>
      <c r="J4367" t="s">
        <v>839</v>
      </c>
      <c r="K4367">
        <v>89</v>
      </c>
      <c r="L4367" t="s">
        <v>3353</v>
      </c>
      <c r="M4367">
        <v>968</v>
      </c>
      <c r="N4367" t="s">
        <v>654</v>
      </c>
      <c r="O4367">
        <v>3</v>
      </c>
      <c r="P4367" t="s">
        <v>655</v>
      </c>
      <c r="Q4367">
        <v>1</v>
      </c>
      <c r="R4367" t="s">
        <v>656</v>
      </c>
      <c r="S4367">
        <v>2</v>
      </c>
      <c r="T4367" t="s">
        <v>661</v>
      </c>
      <c r="U4367">
        <v>8</v>
      </c>
      <c r="V4367">
        <v>1.5</v>
      </c>
      <c r="W4367">
        <v>90</v>
      </c>
      <c r="X4367">
        <v>2020</v>
      </c>
    </row>
    <row r="4368" spans="1:24" x14ac:dyDescent="0.25">
      <c r="A4368">
        <v>6335</v>
      </c>
      <c r="B4368" t="s">
        <v>202</v>
      </c>
      <c r="C4368">
        <v>6</v>
      </c>
      <c r="D4368" t="s">
        <v>534</v>
      </c>
      <c r="E4368">
        <v>59</v>
      </c>
      <c r="F4368" t="s">
        <v>651</v>
      </c>
      <c r="G4368">
        <v>160</v>
      </c>
      <c r="H4368" t="s">
        <v>658</v>
      </c>
      <c r="I4368">
        <v>13755</v>
      </c>
      <c r="J4368" t="s">
        <v>839</v>
      </c>
      <c r="K4368">
        <v>89</v>
      </c>
      <c r="L4368" t="s">
        <v>3354</v>
      </c>
      <c r="M4368">
        <v>967</v>
      </c>
      <c r="N4368" t="s">
        <v>654</v>
      </c>
      <c r="O4368">
        <v>3</v>
      </c>
      <c r="P4368" t="s">
        <v>655</v>
      </c>
      <c r="Q4368">
        <v>1</v>
      </c>
      <c r="R4368" t="s">
        <v>656</v>
      </c>
      <c r="S4368">
        <v>2</v>
      </c>
      <c r="T4368" t="s">
        <v>661</v>
      </c>
      <c r="U4368">
        <v>8</v>
      </c>
      <c r="V4368">
        <v>1</v>
      </c>
      <c r="W4368">
        <v>60</v>
      </c>
      <c r="X4368">
        <v>2020</v>
      </c>
    </row>
    <row r="4369" spans="1:24" x14ac:dyDescent="0.25">
      <c r="A4369">
        <v>6334</v>
      </c>
      <c r="B4369" t="s">
        <v>202</v>
      </c>
      <c r="C4369">
        <v>6</v>
      </c>
      <c r="D4369" t="s">
        <v>322</v>
      </c>
      <c r="E4369">
        <v>56</v>
      </c>
      <c r="F4369" t="s">
        <v>651</v>
      </c>
      <c r="G4369">
        <v>160</v>
      </c>
      <c r="H4369" t="s">
        <v>658</v>
      </c>
      <c r="I4369">
        <v>13755</v>
      </c>
      <c r="J4369" t="s">
        <v>839</v>
      </c>
      <c r="K4369">
        <v>89</v>
      </c>
      <c r="L4369" t="s">
        <v>3355</v>
      </c>
      <c r="M4369">
        <v>966</v>
      </c>
      <c r="N4369" t="s">
        <v>654</v>
      </c>
      <c r="O4369">
        <v>3</v>
      </c>
      <c r="P4369" t="s">
        <v>655</v>
      </c>
      <c r="Q4369">
        <v>1</v>
      </c>
      <c r="R4369" t="s">
        <v>656</v>
      </c>
      <c r="S4369">
        <v>2</v>
      </c>
      <c r="T4369" t="s">
        <v>661</v>
      </c>
      <c r="U4369">
        <v>8</v>
      </c>
      <c r="V4369">
        <v>2</v>
      </c>
      <c r="W4369">
        <v>120</v>
      </c>
      <c r="X4369">
        <v>2020</v>
      </c>
    </row>
    <row r="4370" spans="1:24" x14ac:dyDescent="0.25">
      <c r="A4370">
        <v>6333</v>
      </c>
      <c r="B4370" t="s">
        <v>202</v>
      </c>
      <c r="C4370">
        <v>6</v>
      </c>
      <c r="D4370" t="s">
        <v>322</v>
      </c>
      <c r="E4370">
        <v>56</v>
      </c>
      <c r="F4370" t="s">
        <v>651</v>
      </c>
      <c r="G4370">
        <v>160</v>
      </c>
      <c r="H4370" t="s">
        <v>658</v>
      </c>
      <c r="I4370">
        <v>13755</v>
      </c>
      <c r="J4370" t="s">
        <v>839</v>
      </c>
      <c r="K4370">
        <v>89</v>
      </c>
      <c r="L4370" t="s">
        <v>3356</v>
      </c>
      <c r="M4370">
        <v>965</v>
      </c>
      <c r="N4370" t="s">
        <v>654</v>
      </c>
      <c r="O4370">
        <v>3</v>
      </c>
      <c r="P4370" t="s">
        <v>655</v>
      </c>
      <c r="Q4370">
        <v>1</v>
      </c>
      <c r="R4370" t="s">
        <v>656</v>
      </c>
      <c r="S4370">
        <v>2</v>
      </c>
      <c r="T4370" t="s">
        <v>661</v>
      </c>
      <c r="U4370">
        <v>8</v>
      </c>
      <c r="V4370">
        <v>2</v>
      </c>
      <c r="W4370">
        <v>120</v>
      </c>
      <c r="X4370">
        <v>2020</v>
      </c>
    </row>
    <row r="4371" spans="1:24" x14ac:dyDescent="0.25">
      <c r="A4371">
        <v>6332</v>
      </c>
      <c r="B4371" t="s">
        <v>16</v>
      </c>
      <c r="C4371">
        <v>5</v>
      </c>
      <c r="D4371" t="s">
        <v>601</v>
      </c>
      <c r="E4371">
        <v>52</v>
      </c>
      <c r="F4371" t="s">
        <v>651</v>
      </c>
      <c r="G4371">
        <v>160</v>
      </c>
      <c r="H4371" t="s">
        <v>658</v>
      </c>
      <c r="I4371">
        <v>13755</v>
      </c>
      <c r="J4371" t="s">
        <v>864</v>
      </c>
      <c r="K4371">
        <v>14</v>
      </c>
      <c r="L4371" t="s">
        <v>3357</v>
      </c>
      <c r="M4371">
        <v>964</v>
      </c>
      <c r="N4371" t="s">
        <v>654</v>
      </c>
      <c r="O4371">
        <v>3</v>
      </c>
      <c r="P4371" t="s">
        <v>655</v>
      </c>
      <c r="Q4371">
        <v>1</v>
      </c>
      <c r="R4371" t="s">
        <v>656</v>
      </c>
      <c r="S4371">
        <v>2</v>
      </c>
      <c r="T4371" t="s">
        <v>661</v>
      </c>
      <c r="U4371">
        <v>8</v>
      </c>
      <c r="V4371">
        <v>2</v>
      </c>
      <c r="W4371">
        <v>120</v>
      </c>
      <c r="X4371">
        <v>2020</v>
      </c>
    </row>
    <row r="4372" spans="1:24" x14ac:dyDescent="0.25">
      <c r="A4372">
        <v>6331</v>
      </c>
      <c r="B4372" t="s">
        <v>16</v>
      </c>
      <c r="C4372">
        <v>5</v>
      </c>
      <c r="D4372" t="s">
        <v>600</v>
      </c>
      <c r="E4372">
        <v>54</v>
      </c>
      <c r="F4372" t="s">
        <v>651</v>
      </c>
      <c r="G4372">
        <v>160</v>
      </c>
      <c r="H4372" t="s">
        <v>658</v>
      </c>
      <c r="I4372">
        <v>13755</v>
      </c>
      <c r="J4372" t="s">
        <v>864</v>
      </c>
      <c r="K4372">
        <v>14</v>
      </c>
      <c r="L4372" t="s">
        <v>3358</v>
      </c>
      <c r="M4372">
        <v>963</v>
      </c>
      <c r="N4372" t="s">
        <v>654</v>
      </c>
      <c r="O4372">
        <v>3</v>
      </c>
      <c r="P4372" t="s">
        <v>655</v>
      </c>
      <c r="Q4372">
        <v>1</v>
      </c>
      <c r="R4372" t="s">
        <v>656</v>
      </c>
      <c r="S4372">
        <v>2</v>
      </c>
      <c r="T4372" t="s">
        <v>661</v>
      </c>
      <c r="U4372">
        <v>8</v>
      </c>
      <c r="V4372">
        <v>2</v>
      </c>
      <c r="W4372">
        <v>120</v>
      </c>
      <c r="X4372">
        <v>2020</v>
      </c>
    </row>
    <row r="4373" spans="1:24" x14ac:dyDescent="0.25">
      <c r="A4373">
        <v>6330</v>
      </c>
      <c r="B4373" t="s">
        <v>16</v>
      </c>
      <c r="C4373">
        <v>5</v>
      </c>
      <c r="D4373" t="s">
        <v>600</v>
      </c>
      <c r="E4373">
        <v>54</v>
      </c>
      <c r="F4373" t="s">
        <v>651</v>
      </c>
      <c r="G4373">
        <v>160</v>
      </c>
      <c r="H4373" t="s">
        <v>658</v>
      </c>
      <c r="I4373">
        <v>13755</v>
      </c>
      <c r="J4373" t="s">
        <v>864</v>
      </c>
      <c r="K4373">
        <v>14</v>
      </c>
      <c r="L4373" t="s">
        <v>3359</v>
      </c>
      <c r="M4373">
        <v>962</v>
      </c>
      <c r="N4373" t="s">
        <v>654</v>
      </c>
      <c r="O4373">
        <v>3</v>
      </c>
      <c r="P4373" t="s">
        <v>655</v>
      </c>
      <c r="Q4373">
        <v>1</v>
      </c>
      <c r="R4373" t="s">
        <v>656</v>
      </c>
      <c r="S4373">
        <v>2</v>
      </c>
      <c r="T4373" t="s">
        <v>661</v>
      </c>
      <c r="U4373">
        <v>8</v>
      </c>
      <c r="V4373">
        <v>2</v>
      </c>
      <c r="W4373">
        <v>120</v>
      </c>
      <c r="X4373">
        <v>2020</v>
      </c>
    </row>
    <row r="4374" spans="1:24" x14ac:dyDescent="0.25">
      <c r="A4374">
        <v>6329</v>
      </c>
      <c r="B4374" t="s">
        <v>16</v>
      </c>
      <c r="C4374">
        <v>5</v>
      </c>
      <c r="D4374" t="s">
        <v>509</v>
      </c>
      <c r="E4374">
        <v>53</v>
      </c>
      <c r="F4374" t="s">
        <v>651</v>
      </c>
      <c r="G4374">
        <v>160</v>
      </c>
      <c r="H4374" t="s">
        <v>658</v>
      </c>
      <c r="I4374">
        <v>13755</v>
      </c>
      <c r="J4374" t="s">
        <v>864</v>
      </c>
      <c r="K4374">
        <v>14</v>
      </c>
      <c r="L4374" t="s">
        <v>3360</v>
      </c>
      <c r="M4374">
        <v>961</v>
      </c>
      <c r="N4374" t="s">
        <v>654</v>
      </c>
      <c r="O4374">
        <v>3</v>
      </c>
      <c r="P4374" t="s">
        <v>655</v>
      </c>
      <c r="Q4374">
        <v>1</v>
      </c>
      <c r="R4374" t="s">
        <v>656</v>
      </c>
      <c r="S4374">
        <v>2</v>
      </c>
      <c r="T4374" t="s">
        <v>661</v>
      </c>
      <c r="U4374">
        <v>8</v>
      </c>
      <c r="V4374">
        <v>2</v>
      </c>
      <c r="W4374">
        <v>120</v>
      </c>
      <c r="X4374">
        <v>2020</v>
      </c>
    </row>
    <row r="4375" spans="1:24" x14ac:dyDescent="0.25">
      <c r="A4375">
        <v>6328</v>
      </c>
      <c r="B4375" t="s">
        <v>16</v>
      </c>
      <c r="C4375">
        <v>5</v>
      </c>
      <c r="D4375" t="s">
        <v>509</v>
      </c>
      <c r="E4375">
        <v>53</v>
      </c>
      <c r="F4375" t="s">
        <v>651</v>
      </c>
      <c r="G4375">
        <v>160</v>
      </c>
      <c r="H4375" t="s">
        <v>658</v>
      </c>
      <c r="I4375">
        <v>13755</v>
      </c>
      <c r="J4375" t="s">
        <v>864</v>
      </c>
      <c r="K4375">
        <v>14</v>
      </c>
      <c r="L4375" t="s">
        <v>3361</v>
      </c>
      <c r="M4375">
        <v>960</v>
      </c>
      <c r="N4375" t="s">
        <v>654</v>
      </c>
      <c r="O4375">
        <v>3</v>
      </c>
      <c r="P4375" t="s">
        <v>655</v>
      </c>
      <c r="Q4375">
        <v>1</v>
      </c>
      <c r="R4375" t="s">
        <v>656</v>
      </c>
      <c r="S4375">
        <v>2</v>
      </c>
      <c r="T4375" t="s">
        <v>661</v>
      </c>
      <c r="U4375">
        <v>8</v>
      </c>
      <c r="V4375">
        <v>2</v>
      </c>
      <c r="W4375">
        <v>120</v>
      </c>
      <c r="X4375">
        <v>2020</v>
      </c>
    </row>
    <row r="4376" spans="1:24" x14ac:dyDescent="0.25">
      <c r="A4376">
        <v>6327</v>
      </c>
      <c r="B4376" t="s">
        <v>16</v>
      </c>
      <c r="C4376">
        <v>5</v>
      </c>
      <c r="D4376" t="s">
        <v>509</v>
      </c>
      <c r="E4376">
        <v>53</v>
      </c>
      <c r="F4376" t="s">
        <v>651</v>
      </c>
      <c r="G4376">
        <v>160</v>
      </c>
      <c r="H4376" t="s">
        <v>658</v>
      </c>
      <c r="I4376">
        <v>13755</v>
      </c>
      <c r="J4376" t="s">
        <v>864</v>
      </c>
      <c r="K4376">
        <v>14</v>
      </c>
      <c r="L4376" t="s">
        <v>2897</v>
      </c>
      <c r="M4376">
        <v>959</v>
      </c>
      <c r="N4376" t="s">
        <v>654</v>
      </c>
      <c r="O4376">
        <v>3</v>
      </c>
      <c r="P4376" t="s">
        <v>655</v>
      </c>
      <c r="Q4376">
        <v>1</v>
      </c>
      <c r="R4376" t="s">
        <v>656</v>
      </c>
      <c r="S4376">
        <v>2</v>
      </c>
      <c r="T4376" t="s">
        <v>661</v>
      </c>
      <c r="U4376">
        <v>8</v>
      </c>
      <c r="V4376">
        <v>2</v>
      </c>
      <c r="W4376">
        <v>120</v>
      </c>
      <c r="X4376">
        <v>2020</v>
      </c>
    </row>
    <row r="4377" spans="1:24" x14ac:dyDescent="0.25">
      <c r="A4377">
        <v>6326</v>
      </c>
      <c r="B4377" t="s">
        <v>16</v>
      </c>
      <c r="C4377">
        <v>5</v>
      </c>
      <c r="D4377" t="s">
        <v>509</v>
      </c>
      <c r="E4377">
        <v>53</v>
      </c>
      <c r="F4377" t="s">
        <v>651</v>
      </c>
      <c r="G4377">
        <v>160</v>
      </c>
      <c r="H4377" t="s">
        <v>658</v>
      </c>
      <c r="I4377">
        <v>13755</v>
      </c>
      <c r="J4377" t="s">
        <v>864</v>
      </c>
      <c r="K4377">
        <v>14</v>
      </c>
      <c r="L4377" t="s">
        <v>3362</v>
      </c>
      <c r="M4377">
        <v>958</v>
      </c>
      <c r="N4377" t="s">
        <v>654</v>
      </c>
      <c r="O4377">
        <v>3</v>
      </c>
      <c r="P4377" t="s">
        <v>655</v>
      </c>
      <c r="Q4377">
        <v>1</v>
      </c>
      <c r="R4377" t="s">
        <v>656</v>
      </c>
      <c r="S4377">
        <v>2</v>
      </c>
      <c r="T4377" t="s">
        <v>661</v>
      </c>
      <c r="U4377">
        <v>8</v>
      </c>
      <c r="V4377">
        <v>2</v>
      </c>
      <c r="W4377">
        <v>120</v>
      </c>
      <c r="X4377">
        <v>2020</v>
      </c>
    </row>
    <row r="4378" spans="1:24" x14ac:dyDescent="0.25">
      <c r="A4378">
        <v>6325</v>
      </c>
      <c r="B4378" t="s">
        <v>16</v>
      </c>
      <c r="C4378">
        <v>5</v>
      </c>
      <c r="D4378" t="s">
        <v>509</v>
      </c>
      <c r="E4378">
        <v>53</v>
      </c>
      <c r="F4378" t="s">
        <v>651</v>
      </c>
      <c r="G4378">
        <v>160</v>
      </c>
      <c r="H4378" t="s">
        <v>658</v>
      </c>
      <c r="I4378">
        <v>13755</v>
      </c>
      <c r="J4378" t="s">
        <v>864</v>
      </c>
      <c r="K4378">
        <v>14</v>
      </c>
      <c r="L4378" t="s">
        <v>3363</v>
      </c>
      <c r="M4378">
        <v>957</v>
      </c>
      <c r="N4378" t="s">
        <v>654</v>
      </c>
      <c r="O4378">
        <v>3</v>
      </c>
      <c r="P4378" t="s">
        <v>655</v>
      </c>
      <c r="Q4378">
        <v>1</v>
      </c>
      <c r="R4378" t="s">
        <v>656</v>
      </c>
      <c r="S4378">
        <v>2</v>
      </c>
      <c r="T4378" t="s">
        <v>661</v>
      </c>
      <c r="U4378">
        <v>8</v>
      </c>
      <c r="V4378">
        <v>2</v>
      </c>
      <c r="W4378">
        <v>120</v>
      </c>
      <c r="X4378">
        <v>2020</v>
      </c>
    </row>
    <row r="4379" spans="1:24" x14ac:dyDescent="0.25">
      <c r="A4379">
        <v>6324</v>
      </c>
      <c r="B4379" t="s">
        <v>16</v>
      </c>
      <c r="C4379">
        <v>5</v>
      </c>
      <c r="D4379" t="s">
        <v>509</v>
      </c>
      <c r="E4379">
        <v>53</v>
      </c>
      <c r="F4379" t="s">
        <v>651</v>
      </c>
      <c r="G4379">
        <v>160</v>
      </c>
      <c r="H4379" t="s">
        <v>658</v>
      </c>
      <c r="I4379">
        <v>13755</v>
      </c>
      <c r="J4379" t="s">
        <v>864</v>
      </c>
      <c r="K4379">
        <v>14</v>
      </c>
      <c r="L4379" t="s">
        <v>3220</v>
      </c>
      <c r="M4379">
        <v>956</v>
      </c>
      <c r="N4379" t="s">
        <v>654</v>
      </c>
      <c r="O4379">
        <v>3</v>
      </c>
      <c r="P4379" t="s">
        <v>655</v>
      </c>
      <c r="Q4379">
        <v>1</v>
      </c>
      <c r="R4379" t="s">
        <v>656</v>
      </c>
      <c r="S4379">
        <v>2</v>
      </c>
      <c r="T4379" t="s">
        <v>661</v>
      </c>
      <c r="U4379">
        <v>8</v>
      </c>
      <c r="V4379">
        <v>2</v>
      </c>
      <c r="W4379">
        <v>120</v>
      </c>
      <c r="X4379">
        <v>2020</v>
      </c>
    </row>
    <row r="4380" spans="1:24" x14ac:dyDescent="0.25">
      <c r="A4380">
        <v>6323</v>
      </c>
      <c r="B4380" t="s">
        <v>16</v>
      </c>
      <c r="C4380">
        <v>5</v>
      </c>
      <c r="D4380" t="s">
        <v>509</v>
      </c>
      <c r="E4380">
        <v>53</v>
      </c>
      <c r="F4380" t="s">
        <v>651</v>
      </c>
      <c r="G4380">
        <v>160</v>
      </c>
      <c r="H4380" t="s">
        <v>658</v>
      </c>
      <c r="I4380">
        <v>13755</v>
      </c>
      <c r="J4380" t="s">
        <v>864</v>
      </c>
      <c r="K4380">
        <v>14</v>
      </c>
      <c r="L4380" t="s">
        <v>3364</v>
      </c>
      <c r="M4380">
        <v>955</v>
      </c>
      <c r="N4380" t="s">
        <v>654</v>
      </c>
      <c r="O4380">
        <v>3</v>
      </c>
      <c r="P4380" t="s">
        <v>655</v>
      </c>
      <c r="Q4380">
        <v>1</v>
      </c>
      <c r="R4380" t="s">
        <v>656</v>
      </c>
      <c r="S4380">
        <v>2</v>
      </c>
      <c r="T4380" t="s">
        <v>661</v>
      </c>
      <c r="U4380">
        <v>8</v>
      </c>
      <c r="V4380">
        <v>2</v>
      </c>
      <c r="W4380">
        <v>120</v>
      </c>
      <c r="X4380">
        <v>2020</v>
      </c>
    </row>
    <row r="4381" spans="1:24" x14ac:dyDescent="0.25">
      <c r="A4381">
        <v>6322</v>
      </c>
      <c r="B4381" t="s">
        <v>16</v>
      </c>
      <c r="C4381">
        <v>5</v>
      </c>
      <c r="D4381" t="s">
        <v>509</v>
      </c>
      <c r="E4381">
        <v>53</v>
      </c>
      <c r="F4381" t="s">
        <v>651</v>
      </c>
      <c r="G4381">
        <v>160</v>
      </c>
      <c r="H4381" t="s">
        <v>658</v>
      </c>
      <c r="I4381">
        <v>13755</v>
      </c>
      <c r="J4381" t="s">
        <v>864</v>
      </c>
      <c r="K4381">
        <v>14</v>
      </c>
      <c r="L4381" t="s">
        <v>3365</v>
      </c>
      <c r="M4381">
        <v>954</v>
      </c>
      <c r="N4381" t="s">
        <v>654</v>
      </c>
      <c r="O4381">
        <v>3</v>
      </c>
      <c r="P4381" t="s">
        <v>655</v>
      </c>
      <c r="Q4381">
        <v>1</v>
      </c>
      <c r="R4381" t="s">
        <v>656</v>
      </c>
      <c r="S4381">
        <v>2</v>
      </c>
      <c r="T4381" t="s">
        <v>661</v>
      </c>
      <c r="U4381">
        <v>8</v>
      </c>
      <c r="V4381">
        <v>2</v>
      </c>
      <c r="W4381">
        <v>120</v>
      </c>
      <c r="X4381">
        <v>2020</v>
      </c>
    </row>
    <row r="4382" spans="1:24" x14ac:dyDescent="0.25">
      <c r="A4382">
        <v>6321</v>
      </c>
      <c r="B4382" t="s">
        <v>16</v>
      </c>
      <c r="C4382">
        <v>5</v>
      </c>
      <c r="D4382" t="s">
        <v>585</v>
      </c>
      <c r="E4382">
        <v>51</v>
      </c>
      <c r="F4382" t="s">
        <v>651</v>
      </c>
      <c r="G4382">
        <v>160</v>
      </c>
      <c r="H4382" t="s">
        <v>658</v>
      </c>
      <c r="I4382">
        <v>13755</v>
      </c>
      <c r="J4382" t="s">
        <v>894</v>
      </c>
      <c r="K4382">
        <v>18</v>
      </c>
      <c r="L4382" t="s">
        <v>3366</v>
      </c>
      <c r="M4382">
        <v>953</v>
      </c>
      <c r="N4382" t="s">
        <v>654</v>
      </c>
      <c r="O4382">
        <v>3</v>
      </c>
      <c r="P4382" t="s">
        <v>655</v>
      </c>
      <c r="Q4382">
        <v>1</v>
      </c>
      <c r="R4382" t="s">
        <v>656</v>
      </c>
      <c r="S4382">
        <v>2</v>
      </c>
      <c r="T4382" t="s">
        <v>769</v>
      </c>
      <c r="U4382">
        <v>3</v>
      </c>
      <c r="V4382">
        <v>2</v>
      </c>
      <c r="W4382">
        <v>120</v>
      </c>
      <c r="X4382">
        <v>2020</v>
      </c>
    </row>
    <row r="4383" spans="1:24" x14ac:dyDescent="0.25">
      <c r="A4383">
        <v>6320</v>
      </c>
      <c r="B4383" t="s">
        <v>16</v>
      </c>
      <c r="C4383">
        <v>5</v>
      </c>
      <c r="D4383" t="s">
        <v>585</v>
      </c>
      <c r="E4383">
        <v>51</v>
      </c>
      <c r="F4383" t="s">
        <v>651</v>
      </c>
      <c r="G4383">
        <v>160</v>
      </c>
      <c r="H4383" t="s">
        <v>658</v>
      </c>
      <c r="I4383">
        <v>13755</v>
      </c>
      <c r="J4383" t="s">
        <v>894</v>
      </c>
      <c r="K4383">
        <v>18</v>
      </c>
      <c r="L4383" t="s">
        <v>3367</v>
      </c>
      <c r="M4383">
        <v>950</v>
      </c>
      <c r="N4383" t="s">
        <v>654</v>
      </c>
      <c r="O4383">
        <v>3</v>
      </c>
      <c r="P4383" t="s">
        <v>655</v>
      </c>
      <c r="Q4383">
        <v>1</v>
      </c>
      <c r="R4383" t="s">
        <v>656</v>
      </c>
      <c r="S4383">
        <v>2</v>
      </c>
      <c r="T4383" t="s">
        <v>661</v>
      </c>
      <c r="U4383">
        <v>8</v>
      </c>
      <c r="V4383">
        <v>2</v>
      </c>
      <c r="W4383">
        <v>120</v>
      </c>
      <c r="X4383">
        <v>2020</v>
      </c>
    </row>
    <row r="4384" spans="1:24" x14ac:dyDescent="0.25">
      <c r="A4384">
        <v>6319</v>
      </c>
      <c r="B4384" t="s">
        <v>16</v>
      </c>
      <c r="C4384">
        <v>5</v>
      </c>
      <c r="D4384" t="s">
        <v>585</v>
      </c>
      <c r="E4384">
        <v>51</v>
      </c>
      <c r="F4384" t="s">
        <v>651</v>
      </c>
      <c r="G4384">
        <v>160</v>
      </c>
      <c r="H4384" t="s">
        <v>658</v>
      </c>
      <c r="I4384">
        <v>13755</v>
      </c>
      <c r="J4384" t="s">
        <v>894</v>
      </c>
      <c r="K4384">
        <v>18</v>
      </c>
      <c r="L4384" t="s">
        <v>3368</v>
      </c>
      <c r="M4384">
        <v>952</v>
      </c>
      <c r="N4384" t="s">
        <v>654</v>
      </c>
      <c r="O4384">
        <v>3</v>
      </c>
      <c r="P4384" t="s">
        <v>655</v>
      </c>
      <c r="Q4384">
        <v>1</v>
      </c>
      <c r="R4384" t="s">
        <v>656</v>
      </c>
      <c r="S4384">
        <v>2</v>
      </c>
      <c r="T4384" t="s">
        <v>661</v>
      </c>
      <c r="U4384">
        <v>8</v>
      </c>
      <c r="V4384">
        <v>2</v>
      </c>
      <c r="W4384">
        <v>120</v>
      </c>
      <c r="X4384">
        <v>2020</v>
      </c>
    </row>
    <row r="4385" spans="1:24" x14ac:dyDescent="0.25">
      <c r="A4385">
        <v>6318</v>
      </c>
      <c r="B4385" t="s">
        <v>16</v>
      </c>
      <c r="C4385">
        <v>5</v>
      </c>
      <c r="D4385" t="s">
        <v>585</v>
      </c>
      <c r="E4385">
        <v>51</v>
      </c>
      <c r="F4385" t="s">
        <v>651</v>
      </c>
      <c r="G4385">
        <v>160</v>
      </c>
      <c r="H4385" t="s">
        <v>658</v>
      </c>
      <c r="I4385">
        <v>13755</v>
      </c>
      <c r="J4385" t="s">
        <v>894</v>
      </c>
      <c r="K4385">
        <v>18</v>
      </c>
      <c r="L4385" t="s">
        <v>3369</v>
      </c>
      <c r="M4385">
        <v>951</v>
      </c>
      <c r="N4385" t="s">
        <v>654</v>
      </c>
      <c r="O4385">
        <v>3</v>
      </c>
      <c r="P4385" t="s">
        <v>655</v>
      </c>
      <c r="Q4385">
        <v>1</v>
      </c>
      <c r="R4385" t="s">
        <v>656</v>
      </c>
      <c r="S4385">
        <v>2</v>
      </c>
      <c r="T4385" t="s">
        <v>718</v>
      </c>
      <c r="U4385">
        <v>2</v>
      </c>
      <c r="V4385">
        <v>2</v>
      </c>
      <c r="W4385">
        <v>120</v>
      </c>
      <c r="X4385">
        <v>2020</v>
      </c>
    </row>
    <row r="4386" spans="1:24" x14ac:dyDescent="0.25">
      <c r="A4386">
        <v>6317</v>
      </c>
      <c r="B4386" t="s">
        <v>16</v>
      </c>
      <c r="C4386">
        <v>5</v>
      </c>
      <c r="D4386" t="s">
        <v>585</v>
      </c>
      <c r="E4386">
        <v>51</v>
      </c>
      <c r="F4386" t="s">
        <v>651</v>
      </c>
      <c r="G4386">
        <v>160</v>
      </c>
      <c r="H4386" t="s">
        <v>658</v>
      </c>
      <c r="I4386">
        <v>13755</v>
      </c>
      <c r="J4386" t="s">
        <v>894</v>
      </c>
      <c r="K4386">
        <v>18</v>
      </c>
      <c r="L4386" t="s">
        <v>3367</v>
      </c>
      <c r="M4386">
        <v>950</v>
      </c>
      <c r="N4386" t="s">
        <v>654</v>
      </c>
      <c r="O4386">
        <v>3</v>
      </c>
      <c r="P4386" t="s">
        <v>655</v>
      </c>
      <c r="Q4386">
        <v>1</v>
      </c>
      <c r="R4386" t="s">
        <v>656</v>
      </c>
      <c r="S4386">
        <v>2</v>
      </c>
      <c r="T4386" t="s">
        <v>1611</v>
      </c>
      <c r="U4386">
        <v>11</v>
      </c>
      <c r="V4386">
        <v>2</v>
      </c>
      <c r="W4386">
        <v>120</v>
      </c>
      <c r="X4386">
        <v>2020</v>
      </c>
    </row>
    <row r="4387" spans="1:24" x14ac:dyDescent="0.25">
      <c r="A4387">
        <v>6316</v>
      </c>
      <c r="B4387" t="s">
        <v>16</v>
      </c>
      <c r="C4387">
        <v>5</v>
      </c>
      <c r="D4387" t="s">
        <v>425</v>
      </c>
      <c r="E4387">
        <v>50</v>
      </c>
      <c r="F4387" t="s">
        <v>651</v>
      </c>
      <c r="G4387">
        <v>160</v>
      </c>
      <c r="H4387" t="s">
        <v>658</v>
      </c>
      <c r="I4387">
        <v>13755</v>
      </c>
      <c r="J4387" t="s">
        <v>684</v>
      </c>
      <c r="K4387">
        <v>22</v>
      </c>
      <c r="L4387" t="s">
        <v>3370</v>
      </c>
      <c r="M4387">
        <v>949</v>
      </c>
      <c r="N4387" t="s">
        <v>654</v>
      </c>
      <c r="O4387">
        <v>3</v>
      </c>
      <c r="P4387" t="s">
        <v>655</v>
      </c>
      <c r="Q4387">
        <v>1</v>
      </c>
      <c r="R4387" t="s">
        <v>656</v>
      </c>
      <c r="S4387">
        <v>2</v>
      </c>
      <c r="T4387" t="s">
        <v>661</v>
      </c>
      <c r="U4387">
        <v>8</v>
      </c>
      <c r="V4387">
        <v>2</v>
      </c>
      <c r="W4387">
        <v>120</v>
      </c>
      <c r="X4387">
        <v>2020</v>
      </c>
    </row>
    <row r="4388" spans="1:24" x14ac:dyDescent="0.25">
      <c r="A4388">
        <v>6315</v>
      </c>
      <c r="B4388" t="s">
        <v>16</v>
      </c>
      <c r="C4388">
        <v>5</v>
      </c>
      <c r="D4388" t="s">
        <v>425</v>
      </c>
      <c r="E4388">
        <v>50</v>
      </c>
      <c r="F4388" t="s">
        <v>651</v>
      </c>
      <c r="G4388">
        <v>160</v>
      </c>
      <c r="H4388" t="s">
        <v>658</v>
      </c>
      <c r="I4388">
        <v>13755</v>
      </c>
      <c r="J4388" t="s">
        <v>684</v>
      </c>
      <c r="K4388">
        <v>22</v>
      </c>
      <c r="L4388" t="s">
        <v>3371</v>
      </c>
      <c r="M4388">
        <v>948</v>
      </c>
      <c r="N4388" t="s">
        <v>654</v>
      </c>
      <c r="O4388">
        <v>3</v>
      </c>
      <c r="P4388" t="s">
        <v>655</v>
      </c>
      <c r="Q4388">
        <v>1</v>
      </c>
      <c r="R4388" t="s">
        <v>656</v>
      </c>
      <c r="S4388">
        <v>2</v>
      </c>
      <c r="T4388" t="s">
        <v>661</v>
      </c>
      <c r="U4388">
        <v>8</v>
      </c>
      <c r="V4388">
        <v>2</v>
      </c>
      <c r="W4388">
        <v>120</v>
      </c>
      <c r="X4388">
        <v>2020</v>
      </c>
    </row>
    <row r="4389" spans="1:24" x14ac:dyDescent="0.25">
      <c r="A4389">
        <v>6314</v>
      </c>
      <c r="B4389" t="s">
        <v>16</v>
      </c>
      <c r="C4389">
        <v>5</v>
      </c>
      <c r="D4389" t="s">
        <v>425</v>
      </c>
      <c r="E4389">
        <v>50</v>
      </c>
      <c r="F4389" t="s">
        <v>651</v>
      </c>
      <c r="G4389">
        <v>160</v>
      </c>
      <c r="H4389" t="s">
        <v>934</v>
      </c>
      <c r="I4389">
        <v>3452</v>
      </c>
      <c r="J4389" t="s">
        <v>684</v>
      </c>
      <c r="K4389">
        <v>22</v>
      </c>
      <c r="L4389" t="s">
        <v>906</v>
      </c>
      <c r="M4389">
        <v>725</v>
      </c>
      <c r="N4389" t="s">
        <v>654</v>
      </c>
      <c r="O4389">
        <v>3</v>
      </c>
      <c r="P4389" t="s">
        <v>655</v>
      </c>
      <c r="Q4389">
        <v>1</v>
      </c>
      <c r="R4389" t="s">
        <v>656</v>
      </c>
      <c r="S4389">
        <v>2</v>
      </c>
      <c r="T4389" t="s">
        <v>661</v>
      </c>
      <c r="U4389">
        <v>8</v>
      </c>
      <c r="V4389">
        <v>2</v>
      </c>
      <c r="W4389">
        <v>120</v>
      </c>
      <c r="X4389">
        <v>2020</v>
      </c>
    </row>
    <row r="4390" spans="1:24" x14ac:dyDescent="0.25">
      <c r="A4390">
        <v>6313</v>
      </c>
      <c r="B4390" t="s">
        <v>16</v>
      </c>
      <c r="C4390">
        <v>5</v>
      </c>
      <c r="D4390" t="s">
        <v>425</v>
      </c>
      <c r="E4390">
        <v>50</v>
      </c>
      <c r="F4390" t="s">
        <v>651</v>
      </c>
      <c r="G4390">
        <v>160</v>
      </c>
      <c r="H4390" t="s">
        <v>3372</v>
      </c>
      <c r="I4390">
        <v>13386</v>
      </c>
      <c r="J4390" t="s">
        <v>684</v>
      </c>
      <c r="K4390">
        <v>22</v>
      </c>
      <c r="L4390" t="s">
        <v>906</v>
      </c>
      <c r="M4390">
        <v>725</v>
      </c>
      <c r="N4390" t="s">
        <v>654</v>
      </c>
      <c r="O4390">
        <v>3</v>
      </c>
      <c r="P4390" t="s">
        <v>655</v>
      </c>
      <c r="Q4390">
        <v>1</v>
      </c>
      <c r="R4390" t="s">
        <v>656</v>
      </c>
      <c r="S4390">
        <v>2</v>
      </c>
      <c r="T4390" t="s">
        <v>661</v>
      </c>
      <c r="U4390">
        <v>8</v>
      </c>
      <c r="V4390">
        <v>2</v>
      </c>
      <c r="W4390">
        <v>120</v>
      </c>
      <c r="X4390">
        <v>2020</v>
      </c>
    </row>
    <row r="4391" spans="1:24" x14ac:dyDescent="0.25">
      <c r="A4391">
        <v>6312</v>
      </c>
      <c r="B4391" t="s">
        <v>16</v>
      </c>
      <c r="C4391">
        <v>5</v>
      </c>
      <c r="D4391" t="s">
        <v>425</v>
      </c>
      <c r="E4391">
        <v>50</v>
      </c>
      <c r="F4391" t="s">
        <v>651</v>
      </c>
      <c r="G4391">
        <v>160</v>
      </c>
      <c r="H4391" t="s">
        <v>658</v>
      </c>
      <c r="I4391">
        <v>13755</v>
      </c>
      <c r="J4391" t="s">
        <v>684</v>
      </c>
      <c r="K4391">
        <v>22</v>
      </c>
      <c r="L4391" t="s">
        <v>3373</v>
      </c>
      <c r="M4391">
        <v>947</v>
      </c>
      <c r="N4391" t="s">
        <v>654</v>
      </c>
      <c r="O4391">
        <v>3</v>
      </c>
      <c r="P4391" t="s">
        <v>655</v>
      </c>
      <c r="Q4391">
        <v>1</v>
      </c>
      <c r="R4391" t="s">
        <v>656</v>
      </c>
      <c r="S4391">
        <v>2</v>
      </c>
      <c r="T4391" t="s">
        <v>661</v>
      </c>
      <c r="U4391">
        <v>8</v>
      </c>
      <c r="V4391">
        <v>2</v>
      </c>
      <c r="W4391">
        <v>120</v>
      </c>
      <c r="X4391">
        <v>2020</v>
      </c>
    </row>
    <row r="4392" spans="1:24" x14ac:dyDescent="0.25">
      <c r="A4392">
        <v>6310</v>
      </c>
      <c r="B4392" t="s">
        <v>16</v>
      </c>
      <c r="C4392">
        <v>5</v>
      </c>
      <c r="D4392" t="s">
        <v>425</v>
      </c>
      <c r="E4392">
        <v>50</v>
      </c>
      <c r="F4392" t="s">
        <v>651</v>
      </c>
      <c r="G4392">
        <v>160</v>
      </c>
      <c r="H4392" t="s">
        <v>658</v>
      </c>
      <c r="I4392">
        <v>13755</v>
      </c>
      <c r="J4392" t="s">
        <v>684</v>
      </c>
      <c r="K4392">
        <v>22</v>
      </c>
      <c r="L4392" t="s">
        <v>906</v>
      </c>
      <c r="M4392">
        <v>725</v>
      </c>
      <c r="N4392" t="s">
        <v>654</v>
      </c>
      <c r="O4392">
        <v>3</v>
      </c>
      <c r="P4392" t="s">
        <v>746</v>
      </c>
      <c r="Q4392">
        <v>2</v>
      </c>
      <c r="R4392" t="s">
        <v>656</v>
      </c>
      <c r="S4392">
        <v>2</v>
      </c>
      <c r="T4392" t="s">
        <v>661</v>
      </c>
      <c r="U4392">
        <v>8</v>
      </c>
      <c r="V4392">
        <v>2</v>
      </c>
      <c r="W4392">
        <v>120</v>
      </c>
      <c r="X4392">
        <v>2020</v>
      </c>
    </row>
    <row r="4393" spans="1:24" x14ac:dyDescent="0.25">
      <c r="A4393">
        <v>6308</v>
      </c>
      <c r="B4393" t="s">
        <v>16</v>
      </c>
      <c r="C4393">
        <v>5</v>
      </c>
      <c r="D4393" t="s">
        <v>425</v>
      </c>
      <c r="E4393">
        <v>50</v>
      </c>
      <c r="F4393" t="s">
        <v>651</v>
      </c>
      <c r="G4393">
        <v>160</v>
      </c>
      <c r="H4393" t="s">
        <v>658</v>
      </c>
      <c r="I4393">
        <v>13755</v>
      </c>
      <c r="J4393" t="s">
        <v>684</v>
      </c>
      <c r="K4393">
        <v>22</v>
      </c>
      <c r="L4393" t="s">
        <v>3374</v>
      </c>
      <c r="M4393">
        <v>944</v>
      </c>
      <c r="N4393" t="s">
        <v>654</v>
      </c>
      <c r="O4393">
        <v>3</v>
      </c>
      <c r="P4393" t="s">
        <v>655</v>
      </c>
      <c r="Q4393">
        <v>1</v>
      </c>
      <c r="R4393" t="s">
        <v>656</v>
      </c>
      <c r="S4393">
        <v>2</v>
      </c>
      <c r="T4393" t="s">
        <v>661</v>
      </c>
      <c r="U4393">
        <v>8</v>
      </c>
      <c r="V4393">
        <v>2</v>
      </c>
      <c r="W4393">
        <v>120</v>
      </c>
      <c r="X4393">
        <v>2020</v>
      </c>
    </row>
    <row r="4394" spans="1:24" x14ac:dyDescent="0.25">
      <c r="A4394">
        <v>6307</v>
      </c>
      <c r="B4394" t="s">
        <v>16</v>
      </c>
      <c r="C4394">
        <v>5</v>
      </c>
      <c r="D4394" t="s">
        <v>425</v>
      </c>
      <c r="E4394">
        <v>50</v>
      </c>
      <c r="F4394" t="s">
        <v>651</v>
      </c>
      <c r="G4394">
        <v>160</v>
      </c>
      <c r="H4394" t="s">
        <v>658</v>
      </c>
      <c r="I4394">
        <v>13755</v>
      </c>
      <c r="J4394" t="s">
        <v>684</v>
      </c>
      <c r="K4394">
        <v>22</v>
      </c>
      <c r="L4394" t="s">
        <v>3375</v>
      </c>
      <c r="M4394">
        <v>943</v>
      </c>
      <c r="N4394" t="s">
        <v>654</v>
      </c>
      <c r="O4394">
        <v>3</v>
      </c>
      <c r="P4394" t="s">
        <v>655</v>
      </c>
      <c r="Q4394">
        <v>1</v>
      </c>
      <c r="R4394" t="s">
        <v>656</v>
      </c>
      <c r="S4394">
        <v>2</v>
      </c>
      <c r="T4394" t="s">
        <v>661</v>
      </c>
      <c r="U4394">
        <v>8</v>
      </c>
      <c r="V4394">
        <v>2</v>
      </c>
      <c r="W4394">
        <v>120</v>
      </c>
      <c r="X4394">
        <v>2020</v>
      </c>
    </row>
    <row r="4395" spans="1:24" x14ac:dyDescent="0.25">
      <c r="A4395">
        <v>6305</v>
      </c>
      <c r="B4395" t="s">
        <v>16</v>
      </c>
      <c r="C4395">
        <v>5</v>
      </c>
      <c r="D4395" t="s">
        <v>425</v>
      </c>
      <c r="E4395">
        <v>50</v>
      </c>
      <c r="F4395" t="s">
        <v>651</v>
      </c>
      <c r="G4395">
        <v>160</v>
      </c>
      <c r="H4395" t="s">
        <v>658</v>
      </c>
      <c r="I4395">
        <v>13755</v>
      </c>
      <c r="J4395" t="s">
        <v>684</v>
      </c>
      <c r="K4395">
        <v>22</v>
      </c>
      <c r="L4395" t="s">
        <v>3376</v>
      </c>
      <c r="M4395">
        <v>941</v>
      </c>
      <c r="N4395" t="s">
        <v>654</v>
      </c>
      <c r="O4395">
        <v>3</v>
      </c>
      <c r="P4395" t="s">
        <v>655</v>
      </c>
      <c r="Q4395">
        <v>1</v>
      </c>
      <c r="R4395" t="s">
        <v>656</v>
      </c>
      <c r="S4395">
        <v>2</v>
      </c>
      <c r="T4395" t="s">
        <v>661</v>
      </c>
      <c r="U4395">
        <v>8</v>
      </c>
      <c r="V4395">
        <v>2</v>
      </c>
      <c r="W4395">
        <v>120</v>
      </c>
      <c r="X4395">
        <v>2020</v>
      </c>
    </row>
    <row r="4396" spans="1:24" x14ac:dyDescent="0.25">
      <c r="A4396">
        <v>6304</v>
      </c>
      <c r="B4396" t="s">
        <v>16</v>
      </c>
      <c r="C4396">
        <v>5</v>
      </c>
      <c r="D4396" t="s">
        <v>425</v>
      </c>
      <c r="E4396">
        <v>50</v>
      </c>
      <c r="F4396" t="s">
        <v>651</v>
      </c>
      <c r="G4396">
        <v>160</v>
      </c>
      <c r="H4396" t="s">
        <v>658</v>
      </c>
      <c r="I4396">
        <v>13755</v>
      </c>
      <c r="J4396" t="s">
        <v>684</v>
      </c>
      <c r="K4396">
        <v>22</v>
      </c>
      <c r="L4396" t="s">
        <v>3377</v>
      </c>
      <c r="M4396">
        <v>940</v>
      </c>
      <c r="N4396" t="s">
        <v>654</v>
      </c>
      <c r="O4396">
        <v>3</v>
      </c>
      <c r="P4396" t="s">
        <v>655</v>
      </c>
      <c r="Q4396">
        <v>1</v>
      </c>
      <c r="R4396" t="s">
        <v>656</v>
      </c>
      <c r="S4396">
        <v>2</v>
      </c>
      <c r="T4396" t="s">
        <v>661</v>
      </c>
      <c r="U4396">
        <v>8</v>
      </c>
      <c r="V4396">
        <v>2</v>
      </c>
      <c r="W4396">
        <v>120</v>
      </c>
      <c r="X4396">
        <v>2020</v>
      </c>
    </row>
    <row r="4397" spans="1:24" x14ac:dyDescent="0.25">
      <c r="A4397">
        <v>6303</v>
      </c>
      <c r="B4397" t="s">
        <v>16</v>
      </c>
      <c r="C4397">
        <v>5</v>
      </c>
      <c r="D4397" t="s">
        <v>425</v>
      </c>
      <c r="E4397">
        <v>50</v>
      </c>
      <c r="F4397" t="s">
        <v>651</v>
      </c>
      <c r="G4397">
        <v>160</v>
      </c>
      <c r="H4397" t="s">
        <v>658</v>
      </c>
      <c r="I4397">
        <v>13755</v>
      </c>
      <c r="J4397" t="s">
        <v>684</v>
      </c>
      <c r="K4397">
        <v>22</v>
      </c>
      <c r="L4397" t="s">
        <v>3378</v>
      </c>
      <c r="M4397">
        <v>939</v>
      </c>
      <c r="N4397" t="s">
        <v>654</v>
      </c>
      <c r="O4397">
        <v>3</v>
      </c>
      <c r="P4397" t="s">
        <v>655</v>
      </c>
      <c r="Q4397">
        <v>1</v>
      </c>
      <c r="R4397" t="s">
        <v>656</v>
      </c>
      <c r="S4397">
        <v>2</v>
      </c>
      <c r="T4397" t="s">
        <v>661</v>
      </c>
      <c r="U4397">
        <v>8</v>
      </c>
      <c r="V4397">
        <v>2</v>
      </c>
      <c r="W4397">
        <v>120</v>
      </c>
      <c r="X4397">
        <v>2020</v>
      </c>
    </row>
    <row r="4398" spans="1:24" x14ac:dyDescent="0.25">
      <c r="A4398">
        <v>6302</v>
      </c>
      <c r="B4398" t="s">
        <v>16</v>
      </c>
      <c r="C4398">
        <v>5</v>
      </c>
      <c r="D4398" t="s">
        <v>425</v>
      </c>
      <c r="E4398">
        <v>50</v>
      </c>
      <c r="F4398" t="s">
        <v>651</v>
      </c>
      <c r="G4398">
        <v>160</v>
      </c>
      <c r="H4398" t="s">
        <v>658</v>
      </c>
      <c r="I4398">
        <v>13755</v>
      </c>
      <c r="J4398" t="s">
        <v>684</v>
      </c>
      <c r="K4398">
        <v>22</v>
      </c>
      <c r="L4398" t="s">
        <v>3379</v>
      </c>
      <c r="M4398">
        <v>938</v>
      </c>
      <c r="N4398" t="s">
        <v>654</v>
      </c>
      <c r="O4398">
        <v>3</v>
      </c>
      <c r="P4398" t="s">
        <v>655</v>
      </c>
      <c r="Q4398">
        <v>1</v>
      </c>
      <c r="R4398" t="s">
        <v>656</v>
      </c>
      <c r="S4398">
        <v>2</v>
      </c>
      <c r="T4398" t="s">
        <v>661</v>
      </c>
      <c r="U4398">
        <v>8</v>
      </c>
      <c r="V4398">
        <v>2</v>
      </c>
      <c r="W4398">
        <v>120</v>
      </c>
      <c r="X4398">
        <v>2020</v>
      </c>
    </row>
    <row r="4399" spans="1:24" x14ac:dyDescent="0.25">
      <c r="A4399">
        <v>6301</v>
      </c>
      <c r="B4399" t="s">
        <v>16</v>
      </c>
      <c r="C4399">
        <v>5</v>
      </c>
      <c r="D4399" t="s">
        <v>425</v>
      </c>
      <c r="E4399">
        <v>50</v>
      </c>
      <c r="F4399" t="s">
        <v>651</v>
      </c>
      <c r="G4399">
        <v>160</v>
      </c>
      <c r="H4399" t="s">
        <v>658</v>
      </c>
      <c r="I4399">
        <v>13755</v>
      </c>
      <c r="J4399" t="s">
        <v>684</v>
      </c>
      <c r="K4399">
        <v>22</v>
      </c>
      <c r="L4399" t="s">
        <v>2520</v>
      </c>
      <c r="M4399">
        <v>937</v>
      </c>
      <c r="N4399" t="s">
        <v>654</v>
      </c>
      <c r="O4399">
        <v>3</v>
      </c>
      <c r="P4399" t="s">
        <v>655</v>
      </c>
      <c r="Q4399">
        <v>1</v>
      </c>
      <c r="R4399" t="s">
        <v>656</v>
      </c>
      <c r="S4399">
        <v>2</v>
      </c>
      <c r="T4399" t="s">
        <v>661</v>
      </c>
      <c r="U4399">
        <v>8</v>
      </c>
      <c r="V4399">
        <v>2</v>
      </c>
      <c r="W4399">
        <v>120</v>
      </c>
      <c r="X4399">
        <v>2020</v>
      </c>
    </row>
    <row r="4400" spans="1:24" x14ac:dyDescent="0.25">
      <c r="A4400">
        <v>6300</v>
      </c>
      <c r="B4400" t="s">
        <v>16</v>
      </c>
      <c r="C4400">
        <v>5</v>
      </c>
      <c r="D4400" t="s">
        <v>425</v>
      </c>
      <c r="E4400">
        <v>50</v>
      </c>
      <c r="F4400" t="s">
        <v>651</v>
      </c>
      <c r="G4400">
        <v>160</v>
      </c>
      <c r="H4400" t="s">
        <v>658</v>
      </c>
      <c r="I4400">
        <v>13755</v>
      </c>
      <c r="J4400" t="s">
        <v>868</v>
      </c>
      <c r="K4400">
        <v>23</v>
      </c>
      <c r="L4400" t="s">
        <v>3380</v>
      </c>
      <c r="M4400">
        <v>936</v>
      </c>
      <c r="N4400" t="s">
        <v>654</v>
      </c>
      <c r="O4400">
        <v>3</v>
      </c>
      <c r="P4400" t="s">
        <v>655</v>
      </c>
      <c r="Q4400">
        <v>1</v>
      </c>
      <c r="R4400" t="s">
        <v>656</v>
      </c>
      <c r="S4400">
        <v>2</v>
      </c>
      <c r="T4400" t="s">
        <v>661</v>
      </c>
      <c r="U4400">
        <v>8</v>
      </c>
      <c r="V4400">
        <v>2</v>
      </c>
      <c r="W4400">
        <v>120</v>
      </c>
      <c r="X4400">
        <v>2020</v>
      </c>
    </row>
    <row r="4401" spans="1:24" x14ac:dyDescent="0.25">
      <c r="A4401">
        <v>6298</v>
      </c>
      <c r="B4401" t="s">
        <v>16</v>
      </c>
      <c r="C4401">
        <v>5</v>
      </c>
      <c r="D4401" t="s">
        <v>425</v>
      </c>
      <c r="E4401">
        <v>50</v>
      </c>
      <c r="F4401" t="s">
        <v>651</v>
      </c>
      <c r="G4401">
        <v>160</v>
      </c>
      <c r="H4401" t="s">
        <v>658</v>
      </c>
      <c r="I4401">
        <v>13755</v>
      </c>
      <c r="J4401" t="s">
        <v>868</v>
      </c>
      <c r="K4401">
        <v>23</v>
      </c>
      <c r="L4401" t="s">
        <v>3381</v>
      </c>
      <c r="M4401">
        <v>934</v>
      </c>
      <c r="N4401" t="s">
        <v>654</v>
      </c>
      <c r="O4401">
        <v>3</v>
      </c>
      <c r="P4401" t="s">
        <v>655</v>
      </c>
      <c r="Q4401">
        <v>1</v>
      </c>
      <c r="R4401" t="s">
        <v>656</v>
      </c>
      <c r="S4401">
        <v>2</v>
      </c>
      <c r="T4401" t="s">
        <v>661</v>
      </c>
      <c r="U4401">
        <v>8</v>
      </c>
      <c r="V4401">
        <v>2</v>
      </c>
      <c r="W4401">
        <v>120</v>
      </c>
      <c r="X4401">
        <v>2020</v>
      </c>
    </row>
    <row r="4402" spans="1:24" x14ac:dyDescent="0.25">
      <c r="A4402">
        <v>6295</v>
      </c>
      <c r="B4402" t="s">
        <v>16</v>
      </c>
      <c r="C4402">
        <v>5</v>
      </c>
      <c r="D4402" t="s">
        <v>425</v>
      </c>
      <c r="E4402">
        <v>50</v>
      </c>
      <c r="F4402" t="s">
        <v>651</v>
      </c>
      <c r="G4402">
        <v>160</v>
      </c>
      <c r="H4402" t="s">
        <v>658</v>
      </c>
      <c r="I4402">
        <v>13755</v>
      </c>
      <c r="J4402" t="s">
        <v>868</v>
      </c>
      <c r="K4402">
        <v>23</v>
      </c>
      <c r="L4402" t="s">
        <v>1142</v>
      </c>
      <c r="M4402">
        <v>931</v>
      </c>
      <c r="N4402" t="s">
        <v>654</v>
      </c>
      <c r="O4402">
        <v>3</v>
      </c>
      <c r="P4402" t="s">
        <v>655</v>
      </c>
      <c r="Q4402">
        <v>1</v>
      </c>
      <c r="R4402" t="s">
        <v>656</v>
      </c>
      <c r="S4402">
        <v>2</v>
      </c>
      <c r="T4402" t="s">
        <v>661</v>
      </c>
      <c r="U4402">
        <v>8</v>
      </c>
      <c r="V4402">
        <v>2</v>
      </c>
      <c r="W4402">
        <v>120</v>
      </c>
      <c r="X4402">
        <v>2020</v>
      </c>
    </row>
    <row r="4403" spans="1:24" x14ac:dyDescent="0.25">
      <c r="A4403">
        <v>6294</v>
      </c>
      <c r="B4403" t="s">
        <v>16</v>
      </c>
      <c r="C4403">
        <v>5</v>
      </c>
      <c r="D4403" t="s">
        <v>425</v>
      </c>
      <c r="E4403">
        <v>50</v>
      </c>
      <c r="F4403" t="s">
        <v>651</v>
      </c>
      <c r="G4403">
        <v>160</v>
      </c>
      <c r="H4403" t="s">
        <v>658</v>
      </c>
      <c r="I4403">
        <v>13755</v>
      </c>
      <c r="J4403" t="s">
        <v>868</v>
      </c>
      <c r="K4403">
        <v>23</v>
      </c>
      <c r="L4403" t="s">
        <v>3382</v>
      </c>
      <c r="M4403">
        <v>930</v>
      </c>
      <c r="N4403" t="s">
        <v>654</v>
      </c>
      <c r="O4403">
        <v>3</v>
      </c>
      <c r="P4403" t="s">
        <v>655</v>
      </c>
      <c r="Q4403">
        <v>1</v>
      </c>
      <c r="R4403" t="s">
        <v>656</v>
      </c>
      <c r="S4403">
        <v>2</v>
      </c>
      <c r="T4403" t="s">
        <v>661</v>
      </c>
      <c r="U4403">
        <v>8</v>
      </c>
      <c r="V4403">
        <v>2</v>
      </c>
      <c r="W4403">
        <v>120</v>
      </c>
      <c r="X4403">
        <v>2020</v>
      </c>
    </row>
    <row r="4404" spans="1:24" x14ac:dyDescent="0.25">
      <c r="A4404">
        <v>6293</v>
      </c>
      <c r="B4404" t="s">
        <v>16</v>
      </c>
      <c r="C4404">
        <v>5</v>
      </c>
      <c r="D4404" t="s">
        <v>425</v>
      </c>
      <c r="E4404">
        <v>50</v>
      </c>
      <c r="F4404" t="s">
        <v>651</v>
      </c>
      <c r="G4404">
        <v>160</v>
      </c>
      <c r="H4404" t="s">
        <v>658</v>
      </c>
      <c r="I4404">
        <v>13755</v>
      </c>
      <c r="J4404" t="s">
        <v>868</v>
      </c>
      <c r="K4404">
        <v>23</v>
      </c>
      <c r="L4404" t="s">
        <v>2035</v>
      </c>
      <c r="M4404">
        <v>929</v>
      </c>
      <c r="N4404" t="s">
        <v>654</v>
      </c>
      <c r="O4404">
        <v>3</v>
      </c>
      <c r="P4404" t="s">
        <v>655</v>
      </c>
      <c r="Q4404">
        <v>1</v>
      </c>
      <c r="R4404" t="s">
        <v>656</v>
      </c>
      <c r="S4404">
        <v>2</v>
      </c>
      <c r="T4404" t="s">
        <v>661</v>
      </c>
      <c r="U4404">
        <v>8</v>
      </c>
      <c r="V4404">
        <v>2</v>
      </c>
      <c r="W4404">
        <v>120</v>
      </c>
      <c r="X4404">
        <v>2020</v>
      </c>
    </row>
    <row r="4405" spans="1:24" x14ac:dyDescent="0.25">
      <c r="A4405">
        <v>6292</v>
      </c>
      <c r="B4405" t="s">
        <v>16</v>
      </c>
      <c r="C4405">
        <v>5</v>
      </c>
      <c r="D4405" t="s">
        <v>425</v>
      </c>
      <c r="E4405">
        <v>50</v>
      </c>
      <c r="F4405" t="s">
        <v>651</v>
      </c>
      <c r="G4405">
        <v>160</v>
      </c>
      <c r="H4405" t="s">
        <v>658</v>
      </c>
      <c r="I4405">
        <v>13755</v>
      </c>
      <c r="J4405" t="s">
        <v>868</v>
      </c>
      <c r="K4405">
        <v>23</v>
      </c>
      <c r="L4405" t="s">
        <v>3383</v>
      </c>
      <c r="M4405">
        <v>928</v>
      </c>
      <c r="N4405" t="s">
        <v>654</v>
      </c>
      <c r="O4405">
        <v>3</v>
      </c>
      <c r="P4405" t="s">
        <v>655</v>
      </c>
      <c r="Q4405">
        <v>1</v>
      </c>
      <c r="R4405" t="s">
        <v>656</v>
      </c>
      <c r="S4405">
        <v>2</v>
      </c>
      <c r="T4405" t="s">
        <v>661</v>
      </c>
      <c r="U4405">
        <v>8</v>
      </c>
      <c r="V4405">
        <v>2</v>
      </c>
      <c r="W4405">
        <v>120</v>
      </c>
      <c r="X4405">
        <v>2020</v>
      </c>
    </row>
    <row r="4406" spans="1:24" x14ac:dyDescent="0.25">
      <c r="A4406">
        <v>6289</v>
      </c>
      <c r="B4406" t="s">
        <v>16</v>
      </c>
      <c r="C4406">
        <v>5</v>
      </c>
      <c r="D4406" t="s">
        <v>555</v>
      </c>
      <c r="E4406">
        <v>49</v>
      </c>
      <c r="F4406" t="s">
        <v>651</v>
      </c>
      <c r="G4406">
        <v>160</v>
      </c>
      <c r="H4406" t="s">
        <v>658</v>
      </c>
      <c r="I4406">
        <v>13755</v>
      </c>
      <c r="J4406" t="s">
        <v>703</v>
      </c>
      <c r="K4406">
        <v>16</v>
      </c>
      <c r="L4406" t="s">
        <v>3384</v>
      </c>
      <c r="M4406">
        <v>925</v>
      </c>
      <c r="N4406" t="s">
        <v>654</v>
      </c>
      <c r="O4406">
        <v>3</v>
      </c>
      <c r="P4406" t="s">
        <v>655</v>
      </c>
      <c r="Q4406">
        <v>1</v>
      </c>
      <c r="R4406" t="s">
        <v>656</v>
      </c>
      <c r="S4406">
        <v>2</v>
      </c>
      <c r="T4406" t="s">
        <v>718</v>
      </c>
      <c r="U4406">
        <v>2</v>
      </c>
      <c r="V4406">
        <v>2</v>
      </c>
      <c r="W4406">
        <v>120</v>
      </c>
      <c r="X4406">
        <v>2020</v>
      </c>
    </row>
    <row r="4407" spans="1:24" x14ac:dyDescent="0.25">
      <c r="A4407">
        <v>6288</v>
      </c>
      <c r="B4407" t="s">
        <v>16</v>
      </c>
      <c r="C4407">
        <v>5</v>
      </c>
      <c r="D4407" t="s">
        <v>555</v>
      </c>
      <c r="E4407">
        <v>49</v>
      </c>
      <c r="F4407" t="s">
        <v>651</v>
      </c>
      <c r="G4407">
        <v>160</v>
      </c>
      <c r="H4407" t="s">
        <v>658</v>
      </c>
      <c r="I4407">
        <v>13755</v>
      </c>
      <c r="J4407" t="s">
        <v>703</v>
      </c>
      <c r="K4407">
        <v>16</v>
      </c>
      <c r="L4407" t="s">
        <v>3385</v>
      </c>
      <c r="M4407">
        <v>924</v>
      </c>
      <c r="N4407" t="s">
        <v>654</v>
      </c>
      <c r="O4407">
        <v>3</v>
      </c>
      <c r="P4407" t="s">
        <v>655</v>
      </c>
      <c r="Q4407">
        <v>1</v>
      </c>
      <c r="R4407" t="s">
        <v>656</v>
      </c>
      <c r="S4407">
        <v>2</v>
      </c>
      <c r="T4407" t="s">
        <v>661</v>
      </c>
      <c r="U4407">
        <v>8</v>
      </c>
      <c r="V4407">
        <v>2</v>
      </c>
      <c r="W4407">
        <v>120</v>
      </c>
      <c r="X4407">
        <v>2020</v>
      </c>
    </row>
    <row r="4408" spans="1:24" x14ac:dyDescent="0.25">
      <c r="A4408">
        <v>6284</v>
      </c>
      <c r="B4408" t="s">
        <v>16</v>
      </c>
      <c r="C4408">
        <v>5</v>
      </c>
      <c r="D4408" t="s">
        <v>555</v>
      </c>
      <c r="E4408">
        <v>49</v>
      </c>
      <c r="F4408" t="s">
        <v>651</v>
      </c>
      <c r="G4408">
        <v>160</v>
      </c>
      <c r="H4408" t="s">
        <v>658</v>
      </c>
      <c r="I4408">
        <v>13755</v>
      </c>
      <c r="J4408" t="s">
        <v>703</v>
      </c>
      <c r="K4408">
        <v>16</v>
      </c>
      <c r="L4408" t="s">
        <v>1084</v>
      </c>
      <c r="M4408">
        <v>920</v>
      </c>
      <c r="N4408" t="s">
        <v>654</v>
      </c>
      <c r="O4408">
        <v>3</v>
      </c>
      <c r="P4408" t="s">
        <v>655</v>
      </c>
      <c r="Q4408">
        <v>1</v>
      </c>
      <c r="R4408" t="s">
        <v>656</v>
      </c>
      <c r="S4408">
        <v>2</v>
      </c>
      <c r="T4408" t="s">
        <v>661</v>
      </c>
      <c r="U4408">
        <v>8</v>
      </c>
      <c r="V4408">
        <v>2</v>
      </c>
      <c r="W4408">
        <v>120</v>
      </c>
      <c r="X4408">
        <v>2020</v>
      </c>
    </row>
    <row r="4409" spans="1:24" x14ac:dyDescent="0.25">
      <c r="A4409">
        <v>6282</v>
      </c>
      <c r="B4409" t="s">
        <v>16</v>
      </c>
      <c r="C4409">
        <v>5</v>
      </c>
      <c r="D4409" t="s">
        <v>555</v>
      </c>
      <c r="E4409">
        <v>49</v>
      </c>
      <c r="F4409" t="s">
        <v>651</v>
      </c>
      <c r="G4409">
        <v>160</v>
      </c>
      <c r="H4409" t="s">
        <v>658</v>
      </c>
      <c r="I4409">
        <v>13755</v>
      </c>
      <c r="J4409" t="s">
        <v>703</v>
      </c>
      <c r="K4409">
        <v>16</v>
      </c>
      <c r="L4409" t="s">
        <v>3386</v>
      </c>
      <c r="M4409">
        <v>919</v>
      </c>
      <c r="N4409" t="s">
        <v>654</v>
      </c>
      <c r="O4409">
        <v>3</v>
      </c>
      <c r="P4409" t="s">
        <v>655</v>
      </c>
      <c r="Q4409">
        <v>1</v>
      </c>
      <c r="R4409" t="s">
        <v>656</v>
      </c>
      <c r="S4409">
        <v>2</v>
      </c>
      <c r="T4409" t="s">
        <v>661</v>
      </c>
      <c r="U4409">
        <v>8</v>
      </c>
      <c r="V4409">
        <v>2</v>
      </c>
      <c r="W4409">
        <v>120</v>
      </c>
      <c r="X4409">
        <v>2020</v>
      </c>
    </row>
    <row r="4410" spans="1:24" x14ac:dyDescent="0.25">
      <c r="A4410">
        <v>6281</v>
      </c>
      <c r="B4410" t="s">
        <v>16</v>
      </c>
      <c r="C4410">
        <v>5</v>
      </c>
      <c r="D4410" t="s">
        <v>555</v>
      </c>
      <c r="E4410">
        <v>49</v>
      </c>
      <c r="F4410" t="s">
        <v>651</v>
      </c>
      <c r="G4410">
        <v>160</v>
      </c>
      <c r="H4410" t="s">
        <v>658</v>
      </c>
      <c r="I4410">
        <v>13755</v>
      </c>
      <c r="J4410" t="s">
        <v>703</v>
      </c>
      <c r="K4410">
        <v>16</v>
      </c>
      <c r="L4410" t="s">
        <v>3387</v>
      </c>
      <c r="M4410">
        <v>918</v>
      </c>
      <c r="N4410" t="s">
        <v>654</v>
      </c>
      <c r="O4410">
        <v>3</v>
      </c>
      <c r="P4410" t="s">
        <v>655</v>
      </c>
      <c r="Q4410">
        <v>1</v>
      </c>
      <c r="R4410" t="s">
        <v>656</v>
      </c>
      <c r="S4410">
        <v>2</v>
      </c>
      <c r="T4410" t="s">
        <v>661</v>
      </c>
      <c r="U4410">
        <v>8</v>
      </c>
      <c r="V4410">
        <v>2</v>
      </c>
      <c r="W4410">
        <v>120</v>
      </c>
      <c r="X4410">
        <v>2020</v>
      </c>
    </row>
    <row r="4411" spans="1:24" x14ac:dyDescent="0.25">
      <c r="A4411">
        <v>6280</v>
      </c>
      <c r="B4411" t="s">
        <v>16</v>
      </c>
      <c r="C4411">
        <v>5</v>
      </c>
      <c r="D4411" t="s">
        <v>555</v>
      </c>
      <c r="E4411">
        <v>49</v>
      </c>
      <c r="F4411" t="s">
        <v>651</v>
      </c>
      <c r="G4411">
        <v>160</v>
      </c>
      <c r="H4411" t="s">
        <v>658</v>
      </c>
      <c r="I4411">
        <v>13755</v>
      </c>
      <c r="J4411" t="s">
        <v>703</v>
      </c>
      <c r="K4411">
        <v>16</v>
      </c>
      <c r="L4411" t="s">
        <v>1955</v>
      </c>
      <c r="M4411">
        <v>917</v>
      </c>
      <c r="N4411" t="s">
        <v>654</v>
      </c>
      <c r="O4411">
        <v>3</v>
      </c>
      <c r="P4411" t="s">
        <v>655</v>
      </c>
      <c r="Q4411">
        <v>1</v>
      </c>
      <c r="R4411" t="s">
        <v>656</v>
      </c>
      <c r="S4411">
        <v>2</v>
      </c>
      <c r="T4411" t="s">
        <v>661</v>
      </c>
      <c r="U4411">
        <v>8</v>
      </c>
      <c r="V4411">
        <v>2</v>
      </c>
      <c r="W4411">
        <v>120</v>
      </c>
      <c r="X4411">
        <v>2020</v>
      </c>
    </row>
    <row r="4412" spans="1:24" x14ac:dyDescent="0.25">
      <c r="A4412">
        <v>6279</v>
      </c>
      <c r="B4412" t="s">
        <v>16</v>
      </c>
      <c r="C4412">
        <v>5</v>
      </c>
      <c r="D4412" t="s">
        <v>555</v>
      </c>
      <c r="E4412">
        <v>49</v>
      </c>
      <c r="F4412" t="s">
        <v>651</v>
      </c>
      <c r="G4412">
        <v>160</v>
      </c>
      <c r="H4412" t="s">
        <v>658</v>
      </c>
      <c r="I4412">
        <v>13755</v>
      </c>
      <c r="J4412" t="s">
        <v>703</v>
      </c>
      <c r="K4412">
        <v>16</v>
      </c>
      <c r="L4412" t="s">
        <v>3388</v>
      </c>
      <c r="M4412">
        <v>916</v>
      </c>
      <c r="N4412" t="s">
        <v>654</v>
      </c>
      <c r="O4412">
        <v>3</v>
      </c>
      <c r="P4412" t="s">
        <v>655</v>
      </c>
      <c r="Q4412">
        <v>1</v>
      </c>
      <c r="R4412" t="s">
        <v>656</v>
      </c>
      <c r="S4412">
        <v>2</v>
      </c>
      <c r="T4412" t="s">
        <v>661</v>
      </c>
      <c r="U4412">
        <v>8</v>
      </c>
      <c r="V4412">
        <v>2</v>
      </c>
      <c r="W4412">
        <v>120</v>
      </c>
      <c r="X4412">
        <v>2020</v>
      </c>
    </row>
    <row r="4413" spans="1:24" x14ac:dyDescent="0.25">
      <c r="A4413">
        <v>6277</v>
      </c>
      <c r="B4413" t="s">
        <v>16</v>
      </c>
      <c r="C4413">
        <v>5</v>
      </c>
      <c r="D4413" t="s">
        <v>555</v>
      </c>
      <c r="E4413">
        <v>49</v>
      </c>
      <c r="F4413" t="s">
        <v>651</v>
      </c>
      <c r="G4413">
        <v>160</v>
      </c>
      <c r="H4413" t="s">
        <v>658</v>
      </c>
      <c r="I4413">
        <v>13755</v>
      </c>
      <c r="J4413" t="s">
        <v>703</v>
      </c>
      <c r="K4413">
        <v>16</v>
      </c>
      <c r="L4413" t="s">
        <v>1913</v>
      </c>
      <c r="M4413">
        <v>914</v>
      </c>
      <c r="N4413" t="s">
        <v>654</v>
      </c>
      <c r="O4413">
        <v>3</v>
      </c>
      <c r="P4413" t="s">
        <v>655</v>
      </c>
      <c r="Q4413">
        <v>1</v>
      </c>
      <c r="R4413" t="s">
        <v>656</v>
      </c>
      <c r="S4413">
        <v>2</v>
      </c>
      <c r="T4413" t="s">
        <v>661</v>
      </c>
      <c r="U4413">
        <v>8</v>
      </c>
      <c r="V4413">
        <v>2</v>
      </c>
      <c r="W4413">
        <v>120</v>
      </c>
      <c r="X4413">
        <v>2020</v>
      </c>
    </row>
    <row r="4414" spans="1:24" x14ac:dyDescent="0.25">
      <c r="A4414">
        <v>6276</v>
      </c>
      <c r="B4414" t="s">
        <v>16</v>
      </c>
      <c r="C4414">
        <v>5</v>
      </c>
      <c r="D4414" t="s">
        <v>555</v>
      </c>
      <c r="E4414">
        <v>49</v>
      </c>
      <c r="F4414" t="s">
        <v>651</v>
      </c>
      <c r="G4414">
        <v>160</v>
      </c>
      <c r="H4414" t="s">
        <v>658</v>
      </c>
      <c r="I4414">
        <v>13755</v>
      </c>
      <c r="J4414" t="s">
        <v>703</v>
      </c>
      <c r="K4414">
        <v>16</v>
      </c>
      <c r="L4414" t="s">
        <v>3389</v>
      </c>
      <c r="M4414">
        <v>913</v>
      </c>
      <c r="N4414" t="s">
        <v>654</v>
      </c>
      <c r="O4414">
        <v>3</v>
      </c>
      <c r="P4414" t="s">
        <v>655</v>
      </c>
      <c r="Q4414">
        <v>1</v>
      </c>
      <c r="R4414" t="s">
        <v>656</v>
      </c>
      <c r="S4414">
        <v>2</v>
      </c>
      <c r="T4414" t="s">
        <v>661</v>
      </c>
      <c r="U4414">
        <v>8</v>
      </c>
      <c r="V4414">
        <v>2</v>
      </c>
      <c r="W4414">
        <v>120</v>
      </c>
      <c r="X4414">
        <v>2020</v>
      </c>
    </row>
    <row r="4415" spans="1:24" x14ac:dyDescent="0.25">
      <c r="A4415">
        <v>6269</v>
      </c>
      <c r="B4415" t="s">
        <v>16</v>
      </c>
      <c r="C4415">
        <v>5</v>
      </c>
      <c r="D4415" t="s">
        <v>458</v>
      </c>
      <c r="E4415">
        <v>48</v>
      </c>
      <c r="F4415" t="s">
        <v>651</v>
      </c>
      <c r="G4415">
        <v>160</v>
      </c>
      <c r="H4415" t="s">
        <v>658</v>
      </c>
      <c r="I4415">
        <v>13755</v>
      </c>
      <c r="J4415" t="s">
        <v>885</v>
      </c>
      <c r="K4415">
        <v>1</v>
      </c>
      <c r="L4415" t="s">
        <v>3390</v>
      </c>
      <c r="M4415">
        <v>906</v>
      </c>
      <c r="N4415" t="s">
        <v>654</v>
      </c>
      <c r="O4415">
        <v>3</v>
      </c>
      <c r="P4415" t="s">
        <v>655</v>
      </c>
      <c r="Q4415">
        <v>1</v>
      </c>
      <c r="R4415" t="s">
        <v>656</v>
      </c>
      <c r="S4415">
        <v>2</v>
      </c>
      <c r="T4415" t="s">
        <v>661</v>
      </c>
      <c r="U4415">
        <v>8</v>
      </c>
      <c r="V4415">
        <v>2</v>
      </c>
      <c r="W4415">
        <v>120</v>
      </c>
      <c r="X4415">
        <v>2020</v>
      </c>
    </row>
    <row r="4416" spans="1:24" x14ac:dyDescent="0.25">
      <c r="A4416">
        <v>6262</v>
      </c>
      <c r="B4416" t="s">
        <v>16</v>
      </c>
      <c r="C4416">
        <v>5</v>
      </c>
      <c r="D4416" t="s">
        <v>458</v>
      </c>
      <c r="E4416">
        <v>48</v>
      </c>
      <c r="F4416" t="s">
        <v>651</v>
      </c>
      <c r="G4416">
        <v>160</v>
      </c>
      <c r="H4416" t="s">
        <v>658</v>
      </c>
      <c r="I4416">
        <v>13755</v>
      </c>
      <c r="J4416" t="s">
        <v>676</v>
      </c>
      <c r="K4416">
        <v>4</v>
      </c>
      <c r="L4416" t="s">
        <v>2635</v>
      </c>
      <c r="M4416">
        <v>899</v>
      </c>
      <c r="N4416" t="s">
        <v>654</v>
      </c>
      <c r="O4416">
        <v>3</v>
      </c>
      <c r="P4416" t="s">
        <v>655</v>
      </c>
      <c r="Q4416">
        <v>1</v>
      </c>
      <c r="R4416" t="s">
        <v>656</v>
      </c>
      <c r="S4416">
        <v>2</v>
      </c>
      <c r="T4416" t="s">
        <v>661</v>
      </c>
      <c r="U4416">
        <v>8</v>
      </c>
      <c r="V4416">
        <v>2</v>
      </c>
      <c r="W4416">
        <v>120</v>
      </c>
      <c r="X4416">
        <v>2020</v>
      </c>
    </row>
    <row r="4417" spans="1:24" x14ac:dyDescent="0.25">
      <c r="A4417">
        <v>6260</v>
      </c>
      <c r="B4417" t="s">
        <v>16</v>
      </c>
      <c r="C4417">
        <v>5</v>
      </c>
      <c r="D4417" t="s">
        <v>458</v>
      </c>
      <c r="E4417">
        <v>48</v>
      </c>
      <c r="F4417" t="s">
        <v>651</v>
      </c>
      <c r="G4417">
        <v>160</v>
      </c>
      <c r="H4417" t="s">
        <v>658</v>
      </c>
      <c r="I4417">
        <v>13755</v>
      </c>
      <c r="J4417" t="s">
        <v>676</v>
      </c>
      <c r="K4417">
        <v>4</v>
      </c>
      <c r="L4417" t="s">
        <v>994</v>
      </c>
      <c r="M4417">
        <v>897</v>
      </c>
      <c r="N4417" t="s">
        <v>654</v>
      </c>
      <c r="O4417">
        <v>3</v>
      </c>
      <c r="P4417" t="s">
        <v>655</v>
      </c>
      <c r="Q4417">
        <v>1</v>
      </c>
      <c r="R4417" t="s">
        <v>656</v>
      </c>
      <c r="S4417">
        <v>2</v>
      </c>
      <c r="T4417" t="s">
        <v>661</v>
      </c>
      <c r="U4417">
        <v>8</v>
      </c>
      <c r="V4417">
        <v>2</v>
      </c>
      <c r="W4417">
        <v>120</v>
      </c>
      <c r="X4417">
        <v>2020</v>
      </c>
    </row>
    <row r="4418" spans="1:24" x14ac:dyDescent="0.25">
      <c r="A4418">
        <v>6259</v>
      </c>
      <c r="B4418" t="s">
        <v>16</v>
      </c>
      <c r="C4418">
        <v>5</v>
      </c>
      <c r="D4418" t="s">
        <v>458</v>
      </c>
      <c r="E4418">
        <v>48</v>
      </c>
      <c r="F4418" t="s">
        <v>651</v>
      </c>
      <c r="G4418">
        <v>160</v>
      </c>
      <c r="H4418" t="s">
        <v>658</v>
      </c>
      <c r="I4418">
        <v>13755</v>
      </c>
      <c r="J4418" t="s">
        <v>676</v>
      </c>
      <c r="K4418">
        <v>4</v>
      </c>
      <c r="L4418" t="s">
        <v>2198</v>
      </c>
      <c r="M4418">
        <v>896</v>
      </c>
      <c r="N4418" t="s">
        <v>654</v>
      </c>
      <c r="O4418">
        <v>3</v>
      </c>
      <c r="P4418" t="s">
        <v>655</v>
      </c>
      <c r="Q4418">
        <v>1</v>
      </c>
      <c r="R4418" t="s">
        <v>656</v>
      </c>
      <c r="S4418">
        <v>2</v>
      </c>
      <c r="T4418" t="s">
        <v>661</v>
      </c>
      <c r="U4418">
        <v>8</v>
      </c>
      <c r="V4418">
        <v>2</v>
      </c>
      <c r="W4418">
        <v>120</v>
      </c>
      <c r="X4418">
        <v>2020</v>
      </c>
    </row>
    <row r="4419" spans="1:24" x14ac:dyDescent="0.25">
      <c r="A4419">
        <v>6255</v>
      </c>
      <c r="B4419" t="s">
        <v>16</v>
      </c>
      <c r="C4419">
        <v>5</v>
      </c>
      <c r="D4419" t="s">
        <v>439</v>
      </c>
      <c r="E4419">
        <v>47</v>
      </c>
      <c r="F4419" t="s">
        <v>651</v>
      </c>
      <c r="G4419">
        <v>160</v>
      </c>
      <c r="H4419" t="s">
        <v>658</v>
      </c>
      <c r="I4419">
        <v>13755</v>
      </c>
      <c r="J4419" t="s">
        <v>895</v>
      </c>
      <c r="K4419">
        <v>13</v>
      </c>
      <c r="L4419" t="s">
        <v>3391</v>
      </c>
      <c r="M4419">
        <v>893</v>
      </c>
      <c r="N4419" t="s">
        <v>654</v>
      </c>
      <c r="O4419">
        <v>3</v>
      </c>
      <c r="P4419" t="s">
        <v>655</v>
      </c>
      <c r="Q4419">
        <v>1</v>
      </c>
      <c r="R4419" t="s">
        <v>656</v>
      </c>
      <c r="S4419">
        <v>2</v>
      </c>
      <c r="T4419" t="s">
        <v>661</v>
      </c>
      <c r="U4419">
        <v>8</v>
      </c>
      <c r="V4419">
        <v>2</v>
      </c>
      <c r="W4419">
        <v>120</v>
      </c>
      <c r="X4419">
        <v>2020</v>
      </c>
    </row>
    <row r="4420" spans="1:24" x14ac:dyDescent="0.25">
      <c r="A4420">
        <v>6254</v>
      </c>
      <c r="B4420" t="s">
        <v>16</v>
      </c>
      <c r="C4420">
        <v>5</v>
      </c>
      <c r="D4420" t="s">
        <v>439</v>
      </c>
      <c r="E4420">
        <v>47</v>
      </c>
      <c r="F4420" t="s">
        <v>651</v>
      </c>
      <c r="G4420">
        <v>160</v>
      </c>
      <c r="H4420" t="s">
        <v>658</v>
      </c>
      <c r="I4420">
        <v>13755</v>
      </c>
      <c r="J4420" t="s">
        <v>895</v>
      </c>
      <c r="K4420">
        <v>13</v>
      </c>
      <c r="L4420" t="s">
        <v>3392</v>
      </c>
      <c r="M4420">
        <v>892</v>
      </c>
      <c r="N4420" t="s">
        <v>654</v>
      </c>
      <c r="O4420">
        <v>3</v>
      </c>
      <c r="P4420" t="s">
        <v>655</v>
      </c>
      <c r="Q4420">
        <v>1</v>
      </c>
      <c r="R4420" t="s">
        <v>656</v>
      </c>
      <c r="S4420">
        <v>2</v>
      </c>
      <c r="T4420" t="s">
        <v>661</v>
      </c>
      <c r="U4420">
        <v>8</v>
      </c>
      <c r="V4420">
        <v>2</v>
      </c>
      <c r="W4420">
        <v>120</v>
      </c>
      <c r="X4420">
        <v>2020</v>
      </c>
    </row>
    <row r="4421" spans="1:24" x14ac:dyDescent="0.25">
      <c r="A4421">
        <v>6253</v>
      </c>
      <c r="B4421" t="s">
        <v>16</v>
      </c>
      <c r="C4421">
        <v>5</v>
      </c>
      <c r="D4421" t="s">
        <v>426</v>
      </c>
      <c r="E4421">
        <v>46</v>
      </c>
      <c r="F4421" t="s">
        <v>651</v>
      </c>
      <c r="G4421">
        <v>160</v>
      </c>
      <c r="H4421" t="s">
        <v>658</v>
      </c>
      <c r="I4421">
        <v>13755</v>
      </c>
      <c r="J4421" t="s">
        <v>895</v>
      </c>
      <c r="K4421">
        <v>13</v>
      </c>
      <c r="L4421" t="s">
        <v>3393</v>
      </c>
      <c r="M4421">
        <v>891</v>
      </c>
      <c r="N4421" t="s">
        <v>654</v>
      </c>
      <c r="O4421">
        <v>3</v>
      </c>
      <c r="P4421" t="s">
        <v>655</v>
      </c>
      <c r="Q4421">
        <v>1</v>
      </c>
      <c r="R4421" t="s">
        <v>656</v>
      </c>
      <c r="S4421">
        <v>2</v>
      </c>
      <c r="T4421" t="s">
        <v>661</v>
      </c>
      <c r="U4421">
        <v>8</v>
      </c>
      <c r="V4421">
        <v>2</v>
      </c>
      <c r="W4421">
        <v>120</v>
      </c>
      <c r="X4421">
        <v>2020</v>
      </c>
    </row>
    <row r="4422" spans="1:24" x14ac:dyDescent="0.25">
      <c r="A4422">
        <v>6252</v>
      </c>
      <c r="B4422" t="s">
        <v>16</v>
      </c>
      <c r="C4422">
        <v>5</v>
      </c>
      <c r="D4422" t="s">
        <v>426</v>
      </c>
      <c r="E4422">
        <v>46</v>
      </c>
      <c r="F4422" t="s">
        <v>651</v>
      </c>
      <c r="G4422">
        <v>160</v>
      </c>
      <c r="H4422" t="s">
        <v>658</v>
      </c>
      <c r="I4422">
        <v>13755</v>
      </c>
      <c r="J4422" t="s">
        <v>895</v>
      </c>
      <c r="K4422">
        <v>13</v>
      </c>
      <c r="L4422" t="s">
        <v>3394</v>
      </c>
      <c r="M4422">
        <v>890</v>
      </c>
      <c r="N4422" t="s">
        <v>654</v>
      </c>
      <c r="O4422">
        <v>3</v>
      </c>
      <c r="P4422" t="s">
        <v>655</v>
      </c>
      <c r="Q4422">
        <v>1</v>
      </c>
      <c r="R4422" t="s">
        <v>656</v>
      </c>
      <c r="S4422">
        <v>2</v>
      </c>
      <c r="T4422" t="s">
        <v>661</v>
      </c>
      <c r="U4422">
        <v>8</v>
      </c>
      <c r="V4422">
        <v>2</v>
      </c>
      <c r="W4422">
        <v>120</v>
      </c>
      <c r="X4422">
        <v>2020</v>
      </c>
    </row>
    <row r="4423" spans="1:24" x14ac:dyDescent="0.25">
      <c r="A4423">
        <v>6251</v>
      </c>
      <c r="B4423" t="s">
        <v>16</v>
      </c>
      <c r="C4423">
        <v>5</v>
      </c>
      <c r="D4423" t="s">
        <v>426</v>
      </c>
      <c r="E4423">
        <v>46</v>
      </c>
      <c r="F4423" t="s">
        <v>651</v>
      </c>
      <c r="G4423">
        <v>160</v>
      </c>
      <c r="H4423" t="s">
        <v>658</v>
      </c>
      <c r="I4423">
        <v>13755</v>
      </c>
      <c r="J4423" t="s">
        <v>895</v>
      </c>
      <c r="K4423">
        <v>13</v>
      </c>
      <c r="L4423" t="s">
        <v>3395</v>
      </c>
      <c r="M4423">
        <v>889</v>
      </c>
      <c r="N4423" t="s">
        <v>654</v>
      </c>
      <c r="O4423">
        <v>3</v>
      </c>
      <c r="P4423" t="s">
        <v>655</v>
      </c>
      <c r="Q4423">
        <v>1</v>
      </c>
      <c r="R4423" t="s">
        <v>656</v>
      </c>
      <c r="S4423">
        <v>2</v>
      </c>
      <c r="T4423" t="s">
        <v>661</v>
      </c>
      <c r="U4423">
        <v>8</v>
      </c>
      <c r="V4423">
        <v>2</v>
      </c>
      <c r="W4423">
        <v>120</v>
      </c>
      <c r="X4423">
        <v>2020</v>
      </c>
    </row>
    <row r="4424" spans="1:24" x14ac:dyDescent="0.25">
      <c r="A4424">
        <v>6250</v>
      </c>
      <c r="B4424" t="s">
        <v>16</v>
      </c>
      <c r="C4424">
        <v>5</v>
      </c>
      <c r="D4424" t="s">
        <v>426</v>
      </c>
      <c r="E4424">
        <v>46</v>
      </c>
      <c r="F4424" t="s">
        <v>651</v>
      </c>
      <c r="G4424">
        <v>160</v>
      </c>
      <c r="H4424" t="s">
        <v>658</v>
      </c>
      <c r="I4424">
        <v>13755</v>
      </c>
      <c r="J4424" t="s">
        <v>663</v>
      </c>
      <c r="K4424">
        <v>99</v>
      </c>
      <c r="L4424" t="s">
        <v>3396</v>
      </c>
      <c r="M4424">
        <v>888</v>
      </c>
      <c r="N4424" t="s">
        <v>654</v>
      </c>
      <c r="O4424">
        <v>3</v>
      </c>
      <c r="P4424" t="s">
        <v>655</v>
      </c>
      <c r="Q4424">
        <v>1</v>
      </c>
      <c r="R4424" t="s">
        <v>656</v>
      </c>
      <c r="S4424">
        <v>2</v>
      </c>
      <c r="T4424" t="s">
        <v>661</v>
      </c>
      <c r="U4424">
        <v>8</v>
      </c>
      <c r="V4424">
        <v>2</v>
      </c>
      <c r="W4424">
        <v>120</v>
      </c>
      <c r="X4424">
        <v>2020</v>
      </c>
    </row>
    <row r="4425" spans="1:24" x14ac:dyDescent="0.25">
      <c r="A4425">
        <v>6249</v>
      </c>
      <c r="B4425" t="s">
        <v>16</v>
      </c>
      <c r="C4425">
        <v>5</v>
      </c>
      <c r="D4425" t="s">
        <v>426</v>
      </c>
      <c r="E4425">
        <v>46</v>
      </c>
      <c r="F4425" t="s">
        <v>651</v>
      </c>
      <c r="G4425">
        <v>160</v>
      </c>
      <c r="H4425" t="s">
        <v>658</v>
      </c>
      <c r="I4425">
        <v>13755</v>
      </c>
      <c r="J4425" t="s">
        <v>663</v>
      </c>
      <c r="K4425">
        <v>99</v>
      </c>
      <c r="L4425" t="s">
        <v>3397</v>
      </c>
      <c r="M4425">
        <v>887</v>
      </c>
      <c r="N4425" t="s">
        <v>654</v>
      </c>
      <c r="O4425">
        <v>3</v>
      </c>
      <c r="P4425" t="s">
        <v>655</v>
      </c>
      <c r="Q4425">
        <v>1</v>
      </c>
      <c r="R4425" t="s">
        <v>656</v>
      </c>
      <c r="S4425">
        <v>2</v>
      </c>
      <c r="T4425" t="s">
        <v>661</v>
      </c>
      <c r="U4425">
        <v>8</v>
      </c>
      <c r="V4425">
        <v>2</v>
      </c>
      <c r="W4425">
        <v>120</v>
      </c>
      <c r="X4425">
        <v>2020</v>
      </c>
    </row>
    <row r="4426" spans="1:24" x14ac:dyDescent="0.25">
      <c r="A4426">
        <v>6248</v>
      </c>
      <c r="B4426" t="s">
        <v>16</v>
      </c>
      <c r="C4426">
        <v>5</v>
      </c>
      <c r="D4426" t="s">
        <v>439</v>
      </c>
      <c r="E4426">
        <v>47</v>
      </c>
      <c r="F4426" t="s">
        <v>651</v>
      </c>
      <c r="G4426">
        <v>160</v>
      </c>
      <c r="H4426" t="s">
        <v>658</v>
      </c>
      <c r="I4426">
        <v>13755</v>
      </c>
      <c r="J4426" t="s">
        <v>663</v>
      </c>
      <c r="K4426">
        <v>99</v>
      </c>
      <c r="L4426" t="s">
        <v>3398</v>
      </c>
      <c r="M4426">
        <v>886</v>
      </c>
      <c r="N4426" t="s">
        <v>654</v>
      </c>
      <c r="O4426">
        <v>3</v>
      </c>
      <c r="P4426" t="s">
        <v>655</v>
      </c>
      <c r="Q4426">
        <v>1</v>
      </c>
      <c r="R4426" t="s">
        <v>656</v>
      </c>
      <c r="S4426">
        <v>2</v>
      </c>
      <c r="T4426" t="s">
        <v>661</v>
      </c>
      <c r="U4426">
        <v>8</v>
      </c>
      <c r="V4426">
        <v>2</v>
      </c>
      <c r="W4426">
        <v>120</v>
      </c>
      <c r="X4426">
        <v>2020</v>
      </c>
    </row>
    <row r="4427" spans="1:24" x14ac:dyDescent="0.25">
      <c r="A4427">
        <v>6247</v>
      </c>
      <c r="B4427" t="s">
        <v>16</v>
      </c>
      <c r="C4427">
        <v>5</v>
      </c>
      <c r="D4427" t="s">
        <v>439</v>
      </c>
      <c r="E4427">
        <v>47</v>
      </c>
      <c r="F4427" t="s">
        <v>651</v>
      </c>
      <c r="G4427">
        <v>160</v>
      </c>
      <c r="H4427" t="s">
        <v>658</v>
      </c>
      <c r="I4427">
        <v>13755</v>
      </c>
      <c r="J4427" t="s">
        <v>663</v>
      </c>
      <c r="K4427">
        <v>99</v>
      </c>
      <c r="L4427" t="s">
        <v>3399</v>
      </c>
      <c r="M4427">
        <v>885</v>
      </c>
      <c r="N4427" t="s">
        <v>654</v>
      </c>
      <c r="O4427">
        <v>3</v>
      </c>
      <c r="P4427" t="s">
        <v>655</v>
      </c>
      <c r="Q4427">
        <v>1</v>
      </c>
      <c r="R4427" t="s">
        <v>656</v>
      </c>
      <c r="S4427">
        <v>2</v>
      </c>
      <c r="T4427" t="s">
        <v>661</v>
      </c>
      <c r="U4427">
        <v>8</v>
      </c>
      <c r="V4427">
        <v>2</v>
      </c>
      <c r="W4427">
        <v>120</v>
      </c>
      <c r="X4427">
        <v>2020</v>
      </c>
    </row>
    <row r="4428" spans="1:24" x14ac:dyDescent="0.25">
      <c r="A4428">
        <v>6246</v>
      </c>
      <c r="B4428" t="s">
        <v>16</v>
      </c>
      <c r="C4428">
        <v>5</v>
      </c>
      <c r="D4428" t="s">
        <v>439</v>
      </c>
      <c r="E4428">
        <v>47</v>
      </c>
      <c r="F4428" t="s">
        <v>651</v>
      </c>
      <c r="G4428">
        <v>160</v>
      </c>
      <c r="H4428" t="s">
        <v>658</v>
      </c>
      <c r="I4428">
        <v>13755</v>
      </c>
      <c r="J4428" t="s">
        <v>663</v>
      </c>
      <c r="K4428">
        <v>99</v>
      </c>
      <c r="L4428" t="s">
        <v>3400</v>
      </c>
      <c r="M4428">
        <v>884</v>
      </c>
      <c r="N4428" t="s">
        <v>654</v>
      </c>
      <c r="O4428">
        <v>3</v>
      </c>
      <c r="P4428" t="s">
        <v>655</v>
      </c>
      <c r="Q4428">
        <v>1</v>
      </c>
      <c r="R4428" t="s">
        <v>656</v>
      </c>
      <c r="S4428">
        <v>2</v>
      </c>
      <c r="T4428" t="s">
        <v>718</v>
      </c>
      <c r="U4428">
        <v>2</v>
      </c>
      <c r="V4428">
        <v>2</v>
      </c>
      <c r="W4428">
        <v>120</v>
      </c>
      <c r="X4428">
        <v>2020</v>
      </c>
    </row>
    <row r="4429" spans="1:24" x14ac:dyDescent="0.25">
      <c r="A4429">
        <v>6245</v>
      </c>
      <c r="B4429" t="s">
        <v>16</v>
      </c>
      <c r="C4429">
        <v>5</v>
      </c>
      <c r="D4429" t="s">
        <v>439</v>
      </c>
      <c r="E4429">
        <v>47</v>
      </c>
      <c r="F4429" t="s">
        <v>651</v>
      </c>
      <c r="G4429">
        <v>160</v>
      </c>
      <c r="H4429" t="s">
        <v>658</v>
      </c>
      <c r="I4429">
        <v>13755</v>
      </c>
      <c r="J4429" t="s">
        <v>663</v>
      </c>
      <c r="K4429">
        <v>99</v>
      </c>
      <c r="L4429" t="s">
        <v>3401</v>
      </c>
      <c r="M4429">
        <v>883</v>
      </c>
      <c r="N4429" t="s">
        <v>654</v>
      </c>
      <c r="O4429">
        <v>3</v>
      </c>
      <c r="P4429" t="s">
        <v>655</v>
      </c>
      <c r="Q4429">
        <v>1</v>
      </c>
      <c r="R4429" t="s">
        <v>656</v>
      </c>
      <c r="S4429">
        <v>2</v>
      </c>
      <c r="T4429" t="s">
        <v>661</v>
      </c>
      <c r="U4429">
        <v>8</v>
      </c>
      <c r="V4429">
        <v>2</v>
      </c>
      <c r="W4429">
        <v>120</v>
      </c>
      <c r="X4429">
        <v>2020</v>
      </c>
    </row>
    <row r="4430" spans="1:24" x14ac:dyDescent="0.25">
      <c r="A4430">
        <v>6244</v>
      </c>
      <c r="B4430" t="s">
        <v>16</v>
      </c>
      <c r="C4430">
        <v>5</v>
      </c>
      <c r="D4430" t="s">
        <v>439</v>
      </c>
      <c r="E4430">
        <v>47</v>
      </c>
      <c r="F4430" t="s">
        <v>651</v>
      </c>
      <c r="G4430">
        <v>160</v>
      </c>
      <c r="H4430" t="s">
        <v>658</v>
      </c>
      <c r="I4430">
        <v>13755</v>
      </c>
      <c r="J4430" t="s">
        <v>663</v>
      </c>
      <c r="K4430">
        <v>99</v>
      </c>
      <c r="L4430" t="s">
        <v>3402</v>
      </c>
      <c r="M4430">
        <v>882</v>
      </c>
      <c r="N4430" t="s">
        <v>654</v>
      </c>
      <c r="O4430">
        <v>3</v>
      </c>
      <c r="P4430" t="s">
        <v>655</v>
      </c>
      <c r="Q4430">
        <v>1</v>
      </c>
      <c r="R4430" t="s">
        <v>656</v>
      </c>
      <c r="S4430">
        <v>2</v>
      </c>
      <c r="T4430" t="s">
        <v>769</v>
      </c>
      <c r="U4430">
        <v>3</v>
      </c>
      <c r="V4430">
        <v>2</v>
      </c>
      <c r="W4430">
        <v>120</v>
      </c>
      <c r="X4430">
        <v>2020</v>
      </c>
    </row>
    <row r="4431" spans="1:24" x14ac:dyDescent="0.25">
      <c r="A4431">
        <v>6243</v>
      </c>
      <c r="B4431" t="s">
        <v>16</v>
      </c>
      <c r="C4431">
        <v>5</v>
      </c>
      <c r="D4431" t="s">
        <v>439</v>
      </c>
      <c r="E4431">
        <v>47</v>
      </c>
      <c r="F4431" t="s">
        <v>651</v>
      </c>
      <c r="G4431">
        <v>160</v>
      </c>
      <c r="H4431" t="s">
        <v>658</v>
      </c>
      <c r="I4431">
        <v>13755</v>
      </c>
      <c r="J4431" t="s">
        <v>663</v>
      </c>
      <c r="K4431">
        <v>99</v>
      </c>
      <c r="L4431" t="s">
        <v>3403</v>
      </c>
      <c r="M4431">
        <v>881</v>
      </c>
      <c r="N4431" t="s">
        <v>654</v>
      </c>
      <c r="O4431">
        <v>3</v>
      </c>
      <c r="P4431" t="s">
        <v>655</v>
      </c>
      <c r="Q4431">
        <v>1</v>
      </c>
      <c r="R4431" t="s">
        <v>656</v>
      </c>
      <c r="S4431">
        <v>2</v>
      </c>
      <c r="T4431" t="s">
        <v>661</v>
      </c>
      <c r="U4431">
        <v>8</v>
      </c>
      <c r="V4431">
        <v>2</v>
      </c>
      <c r="W4431">
        <v>120</v>
      </c>
      <c r="X4431">
        <v>2020</v>
      </c>
    </row>
    <row r="4432" spans="1:24" x14ac:dyDescent="0.25">
      <c r="A4432">
        <v>6242</v>
      </c>
      <c r="B4432" t="s">
        <v>16</v>
      </c>
      <c r="C4432">
        <v>5</v>
      </c>
      <c r="D4432" t="s">
        <v>439</v>
      </c>
      <c r="E4432">
        <v>47</v>
      </c>
      <c r="F4432" t="s">
        <v>651</v>
      </c>
      <c r="G4432">
        <v>160</v>
      </c>
      <c r="H4432" t="s">
        <v>658</v>
      </c>
      <c r="I4432">
        <v>13755</v>
      </c>
      <c r="J4432" t="s">
        <v>663</v>
      </c>
      <c r="K4432">
        <v>99</v>
      </c>
      <c r="L4432" t="s">
        <v>3021</v>
      </c>
      <c r="M4432">
        <v>880</v>
      </c>
      <c r="N4432" t="s">
        <v>654</v>
      </c>
      <c r="O4432">
        <v>3</v>
      </c>
      <c r="P4432" t="s">
        <v>655</v>
      </c>
      <c r="Q4432">
        <v>1</v>
      </c>
      <c r="R4432" t="s">
        <v>656</v>
      </c>
      <c r="S4432">
        <v>2</v>
      </c>
      <c r="T4432" t="s">
        <v>718</v>
      </c>
      <c r="U4432">
        <v>2</v>
      </c>
      <c r="V4432">
        <v>2</v>
      </c>
      <c r="W4432">
        <v>120</v>
      </c>
      <c r="X4432">
        <v>2020</v>
      </c>
    </row>
    <row r="4433" spans="1:24" x14ac:dyDescent="0.25">
      <c r="A4433">
        <v>6241</v>
      </c>
      <c r="B4433" t="s">
        <v>16</v>
      </c>
      <c r="C4433">
        <v>5</v>
      </c>
      <c r="D4433" t="s">
        <v>439</v>
      </c>
      <c r="E4433">
        <v>47</v>
      </c>
      <c r="F4433" t="s">
        <v>651</v>
      </c>
      <c r="G4433">
        <v>160</v>
      </c>
      <c r="H4433" t="s">
        <v>658</v>
      </c>
      <c r="I4433">
        <v>13755</v>
      </c>
      <c r="J4433" t="s">
        <v>663</v>
      </c>
      <c r="K4433">
        <v>99</v>
      </c>
      <c r="L4433" t="s">
        <v>3404</v>
      </c>
      <c r="M4433">
        <v>879</v>
      </c>
      <c r="N4433" t="s">
        <v>654</v>
      </c>
      <c r="O4433">
        <v>3</v>
      </c>
      <c r="P4433" t="s">
        <v>655</v>
      </c>
      <c r="Q4433">
        <v>1</v>
      </c>
      <c r="R4433" t="s">
        <v>656</v>
      </c>
      <c r="S4433">
        <v>2</v>
      </c>
      <c r="T4433" t="s">
        <v>661</v>
      </c>
      <c r="U4433">
        <v>8</v>
      </c>
      <c r="V4433">
        <v>2</v>
      </c>
      <c r="W4433">
        <v>120</v>
      </c>
      <c r="X4433">
        <v>2020</v>
      </c>
    </row>
    <row r="4434" spans="1:24" x14ac:dyDescent="0.25">
      <c r="A4434">
        <v>6240</v>
      </c>
      <c r="B4434" t="s">
        <v>16</v>
      </c>
      <c r="C4434">
        <v>5</v>
      </c>
      <c r="D4434" t="s">
        <v>439</v>
      </c>
      <c r="E4434">
        <v>47</v>
      </c>
      <c r="F4434" t="s">
        <v>651</v>
      </c>
      <c r="G4434">
        <v>160</v>
      </c>
      <c r="H4434" t="s">
        <v>658</v>
      </c>
      <c r="I4434">
        <v>13755</v>
      </c>
      <c r="J4434" t="s">
        <v>663</v>
      </c>
      <c r="K4434">
        <v>99</v>
      </c>
      <c r="L4434" t="s">
        <v>1418</v>
      </c>
      <c r="M4434">
        <v>878</v>
      </c>
      <c r="N4434" t="s">
        <v>654</v>
      </c>
      <c r="O4434">
        <v>3</v>
      </c>
      <c r="P4434" t="s">
        <v>655</v>
      </c>
      <c r="Q4434">
        <v>1</v>
      </c>
      <c r="R4434" t="s">
        <v>656</v>
      </c>
      <c r="S4434">
        <v>2</v>
      </c>
      <c r="T4434" t="s">
        <v>718</v>
      </c>
      <c r="U4434">
        <v>2</v>
      </c>
      <c r="V4434">
        <v>2</v>
      </c>
      <c r="W4434">
        <v>120</v>
      </c>
      <c r="X4434">
        <v>2020</v>
      </c>
    </row>
    <row r="4435" spans="1:24" x14ac:dyDescent="0.25">
      <c r="A4435">
        <v>6239</v>
      </c>
      <c r="B4435" t="s">
        <v>16</v>
      </c>
      <c r="C4435">
        <v>5</v>
      </c>
      <c r="D4435" t="s">
        <v>439</v>
      </c>
      <c r="E4435">
        <v>47</v>
      </c>
      <c r="F4435" t="s">
        <v>651</v>
      </c>
      <c r="G4435">
        <v>160</v>
      </c>
      <c r="H4435" t="s">
        <v>658</v>
      </c>
      <c r="I4435">
        <v>13755</v>
      </c>
      <c r="J4435" t="s">
        <v>663</v>
      </c>
      <c r="K4435">
        <v>99</v>
      </c>
      <c r="L4435" t="s">
        <v>3405</v>
      </c>
      <c r="M4435">
        <v>877</v>
      </c>
      <c r="N4435" t="s">
        <v>654</v>
      </c>
      <c r="O4435">
        <v>3</v>
      </c>
      <c r="P4435" t="s">
        <v>655</v>
      </c>
      <c r="Q4435">
        <v>1</v>
      </c>
      <c r="R4435" t="s">
        <v>656</v>
      </c>
      <c r="S4435">
        <v>2</v>
      </c>
      <c r="T4435" t="s">
        <v>661</v>
      </c>
      <c r="U4435">
        <v>8</v>
      </c>
      <c r="V4435">
        <v>2</v>
      </c>
      <c r="W4435">
        <v>120</v>
      </c>
      <c r="X4435">
        <v>2020</v>
      </c>
    </row>
    <row r="4436" spans="1:24" x14ac:dyDescent="0.25">
      <c r="A4436">
        <v>6238</v>
      </c>
      <c r="B4436" t="s">
        <v>16</v>
      </c>
      <c r="C4436">
        <v>5</v>
      </c>
      <c r="D4436" t="s">
        <v>439</v>
      </c>
      <c r="E4436">
        <v>47</v>
      </c>
      <c r="F4436" t="s">
        <v>651</v>
      </c>
      <c r="G4436">
        <v>160</v>
      </c>
      <c r="H4436" t="s">
        <v>658</v>
      </c>
      <c r="I4436">
        <v>13755</v>
      </c>
      <c r="J4436" t="s">
        <v>663</v>
      </c>
      <c r="K4436">
        <v>99</v>
      </c>
      <c r="L4436" t="s">
        <v>3406</v>
      </c>
      <c r="M4436">
        <v>876</v>
      </c>
      <c r="N4436" t="s">
        <v>654</v>
      </c>
      <c r="O4436">
        <v>3</v>
      </c>
      <c r="P4436" t="s">
        <v>655</v>
      </c>
      <c r="Q4436">
        <v>1</v>
      </c>
      <c r="R4436" t="s">
        <v>656</v>
      </c>
      <c r="S4436">
        <v>2</v>
      </c>
      <c r="T4436" t="s">
        <v>661</v>
      </c>
      <c r="U4436">
        <v>8</v>
      </c>
      <c r="V4436">
        <v>2</v>
      </c>
      <c r="W4436">
        <v>120</v>
      </c>
      <c r="X4436">
        <v>2020</v>
      </c>
    </row>
    <row r="4437" spans="1:24" x14ac:dyDescent="0.25">
      <c r="A4437">
        <v>6237</v>
      </c>
      <c r="B4437" t="s">
        <v>16</v>
      </c>
      <c r="C4437">
        <v>5</v>
      </c>
      <c r="D4437" t="s">
        <v>439</v>
      </c>
      <c r="E4437">
        <v>47</v>
      </c>
      <c r="F4437" t="s">
        <v>651</v>
      </c>
      <c r="G4437">
        <v>160</v>
      </c>
      <c r="H4437" t="s">
        <v>658</v>
      </c>
      <c r="I4437">
        <v>13755</v>
      </c>
      <c r="J4437" t="s">
        <v>663</v>
      </c>
      <c r="K4437">
        <v>99</v>
      </c>
      <c r="L4437" t="s">
        <v>3407</v>
      </c>
      <c r="M4437">
        <v>875</v>
      </c>
      <c r="N4437" t="s">
        <v>654</v>
      </c>
      <c r="O4437">
        <v>3</v>
      </c>
      <c r="P4437" t="s">
        <v>655</v>
      </c>
      <c r="Q4437">
        <v>1</v>
      </c>
      <c r="R4437" t="s">
        <v>656</v>
      </c>
      <c r="S4437">
        <v>2</v>
      </c>
      <c r="T4437" t="s">
        <v>718</v>
      </c>
      <c r="U4437">
        <v>2</v>
      </c>
      <c r="V4437">
        <v>2</v>
      </c>
      <c r="W4437">
        <v>120</v>
      </c>
      <c r="X4437">
        <v>2020</v>
      </c>
    </row>
    <row r="4438" spans="1:24" x14ac:dyDescent="0.25">
      <c r="A4438">
        <v>6236</v>
      </c>
      <c r="B4438" t="s">
        <v>16</v>
      </c>
      <c r="C4438">
        <v>5</v>
      </c>
      <c r="D4438" t="s">
        <v>439</v>
      </c>
      <c r="E4438">
        <v>47</v>
      </c>
      <c r="F4438" t="s">
        <v>651</v>
      </c>
      <c r="G4438">
        <v>160</v>
      </c>
      <c r="H4438" t="s">
        <v>658</v>
      </c>
      <c r="I4438">
        <v>13755</v>
      </c>
      <c r="J4438" t="s">
        <v>663</v>
      </c>
      <c r="K4438">
        <v>99</v>
      </c>
      <c r="L4438" t="s">
        <v>3408</v>
      </c>
      <c r="M4438">
        <v>874</v>
      </c>
      <c r="N4438" t="s">
        <v>654</v>
      </c>
      <c r="O4438">
        <v>3</v>
      </c>
      <c r="P4438" t="s">
        <v>655</v>
      </c>
      <c r="Q4438">
        <v>1</v>
      </c>
      <c r="R4438" t="s">
        <v>656</v>
      </c>
      <c r="S4438">
        <v>2</v>
      </c>
      <c r="T4438" t="s">
        <v>661</v>
      </c>
      <c r="U4438">
        <v>8</v>
      </c>
      <c r="V4438">
        <v>2</v>
      </c>
      <c r="W4438">
        <v>120</v>
      </c>
      <c r="X4438">
        <v>2020</v>
      </c>
    </row>
    <row r="4439" spans="1:24" x14ac:dyDescent="0.25">
      <c r="A4439">
        <v>6235</v>
      </c>
      <c r="B4439" t="s">
        <v>16</v>
      </c>
      <c r="C4439">
        <v>5</v>
      </c>
      <c r="D4439" t="s">
        <v>426</v>
      </c>
      <c r="E4439">
        <v>46</v>
      </c>
      <c r="F4439" t="s">
        <v>651</v>
      </c>
      <c r="G4439">
        <v>160</v>
      </c>
      <c r="H4439" t="s">
        <v>658</v>
      </c>
      <c r="I4439">
        <v>13755</v>
      </c>
      <c r="J4439" t="s">
        <v>663</v>
      </c>
      <c r="K4439">
        <v>99</v>
      </c>
      <c r="L4439" t="s">
        <v>3409</v>
      </c>
      <c r="M4439">
        <v>873</v>
      </c>
      <c r="N4439" t="s">
        <v>654</v>
      </c>
      <c r="O4439">
        <v>3</v>
      </c>
      <c r="P4439" t="s">
        <v>655</v>
      </c>
      <c r="Q4439">
        <v>1</v>
      </c>
      <c r="R4439" t="s">
        <v>656</v>
      </c>
      <c r="S4439">
        <v>2</v>
      </c>
      <c r="T4439" t="s">
        <v>661</v>
      </c>
      <c r="U4439">
        <v>8</v>
      </c>
      <c r="V4439">
        <v>2</v>
      </c>
      <c r="W4439">
        <v>120</v>
      </c>
      <c r="X4439">
        <v>2020</v>
      </c>
    </row>
    <row r="4440" spans="1:24" x14ac:dyDescent="0.25">
      <c r="A4440">
        <v>6232</v>
      </c>
      <c r="B4440" t="s">
        <v>16</v>
      </c>
      <c r="C4440">
        <v>5</v>
      </c>
      <c r="D4440" t="s">
        <v>426</v>
      </c>
      <c r="E4440">
        <v>46</v>
      </c>
      <c r="F4440" t="s">
        <v>651</v>
      </c>
      <c r="G4440">
        <v>160</v>
      </c>
      <c r="H4440" t="s">
        <v>658</v>
      </c>
      <c r="I4440">
        <v>13755</v>
      </c>
      <c r="J4440" t="s">
        <v>663</v>
      </c>
      <c r="K4440">
        <v>99</v>
      </c>
      <c r="L4440" t="s">
        <v>3410</v>
      </c>
      <c r="M4440">
        <v>870</v>
      </c>
      <c r="N4440" t="s">
        <v>654</v>
      </c>
      <c r="O4440">
        <v>3</v>
      </c>
      <c r="P4440" t="s">
        <v>655</v>
      </c>
      <c r="Q4440">
        <v>1</v>
      </c>
      <c r="R4440" t="s">
        <v>656</v>
      </c>
      <c r="S4440">
        <v>2</v>
      </c>
      <c r="T4440" t="s">
        <v>661</v>
      </c>
      <c r="U4440">
        <v>8</v>
      </c>
      <c r="V4440">
        <v>2</v>
      </c>
      <c r="W4440">
        <v>120</v>
      </c>
      <c r="X4440">
        <v>2020</v>
      </c>
    </row>
    <row r="4441" spans="1:24" x14ac:dyDescent="0.25">
      <c r="A4441">
        <v>6231</v>
      </c>
      <c r="B4441" t="s">
        <v>16</v>
      </c>
      <c r="C4441">
        <v>5</v>
      </c>
      <c r="D4441" t="s">
        <v>426</v>
      </c>
      <c r="E4441">
        <v>46</v>
      </c>
      <c r="F4441" t="s">
        <v>651</v>
      </c>
      <c r="G4441">
        <v>160</v>
      </c>
      <c r="H4441" t="s">
        <v>658</v>
      </c>
      <c r="I4441">
        <v>13755</v>
      </c>
      <c r="J4441" t="s">
        <v>663</v>
      </c>
      <c r="K4441">
        <v>99</v>
      </c>
      <c r="L4441" t="s">
        <v>3411</v>
      </c>
      <c r="M4441">
        <v>869</v>
      </c>
      <c r="N4441" t="s">
        <v>654</v>
      </c>
      <c r="O4441">
        <v>3</v>
      </c>
      <c r="P4441" t="s">
        <v>655</v>
      </c>
      <c r="Q4441">
        <v>1</v>
      </c>
      <c r="R4441" t="s">
        <v>656</v>
      </c>
      <c r="S4441">
        <v>2</v>
      </c>
      <c r="T4441" t="s">
        <v>661</v>
      </c>
      <c r="U4441">
        <v>8</v>
      </c>
      <c r="V4441">
        <v>2</v>
      </c>
      <c r="W4441">
        <v>120</v>
      </c>
      <c r="X4441">
        <v>2020</v>
      </c>
    </row>
    <row r="4442" spans="1:24" x14ac:dyDescent="0.25">
      <c r="A4442">
        <v>6230</v>
      </c>
      <c r="B4442" t="s">
        <v>16</v>
      </c>
      <c r="C4442">
        <v>5</v>
      </c>
      <c r="D4442" t="s">
        <v>426</v>
      </c>
      <c r="E4442">
        <v>46</v>
      </c>
      <c r="F4442" t="s">
        <v>651</v>
      </c>
      <c r="G4442">
        <v>160</v>
      </c>
      <c r="H4442" t="s">
        <v>658</v>
      </c>
      <c r="I4442">
        <v>13755</v>
      </c>
      <c r="J4442" t="s">
        <v>663</v>
      </c>
      <c r="K4442">
        <v>99</v>
      </c>
      <c r="L4442" t="s">
        <v>3412</v>
      </c>
      <c r="M4442">
        <v>868</v>
      </c>
      <c r="N4442" t="s">
        <v>654</v>
      </c>
      <c r="O4442">
        <v>3</v>
      </c>
      <c r="P4442" t="s">
        <v>655</v>
      </c>
      <c r="Q4442">
        <v>1</v>
      </c>
      <c r="R4442" t="s">
        <v>656</v>
      </c>
      <c r="S4442">
        <v>2</v>
      </c>
      <c r="T4442" t="s">
        <v>661</v>
      </c>
      <c r="U4442">
        <v>8</v>
      </c>
      <c r="V4442">
        <v>2</v>
      </c>
      <c r="W4442">
        <v>120</v>
      </c>
      <c r="X4442">
        <v>2020</v>
      </c>
    </row>
    <row r="4443" spans="1:24" x14ac:dyDescent="0.25">
      <c r="A4443">
        <v>6229</v>
      </c>
      <c r="B4443" t="s">
        <v>16</v>
      </c>
      <c r="C4443">
        <v>5</v>
      </c>
      <c r="D4443" t="s">
        <v>426</v>
      </c>
      <c r="E4443">
        <v>46</v>
      </c>
      <c r="F4443" t="s">
        <v>651</v>
      </c>
      <c r="G4443">
        <v>160</v>
      </c>
      <c r="H4443" t="s">
        <v>658</v>
      </c>
      <c r="I4443">
        <v>13755</v>
      </c>
      <c r="J4443" t="s">
        <v>691</v>
      </c>
      <c r="K4443">
        <v>21</v>
      </c>
      <c r="L4443" t="s">
        <v>3413</v>
      </c>
      <c r="M4443">
        <v>867</v>
      </c>
      <c r="N4443" t="s">
        <v>654</v>
      </c>
      <c r="O4443">
        <v>3</v>
      </c>
      <c r="P4443" t="s">
        <v>655</v>
      </c>
      <c r="Q4443">
        <v>1</v>
      </c>
      <c r="R4443" t="s">
        <v>656</v>
      </c>
      <c r="S4443">
        <v>2</v>
      </c>
      <c r="T4443" t="s">
        <v>661</v>
      </c>
      <c r="U4443">
        <v>8</v>
      </c>
      <c r="V4443">
        <v>2</v>
      </c>
      <c r="W4443">
        <v>120</v>
      </c>
      <c r="X4443">
        <v>2020</v>
      </c>
    </row>
    <row r="4444" spans="1:24" x14ac:dyDescent="0.25">
      <c r="A4444">
        <v>6228</v>
      </c>
      <c r="B4444" t="s">
        <v>16</v>
      </c>
      <c r="C4444">
        <v>5</v>
      </c>
      <c r="D4444" t="s">
        <v>426</v>
      </c>
      <c r="E4444">
        <v>46</v>
      </c>
      <c r="F4444" t="s">
        <v>651</v>
      </c>
      <c r="G4444">
        <v>160</v>
      </c>
      <c r="H4444" t="s">
        <v>658</v>
      </c>
      <c r="I4444">
        <v>13755</v>
      </c>
      <c r="J4444" t="s">
        <v>691</v>
      </c>
      <c r="K4444">
        <v>21</v>
      </c>
      <c r="L4444" t="s">
        <v>3414</v>
      </c>
      <c r="M4444">
        <v>866</v>
      </c>
      <c r="N4444" t="s">
        <v>654</v>
      </c>
      <c r="O4444">
        <v>3</v>
      </c>
      <c r="P4444" t="s">
        <v>655</v>
      </c>
      <c r="Q4444">
        <v>1</v>
      </c>
      <c r="R4444" t="s">
        <v>656</v>
      </c>
      <c r="S4444">
        <v>2</v>
      </c>
      <c r="T4444" t="s">
        <v>661</v>
      </c>
      <c r="U4444">
        <v>8</v>
      </c>
      <c r="V4444">
        <v>2</v>
      </c>
      <c r="W4444">
        <v>120</v>
      </c>
      <c r="X4444">
        <v>2020</v>
      </c>
    </row>
    <row r="4445" spans="1:24" x14ac:dyDescent="0.25">
      <c r="A4445">
        <v>6227</v>
      </c>
      <c r="B4445" t="s">
        <v>16</v>
      </c>
      <c r="C4445">
        <v>5</v>
      </c>
      <c r="D4445" t="s">
        <v>426</v>
      </c>
      <c r="E4445">
        <v>46</v>
      </c>
      <c r="F4445" t="s">
        <v>651</v>
      </c>
      <c r="G4445">
        <v>160</v>
      </c>
      <c r="H4445" t="s">
        <v>658</v>
      </c>
      <c r="I4445">
        <v>13755</v>
      </c>
      <c r="J4445" t="s">
        <v>691</v>
      </c>
      <c r="K4445">
        <v>21</v>
      </c>
      <c r="L4445" t="s">
        <v>3415</v>
      </c>
      <c r="M4445">
        <v>865</v>
      </c>
      <c r="N4445" t="s">
        <v>654</v>
      </c>
      <c r="O4445">
        <v>3</v>
      </c>
      <c r="P4445" t="s">
        <v>655</v>
      </c>
      <c r="Q4445">
        <v>1</v>
      </c>
      <c r="R4445" t="s">
        <v>656</v>
      </c>
      <c r="S4445">
        <v>2</v>
      </c>
      <c r="T4445" t="s">
        <v>661</v>
      </c>
      <c r="U4445">
        <v>8</v>
      </c>
      <c r="V4445">
        <v>2</v>
      </c>
      <c r="W4445">
        <v>120</v>
      </c>
      <c r="X4445">
        <v>2020</v>
      </c>
    </row>
    <row r="4446" spans="1:24" x14ac:dyDescent="0.25">
      <c r="A4446">
        <v>6226</v>
      </c>
      <c r="B4446" t="s">
        <v>16</v>
      </c>
      <c r="C4446">
        <v>5</v>
      </c>
      <c r="D4446" t="s">
        <v>602</v>
      </c>
      <c r="E4446">
        <v>45</v>
      </c>
      <c r="F4446" t="s">
        <v>651</v>
      </c>
      <c r="G4446">
        <v>160</v>
      </c>
      <c r="H4446" t="s">
        <v>658</v>
      </c>
      <c r="I4446">
        <v>13755</v>
      </c>
      <c r="J4446" t="s">
        <v>691</v>
      </c>
      <c r="K4446">
        <v>21</v>
      </c>
      <c r="L4446" t="s">
        <v>3416</v>
      </c>
      <c r="M4446">
        <v>864</v>
      </c>
      <c r="N4446" t="s">
        <v>654</v>
      </c>
      <c r="O4446">
        <v>3</v>
      </c>
      <c r="P4446" t="s">
        <v>655</v>
      </c>
      <c r="Q4446">
        <v>1</v>
      </c>
      <c r="R4446" t="s">
        <v>656</v>
      </c>
      <c r="S4446">
        <v>2</v>
      </c>
      <c r="T4446" t="s">
        <v>718</v>
      </c>
      <c r="U4446">
        <v>2</v>
      </c>
      <c r="V4446">
        <v>2</v>
      </c>
      <c r="W4446">
        <v>120</v>
      </c>
      <c r="X4446">
        <v>2020</v>
      </c>
    </row>
    <row r="4447" spans="1:24" x14ac:dyDescent="0.25">
      <c r="A4447">
        <v>6225</v>
      </c>
      <c r="B4447" t="s">
        <v>16</v>
      </c>
      <c r="C4447">
        <v>5</v>
      </c>
      <c r="D4447" t="s">
        <v>602</v>
      </c>
      <c r="E4447">
        <v>45</v>
      </c>
      <c r="F4447" t="s">
        <v>651</v>
      </c>
      <c r="G4447">
        <v>160</v>
      </c>
      <c r="H4447" t="s">
        <v>658</v>
      </c>
      <c r="I4447">
        <v>13755</v>
      </c>
      <c r="J4447" t="s">
        <v>691</v>
      </c>
      <c r="K4447">
        <v>21</v>
      </c>
      <c r="L4447" t="s">
        <v>3417</v>
      </c>
      <c r="M4447">
        <v>863</v>
      </c>
      <c r="N4447" t="s">
        <v>654</v>
      </c>
      <c r="O4447">
        <v>3</v>
      </c>
      <c r="P4447" t="s">
        <v>655</v>
      </c>
      <c r="Q4447">
        <v>1</v>
      </c>
      <c r="R4447" t="s">
        <v>656</v>
      </c>
      <c r="S4447">
        <v>2</v>
      </c>
      <c r="T4447" t="s">
        <v>661</v>
      </c>
      <c r="U4447">
        <v>8</v>
      </c>
      <c r="V4447">
        <v>2</v>
      </c>
      <c r="W4447">
        <v>120</v>
      </c>
      <c r="X4447">
        <v>2020</v>
      </c>
    </row>
    <row r="4448" spans="1:24" x14ac:dyDescent="0.25">
      <c r="A4448">
        <v>6224</v>
      </c>
      <c r="B4448" t="s">
        <v>16</v>
      </c>
      <c r="C4448">
        <v>5</v>
      </c>
      <c r="D4448" t="s">
        <v>602</v>
      </c>
      <c r="E4448">
        <v>45</v>
      </c>
      <c r="F4448" t="s">
        <v>651</v>
      </c>
      <c r="G4448">
        <v>160</v>
      </c>
      <c r="H4448" t="s">
        <v>658</v>
      </c>
      <c r="I4448">
        <v>13755</v>
      </c>
      <c r="J4448" t="s">
        <v>691</v>
      </c>
      <c r="K4448">
        <v>21</v>
      </c>
      <c r="L4448" t="s">
        <v>3418</v>
      </c>
      <c r="M4448">
        <v>862</v>
      </c>
      <c r="N4448" t="s">
        <v>654</v>
      </c>
      <c r="O4448">
        <v>3</v>
      </c>
      <c r="P4448" t="s">
        <v>655</v>
      </c>
      <c r="Q4448">
        <v>1</v>
      </c>
      <c r="R4448" t="s">
        <v>656</v>
      </c>
      <c r="S4448">
        <v>2</v>
      </c>
      <c r="T4448" t="s">
        <v>661</v>
      </c>
      <c r="U4448">
        <v>8</v>
      </c>
      <c r="V4448">
        <v>2</v>
      </c>
      <c r="W4448">
        <v>120</v>
      </c>
      <c r="X4448">
        <v>2020</v>
      </c>
    </row>
    <row r="4449" spans="1:24" x14ac:dyDescent="0.25">
      <c r="A4449">
        <v>6223</v>
      </c>
      <c r="B4449" t="s">
        <v>16</v>
      </c>
      <c r="C4449">
        <v>5</v>
      </c>
      <c r="D4449" t="s">
        <v>602</v>
      </c>
      <c r="E4449">
        <v>45</v>
      </c>
      <c r="F4449" t="s">
        <v>651</v>
      </c>
      <c r="G4449">
        <v>160</v>
      </c>
      <c r="H4449" t="s">
        <v>658</v>
      </c>
      <c r="I4449">
        <v>13755</v>
      </c>
      <c r="J4449" t="s">
        <v>691</v>
      </c>
      <c r="K4449">
        <v>21</v>
      </c>
      <c r="L4449" t="s">
        <v>3419</v>
      </c>
      <c r="M4449">
        <v>861</v>
      </c>
      <c r="N4449" t="s">
        <v>654</v>
      </c>
      <c r="O4449">
        <v>3</v>
      </c>
      <c r="P4449" t="s">
        <v>655</v>
      </c>
      <c r="Q4449">
        <v>1</v>
      </c>
      <c r="R4449" t="s">
        <v>656</v>
      </c>
      <c r="S4449">
        <v>2</v>
      </c>
      <c r="T4449" t="s">
        <v>769</v>
      </c>
      <c r="U4449">
        <v>3</v>
      </c>
      <c r="V4449">
        <v>2</v>
      </c>
      <c r="W4449">
        <v>120</v>
      </c>
      <c r="X4449">
        <v>2020</v>
      </c>
    </row>
    <row r="4450" spans="1:24" x14ac:dyDescent="0.25">
      <c r="A4450">
        <v>6222</v>
      </c>
      <c r="B4450" t="s">
        <v>16</v>
      </c>
      <c r="C4450">
        <v>5</v>
      </c>
      <c r="D4450" t="s">
        <v>602</v>
      </c>
      <c r="E4450">
        <v>45</v>
      </c>
      <c r="F4450" t="s">
        <v>651</v>
      </c>
      <c r="G4450">
        <v>160</v>
      </c>
      <c r="H4450" t="s">
        <v>658</v>
      </c>
      <c r="I4450">
        <v>13755</v>
      </c>
      <c r="J4450" t="s">
        <v>691</v>
      </c>
      <c r="K4450">
        <v>21</v>
      </c>
      <c r="L4450" t="s">
        <v>3420</v>
      </c>
      <c r="M4450">
        <v>860</v>
      </c>
      <c r="N4450" t="s">
        <v>654</v>
      </c>
      <c r="O4450">
        <v>3</v>
      </c>
      <c r="P4450" t="s">
        <v>655</v>
      </c>
      <c r="Q4450">
        <v>1</v>
      </c>
      <c r="R4450" t="s">
        <v>656</v>
      </c>
      <c r="S4450">
        <v>2</v>
      </c>
      <c r="T4450" t="s">
        <v>661</v>
      </c>
      <c r="U4450">
        <v>8</v>
      </c>
      <c r="V4450">
        <v>2</v>
      </c>
      <c r="W4450">
        <v>120</v>
      </c>
      <c r="X4450">
        <v>2020</v>
      </c>
    </row>
    <row r="4451" spans="1:24" x14ac:dyDescent="0.25">
      <c r="A4451">
        <v>6220</v>
      </c>
      <c r="B4451" t="s">
        <v>16</v>
      </c>
      <c r="C4451">
        <v>5</v>
      </c>
      <c r="D4451" t="s">
        <v>602</v>
      </c>
      <c r="E4451">
        <v>45</v>
      </c>
      <c r="F4451" t="s">
        <v>651</v>
      </c>
      <c r="G4451">
        <v>160</v>
      </c>
      <c r="H4451" t="s">
        <v>658</v>
      </c>
      <c r="I4451">
        <v>13755</v>
      </c>
      <c r="J4451" t="s">
        <v>691</v>
      </c>
      <c r="K4451">
        <v>21</v>
      </c>
      <c r="L4451" t="s">
        <v>2176</v>
      </c>
      <c r="M4451">
        <v>859</v>
      </c>
      <c r="N4451" t="s">
        <v>654</v>
      </c>
      <c r="O4451">
        <v>3</v>
      </c>
      <c r="P4451" t="s">
        <v>655</v>
      </c>
      <c r="Q4451">
        <v>1</v>
      </c>
      <c r="R4451" t="s">
        <v>656</v>
      </c>
      <c r="S4451">
        <v>2</v>
      </c>
      <c r="T4451" t="s">
        <v>661</v>
      </c>
      <c r="U4451">
        <v>8</v>
      </c>
      <c r="V4451">
        <v>2</v>
      </c>
      <c r="W4451">
        <v>120</v>
      </c>
      <c r="X4451">
        <v>2020</v>
      </c>
    </row>
    <row r="4452" spans="1:24" x14ac:dyDescent="0.25">
      <c r="A4452">
        <v>6219</v>
      </c>
      <c r="B4452" t="s">
        <v>16</v>
      </c>
      <c r="C4452">
        <v>5</v>
      </c>
      <c r="D4452" t="s">
        <v>602</v>
      </c>
      <c r="E4452">
        <v>45</v>
      </c>
      <c r="F4452" t="s">
        <v>651</v>
      </c>
      <c r="G4452">
        <v>160</v>
      </c>
      <c r="H4452" t="s">
        <v>658</v>
      </c>
      <c r="I4452">
        <v>13755</v>
      </c>
      <c r="J4452" t="s">
        <v>691</v>
      </c>
      <c r="K4452">
        <v>21</v>
      </c>
      <c r="L4452" t="s">
        <v>3421</v>
      </c>
      <c r="M4452">
        <v>858</v>
      </c>
      <c r="N4452" t="s">
        <v>654</v>
      </c>
      <c r="O4452">
        <v>3</v>
      </c>
      <c r="P4452" t="s">
        <v>655</v>
      </c>
      <c r="Q4452">
        <v>1</v>
      </c>
      <c r="R4452" t="s">
        <v>656</v>
      </c>
      <c r="S4452">
        <v>2</v>
      </c>
      <c r="T4452" t="s">
        <v>661</v>
      </c>
      <c r="U4452">
        <v>8</v>
      </c>
      <c r="V4452">
        <v>2</v>
      </c>
      <c r="W4452">
        <v>120</v>
      </c>
      <c r="X4452">
        <v>2020</v>
      </c>
    </row>
    <row r="4453" spans="1:24" x14ac:dyDescent="0.25">
      <c r="A4453">
        <v>6216</v>
      </c>
      <c r="B4453" t="s">
        <v>16</v>
      </c>
      <c r="C4453">
        <v>5</v>
      </c>
      <c r="D4453" t="s">
        <v>602</v>
      </c>
      <c r="E4453">
        <v>45</v>
      </c>
      <c r="F4453" t="s">
        <v>651</v>
      </c>
      <c r="G4453">
        <v>160</v>
      </c>
      <c r="H4453" t="s">
        <v>658</v>
      </c>
      <c r="I4453">
        <v>13755</v>
      </c>
      <c r="J4453" t="s">
        <v>691</v>
      </c>
      <c r="K4453">
        <v>21</v>
      </c>
      <c r="L4453" t="s">
        <v>3422</v>
      </c>
      <c r="M4453">
        <v>856</v>
      </c>
      <c r="N4453" t="s">
        <v>654</v>
      </c>
      <c r="O4453">
        <v>3</v>
      </c>
      <c r="P4453" t="s">
        <v>655</v>
      </c>
      <c r="Q4453">
        <v>1</v>
      </c>
      <c r="R4453" t="s">
        <v>656</v>
      </c>
      <c r="S4453">
        <v>2</v>
      </c>
      <c r="T4453" t="s">
        <v>661</v>
      </c>
      <c r="U4453">
        <v>8</v>
      </c>
      <c r="V4453">
        <v>2</v>
      </c>
      <c r="W4453">
        <v>120</v>
      </c>
      <c r="X4453">
        <v>2020</v>
      </c>
    </row>
    <row r="4454" spans="1:24" x14ac:dyDescent="0.25">
      <c r="A4454">
        <v>6215</v>
      </c>
      <c r="B4454" t="s">
        <v>16</v>
      </c>
      <c r="C4454">
        <v>5</v>
      </c>
      <c r="D4454" t="s">
        <v>585</v>
      </c>
      <c r="E4454">
        <v>51</v>
      </c>
      <c r="F4454" t="s">
        <v>651</v>
      </c>
      <c r="G4454">
        <v>160</v>
      </c>
      <c r="H4454" t="s">
        <v>658</v>
      </c>
      <c r="I4454">
        <v>13755</v>
      </c>
      <c r="J4454" t="s">
        <v>756</v>
      </c>
      <c r="K4454">
        <v>19</v>
      </c>
      <c r="L4454" t="s">
        <v>2403</v>
      </c>
      <c r="M4454">
        <v>855</v>
      </c>
      <c r="N4454" t="s">
        <v>654</v>
      </c>
      <c r="O4454">
        <v>3</v>
      </c>
      <c r="P4454" t="s">
        <v>655</v>
      </c>
      <c r="Q4454">
        <v>1</v>
      </c>
      <c r="R4454" t="s">
        <v>656</v>
      </c>
      <c r="S4454">
        <v>2</v>
      </c>
      <c r="T4454" t="s">
        <v>661</v>
      </c>
      <c r="U4454">
        <v>8</v>
      </c>
      <c r="V4454">
        <v>2</v>
      </c>
      <c r="W4454">
        <v>120</v>
      </c>
      <c r="X4454">
        <v>2020</v>
      </c>
    </row>
    <row r="4455" spans="1:24" x14ac:dyDescent="0.25">
      <c r="A4455">
        <v>6214</v>
      </c>
      <c r="B4455" t="s">
        <v>16</v>
      </c>
      <c r="C4455">
        <v>5</v>
      </c>
      <c r="D4455" t="s">
        <v>585</v>
      </c>
      <c r="E4455">
        <v>51</v>
      </c>
      <c r="F4455" t="s">
        <v>651</v>
      </c>
      <c r="G4455">
        <v>160</v>
      </c>
      <c r="H4455" t="s">
        <v>658</v>
      </c>
      <c r="I4455">
        <v>13755</v>
      </c>
      <c r="J4455" t="s">
        <v>756</v>
      </c>
      <c r="K4455">
        <v>19</v>
      </c>
      <c r="L4455" t="s">
        <v>3423</v>
      </c>
      <c r="M4455">
        <v>854</v>
      </c>
      <c r="N4455" t="s">
        <v>654</v>
      </c>
      <c r="O4455">
        <v>3</v>
      </c>
      <c r="P4455" t="s">
        <v>655</v>
      </c>
      <c r="Q4455">
        <v>1</v>
      </c>
      <c r="R4455" t="s">
        <v>656</v>
      </c>
      <c r="S4455">
        <v>2</v>
      </c>
      <c r="T4455" t="s">
        <v>661</v>
      </c>
      <c r="U4455">
        <v>8</v>
      </c>
      <c r="V4455">
        <v>2</v>
      </c>
      <c r="W4455">
        <v>120</v>
      </c>
      <c r="X4455">
        <v>2020</v>
      </c>
    </row>
    <row r="4456" spans="1:24" x14ac:dyDescent="0.25">
      <c r="A4456">
        <v>6213</v>
      </c>
      <c r="B4456" t="s">
        <v>16</v>
      </c>
      <c r="C4456">
        <v>5</v>
      </c>
      <c r="D4456" t="s">
        <v>441</v>
      </c>
      <c r="E4456">
        <v>44</v>
      </c>
      <c r="F4456" t="s">
        <v>651</v>
      </c>
      <c r="G4456">
        <v>160</v>
      </c>
      <c r="H4456" t="s">
        <v>658</v>
      </c>
      <c r="I4456">
        <v>13755</v>
      </c>
      <c r="J4456" t="s">
        <v>756</v>
      </c>
      <c r="K4456">
        <v>19</v>
      </c>
      <c r="L4456" t="s">
        <v>3424</v>
      </c>
      <c r="M4456">
        <v>853</v>
      </c>
      <c r="N4456" t="s">
        <v>654</v>
      </c>
      <c r="O4456">
        <v>3</v>
      </c>
      <c r="P4456" t="s">
        <v>655</v>
      </c>
      <c r="Q4456">
        <v>1</v>
      </c>
      <c r="R4456" t="s">
        <v>656</v>
      </c>
      <c r="S4456">
        <v>2</v>
      </c>
      <c r="T4456" t="s">
        <v>661</v>
      </c>
      <c r="U4456">
        <v>8</v>
      </c>
      <c r="V4456">
        <v>2</v>
      </c>
      <c r="W4456">
        <v>120</v>
      </c>
      <c r="X4456">
        <v>2020</v>
      </c>
    </row>
    <row r="4457" spans="1:24" x14ac:dyDescent="0.25">
      <c r="A4457">
        <v>6212</v>
      </c>
      <c r="B4457" t="s">
        <v>16</v>
      </c>
      <c r="C4457">
        <v>5</v>
      </c>
      <c r="D4457" t="s">
        <v>441</v>
      </c>
      <c r="E4457">
        <v>44</v>
      </c>
      <c r="F4457" t="s">
        <v>651</v>
      </c>
      <c r="G4457">
        <v>160</v>
      </c>
      <c r="H4457" t="s">
        <v>658</v>
      </c>
      <c r="I4457">
        <v>13755</v>
      </c>
      <c r="J4457" t="s">
        <v>802</v>
      </c>
      <c r="K4457">
        <v>12</v>
      </c>
      <c r="L4457" t="s">
        <v>3425</v>
      </c>
      <c r="M4457">
        <v>852</v>
      </c>
      <c r="N4457" t="s">
        <v>654</v>
      </c>
      <c r="O4457">
        <v>3</v>
      </c>
      <c r="P4457" t="s">
        <v>655</v>
      </c>
      <c r="Q4457">
        <v>1</v>
      </c>
      <c r="R4457" t="s">
        <v>656</v>
      </c>
      <c r="S4457">
        <v>2</v>
      </c>
      <c r="T4457" t="s">
        <v>661</v>
      </c>
      <c r="U4457">
        <v>8</v>
      </c>
      <c r="V4457">
        <v>2</v>
      </c>
      <c r="W4457">
        <v>120</v>
      </c>
      <c r="X4457">
        <v>2020</v>
      </c>
    </row>
    <row r="4458" spans="1:24" x14ac:dyDescent="0.25">
      <c r="A4458">
        <v>6211</v>
      </c>
      <c r="B4458" t="s">
        <v>16</v>
      </c>
      <c r="C4458">
        <v>5</v>
      </c>
      <c r="D4458" t="s">
        <v>441</v>
      </c>
      <c r="E4458">
        <v>44</v>
      </c>
      <c r="F4458" t="s">
        <v>651</v>
      </c>
      <c r="G4458">
        <v>160</v>
      </c>
      <c r="H4458" t="s">
        <v>658</v>
      </c>
      <c r="I4458">
        <v>13755</v>
      </c>
      <c r="J4458" t="s">
        <v>802</v>
      </c>
      <c r="K4458">
        <v>12</v>
      </c>
      <c r="L4458" t="s">
        <v>3426</v>
      </c>
      <c r="M4458">
        <v>851</v>
      </c>
      <c r="N4458" t="s">
        <v>654</v>
      </c>
      <c r="O4458">
        <v>3</v>
      </c>
      <c r="P4458" t="s">
        <v>655</v>
      </c>
      <c r="Q4458">
        <v>1</v>
      </c>
      <c r="R4458" t="s">
        <v>656</v>
      </c>
      <c r="S4458">
        <v>2</v>
      </c>
      <c r="T4458" t="s">
        <v>661</v>
      </c>
      <c r="U4458">
        <v>8</v>
      </c>
      <c r="V4458">
        <v>2</v>
      </c>
      <c r="W4458">
        <v>120</v>
      </c>
      <c r="X4458">
        <v>2020</v>
      </c>
    </row>
    <row r="4459" spans="1:24" x14ac:dyDescent="0.25">
      <c r="A4459">
        <v>6210</v>
      </c>
      <c r="B4459" t="s">
        <v>16</v>
      </c>
      <c r="C4459">
        <v>5</v>
      </c>
      <c r="D4459" t="s">
        <v>441</v>
      </c>
      <c r="E4459">
        <v>44</v>
      </c>
      <c r="F4459" t="s">
        <v>651</v>
      </c>
      <c r="G4459">
        <v>160</v>
      </c>
      <c r="H4459" t="s">
        <v>658</v>
      </c>
      <c r="I4459">
        <v>13755</v>
      </c>
      <c r="J4459" t="s">
        <v>802</v>
      </c>
      <c r="K4459">
        <v>12</v>
      </c>
      <c r="L4459" t="s">
        <v>3427</v>
      </c>
      <c r="M4459">
        <v>850</v>
      </c>
      <c r="N4459" t="s">
        <v>654</v>
      </c>
      <c r="O4459">
        <v>3</v>
      </c>
      <c r="P4459" t="s">
        <v>655</v>
      </c>
      <c r="Q4459">
        <v>1</v>
      </c>
      <c r="R4459" t="s">
        <v>656</v>
      </c>
      <c r="S4459">
        <v>2</v>
      </c>
      <c r="T4459" t="s">
        <v>661</v>
      </c>
      <c r="U4459">
        <v>8</v>
      </c>
      <c r="V4459">
        <v>2</v>
      </c>
      <c r="W4459">
        <v>120</v>
      </c>
      <c r="X4459">
        <v>2020</v>
      </c>
    </row>
    <row r="4460" spans="1:24" x14ac:dyDescent="0.25">
      <c r="A4460">
        <v>6209</v>
      </c>
      <c r="B4460" t="s">
        <v>16</v>
      </c>
      <c r="C4460">
        <v>5</v>
      </c>
      <c r="D4460" t="s">
        <v>441</v>
      </c>
      <c r="E4460">
        <v>44</v>
      </c>
      <c r="F4460" t="s">
        <v>651</v>
      </c>
      <c r="G4460">
        <v>160</v>
      </c>
      <c r="H4460" t="s">
        <v>658</v>
      </c>
      <c r="I4460">
        <v>13755</v>
      </c>
      <c r="J4460" t="s">
        <v>802</v>
      </c>
      <c r="K4460">
        <v>12</v>
      </c>
      <c r="L4460" t="s">
        <v>3428</v>
      </c>
      <c r="M4460">
        <v>849</v>
      </c>
      <c r="N4460" t="s">
        <v>654</v>
      </c>
      <c r="O4460">
        <v>3</v>
      </c>
      <c r="P4460" t="s">
        <v>655</v>
      </c>
      <c r="Q4460">
        <v>1</v>
      </c>
      <c r="R4460" t="s">
        <v>656</v>
      </c>
      <c r="S4460">
        <v>2</v>
      </c>
      <c r="T4460" t="s">
        <v>661</v>
      </c>
      <c r="U4460">
        <v>8</v>
      </c>
      <c r="V4460">
        <v>2</v>
      </c>
      <c r="W4460">
        <v>120</v>
      </c>
      <c r="X4460">
        <v>2020</v>
      </c>
    </row>
    <row r="4461" spans="1:24" x14ac:dyDescent="0.25">
      <c r="A4461">
        <v>6206</v>
      </c>
      <c r="B4461" t="s">
        <v>16</v>
      </c>
      <c r="C4461">
        <v>5</v>
      </c>
      <c r="D4461" t="s">
        <v>441</v>
      </c>
      <c r="E4461">
        <v>44</v>
      </c>
      <c r="F4461" t="s">
        <v>651</v>
      </c>
      <c r="G4461">
        <v>160</v>
      </c>
      <c r="H4461" t="s">
        <v>658</v>
      </c>
      <c r="I4461">
        <v>13755</v>
      </c>
      <c r="J4461" t="s">
        <v>802</v>
      </c>
      <c r="K4461">
        <v>12</v>
      </c>
      <c r="L4461" t="s">
        <v>3429</v>
      </c>
      <c r="M4461">
        <v>846</v>
      </c>
      <c r="N4461" t="s">
        <v>654</v>
      </c>
      <c r="O4461">
        <v>3</v>
      </c>
      <c r="P4461" t="s">
        <v>655</v>
      </c>
      <c r="Q4461">
        <v>1</v>
      </c>
      <c r="R4461" t="s">
        <v>656</v>
      </c>
      <c r="S4461">
        <v>2</v>
      </c>
      <c r="T4461" t="s">
        <v>661</v>
      </c>
      <c r="U4461">
        <v>8</v>
      </c>
      <c r="V4461">
        <v>2</v>
      </c>
      <c r="W4461">
        <v>120</v>
      </c>
      <c r="X4461">
        <v>2020</v>
      </c>
    </row>
    <row r="4462" spans="1:24" x14ac:dyDescent="0.25">
      <c r="A4462">
        <v>6204</v>
      </c>
      <c r="B4462" t="s">
        <v>16</v>
      </c>
      <c r="C4462">
        <v>5</v>
      </c>
      <c r="D4462" t="s">
        <v>441</v>
      </c>
      <c r="E4462">
        <v>44</v>
      </c>
      <c r="F4462" t="s">
        <v>651</v>
      </c>
      <c r="G4462">
        <v>160</v>
      </c>
      <c r="H4462" t="s">
        <v>658</v>
      </c>
      <c r="I4462">
        <v>13755</v>
      </c>
      <c r="J4462" t="s">
        <v>802</v>
      </c>
      <c r="K4462">
        <v>12</v>
      </c>
      <c r="L4462" t="s">
        <v>3430</v>
      </c>
      <c r="M4462">
        <v>844</v>
      </c>
      <c r="N4462" t="s">
        <v>654</v>
      </c>
      <c r="O4462">
        <v>3</v>
      </c>
      <c r="P4462" t="s">
        <v>655</v>
      </c>
      <c r="Q4462">
        <v>1</v>
      </c>
      <c r="R4462" t="s">
        <v>656</v>
      </c>
      <c r="S4462">
        <v>2</v>
      </c>
      <c r="T4462" t="s">
        <v>661</v>
      </c>
      <c r="U4462">
        <v>8</v>
      </c>
      <c r="V4462">
        <v>2</v>
      </c>
      <c r="W4462">
        <v>120</v>
      </c>
      <c r="X4462">
        <v>2020</v>
      </c>
    </row>
    <row r="4463" spans="1:24" x14ac:dyDescent="0.25">
      <c r="A4463">
        <v>6203</v>
      </c>
      <c r="B4463" t="s">
        <v>16</v>
      </c>
      <c r="C4463">
        <v>5</v>
      </c>
      <c r="D4463" t="s">
        <v>441</v>
      </c>
      <c r="E4463">
        <v>44</v>
      </c>
      <c r="F4463" t="s">
        <v>651</v>
      </c>
      <c r="G4463">
        <v>160</v>
      </c>
      <c r="H4463" t="s">
        <v>658</v>
      </c>
      <c r="I4463">
        <v>13755</v>
      </c>
      <c r="J4463" t="s">
        <v>802</v>
      </c>
      <c r="K4463">
        <v>12</v>
      </c>
      <c r="L4463" t="s">
        <v>3431</v>
      </c>
      <c r="M4463">
        <v>843</v>
      </c>
      <c r="N4463" t="s">
        <v>654</v>
      </c>
      <c r="O4463">
        <v>3</v>
      </c>
      <c r="P4463" t="s">
        <v>655</v>
      </c>
      <c r="Q4463">
        <v>1</v>
      </c>
      <c r="R4463" t="s">
        <v>656</v>
      </c>
      <c r="S4463">
        <v>2</v>
      </c>
      <c r="T4463" t="s">
        <v>661</v>
      </c>
      <c r="U4463">
        <v>8</v>
      </c>
      <c r="V4463">
        <v>2</v>
      </c>
      <c r="W4463">
        <v>120</v>
      </c>
      <c r="X4463">
        <v>2020</v>
      </c>
    </row>
    <row r="4464" spans="1:24" x14ac:dyDescent="0.25">
      <c r="A4464">
        <v>6202</v>
      </c>
      <c r="B4464" t="s">
        <v>16</v>
      </c>
      <c r="C4464">
        <v>5</v>
      </c>
      <c r="D4464" t="s">
        <v>603</v>
      </c>
      <c r="E4464">
        <v>43</v>
      </c>
      <c r="F4464" t="s">
        <v>651</v>
      </c>
      <c r="G4464">
        <v>160</v>
      </c>
      <c r="H4464" t="s">
        <v>658</v>
      </c>
      <c r="I4464">
        <v>13755</v>
      </c>
      <c r="J4464" t="s">
        <v>1738</v>
      </c>
      <c r="K4464">
        <v>55</v>
      </c>
      <c r="L4464" t="s">
        <v>3432</v>
      </c>
      <c r="M4464">
        <v>842</v>
      </c>
      <c r="N4464" t="s">
        <v>654</v>
      </c>
      <c r="O4464">
        <v>3</v>
      </c>
      <c r="P4464" t="s">
        <v>655</v>
      </c>
      <c r="Q4464">
        <v>1</v>
      </c>
      <c r="R4464" t="s">
        <v>656</v>
      </c>
      <c r="S4464">
        <v>2</v>
      </c>
      <c r="T4464" t="s">
        <v>661</v>
      </c>
      <c r="U4464">
        <v>8</v>
      </c>
      <c r="V4464">
        <v>2</v>
      </c>
      <c r="W4464">
        <v>120</v>
      </c>
      <c r="X4464">
        <v>2020</v>
      </c>
    </row>
    <row r="4465" spans="1:24" x14ac:dyDescent="0.25">
      <c r="A4465">
        <v>6201</v>
      </c>
      <c r="B4465" t="s">
        <v>16</v>
      </c>
      <c r="C4465">
        <v>5</v>
      </c>
      <c r="D4465" t="s">
        <v>603</v>
      </c>
      <c r="E4465">
        <v>43</v>
      </c>
      <c r="F4465" t="s">
        <v>651</v>
      </c>
      <c r="G4465">
        <v>160</v>
      </c>
      <c r="H4465" t="s">
        <v>658</v>
      </c>
      <c r="I4465">
        <v>13755</v>
      </c>
      <c r="J4465" t="s">
        <v>1738</v>
      </c>
      <c r="K4465">
        <v>55</v>
      </c>
      <c r="L4465" t="s">
        <v>3433</v>
      </c>
      <c r="M4465">
        <v>841</v>
      </c>
      <c r="N4465" t="s">
        <v>654</v>
      </c>
      <c r="O4465">
        <v>3</v>
      </c>
      <c r="P4465" t="s">
        <v>655</v>
      </c>
      <c r="Q4465">
        <v>1</v>
      </c>
      <c r="R4465" t="s">
        <v>656</v>
      </c>
      <c r="S4465">
        <v>2</v>
      </c>
      <c r="T4465" t="s">
        <v>661</v>
      </c>
      <c r="U4465">
        <v>8</v>
      </c>
      <c r="V4465">
        <v>2</v>
      </c>
      <c r="W4465">
        <v>120</v>
      </c>
      <c r="X4465">
        <v>2020</v>
      </c>
    </row>
    <row r="4466" spans="1:24" x14ac:dyDescent="0.25">
      <c r="A4466">
        <v>6200</v>
      </c>
      <c r="B4466" t="s">
        <v>16</v>
      </c>
      <c r="C4466">
        <v>5</v>
      </c>
      <c r="D4466" t="s">
        <v>603</v>
      </c>
      <c r="E4466">
        <v>43</v>
      </c>
      <c r="F4466" t="s">
        <v>651</v>
      </c>
      <c r="G4466">
        <v>160</v>
      </c>
      <c r="H4466" t="s">
        <v>658</v>
      </c>
      <c r="I4466">
        <v>13755</v>
      </c>
      <c r="J4466" t="s">
        <v>1738</v>
      </c>
      <c r="K4466">
        <v>55</v>
      </c>
      <c r="L4466" t="s">
        <v>3434</v>
      </c>
      <c r="M4466">
        <v>840</v>
      </c>
      <c r="N4466" t="s">
        <v>654</v>
      </c>
      <c r="O4466">
        <v>3</v>
      </c>
      <c r="P4466" t="s">
        <v>655</v>
      </c>
      <c r="Q4466">
        <v>1</v>
      </c>
      <c r="R4466" t="s">
        <v>656</v>
      </c>
      <c r="S4466">
        <v>2</v>
      </c>
      <c r="T4466" t="s">
        <v>718</v>
      </c>
      <c r="U4466">
        <v>2</v>
      </c>
      <c r="V4466">
        <v>2</v>
      </c>
      <c r="W4466">
        <v>120</v>
      </c>
      <c r="X4466">
        <v>2020</v>
      </c>
    </row>
    <row r="4467" spans="1:24" x14ac:dyDescent="0.25">
      <c r="A4467">
        <v>6199</v>
      </c>
      <c r="B4467" t="s">
        <v>16</v>
      </c>
      <c r="C4467">
        <v>5</v>
      </c>
      <c r="D4467" t="s">
        <v>603</v>
      </c>
      <c r="E4467">
        <v>43</v>
      </c>
      <c r="F4467" t="s">
        <v>651</v>
      </c>
      <c r="G4467">
        <v>160</v>
      </c>
      <c r="H4467" t="s">
        <v>658</v>
      </c>
      <c r="I4467">
        <v>13755</v>
      </c>
      <c r="J4467" t="s">
        <v>1738</v>
      </c>
      <c r="K4467">
        <v>55</v>
      </c>
      <c r="L4467" t="s">
        <v>3435</v>
      </c>
      <c r="M4467">
        <v>839</v>
      </c>
      <c r="N4467" t="s">
        <v>654</v>
      </c>
      <c r="O4467">
        <v>3</v>
      </c>
      <c r="P4467" t="s">
        <v>655</v>
      </c>
      <c r="Q4467">
        <v>1</v>
      </c>
      <c r="R4467" t="s">
        <v>656</v>
      </c>
      <c r="S4467">
        <v>2</v>
      </c>
      <c r="T4467" t="s">
        <v>661</v>
      </c>
      <c r="U4467">
        <v>8</v>
      </c>
      <c r="V4467">
        <v>2</v>
      </c>
      <c r="W4467">
        <v>120</v>
      </c>
      <c r="X4467">
        <v>2020</v>
      </c>
    </row>
    <row r="4468" spans="1:24" x14ac:dyDescent="0.25">
      <c r="A4468">
        <v>6198</v>
      </c>
      <c r="B4468" t="s">
        <v>16</v>
      </c>
      <c r="C4468">
        <v>5</v>
      </c>
      <c r="D4468" t="s">
        <v>603</v>
      </c>
      <c r="E4468">
        <v>43</v>
      </c>
      <c r="F4468" t="s">
        <v>651</v>
      </c>
      <c r="G4468">
        <v>160</v>
      </c>
      <c r="H4468" t="s">
        <v>658</v>
      </c>
      <c r="I4468">
        <v>13755</v>
      </c>
      <c r="J4468" t="s">
        <v>1738</v>
      </c>
      <c r="K4468">
        <v>55</v>
      </c>
      <c r="L4468" t="s">
        <v>3436</v>
      </c>
      <c r="M4468">
        <v>838</v>
      </c>
      <c r="N4468" t="s">
        <v>654</v>
      </c>
      <c r="O4468">
        <v>3</v>
      </c>
      <c r="P4468" t="s">
        <v>655</v>
      </c>
      <c r="Q4468">
        <v>1</v>
      </c>
      <c r="R4468" t="s">
        <v>656</v>
      </c>
      <c r="S4468">
        <v>2</v>
      </c>
      <c r="T4468" t="s">
        <v>661</v>
      </c>
      <c r="U4468">
        <v>8</v>
      </c>
      <c r="V4468">
        <v>2</v>
      </c>
      <c r="W4468">
        <v>120</v>
      </c>
      <c r="X4468">
        <v>2020</v>
      </c>
    </row>
    <row r="4469" spans="1:24" x14ac:dyDescent="0.25">
      <c r="A4469">
        <v>6197</v>
      </c>
      <c r="B4469" t="s">
        <v>16</v>
      </c>
      <c r="C4469">
        <v>5</v>
      </c>
      <c r="D4469" t="s">
        <v>386</v>
      </c>
      <c r="E4469">
        <v>42</v>
      </c>
      <c r="F4469" t="s">
        <v>651</v>
      </c>
      <c r="G4469">
        <v>160</v>
      </c>
      <c r="H4469" t="s">
        <v>658</v>
      </c>
      <c r="I4469">
        <v>13755</v>
      </c>
      <c r="J4469" t="s">
        <v>792</v>
      </c>
      <c r="K4469">
        <v>6</v>
      </c>
      <c r="L4469" t="s">
        <v>3437</v>
      </c>
      <c r="M4469">
        <v>837</v>
      </c>
      <c r="N4469" t="s">
        <v>654</v>
      </c>
      <c r="O4469">
        <v>3</v>
      </c>
      <c r="P4469" t="s">
        <v>655</v>
      </c>
      <c r="Q4469">
        <v>1</v>
      </c>
      <c r="R4469" t="s">
        <v>656</v>
      </c>
      <c r="S4469">
        <v>2</v>
      </c>
      <c r="T4469" t="s">
        <v>661</v>
      </c>
      <c r="U4469">
        <v>8</v>
      </c>
      <c r="V4469">
        <v>2</v>
      </c>
      <c r="W4469">
        <v>120</v>
      </c>
      <c r="X4469">
        <v>2020</v>
      </c>
    </row>
    <row r="4470" spans="1:24" x14ac:dyDescent="0.25">
      <c r="A4470">
        <v>6196</v>
      </c>
      <c r="B4470" t="s">
        <v>16</v>
      </c>
      <c r="C4470">
        <v>5</v>
      </c>
      <c r="D4470" t="s">
        <v>386</v>
      </c>
      <c r="E4470">
        <v>42</v>
      </c>
      <c r="F4470" t="s">
        <v>651</v>
      </c>
      <c r="G4470">
        <v>160</v>
      </c>
      <c r="H4470" t="s">
        <v>658</v>
      </c>
      <c r="I4470">
        <v>13755</v>
      </c>
      <c r="J4470" t="s">
        <v>792</v>
      </c>
      <c r="K4470">
        <v>6</v>
      </c>
      <c r="L4470" t="s">
        <v>3438</v>
      </c>
      <c r="M4470">
        <v>836</v>
      </c>
      <c r="N4470" t="s">
        <v>654</v>
      </c>
      <c r="O4470">
        <v>3</v>
      </c>
      <c r="P4470" t="s">
        <v>655</v>
      </c>
      <c r="Q4470">
        <v>1</v>
      </c>
      <c r="R4470" t="s">
        <v>656</v>
      </c>
      <c r="S4470">
        <v>2</v>
      </c>
      <c r="T4470" t="s">
        <v>661</v>
      </c>
      <c r="U4470">
        <v>8</v>
      </c>
      <c r="V4470">
        <v>2</v>
      </c>
      <c r="W4470">
        <v>120</v>
      </c>
      <c r="X4470">
        <v>2020</v>
      </c>
    </row>
    <row r="4471" spans="1:24" x14ac:dyDescent="0.25">
      <c r="A4471">
        <v>6195</v>
      </c>
      <c r="B4471" t="s">
        <v>16</v>
      </c>
      <c r="C4471">
        <v>5</v>
      </c>
      <c r="D4471" t="s">
        <v>386</v>
      </c>
      <c r="E4471">
        <v>42</v>
      </c>
      <c r="F4471" t="s">
        <v>651</v>
      </c>
      <c r="G4471">
        <v>160</v>
      </c>
      <c r="H4471" t="s">
        <v>658</v>
      </c>
      <c r="I4471">
        <v>13755</v>
      </c>
      <c r="J4471" t="s">
        <v>792</v>
      </c>
      <c r="K4471">
        <v>6</v>
      </c>
      <c r="L4471" t="s">
        <v>3439</v>
      </c>
      <c r="M4471">
        <v>835</v>
      </c>
      <c r="N4471" t="s">
        <v>654</v>
      </c>
      <c r="O4471">
        <v>3</v>
      </c>
      <c r="P4471" t="s">
        <v>655</v>
      </c>
      <c r="Q4471">
        <v>1</v>
      </c>
      <c r="R4471" t="s">
        <v>656</v>
      </c>
      <c r="S4471">
        <v>2</v>
      </c>
      <c r="T4471" t="s">
        <v>661</v>
      </c>
      <c r="U4471">
        <v>8</v>
      </c>
      <c r="V4471">
        <v>2</v>
      </c>
      <c r="W4471">
        <v>120</v>
      </c>
      <c r="X4471">
        <v>2020</v>
      </c>
    </row>
    <row r="4472" spans="1:24" x14ac:dyDescent="0.25">
      <c r="A4472">
        <v>6194</v>
      </c>
      <c r="B4472" t="s">
        <v>16</v>
      </c>
      <c r="C4472">
        <v>5</v>
      </c>
      <c r="D4472" t="s">
        <v>386</v>
      </c>
      <c r="E4472">
        <v>42</v>
      </c>
      <c r="F4472" t="s">
        <v>651</v>
      </c>
      <c r="G4472">
        <v>160</v>
      </c>
      <c r="H4472" t="s">
        <v>658</v>
      </c>
      <c r="I4472">
        <v>13755</v>
      </c>
      <c r="J4472" t="s">
        <v>792</v>
      </c>
      <c r="K4472">
        <v>6</v>
      </c>
      <c r="L4472" t="s">
        <v>3440</v>
      </c>
      <c r="M4472">
        <v>834</v>
      </c>
      <c r="N4472" t="s">
        <v>654</v>
      </c>
      <c r="O4472">
        <v>3</v>
      </c>
      <c r="P4472" t="s">
        <v>655</v>
      </c>
      <c r="Q4472">
        <v>1</v>
      </c>
      <c r="R4472" t="s">
        <v>656</v>
      </c>
      <c r="S4472">
        <v>2</v>
      </c>
      <c r="T4472" t="s">
        <v>661</v>
      </c>
      <c r="U4472">
        <v>8</v>
      </c>
      <c r="V4472">
        <v>2</v>
      </c>
      <c r="W4472">
        <v>120</v>
      </c>
      <c r="X4472">
        <v>2020</v>
      </c>
    </row>
    <row r="4473" spans="1:24" x14ac:dyDescent="0.25">
      <c r="A4473">
        <v>6193</v>
      </c>
      <c r="B4473" t="s">
        <v>16</v>
      </c>
      <c r="C4473">
        <v>5</v>
      </c>
      <c r="D4473" t="s">
        <v>386</v>
      </c>
      <c r="E4473">
        <v>42</v>
      </c>
      <c r="F4473" t="s">
        <v>651</v>
      </c>
      <c r="G4473">
        <v>160</v>
      </c>
      <c r="H4473" t="s">
        <v>658</v>
      </c>
      <c r="I4473">
        <v>13755</v>
      </c>
      <c r="J4473" t="s">
        <v>792</v>
      </c>
      <c r="K4473">
        <v>6</v>
      </c>
      <c r="L4473" t="s">
        <v>3441</v>
      </c>
      <c r="M4473">
        <v>833</v>
      </c>
      <c r="N4473" t="s">
        <v>654</v>
      </c>
      <c r="O4473">
        <v>3</v>
      </c>
      <c r="P4473" t="s">
        <v>655</v>
      </c>
      <c r="Q4473">
        <v>1</v>
      </c>
      <c r="R4473" t="s">
        <v>656</v>
      </c>
      <c r="S4473">
        <v>2</v>
      </c>
      <c r="T4473" t="s">
        <v>661</v>
      </c>
      <c r="U4473">
        <v>8</v>
      </c>
      <c r="V4473">
        <v>2</v>
      </c>
      <c r="W4473">
        <v>120</v>
      </c>
      <c r="X4473">
        <v>2020</v>
      </c>
    </row>
    <row r="4474" spans="1:24" x14ac:dyDescent="0.25">
      <c r="A4474">
        <v>6192</v>
      </c>
      <c r="B4474" t="s">
        <v>16</v>
      </c>
      <c r="C4474">
        <v>5</v>
      </c>
      <c r="D4474" t="s">
        <v>386</v>
      </c>
      <c r="E4474">
        <v>42</v>
      </c>
      <c r="F4474" t="s">
        <v>651</v>
      </c>
      <c r="G4474">
        <v>160</v>
      </c>
      <c r="H4474" t="s">
        <v>658</v>
      </c>
      <c r="I4474">
        <v>13755</v>
      </c>
      <c r="J4474" t="s">
        <v>792</v>
      </c>
      <c r="K4474">
        <v>6</v>
      </c>
      <c r="L4474" t="s">
        <v>3442</v>
      </c>
      <c r="M4474">
        <v>832</v>
      </c>
      <c r="N4474" t="s">
        <v>654</v>
      </c>
      <c r="O4474">
        <v>3</v>
      </c>
      <c r="P4474" t="s">
        <v>655</v>
      </c>
      <c r="Q4474">
        <v>1</v>
      </c>
      <c r="R4474" t="s">
        <v>656</v>
      </c>
      <c r="S4474">
        <v>2</v>
      </c>
      <c r="T4474" t="s">
        <v>661</v>
      </c>
      <c r="U4474">
        <v>8</v>
      </c>
      <c r="V4474">
        <v>2</v>
      </c>
      <c r="W4474">
        <v>120</v>
      </c>
      <c r="X4474">
        <v>2020</v>
      </c>
    </row>
    <row r="4475" spans="1:24" x14ac:dyDescent="0.25">
      <c r="A4475">
        <v>6191</v>
      </c>
      <c r="B4475" t="s">
        <v>16</v>
      </c>
      <c r="C4475">
        <v>5</v>
      </c>
      <c r="D4475" t="s">
        <v>386</v>
      </c>
      <c r="E4475">
        <v>42</v>
      </c>
      <c r="F4475" t="s">
        <v>651</v>
      </c>
      <c r="G4475">
        <v>160</v>
      </c>
      <c r="H4475" t="s">
        <v>658</v>
      </c>
      <c r="I4475">
        <v>13755</v>
      </c>
      <c r="J4475" t="s">
        <v>792</v>
      </c>
      <c r="K4475">
        <v>6</v>
      </c>
      <c r="L4475" t="s">
        <v>3443</v>
      </c>
      <c r="M4475">
        <v>831</v>
      </c>
      <c r="N4475" t="s">
        <v>654</v>
      </c>
      <c r="O4475">
        <v>3</v>
      </c>
      <c r="P4475" t="s">
        <v>655</v>
      </c>
      <c r="Q4475">
        <v>1</v>
      </c>
      <c r="R4475" t="s">
        <v>656</v>
      </c>
      <c r="S4475">
        <v>2</v>
      </c>
      <c r="T4475" t="s">
        <v>661</v>
      </c>
      <c r="U4475">
        <v>8</v>
      </c>
      <c r="V4475">
        <v>2</v>
      </c>
      <c r="W4475">
        <v>120</v>
      </c>
      <c r="X4475">
        <v>2020</v>
      </c>
    </row>
    <row r="4476" spans="1:24" x14ac:dyDescent="0.25">
      <c r="A4476">
        <v>6188</v>
      </c>
      <c r="B4476" t="s">
        <v>16</v>
      </c>
      <c r="C4476">
        <v>5</v>
      </c>
      <c r="D4476" t="s">
        <v>457</v>
      </c>
      <c r="E4476">
        <v>41</v>
      </c>
      <c r="F4476" t="s">
        <v>651</v>
      </c>
      <c r="G4476">
        <v>160</v>
      </c>
      <c r="H4476" t="s">
        <v>658</v>
      </c>
      <c r="I4476">
        <v>13755</v>
      </c>
      <c r="J4476" t="s">
        <v>726</v>
      </c>
      <c r="K4476">
        <v>2</v>
      </c>
      <c r="L4476" t="s">
        <v>3444</v>
      </c>
      <c r="M4476">
        <v>828</v>
      </c>
      <c r="N4476" t="s">
        <v>654</v>
      </c>
      <c r="O4476">
        <v>3</v>
      </c>
      <c r="P4476" t="s">
        <v>655</v>
      </c>
      <c r="Q4476">
        <v>1</v>
      </c>
      <c r="R4476" t="s">
        <v>656</v>
      </c>
      <c r="S4476">
        <v>2</v>
      </c>
      <c r="T4476" t="s">
        <v>661</v>
      </c>
      <c r="U4476">
        <v>8</v>
      </c>
      <c r="V4476">
        <v>2</v>
      </c>
      <c r="W4476">
        <v>120</v>
      </c>
      <c r="X4476">
        <v>2020</v>
      </c>
    </row>
    <row r="4477" spans="1:24" x14ac:dyDescent="0.25">
      <c r="A4477">
        <v>6185</v>
      </c>
      <c r="B4477" t="s">
        <v>16</v>
      </c>
      <c r="C4477">
        <v>5</v>
      </c>
      <c r="D4477" t="s">
        <v>457</v>
      </c>
      <c r="E4477">
        <v>41</v>
      </c>
      <c r="F4477" t="s">
        <v>651</v>
      </c>
      <c r="G4477">
        <v>160</v>
      </c>
      <c r="H4477" t="s">
        <v>658</v>
      </c>
      <c r="I4477">
        <v>13755</v>
      </c>
      <c r="J4477" t="s">
        <v>726</v>
      </c>
      <c r="K4477">
        <v>2</v>
      </c>
      <c r="L4477" t="s">
        <v>3445</v>
      </c>
      <c r="M4477">
        <v>825</v>
      </c>
      <c r="N4477" t="s">
        <v>654</v>
      </c>
      <c r="O4477">
        <v>3</v>
      </c>
      <c r="P4477" t="s">
        <v>655</v>
      </c>
      <c r="Q4477">
        <v>1</v>
      </c>
      <c r="R4477" t="s">
        <v>656</v>
      </c>
      <c r="S4477">
        <v>2</v>
      </c>
      <c r="T4477" t="s">
        <v>661</v>
      </c>
      <c r="U4477">
        <v>8</v>
      </c>
      <c r="V4477">
        <v>2</v>
      </c>
      <c r="W4477">
        <v>120</v>
      </c>
      <c r="X4477">
        <v>2020</v>
      </c>
    </row>
    <row r="4478" spans="1:24" x14ac:dyDescent="0.25">
      <c r="A4478">
        <v>6184</v>
      </c>
      <c r="B4478" t="s">
        <v>16</v>
      </c>
      <c r="C4478">
        <v>5</v>
      </c>
      <c r="D4478" t="s">
        <v>457</v>
      </c>
      <c r="E4478">
        <v>41</v>
      </c>
      <c r="F4478" t="s">
        <v>651</v>
      </c>
      <c r="G4478">
        <v>160</v>
      </c>
      <c r="H4478" t="s">
        <v>658</v>
      </c>
      <c r="I4478">
        <v>13755</v>
      </c>
      <c r="J4478" t="s">
        <v>726</v>
      </c>
      <c r="K4478">
        <v>2</v>
      </c>
      <c r="L4478" t="s">
        <v>3446</v>
      </c>
      <c r="M4478">
        <v>824</v>
      </c>
      <c r="N4478" t="s">
        <v>654</v>
      </c>
      <c r="O4478">
        <v>3</v>
      </c>
      <c r="P4478" t="s">
        <v>655</v>
      </c>
      <c r="Q4478">
        <v>1</v>
      </c>
      <c r="R4478" t="s">
        <v>656</v>
      </c>
      <c r="S4478">
        <v>2</v>
      </c>
      <c r="T4478" t="s">
        <v>661</v>
      </c>
      <c r="U4478">
        <v>8</v>
      </c>
      <c r="V4478">
        <v>2</v>
      </c>
      <c r="W4478">
        <v>120</v>
      </c>
      <c r="X4478">
        <v>2020</v>
      </c>
    </row>
    <row r="4479" spans="1:24" x14ac:dyDescent="0.25">
      <c r="A4479">
        <v>6183</v>
      </c>
      <c r="B4479" t="s">
        <v>16</v>
      </c>
      <c r="C4479">
        <v>5</v>
      </c>
      <c r="D4479" t="s">
        <v>457</v>
      </c>
      <c r="E4479">
        <v>41</v>
      </c>
      <c r="F4479" t="s">
        <v>651</v>
      </c>
      <c r="G4479">
        <v>160</v>
      </c>
      <c r="H4479" t="s">
        <v>658</v>
      </c>
      <c r="I4479">
        <v>13755</v>
      </c>
      <c r="J4479" t="s">
        <v>726</v>
      </c>
      <c r="K4479">
        <v>2</v>
      </c>
      <c r="L4479" t="s">
        <v>3447</v>
      </c>
      <c r="M4479">
        <v>823</v>
      </c>
      <c r="N4479" t="s">
        <v>654</v>
      </c>
      <c r="O4479">
        <v>3</v>
      </c>
      <c r="P4479" t="s">
        <v>655</v>
      </c>
      <c r="Q4479">
        <v>1</v>
      </c>
      <c r="R4479" t="s">
        <v>656</v>
      </c>
      <c r="S4479">
        <v>2</v>
      </c>
      <c r="T4479" t="s">
        <v>661</v>
      </c>
      <c r="U4479">
        <v>8</v>
      </c>
      <c r="V4479">
        <v>2</v>
      </c>
      <c r="W4479">
        <v>120</v>
      </c>
      <c r="X4479">
        <v>2020</v>
      </c>
    </row>
    <row r="4480" spans="1:24" x14ac:dyDescent="0.25">
      <c r="A4480">
        <v>6182</v>
      </c>
      <c r="B4480" t="s">
        <v>16</v>
      </c>
      <c r="C4480">
        <v>5</v>
      </c>
      <c r="D4480" t="s">
        <v>457</v>
      </c>
      <c r="E4480">
        <v>41</v>
      </c>
      <c r="F4480" t="s">
        <v>651</v>
      </c>
      <c r="G4480">
        <v>160</v>
      </c>
      <c r="H4480" t="s">
        <v>658</v>
      </c>
      <c r="I4480">
        <v>13755</v>
      </c>
      <c r="J4480" t="s">
        <v>726</v>
      </c>
      <c r="K4480">
        <v>2</v>
      </c>
      <c r="L4480" t="s">
        <v>3448</v>
      </c>
      <c r="M4480">
        <v>822</v>
      </c>
      <c r="N4480" t="s">
        <v>654</v>
      </c>
      <c r="O4480">
        <v>3</v>
      </c>
      <c r="P4480" t="s">
        <v>655</v>
      </c>
      <c r="Q4480">
        <v>1</v>
      </c>
      <c r="R4480" t="s">
        <v>656</v>
      </c>
      <c r="S4480">
        <v>2</v>
      </c>
      <c r="T4480" t="s">
        <v>661</v>
      </c>
      <c r="U4480">
        <v>8</v>
      </c>
      <c r="V4480">
        <v>2</v>
      </c>
      <c r="W4480">
        <v>120</v>
      </c>
      <c r="X4480">
        <v>2020</v>
      </c>
    </row>
    <row r="4481" spans="1:24" x14ac:dyDescent="0.25">
      <c r="A4481">
        <v>6181</v>
      </c>
      <c r="B4481" t="s">
        <v>16</v>
      </c>
      <c r="C4481">
        <v>5</v>
      </c>
      <c r="D4481" t="s">
        <v>457</v>
      </c>
      <c r="E4481">
        <v>41</v>
      </c>
      <c r="F4481" t="s">
        <v>651</v>
      </c>
      <c r="G4481">
        <v>160</v>
      </c>
      <c r="H4481" t="s">
        <v>658</v>
      </c>
      <c r="I4481">
        <v>13755</v>
      </c>
      <c r="J4481" t="s">
        <v>726</v>
      </c>
      <c r="K4481">
        <v>2</v>
      </c>
      <c r="L4481" t="s">
        <v>1087</v>
      </c>
      <c r="M4481">
        <v>821</v>
      </c>
      <c r="N4481" t="s">
        <v>654</v>
      </c>
      <c r="O4481">
        <v>3</v>
      </c>
      <c r="P4481" t="s">
        <v>655</v>
      </c>
      <c r="Q4481">
        <v>1</v>
      </c>
      <c r="R4481" t="s">
        <v>656</v>
      </c>
      <c r="S4481">
        <v>2</v>
      </c>
      <c r="T4481" t="s">
        <v>661</v>
      </c>
      <c r="U4481">
        <v>8</v>
      </c>
      <c r="V4481">
        <v>2</v>
      </c>
      <c r="W4481">
        <v>120</v>
      </c>
      <c r="X4481">
        <v>2020</v>
      </c>
    </row>
    <row r="4482" spans="1:24" x14ac:dyDescent="0.25">
      <c r="A4482">
        <v>6180</v>
      </c>
      <c r="B4482" t="s">
        <v>16</v>
      </c>
      <c r="C4482">
        <v>5</v>
      </c>
      <c r="D4482" t="s">
        <v>457</v>
      </c>
      <c r="E4482">
        <v>41</v>
      </c>
      <c r="F4482" t="s">
        <v>651</v>
      </c>
      <c r="G4482">
        <v>160</v>
      </c>
      <c r="H4482" t="s">
        <v>658</v>
      </c>
      <c r="I4482">
        <v>13755</v>
      </c>
      <c r="J4482" t="s">
        <v>726</v>
      </c>
      <c r="K4482">
        <v>2</v>
      </c>
      <c r="L4482" t="s">
        <v>3449</v>
      </c>
      <c r="M4482">
        <v>820</v>
      </c>
      <c r="N4482" t="s">
        <v>654</v>
      </c>
      <c r="O4482">
        <v>3</v>
      </c>
      <c r="P4482" t="s">
        <v>655</v>
      </c>
      <c r="Q4482">
        <v>1</v>
      </c>
      <c r="R4482" t="s">
        <v>656</v>
      </c>
      <c r="S4482">
        <v>2</v>
      </c>
      <c r="T4482" t="s">
        <v>661</v>
      </c>
      <c r="U4482">
        <v>8</v>
      </c>
      <c r="V4482">
        <v>2</v>
      </c>
      <c r="W4482">
        <v>120</v>
      </c>
      <c r="X4482">
        <v>2020</v>
      </c>
    </row>
    <row r="4483" spans="1:24" x14ac:dyDescent="0.25">
      <c r="A4483">
        <v>6179</v>
      </c>
      <c r="B4483" t="s">
        <v>16</v>
      </c>
      <c r="C4483">
        <v>5</v>
      </c>
      <c r="D4483" t="s">
        <v>604</v>
      </c>
      <c r="E4483">
        <v>40</v>
      </c>
      <c r="F4483" t="s">
        <v>651</v>
      </c>
      <c r="G4483">
        <v>160</v>
      </c>
      <c r="H4483" t="s">
        <v>658</v>
      </c>
      <c r="I4483">
        <v>13755</v>
      </c>
      <c r="J4483" t="s">
        <v>866</v>
      </c>
      <c r="K4483">
        <v>9</v>
      </c>
      <c r="L4483" t="s">
        <v>3450</v>
      </c>
      <c r="M4483">
        <v>819</v>
      </c>
      <c r="N4483" t="s">
        <v>654</v>
      </c>
      <c r="O4483">
        <v>3</v>
      </c>
      <c r="P4483" t="s">
        <v>655</v>
      </c>
      <c r="Q4483">
        <v>1</v>
      </c>
      <c r="R4483" t="s">
        <v>656</v>
      </c>
      <c r="S4483">
        <v>2</v>
      </c>
      <c r="T4483" t="s">
        <v>718</v>
      </c>
      <c r="U4483">
        <v>2</v>
      </c>
      <c r="V4483">
        <v>2</v>
      </c>
      <c r="W4483">
        <v>120</v>
      </c>
      <c r="X4483">
        <v>2020</v>
      </c>
    </row>
    <row r="4484" spans="1:24" x14ac:dyDescent="0.25">
      <c r="A4484">
        <v>6178</v>
      </c>
      <c r="B4484" t="s">
        <v>16</v>
      </c>
      <c r="C4484">
        <v>5</v>
      </c>
      <c r="D4484" t="s">
        <v>604</v>
      </c>
      <c r="E4484">
        <v>40</v>
      </c>
      <c r="F4484" t="s">
        <v>651</v>
      </c>
      <c r="G4484">
        <v>160</v>
      </c>
      <c r="H4484" t="s">
        <v>658</v>
      </c>
      <c r="I4484">
        <v>13755</v>
      </c>
      <c r="J4484" t="s">
        <v>866</v>
      </c>
      <c r="K4484">
        <v>9</v>
      </c>
      <c r="L4484" t="s">
        <v>3451</v>
      </c>
      <c r="M4484">
        <v>818</v>
      </c>
      <c r="N4484" t="s">
        <v>654</v>
      </c>
      <c r="O4484">
        <v>3</v>
      </c>
      <c r="P4484" t="s">
        <v>655</v>
      </c>
      <c r="Q4484">
        <v>1</v>
      </c>
      <c r="R4484" t="s">
        <v>656</v>
      </c>
      <c r="S4484">
        <v>2</v>
      </c>
      <c r="T4484" t="s">
        <v>718</v>
      </c>
      <c r="U4484">
        <v>2</v>
      </c>
      <c r="V4484">
        <v>2</v>
      </c>
      <c r="W4484">
        <v>120</v>
      </c>
      <c r="X4484">
        <v>2020</v>
      </c>
    </row>
    <row r="4485" spans="1:24" x14ac:dyDescent="0.25">
      <c r="A4485">
        <v>6177</v>
      </c>
      <c r="B4485" t="s">
        <v>16</v>
      </c>
      <c r="C4485">
        <v>5</v>
      </c>
      <c r="D4485" t="s">
        <v>604</v>
      </c>
      <c r="E4485">
        <v>40</v>
      </c>
      <c r="F4485" t="s">
        <v>651</v>
      </c>
      <c r="G4485">
        <v>160</v>
      </c>
      <c r="H4485" t="s">
        <v>658</v>
      </c>
      <c r="I4485">
        <v>13755</v>
      </c>
      <c r="J4485" t="s">
        <v>866</v>
      </c>
      <c r="K4485">
        <v>9</v>
      </c>
      <c r="L4485" t="s">
        <v>3452</v>
      </c>
      <c r="M4485">
        <v>817</v>
      </c>
      <c r="N4485" t="s">
        <v>654</v>
      </c>
      <c r="O4485">
        <v>3</v>
      </c>
      <c r="P4485" t="s">
        <v>655</v>
      </c>
      <c r="Q4485">
        <v>1</v>
      </c>
      <c r="R4485" t="s">
        <v>656</v>
      </c>
      <c r="S4485">
        <v>2</v>
      </c>
      <c r="T4485" t="s">
        <v>661</v>
      </c>
      <c r="U4485">
        <v>8</v>
      </c>
      <c r="V4485">
        <v>2</v>
      </c>
      <c r="W4485">
        <v>120</v>
      </c>
      <c r="X4485">
        <v>2020</v>
      </c>
    </row>
    <row r="4486" spans="1:24" x14ac:dyDescent="0.25">
      <c r="A4486">
        <v>6176</v>
      </c>
      <c r="B4486" t="s">
        <v>16</v>
      </c>
      <c r="C4486">
        <v>5</v>
      </c>
      <c r="D4486" t="s">
        <v>604</v>
      </c>
      <c r="E4486">
        <v>40</v>
      </c>
      <c r="F4486" t="s">
        <v>651</v>
      </c>
      <c r="G4486">
        <v>160</v>
      </c>
      <c r="H4486" t="s">
        <v>658</v>
      </c>
      <c r="I4486">
        <v>13755</v>
      </c>
      <c r="J4486" t="s">
        <v>866</v>
      </c>
      <c r="K4486">
        <v>9</v>
      </c>
      <c r="L4486" t="s">
        <v>3453</v>
      </c>
      <c r="M4486">
        <v>816</v>
      </c>
      <c r="N4486" t="s">
        <v>654</v>
      </c>
      <c r="O4486">
        <v>3</v>
      </c>
      <c r="P4486" t="s">
        <v>655</v>
      </c>
      <c r="Q4486">
        <v>1</v>
      </c>
      <c r="R4486" t="s">
        <v>656</v>
      </c>
      <c r="S4486">
        <v>2</v>
      </c>
      <c r="T4486" t="s">
        <v>661</v>
      </c>
      <c r="U4486">
        <v>8</v>
      </c>
      <c r="V4486">
        <v>2</v>
      </c>
      <c r="W4486">
        <v>120</v>
      </c>
      <c r="X4486">
        <v>2020</v>
      </c>
    </row>
    <row r="4487" spans="1:24" x14ac:dyDescent="0.25">
      <c r="A4487">
        <v>6175</v>
      </c>
      <c r="B4487" t="s">
        <v>16</v>
      </c>
      <c r="C4487">
        <v>5</v>
      </c>
      <c r="D4487" t="s">
        <v>604</v>
      </c>
      <c r="E4487">
        <v>40</v>
      </c>
      <c r="F4487" t="s">
        <v>651</v>
      </c>
      <c r="G4487">
        <v>160</v>
      </c>
      <c r="H4487" t="s">
        <v>658</v>
      </c>
      <c r="I4487">
        <v>13755</v>
      </c>
      <c r="J4487" t="s">
        <v>866</v>
      </c>
      <c r="K4487">
        <v>9</v>
      </c>
      <c r="L4487" t="s">
        <v>3454</v>
      </c>
      <c r="M4487">
        <v>815</v>
      </c>
      <c r="N4487" t="s">
        <v>654</v>
      </c>
      <c r="O4487">
        <v>3</v>
      </c>
      <c r="P4487" t="s">
        <v>655</v>
      </c>
      <c r="Q4487">
        <v>1</v>
      </c>
      <c r="R4487" t="s">
        <v>656</v>
      </c>
      <c r="S4487">
        <v>2</v>
      </c>
      <c r="T4487" t="s">
        <v>661</v>
      </c>
      <c r="U4487">
        <v>8</v>
      </c>
      <c r="V4487">
        <v>2</v>
      </c>
      <c r="W4487">
        <v>120</v>
      </c>
      <c r="X4487">
        <v>2020</v>
      </c>
    </row>
    <row r="4488" spans="1:24" x14ac:dyDescent="0.25">
      <c r="A4488">
        <v>6174</v>
      </c>
      <c r="B4488" t="s">
        <v>16</v>
      </c>
      <c r="C4488">
        <v>5</v>
      </c>
      <c r="D4488" t="s">
        <v>604</v>
      </c>
      <c r="E4488">
        <v>40</v>
      </c>
      <c r="F4488" t="s">
        <v>651</v>
      </c>
      <c r="G4488">
        <v>160</v>
      </c>
      <c r="H4488" t="s">
        <v>658</v>
      </c>
      <c r="I4488">
        <v>13755</v>
      </c>
      <c r="J4488" t="s">
        <v>866</v>
      </c>
      <c r="K4488">
        <v>9</v>
      </c>
      <c r="L4488" t="s">
        <v>3455</v>
      </c>
      <c r="M4488">
        <v>814</v>
      </c>
      <c r="N4488" t="s">
        <v>654</v>
      </c>
      <c r="O4488">
        <v>3</v>
      </c>
      <c r="P4488" t="s">
        <v>655</v>
      </c>
      <c r="Q4488">
        <v>1</v>
      </c>
      <c r="R4488" t="s">
        <v>656</v>
      </c>
      <c r="S4488">
        <v>2</v>
      </c>
      <c r="T4488" t="s">
        <v>661</v>
      </c>
      <c r="U4488">
        <v>8</v>
      </c>
      <c r="V4488">
        <v>2</v>
      </c>
      <c r="W4488">
        <v>120</v>
      </c>
      <c r="X4488">
        <v>2020</v>
      </c>
    </row>
    <row r="4489" spans="1:24" x14ac:dyDescent="0.25">
      <c r="A4489">
        <v>6173</v>
      </c>
      <c r="B4489" t="s">
        <v>16</v>
      </c>
      <c r="C4489">
        <v>5</v>
      </c>
      <c r="D4489" t="s">
        <v>604</v>
      </c>
      <c r="E4489">
        <v>40</v>
      </c>
      <c r="F4489" t="s">
        <v>651</v>
      </c>
      <c r="G4489">
        <v>160</v>
      </c>
      <c r="H4489" t="s">
        <v>658</v>
      </c>
      <c r="I4489">
        <v>13755</v>
      </c>
      <c r="J4489" t="s">
        <v>866</v>
      </c>
      <c r="K4489">
        <v>9</v>
      </c>
      <c r="L4489" t="s">
        <v>3456</v>
      </c>
      <c r="M4489">
        <v>813</v>
      </c>
      <c r="N4489" t="s">
        <v>654</v>
      </c>
      <c r="O4489">
        <v>3</v>
      </c>
      <c r="P4489" t="s">
        <v>655</v>
      </c>
      <c r="Q4489">
        <v>1</v>
      </c>
      <c r="R4489" t="s">
        <v>656</v>
      </c>
      <c r="S4489">
        <v>2</v>
      </c>
      <c r="T4489" t="s">
        <v>718</v>
      </c>
      <c r="U4489">
        <v>2</v>
      </c>
      <c r="V4489">
        <v>2</v>
      </c>
      <c r="W4489">
        <v>120</v>
      </c>
      <c r="X4489">
        <v>2020</v>
      </c>
    </row>
    <row r="4490" spans="1:24" x14ac:dyDescent="0.25">
      <c r="A4490">
        <v>6172</v>
      </c>
      <c r="B4490" t="s">
        <v>16</v>
      </c>
      <c r="C4490">
        <v>5</v>
      </c>
      <c r="D4490" t="s">
        <v>604</v>
      </c>
      <c r="E4490">
        <v>40</v>
      </c>
      <c r="F4490" t="s">
        <v>651</v>
      </c>
      <c r="G4490">
        <v>160</v>
      </c>
      <c r="H4490" t="s">
        <v>658</v>
      </c>
      <c r="I4490">
        <v>13755</v>
      </c>
      <c r="J4490" t="s">
        <v>866</v>
      </c>
      <c r="K4490">
        <v>9</v>
      </c>
      <c r="L4490" t="s">
        <v>3457</v>
      </c>
      <c r="M4490">
        <v>812</v>
      </c>
      <c r="N4490" t="s">
        <v>654</v>
      </c>
      <c r="O4490">
        <v>3</v>
      </c>
      <c r="P4490" t="s">
        <v>655</v>
      </c>
      <c r="Q4490">
        <v>1</v>
      </c>
      <c r="R4490" t="s">
        <v>656</v>
      </c>
      <c r="S4490">
        <v>2</v>
      </c>
      <c r="T4490" t="s">
        <v>661</v>
      </c>
      <c r="U4490">
        <v>8</v>
      </c>
      <c r="V4490">
        <v>2</v>
      </c>
      <c r="W4490">
        <v>120</v>
      </c>
      <c r="X4490">
        <v>2020</v>
      </c>
    </row>
    <row r="4491" spans="1:24" x14ac:dyDescent="0.25">
      <c r="A4491">
        <v>6170</v>
      </c>
      <c r="B4491" t="s">
        <v>16</v>
      </c>
      <c r="C4491">
        <v>5</v>
      </c>
      <c r="D4491" t="s">
        <v>11</v>
      </c>
      <c r="E4491">
        <v>39</v>
      </c>
      <c r="F4491" t="s">
        <v>651</v>
      </c>
      <c r="G4491">
        <v>160</v>
      </c>
      <c r="H4491" t="s">
        <v>658</v>
      </c>
      <c r="I4491">
        <v>13755</v>
      </c>
      <c r="J4491" t="s">
        <v>65</v>
      </c>
      <c r="K4491">
        <v>15</v>
      </c>
      <c r="L4491" t="s">
        <v>3458</v>
      </c>
      <c r="M4491">
        <v>810</v>
      </c>
      <c r="N4491" t="s">
        <v>654</v>
      </c>
      <c r="O4491">
        <v>3</v>
      </c>
      <c r="P4491" t="s">
        <v>655</v>
      </c>
      <c r="Q4491">
        <v>1</v>
      </c>
      <c r="R4491" t="s">
        <v>656</v>
      </c>
      <c r="S4491">
        <v>2</v>
      </c>
      <c r="T4491" t="s">
        <v>718</v>
      </c>
      <c r="U4491">
        <v>2</v>
      </c>
      <c r="V4491">
        <v>1</v>
      </c>
      <c r="W4491">
        <v>60</v>
      </c>
      <c r="X4491">
        <v>2020</v>
      </c>
    </row>
    <row r="4492" spans="1:24" x14ac:dyDescent="0.25">
      <c r="A4492">
        <v>6168</v>
      </c>
      <c r="B4492" t="s">
        <v>16</v>
      </c>
      <c r="C4492">
        <v>5</v>
      </c>
      <c r="D4492" t="s">
        <v>11</v>
      </c>
      <c r="E4492">
        <v>39</v>
      </c>
      <c r="F4492" t="s">
        <v>651</v>
      </c>
      <c r="G4492">
        <v>160</v>
      </c>
      <c r="H4492" t="s">
        <v>658</v>
      </c>
      <c r="I4492">
        <v>13755</v>
      </c>
      <c r="J4492" t="s">
        <v>65</v>
      </c>
      <c r="K4492">
        <v>15</v>
      </c>
      <c r="L4492" t="s">
        <v>3459</v>
      </c>
      <c r="M4492">
        <v>808</v>
      </c>
      <c r="N4492" t="s">
        <v>654</v>
      </c>
      <c r="O4492">
        <v>3</v>
      </c>
      <c r="P4492" t="s">
        <v>655</v>
      </c>
      <c r="Q4492">
        <v>1</v>
      </c>
      <c r="R4492" t="s">
        <v>656</v>
      </c>
      <c r="S4492">
        <v>2</v>
      </c>
      <c r="T4492" t="s">
        <v>661</v>
      </c>
      <c r="U4492">
        <v>8</v>
      </c>
      <c r="V4492">
        <v>1</v>
      </c>
      <c r="W4492">
        <v>60</v>
      </c>
      <c r="X4492">
        <v>2020</v>
      </c>
    </row>
    <row r="4493" spans="1:24" x14ac:dyDescent="0.25">
      <c r="A4493">
        <v>6167</v>
      </c>
      <c r="B4493" t="s">
        <v>16</v>
      </c>
      <c r="C4493">
        <v>5</v>
      </c>
      <c r="D4493" t="s">
        <v>11</v>
      </c>
      <c r="E4493">
        <v>39</v>
      </c>
      <c r="F4493" t="s">
        <v>651</v>
      </c>
      <c r="G4493">
        <v>160</v>
      </c>
      <c r="H4493" t="s">
        <v>658</v>
      </c>
      <c r="I4493">
        <v>13755</v>
      </c>
      <c r="J4493" t="s">
        <v>65</v>
      </c>
      <c r="K4493">
        <v>15</v>
      </c>
      <c r="L4493" t="s">
        <v>791</v>
      </c>
      <c r="M4493">
        <v>807</v>
      </c>
      <c r="N4493" t="s">
        <v>654</v>
      </c>
      <c r="O4493">
        <v>3</v>
      </c>
      <c r="P4493" t="s">
        <v>655</v>
      </c>
      <c r="Q4493">
        <v>1</v>
      </c>
      <c r="R4493" t="s">
        <v>656</v>
      </c>
      <c r="S4493">
        <v>2</v>
      </c>
      <c r="T4493" t="s">
        <v>661</v>
      </c>
      <c r="U4493">
        <v>8</v>
      </c>
      <c r="V4493">
        <v>1</v>
      </c>
      <c r="W4493">
        <v>60</v>
      </c>
      <c r="X4493">
        <v>2020</v>
      </c>
    </row>
    <row r="4494" spans="1:24" x14ac:dyDescent="0.25">
      <c r="A4494">
        <v>6166</v>
      </c>
      <c r="B4494" t="s">
        <v>16</v>
      </c>
      <c r="C4494">
        <v>5</v>
      </c>
      <c r="D4494" t="s">
        <v>11</v>
      </c>
      <c r="E4494">
        <v>39</v>
      </c>
      <c r="F4494" t="s">
        <v>651</v>
      </c>
      <c r="G4494">
        <v>160</v>
      </c>
      <c r="H4494" t="s">
        <v>658</v>
      </c>
      <c r="I4494">
        <v>13755</v>
      </c>
      <c r="J4494" t="s">
        <v>65</v>
      </c>
      <c r="K4494">
        <v>15</v>
      </c>
      <c r="L4494" t="s">
        <v>898</v>
      </c>
      <c r="M4494">
        <v>806</v>
      </c>
      <c r="N4494" t="s">
        <v>654</v>
      </c>
      <c r="O4494">
        <v>3</v>
      </c>
      <c r="P4494" t="s">
        <v>655</v>
      </c>
      <c r="Q4494">
        <v>1</v>
      </c>
      <c r="R4494" t="s">
        <v>656</v>
      </c>
      <c r="S4494">
        <v>2</v>
      </c>
      <c r="T4494" t="s">
        <v>661</v>
      </c>
      <c r="U4494">
        <v>8</v>
      </c>
      <c r="V4494">
        <v>1</v>
      </c>
      <c r="W4494">
        <v>60</v>
      </c>
      <c r="X4494">
        <v>2020</v>
      </c>
    </row>
    <row r="4495" spans="1:24" x14ac:dyDescent="0.25">
      <c r="A4495">
        <v>6164</v>
      </c>
      <c r="B4495" t="s">
        <v>16</v>
      </c>
      <c r="C4495">
        <v>5</v>
      </c>
      <c r="D4495" t="s">
        <v>11</v>
      </c>
      <c r="E4495">
        <v>39</v>
      </c>
      <c r="F4495" t="s">
        <v>651</v>
      </c>
      <c r="G4495">
        <v>160</v>
      </c>
      <c r="H4495" t="s">
        <v>658</v>
      </c>
      <c r="I4495">
        <v>13755</v>
      </c>
      <c r="J4495" t="s">
        <v>65</v>
      </c>
      <c r="K4495">
        <v>15</v>
      </c>
      <c r="L4495" t="s">
        <v>3460</v>
      </c>
      <c r="M4495">
        <v>804</v>
      </c>
      <c r="N4495" t="s">
        <v>654</v>
      </c>
      <c r="O4495">
        <v>3</v>
      </c>
      <c r="P4495" t="s">
        <v>655</v>
      </c>
      <c r="Q4495">
        <v>1</v>
      </c>
      <c r="R4495" t="s">
        <v>656</v>
      </c>
      <c r="S4495">
        <v>2</v>
      </c>
      <c r="T4495" t="s">
        <v>661</v>
      </c>
      <c r="U4495">
        <v>8</v>
      </c>
      <c r="V4495">
        <v>1</v>
      </c>
      <c r="W4495">
        <v>60</v>
      </c>
      <c r="X4495">
        <v>2020</v>
      </c>
    </row>
    <row r="4496" spans="1:24" x14ac:dyDescent="0.25">
      <c r="A4496">
        <v>6163</v>
      </c>
      <c r="B4496" t="s">
        <v>16</v>
      </c>
      <c r="C4496">
        <v>5</v>
      </c>
      <c r="D4496" t="s">
        <v>11</v>
      </c>
      <c r="E4496">
        <v>39</v>
      </c>
      <c r="F4496" t="s">
        <v>651</v>
      </c>
      <c r="G4496">
        <v>160</v>
      </c>
      <c r="H4496" t="s">
        <v>658</v>
      </c>
      <c r="I4496">
        <v>13755</v>
      </c>
      <c r="J4496" t="s">
        <v>65</v>
      </c>
      <c r="K4496">
        <v>15</v>
      </c>
      <c r="L4496" t="s">
        <v>899</v>
      </c>
      <c r="M4496">
        <v>803</v>
      </c>
      <c r="N4496" t="s">
        <v>654</v>
      </c>
      <c r="O4496">
        <v>3</v>
      </c>
      <c r="P4496" t="s">
        <v>655</v>
      </c>
      <c r="Q4496">
        <v>1</v>
      </c>
      <c r="R4496" t="s">
        <v>656</v>
      </c>
      <c r="S4496">
        <v>2</v>
      </c>
      <c r="T4496" t="s">
        <v>661</v>
      </c>
      <c r="U4496">
        <v>8</v>
      </c>
      <c r="V4496">
        <v>1</v>
      </c>
      <c r="W4496">
        <v>60</v>
      </c>
      <c r="X4496">
        <v>2020</v>
      </c>
    </row>
    <row r="4497" spans="1:24" x14ac:dyDescent="0.25">
      <c r="A4497">
        <v>6162</v>
      </c>
      <c r="B4497" t="s">
        <v>16</v>
      </c>
      <c r="C4497">
        <v>5</v>
      </c>
      <c r="D4497" t="s">
        <v>11</v>
      </c>
      <c r="E4497">
        <v>39</v>
      </c>
      <c r="F4497" t="s">
        <v>651</v>
      </c>
      <c r="G4497">
        <v>160</v>
      </c>
      <c r="H4497" t="s">
        <v>658</v>
      </c>
      <c r="I4497">
        <v>13755</v>
      </c>
      <c r="J4497" t="s">
        <v>65</v>
      </c>
      <c r="K4497">
        <v>15</v>
      </c>
      <c r="L4497" t="s">
        <v>1962</v>
      </c>
      <c r="M4497">
        <v>802</v>
      </c>
      <c r="N4497" t="s">
        <v>654</v>
      </c>
      <c r="O4497">
        <v>3</v>
      </c>
      <c r="P4497" t="s">
        <v>655</v>
      </c>
      <c r="Q4497">
        <v>1</v>
      </c>
      <c r="R4497" t="s">
        <v>656</v>
      </c>
      <c r="S4497">
        <v>2</v>
      </c>
      <c r="T4497" t="s">
        <v>661</v>
      </c>
      <c r="U4497">
        <v>8</v>
      </c>
      <c r="V4497">
        <v>1</v>
      </c>
      <c r="W4497">
        <v>60</v>
      </c>
      <c r="X4497">
        <v>2020</v>
      </c>
    </row>
    <row r="4498" spans="1:24" x14ac:dyDescent="0.25">
      <c r="A4498">
        <v>6161</v>
      </c>
      <c r="B4498" t="s">
        <v>16</v>
      </c>
      <c r="C4498">
        <v>5</v>
      </c>
      <c r="D4498" t="s">
        <v>11</v>
      </c>
      <c r="E4498">
        <v>39</v>
      </c>
      <c r="F4498" t="s">
        <v>651</v>
      </c>
      <c r="G4498">
        <v>160</v>
      </c>
      <c r="H4498" t="s">
        <v>658</v>
      </c>
      <c r="I4498">
        <v>13755</v>
      </c>
      <c r="J4498" t="s">
        <v>65</v>
      </c>
      <c r="K4498">
        <v>15</v>
      </c>
      <c r="L4498" t="s">
        <v>3461</v>
      </c>
      <c r="M4498">
        <v>801</v>
      </c>
      <c r="N4498" t="s">
        <v>654</v>
      </c>
      <c r="O4498">
        <v>3</v>
      </c>
      <c r="P4498" t="s">
        <v>655</v>
      </c>
      <c r="Q4498">
        <v>1</v>
      </c>
      <c r="R4498" t="s">
        <v>656</v>
      </c>
      <c r="S4498">
        <v>2</v>
      </c>
      <c r="T4498" t="s">
        <v>661</v>
      </c>
      <c r="U4498">
        <v>8</v>
      </c>
      <c r="V4498">
        <v>1</v>
      </c>
      <c r="W4498">
        <v>60</v>
      </c>
      <c r="X4498">
        <v>2020</v>
      </c>
    </row>
    <row r="4499" spans="1:24" x14ac:dyDescent="0.25">
      <c r="A4499">
        <v>6160</v>
      </c>
      <c r="B4499" t="s">
        <v>16</v>
      </c>
      <c r="C4499">
        <v>5</v>
      </c>
      <c r="D4499" t="s">
        <v>11</v>
      </c>
      <c r="E4499">
        <v>39</v>
      </c>
      <c r="F4499" t="s">
        <v>651</v>
      </c>
      <c r="G4499">
        <v>160</v>
      </c>
      <c r="H4499" t="s">
        <v>658</v>
      </c>
      <c r="I4499">
        <v>13755</v>
      </c>
      <c r="J4499" t="s">
        <v>65</v>
      </c>
      <c r="K4499">
        <v>15</v>
      </c>
      <c r="L4499" t="s">
        <v>1979</v>
      </c>
      <c r="M4499">
        <v>800</v>
      </c>
      <c r="N4499" t="s">
        <v>654</v>
      </c>
      <c r="O4499">
        <v>3</v>
      </c>
      <c r="P4499" t="s">
        <v>655</v>
      </c>
      <c r="Q4499">
        <v>1</v>
      </c>
      <c r="R4499" t="s">
        <v>656</v>
      </c>
      <c r="S4499">
        <v>2</v>
      </c>
      <c r="T4499" t="s">
        <v>661</v>
      </c>
      <c r="U4499">
        <v>8</v>
      </c>
      <c r="V4499">
        <v>1</v>
      </c>
      <c r="W4499">
        <v>60</v>
      </c>
      <c r="X4499">
        <v>2020</v>
      </c>
    </row>
    <row r="4500" spans="1:24" x14ac:dyDescent="0.25">
      <c r="A4500">
        <v>6159</v>
      </c>
      <c r="B4500" t="s">
        <v>16</v>
      </c>
      <c r="C4500">
        <v>5</v>
      </c>
      <c r="D4500" t="s">
        <v>11</v>
      </c>
      <c r="E4500">
        <v>39</v>
      </c>
      <c r="F4500" t="s">
        <v>651</v>
      </c>
      <c r="G4500">
        <v>160</v>
      </c>
      <c r="H4500" t="s">
        <v>658</v>
      </c>
      <c r="I4500">
        <v>13755</v>
      </c>
      <c r="J4500" t="s">
        <v>65</v>
      </c>
      <c r="K4500">
        <v>15</v>
      </c>
      <c r="L4500" t="s">
        <v>908</v>
      </c>
      <c r="M4500">
        <v>799</v>
      </c>
      <c r="N4500" t="s">
        <v>654</v>
      </c>
      <c r="O4500">
        <v>3</v>
      </c>
      <c r="P4500" t="s">
        <v>655</v>
      </c>
      <c r="Q4500">
        <v>1</v>
      </c>
      <c r="R4500" t="s">
        <v>656</v>
      </c>
      <c r="S4500">
        <v>2</v>
      </c>
      <c r="T4500" t="s">
        <v>661</v>
      </c>
      <c r="U4500">
        <v>8</v>
      </c>
      <c r="V4500">
        <v>1</v>
      </c>
      <c r="W4500">
        <v>60</v>
      </c>
      <c r="X4500">
        <v>2020</v>
      </c>
    </row>
    <row r="4501" spans="1:24" x14ac:dyDescent="0.25">
      <c r="A4501">
        <v>6156</v>
      </c>
      <c r="B4501" t="s">
        <v>16</v>
      </c>
      <c r="C4501">
        <v>5</v>
      </c>
      <c r="D4501" t="s">
        <v>514</v>
      </c>
      <c r="E4501">
        <v>38</v>
      </c>
      <c r="F4501" t="s">
        <v>651</v>
      </c>
      <c r="G4501">
        <v>160</v>
      </c>
      <c r="H4501" t="s">
        <v>658</v>
      </c>
      <c r="I4501">
        <v>13755</v>
      </c>
      <c r="J4501" t="s">
        <v>897</v>
      </c>
      <c r="K4501">
        <v>3</v>
      </c>
      <c r="L4501" t="s">
        <v>3462</v>
      </c>
      <c r="M4501">
        <v>796</v>
      </c>
      <c r="N4501" t="s">
        <v>654</v>
      </c>
      <c r="O4501">
        <v>3</v>
      </c>
      <c r="P4501" t="s">
        <v>655</v>
      </c>
      <c r="Q4501">
        <v>1</v>
      </c>
      <c r="R4501" t="s">
        <v>656</v>
      </c>
      <c r="S4501">
        <v>2</v>
      </c>
      <c r="T4501" t="s">
        <v>661</v>
      </c>
      <c r="U4501">
        <v>8</v>
      </c>
      <c r="V4501">
        <v>2</v>
      </c>
      <c r="W4501">
        <v>120</v>
      </c>
      <c r="X4501">
        <v>2020</v>
      </c>
    </row>
    <row r="4502" spans="1:24" x14ac:dyDescent="0.25">
      <c r="A4502">
        <v>6154</v>
      </c>
      <c r="B4502" t="s">
        <v>16</v>
      </c>
      <c r="C4502">
        <v>5</v>
      </c>
      <c r="D4502" t="s">
        <v>514</v>
      </c>
      <c r="E4502">
        <v>38</v>
      </c>
      <c r="F4502" t="s">
        <v>651</v>
      </c>
      <c r="G4502">
        <v>160</v>
      </c>
      <c r="H4502" t="s">
        <v>658</v>
      </c>
      <c r="I4502">
        <v>13755</v>
      </c>
      <c r="J4502" t="s">
        <v>897</v>
      </c>
      <c r="K4502">
        <v>3</v>
      </c>
      <c r="L4502" t="s">
        <v>3463</v>
      </c>
      <c r="M4502">
        <v>795</v>
      </c>
      <c r="N4502" t="s">
        <v>654</v>
      </c>
      <c r="O4502">
        <v>3</v>
      </c>
      <c r="P4502" t="s">
        <v>655</v>
      </c>
      <c r="Q4502">
        <v>1</v>
      </c>
      <c r="R4502" t="s">
        <v>656</v>
      </c>
      <c r="S4502">
        <v>2</v>
      </c>
      <c r="T4502" t="s">
        <v>718</v>
      </c>
      <c r="U4502">
        <v>2</v>
      </c>
      <c r="V4502">
        <v>2</v>
      </c>
      <c r="W4502">
        <v>120</v>
      </c>
      <c r="X4502">
        <v>2020</v>
      </c>
    </row>
    <row r="4503" spans="1:24" x14ac:dyDescent="0.25">
      <c r="A4503">
        <v>6153</v>
      </c>
      <c r="B4503" t="s">
        <v>16</v>
      </c>
      <c r="C4503">
        <v>5</v>
      </c>
      <c r="D4503" t="s">
        <v>514</v>
      </c>
      <c r="E4503">
        <v>38</v>
      </c>
      <c r="F4503" t="s">
        <v>651</v>
      </c>
      <c r="G4503">
        <v>160</v>
      </c>
      <c r="H4503" t="s">
        <v>658</v>
      </c>
      <c r="I4503">
        <v>13755</v>
      </c>
      <c r="J4503" t="s">
        <v>897</v>
      </c>
      <c r="K4503">
        <v>3</v>
      </c>
      <c r="L4503" t="s">
        <v>3464</v>
      </c>
      <c r="M4503">
        <v>794</v>
      </c>
      <c r="N4503" t="s">
        <v>654</v>
      </c>
      <c r="O4503">
        <v>3</v>
      </c>
      <c r="P4503" t="s">
        <v>655</v>
      </c>
      <c r="Q4503">
        <v>1</v>
      </c>
      <c r="R4503" t="s">
        <v>656</v>
      </c>
      <c r="S4503">
        <v>2</v>
      </c>
      <c r="T4503" t="s">
        <v>661</v>
      </c>
      <c r="U4503">
        <v>8</v>
      </c>
      <c r="V4503">
        <v>2</v>
      </c>
      <c r="W4503">
        <v>120</v>
      </c>
      <c r="X4503">
        <v>2020</v>
      </c>
    </row>
    <row r="4504" spans="1:24" x14ac:dyDescent="0.25">
      <c r="A4504">
        <v>6151</v>
      </c>
      <c r="B4504" t="s">
        <v>16</v>
      </c>
      <c r="C4504">
        <v>5</v>
      </c>
      <c r="D4504" t="s">
        <v>386</v>
      </c>
      <c r="E4504">
        <v>42</v>
      </c>
      <c r="F4504" t="s">
        <v>651</v>
      </c>
      <c r="G4504">
        <v>160</v>
      </c>
      <c r="H4504" t="s">
        <v>658</v>
      </c>
      <c r="I4504">
        <v>13755</v>
      </c>
      <c r="J4504" t="s">
        <v>736</v>
      </c>
      <c r="K4504">
        <v>8</v>
      </c>
      <c r="L4504" t="s">
        <v>3465</v>
      </c>
      <c r="M4504">
        <v>792</v>
      </c>
      <c r="N4504" t="s">
        <v>654</v>
      </c>
      <c r="O4504">
        <v>3</v>
      </c>
      <c r="P4504" t="s">
        <v>655</v>
      </c>
      <c r="Q4504">
        <v>1</v>
      </c>
      <c r="R4504" t="s">
        <v>656</v>
      </c>
      <c r="S4504">
        <v>2</v>
      </c>
      <c r="T4504" t="s">
        <v>661</v>
      </c>
      <c r="U4504">
        <v>8</v>
      </c>
      <c r="V4504">
        <v>2</v>
      </c>
      <c r="W4504">
        <v>120</v>
      </c>
      <c r="X4504">
        <v>2020</v>
      </c>
    </row>
    <row r="4505" spans="1:24" x14ac:dyDescent="0.25">
      <c r="A4505">
        <v>6149</v>
      </c>
      <c r="B4505" t="s">
        <v>16</v>
      </c>
      <c r="C4505">
        <v>5</v>
      </c>
      <c r="D4505" t="s">
        <v>515</v>
      </c>
      <c r="E4505">
        <v>37</v>
      </c>
      <c r="F4505" t="s">
        <v>651</v>
      </c>
      <c r="G4505">
        <v>160</v>
      </c>
      <c r="H4505" t="s">
        <v>658</v>
      </c>
      <c r="I4505">
        <v>13755</v>
      </c>
      <c r="J4505" t="s">
        <v>736</v>
      </c>
      <c r="K4505">
        <v>8</v>
      </c>
      <c r="L4505" t="s">
        <v>3466</v>
      </c>
      <c r="M4505">
        <v>790</v>
      </c>
      <c r="N4505" t="s">
        <v>654</v>
      </c>
      <c r="O4505">
        <v>3</v>
      </c>
      <c r="P4505" t="s">
        <v>655</v>
      </c>
      <c r="Q4505">
        <v>1</v>
      </c>
      <c r="R4505" t="s">
        <v>656</v>
      </c>
      <c r="S4505">
        <v>2</v>
      </c>
      <c r="T4505" t="s">
        <v>718</v>
      </c>
      <c r="U4505">
        <v>2</v>
      </c>
      <c r="V4505">
        <v>2</v>
      </c>
      <c r="W4505">
        <v>120</v>
      </c>
      <c r="X4505">
        <v>2020</v>
      </c>
    </row>
    <row r="4506" spans="1:24" x14ac:dyDescent="0.25">
      <c r="A4506">
        <v>6148</v>
      </c>
      <c r="B4506" t="s">
        <v>16</v>
      </c>
      <c r="C4506">
        <v>5</v>
      </c>
      <c r="D4506" t="s">
        <v>515</v>
      </c>
      <c r="E4506">
        <v>37</v>
      </c>
      <c r="F4506" t="s">
        <v>651</v>
      </c>
      <c r="G4506">
        <v>160</v>
      </c>
      <c r="H4506" t="s">
        <v>658</v>
      </c>
      <c r="I4506">
        <v>13755</v>
      </c>
      <c r="J4506" t="s">
        <v>736</v>
      </c>
      <c r="K4506">
        <v>8</v>
      </c>
      <c r="L4506" t="s">
        <v>3467</v>
      </c>
      <c r="M4506">
        <v>789</v>
      </c>
      <c r="N4506" t="s">
        <v>654</v>
      </c>
      <c r="O4506">
        <v>3</v>
      </c>
      <c r="P4506" t="s">
        <v>655</v>
      </c>
      <c r="Q4506">
        <v>1</v>
      </c>
      <c r="R4506" t="s">
        <v>656</v>
      </c>
      <c r="S4506">
        <v>2</v>
      </c>
      <c r="T4506" t="s">
        <v>661</v>
      </c>
      <c r="U4506">
        <v>8</v>
      </c>
      <c r="V4506">
        <v>2</v>
      </c>
      <c r="W4506">
        <v>120</v>
      </c>
      <c r="X4506">
        <v>2020</v>
      </c>
    </row>
    <row r="4507" spans="1:24" x14ac:dyDescent="0.25">
      <c r="A4507">
        <v>6147</v>
      </c>
      <c r="B4507" t="s">
        <v>16</v>
      </c>
      <c r="C4507">
        <v>5</v>
      </c>
      <c r="D4507" t="s">
        <v>515</v>
      </c>
      <c r="E4507">
        <v>37</v>
      </c>
      <c r="F4507" t="s">
        <v>651</v>
      </c>
      <c r="G4507">
        <v>160</v>
      </c>
      <c r="H4507" t="s">
        <v>658</v>
      </c>
      <c r="I4507">
        <v>13755</v>
      </c>
      <c r="J4507" t="s">
        <v>831</v>
      </c>
      <c r="K4507">
        <v>5</v>
      </c>
      <c r="L4507" t="s">
        <v>3468</v>
      </c>
      <c r="M4507">
        <v>788</v>
      </c>
      <c r="N4507" t="s">
        <v>654</v>
      </c>
      <c r="O4507">
        <v>3</v>
      </c>
      <c r="P4507" t="s">
        <v>655</v>
      </c>
      <c r="Q4507">
        <v>1</v>
      </c>
      <c r="R4507" t="s">
        <v>656</v>
      </c>
      <c r="S4507">
        <v>2</v>
      </c>
      <c r="T4507" t="s">
        <v>718</v>
      </c>
      <c r="U4507">
        <v>2</v>
      </c>
      <c r="V4507">
        <v>2</v>
      </c>
      <c r="W4507">
        <v>120</v>
      </c>
      <c r="X4507">
        <v>2020</v>
      </c>
    </row>
    <row r="4508" spans="1:24" x14ac:dyDescent="0.25">
      <c r="A4508">
        <v>6146</v>
      </c>
      <c r="B4508" t="s">
        <v>16</v>
      </c>
      <c r="C4508">
        <v>5</v>
      </c>
      <c r="D4508" t="s">
        <v>515</v>
      </c>
      <c r="E4508">
        <v>37</v>
      </c>
      <c r="F4508" t="s">
        <v>651</v>
      </c>
      <c r="G4508">
        <v>160</v>
      </c>
      <c r="H4508" t="s">
        <v>658</v>
      </c>
      <c r="I4508">
        <v>13755</v>
      </c>
      <c r="J4508" t="s">
        <v>831</v>
      </c>
      <c r="K4508">
        <v>5</v>
      </c>
      <c r="L4508" t="s">
        <v>3469</v>
      </c>
      <c r="M4508">
        <v>787</v>
      </c>
      <c r="N4508" t="s">
        <v>654</v>
      </c>
      <c r="O4508">
        <v>3</v>
      </c>
      <c r="P4508" t="s">
        <v>655</v>
      </c>
      <c r="Q4508">
        <v>1</v>
      </c>
      <c r="R4508" t="s">
        <v>656</v>
      </c>
      <c r="S4508">
        <v>2</v>
      </c>
      <c r="T4508" t="s">
        <v>661</v>
      </c>
      <c r="U4508">
        <v>8</v>
      </c>
      <c r="V4508">
        <v>2</v>
      </c>
      <c r="W4508">
        <v>120</v>
      </c>
      <c r="X4508">
        <v>2020</v>
      </c>
    </row>
    <row r="4509" spans="1:24" x14ac:dyDescent="0.25">
      <c r="A4509">
        <v>6145</v>
      </c>
      <c r="B4509" t="s">
        <v>16</v>
      </c>
      <c r="C4509">
        <v>5</v>
      </c>
      <c r="D4509" t="s">
        <v>515</v>
      </c>
      <c r="E4509">
        <v>37</v>
      </c>
      <c r="F4509" t="s">
        <v>651</v>
      </c>
      <c r="G4509">
        <v>160</v>
      </c>
      <c r="H4509" t="s">
        <v>658</v>
      </c>
      <c r="I4509">
        <v>13755</v>
      </c>
      <c r="J4509" t="s">
        <v>831</v>
      </c>
      <c r="K4509">
        <v>5</v>
      </c>
      <c r="L4509" t="s">
        <v>3470</v>
      </c>
      <c r="M4509">
        <v>786</v>
      </c>
      <c r="N4509" t="s">
        <v>654</v>
      </c>
      <c r="O4509">
        <v>3</v>
      </c>
      <c r="P4509" t="s">
        <v>655</v>
      </c>
      <c r="Q4509">
        <v>1</v>
      </c>
      <c r="R4509" t="s">
        <v>656</v>
      </c>
      <c r="S4509">
        <v>2</v>
      </c>
      <c r="T4509" t="s">
        <v>661</v>
      </c>
      <c r="U4509">
        <v>8</v>
      </c>
      <c r="V4509">
        <v>2</v>
      </c>
      <c r="W4509">
        <v>120</v>
      </c>
      <c r="X4509">
        <v>2020</v>
      </c>
    </row>
    <row r="4510" spans="1:24" x14ac:dyDescent="0.25">
      <c r="A4510">
        <v>6139</v>
      </c>
      <c r="B4510" t="s">
        <v>16</v>
      </c>
      <c r="C4510">
        <v>5</v>
      </c>
      <c r="D4510" t="s">
        <v>515</v>
      </c>
      <c r="E4510">
        <v>37</v>
      </c>
      <c r="F4510" t="s">
        <v>651</v>
      </c>
      <c r="G4510">
        <v>160</v>
      </c>
      <c r="H4510" t="s">
        <v>658</v>
      </c>
      <c r="I4510">
        <v>13755</v>
      </c>
      <c r="J4510" t="s">
        <v>831</v>
      </c>
      <c r="K4510">
        <v>5</v>
      </c>
      <c r="L4510" t="s">
        <v>1637</v>
      </c>
      <c r="M4510">
        <v>780</v>
      </c>
      <c r="N4510" t="s">
        <v>654</v>
      </c>
      <c r="O4510">
        <v>3</v>
      </c>
      <c r="P4510" t="s">
        <v>655</v>
      </c>
      <c r="Q4510">
        <v>1</v>
      </c>
      <c r="R4510" t="s">
        <v>656</v>
      </c>
      <c r="S4510">
        <v>2</v>
      </c>
      <c r="T4510" t="s">
        <v>661</v>
      </c>
      <c r="U4510">
        <v>8</v>
      </c>
      <c r="V4510">
        <v>2</v>
      </c>
      <c r="W4510">
        <v>120</v>
      </c>
      <c r="X4510">
        <v>2020</v>
      </c>
    </row>
    <row r="4511" spans="1:24" x14ac:dyDescent="0.25">
      <c r="A4511">
        <v>6138</v>
      </c>
      <c r="B4511" t="s">
        <v>16</v>
      </c>
      <c r="C4511">
        <v>5</v>
      </c>
      <c r="D4511" t="s">
        <v>515</v>
      </c>
      <c r="E4511">
        <v>37</v>
      </c>
      <c r="F4511" t="s">
        <v>651</v>
      </c>
      <c r="G4511">
        <v>160</v>
      </c>
      <c r="H4511" t="s">
        <v>658</v>
      </c>
      <c r="I4511">
        <v>13755</v>
      </c>
      <c r="J4511" t="s">
        <v>831</v>
      </c>
      <c r="K4511">
        <v>5</v>
      </c>
      <c r="L4511" t="s">
        <v>3471</v>
      </c>
      <c r="M4511">
        <v>779</v>
      </c>
      <c r="N4511" t="s">
        <v>654</v>
      </c>
      <c r="O4511">
        <v>3</v>
      </c>
      <c r="P4511" t="s">
        <v>655</v>
      </c>
      <c r="Q4511">
        <v>1</v>
      </c>
      <c r="R4511" t="s">
        <v>656</v>
      </c>
      <c r="S4511">
        <v>2</v>
      </c>
      <c r="T4511" t="s">
        <v>661</v>
      </c>
      <c r="U4511">
        <v>8</v>
      </c>
      <c r="V4511">
        <v>2</v>
      </c>
      <c r="W4511">
        <v>120</v>
      </c>
      <c r="X4511">
        <v>2020</v>
      </c>
    </row>
    <row r="4512" spans="1:24" x14ac:dyDescent="0.25">
      <c r="A4512">
        <v>6137</v>
      </c>
      <c r="B4512" t="s">
        <v>16</v>
      </c>
      <c r="C4512">
        <v>5</v>
      </c>
      <c r="D4512" t="s">
        <v>515</v>
      </c>
      <c r="E4512">
        <v>37</v>
      </c>
      <c r="F4512" t="s">
        <v>651</v>
      </c>
      <c r="G4512">
        <v>160</v>
      </c>
      <c r="H4512" t="s">
        <v>658</v>
      </c>
      <c r="I4512">
        <v>13755</v>
      </c>
      <c r="J4512" t="s">
        <v>831</v>
      </c>
      <c r="K4512">
        <v>5</v>
      </c>
      <c r="L4512" t="s">
        <v>3472</v>
      </c>
      <c r="M4512">
        <v>778</v>
      </c>
      <c r="N4512" t="s">
        <v>654</v>
      </c>
      <c r="O4512">
        <v>3</v>
      </c>
      <c r="P4512" t="s">
        <v>655</v>
      </c>
      <c r="Q4512">
        <v>1</v>
      </c>
      <c r="R4512" t="s">
        <v>656</v>
      </c>
      <c r="S4512">
        <v>2</v>
      </c>
      <c r="T4512" t="s">
        <v>661</v>
      </c>
      <c r="U4512">
        <v>8</v>
      </c>
      <c r="V4512">
        <v>2</v>
      </c>
      <c r="W4512">
        <v>120</v>
      </c>
      <c r="X4512">
        <v>2020</v>
      </c>
    </row>
    <row r="4513" spans="1:24" x14ac:dyDescent="0.25">
      <c r="A4513">
        <v>6135</v>
      </c>
      <c r="B4513" t="s">
        <v>16</v>
      </c>
      <c r="C4513">
        <v>5</v>
      </c>
      <c r="D4513" t="s">
        <v>426</v>
      </c>
      <c r="E4513">
        <v>46</v>
      </c>
      <c r="F4513" t="s">
        <v>651</v>
      </c>
      <c r="G4513">
        <v>160</v>
      </c>
      <c r="H4513" t="s">
        <v>658</v>
      </c>
      <c r="I4513">
        <v>13755</v>
      </c>
      <c r="J4513" t="s">
        <v>682</v>
      </c>
      <c r="K4513">
        <v>20</v>
      </c>
      <c r="L4513" t="s">
        <v>3473</v>
      </c>
      <c r="M4513">
        <v>776</v>
      </c>
      <c r="N4513" t="s">
        <v>654</v>
      </c>
      <c r="O4513">
        <v>3</v>
      </c>
      <c r="P4513" t="s">
        <v>655</v>
      </c>
      <c r="Q4513">
        <v>1</v>
      </c>
      <c r="R4513" t="s">
        <v>656</v>
      </c>
      <c r="S4513">
        <v>2</v>
      </c>
      <c r="T4513" t="s">
        <v>661</v>
      </c>
      <c r="U4513">
        <v>8</v>
      </c>
      <c r="V4513">
        <v>2</v>
      </c>
      <c r="W4513">
        <v>120</v>
      </c>
      <c r="X4513">
        <v>2020</v>
      </c>
    </row>
    <row r="4514" spans="1:24" x14ac:dyDescent="0.25">
      <c r="A4514">
        <v>6134</v>
      </c>
      <c r="B4514" t="s">
        <v>16</v>
      </c>
      <c r="C4514">
        <v>5</v>
      </c>
      <c r="D4514" t="s">
        <v>605</v>
      </c>
      <c r="E4514">
        <v>36</v>
      </c>
      <c r="F4514" t="s">
        <v>651</v>
      </c>
      <c r="G4514">
        <v>160</v>
      </c>
      <c r="H4514" t="s">
        <v>658</v>
      </c>
      <c r="I4514">
        <v>13755</v>
      </c>
      <c r="J4514" t="s">
        <v>682</v>
      </c>
      <c r="K4514">
        <v>20</v>
      </c>
      <c r="L4514" t="s">
        <v>3474</v>
      </c>
      <c r="M4514">
        <v>775</v>
      </c>
      <c r="N4514" t="s">
        <v>654</v>
      </c>
      <c r="O4514">
        <v>3</v>
      </c>
      <c r="P4514" t="s">
        <v>655</v>
      </c>
      <c r="Q4514">
        <v>1</v>
      </c>
      <c r="R4514" t="s">
        <v>656</v>
      </c>
      <c r="S4514">
        <v>2</v>
      </c>
      <c r="T4514" t="s">
        <v>661</v>
      </c>
      <c r="U4514">
        <v>8</v>
      </c>
      <c r="V4514">
        <v>2</v>
      </c>
      <c r="W4514">
        <v>120</v>
      </c>
      <c r="X4514">
        <v>2020</v>
      </c>
    </row>
    <row r="4515" spans="1:24" x14ac:dyDescent="0.25">
      <c r="A4515">
        <v>6133</v>
      </c>
      <c r="B4515" t="s">
        <v>16</v>
      </c>
      <c r="C4515">
        <v>5</v>
      </c>
      <c r="D4515" t="s">
        <v>605</v>
      </c>
      <c r="E4515">
        <v>36</v>
      </c>
      <c r="F4515" t="s">
        <v>651</v>
      </c>
      <c r="G4515">
        <v>160</v>
      </c>
      <c r="H4515" t="s">
        <v>658</v>
      </c>
      <c r="I4515">
        <v>13755</v>
      </c>
      <c r="J4515" t="s">
        <v>682</v>
      </c>
      <c r="K4515">
        <v>20</v>
      </c>
      <c r="L4515" t="s">
        <v>3475</v>
      </c>
      <c r="M4515">
        <v>774</v>
      </c>
      <c r="N4515" t="s">
        <v>654</v>
      </c>
      <c r="O4515">
        <v>3</v>
      </c>
      <c r="P4515" t="s">
        <v>655</v>
      </c>
      <c r="Q4515">
        <v>1</v>
      </c>
      <c r="R4515" t="s">
        <v>656</v>
      </c>
      <c r="S4515">
        <v>2</v>
      </c>
      <c r="T4515" t="s">
        <v>661</v>
      </c>
      <c r="U4515">
        <v>8</v>
      </c>
      <c r="V4515">
        <v>2</v>
      </c>
      <c r="W4515">
        <v>120</v>
      </c>
      <c r="X4515">
        <v>2020</v>
      </c>
    </row>
    <row r="4516" spans="1:24" x14ac:dyDescent="0.25">
      <c r="A4516">
        <v>6132</v>
      </c>
      <c r="B4516" t="s">
        <v>16</v>
      </c>
      <c r="C4516">
        <v>5</v>
      </c>
      <c r="D4516" t="s">
        <v>605</v>
      </c>
      <c r="E4516">
        <v>36</v>
      </c>
      <c r="F4516" t="s">
        <v>651</v>
      </c>
      <c r="G4516">
        <v>160</v>
      </c>
      <c r="H4516" t="s">
        <v>658</v>
      </c>
      <c r="I4516">
        <v>13755</v>
      </c>
      <c r="J4516" t="s">
        <v>682</v>
      </c>
      <c r="K4516">
        <v>20</v>
      </c>
      <c r="L4516" t="s">
        <v>3476</v>
      </c>
      <c r="M4516">
        <v>773</v>
      </c>
      <c r="N4516" t="s">
        <v>654</v>
      </c>
      <c r="O4516">
        <v>3</v>
      </c>
      <c r="P4516" t="s">
        <v>655</v>
      </c>
      <c r="Q4516">
        <v>1</v>
      </c>
      <c r="R4516" t="s">
        <v>656</v>
      </c>
      <c r="S4516">
        <v>2</v>
      </c>
      <c r="T4516" t="s">
        <v>661</v>
      </c>
      <c r="U4516">
        <v>8</v>
      </c>
      <c r="V4516">
        <v>2</v>
      </c>
      <c r="W4516">
        <v>120</v>
      </c>
      <c r="X4516">
        <v>2020</v>
      </c>
    </row>
    <row r="4517" spans="1:24" x14ac:dyDescent="0.25">
      <c r="A4517">
        <v>6131</v>
      </c>
      <c r="B4517" t="s">
        <v>16</v>
      </c>
      <c r="C4517">
        <v>5</v>
      </c>
      <c r="D4517" t="s">
        <v>605</v>
      </c>
      <c r="E4517">
        <v>36</v>
      </c>
      <c r="F4517" t="s">
        <v>651</v>
      </c>
      <c r="G4517">
        <v>160</v>
      </c>
      <c r="H4517" t="s">
        <v>658</v>
      </c>
      <c r="I4517">
        <v>13755</v>
      </c>
      <c r="J4517" t="s">
        <v>682</v>
      </c>
      <c r="K4517">
        <v>20</v>
      </c>
      <c r="L4517" t="s">
        <v>3477</v>
      </c>
      <c r="M4517">
        <v>772</v>
      </c>
      <c r="N4517" t="s">
        <v>654</v>
      </c>
      <c r="O4517">
        <v>3</v>
      </c>
      <c r="P4517" t="s">
        <v>655</v>
      </c>
      <c r="Q4517">
        <v>1</v>
      </c>
      <c r="R4517" t="s">
        <v>656</v>
      </c>
      <c r="S4517">
        <v>2</v>
      </c>
      <c r="T4517" t="s">
        <v>661</v>
      </c>
      <c r="U4517">
        <v>8</v>
      </c>
      <c r="V4517">
        <v>2</v>
      </c>
      <c r="W4517">
        <v>120</v>
      </c>
      <c r="X4517">
        <v>2020</v>
      </c>
    </row>
    <row r="4518" spans="1:24" x14ac:dyDescent="0.25">
      <c r="A4518">
        <v>6130</v>
      </c>
      <c r="B4518" t="s">
        <v>16</v>
      </c>
      <c r="C4518">
        <v>5</v>
      </c>
      <c r="D4518" t="s">
        <v>605</v>
      </c>
      <c r="E4518">
        <v>36</v>
      </c>
      <c r="F4518" t="s">
        <v>651</v>
      </c>
      <c r="G4518">
        <v>160</v>
      </c>
      <c r="H4518" t="s">
        <v>658</v>
      </c>
      <c r="I4518">
        <v>13755</v>
      </c>
      <c r="J4518" t="s">
        <v>682</v>
      </c>
      <c r="K4518">
        <v>20</v>
      </c>
      <c r="L4518" t="s">
        <v>3478</v>
      </c>
      <c r="M4518">
        <v>771</v>
      </c>
      <c r="N4518" t="s">
        <v>654</v>
      </c>
      <c r="O4518">
        <v>3</v>
      </c>
      <c r="P4518" t="s">
        <v>655</v>
      </c>
      <c r="Q4518">
        <v>1</v>
      </c>
      <c r="R4518" t="s">
        <v>656</v>
      </c>
      <c r="S4518">
        <v>2</v>
      </c>
      <c r="T4518" t="s">
        <v>661</v>
      </c>
      <c r="U4518">
        <v>8</v>
      </c>
      <c r="V4518">
        <v>2</v>
      </c>
      <c r="W4518">
        <v>120</v>
      </c>
      <c r="X4518">
        <v>2020</v>
      </c>
    </row>
    <row r="4519" spans="1:24" x14ac:dyDescent="0.25">
      <c r="A4519">
        <v>6128</v>
      </c>
      <c r="B4519" t="s">
        <v>16</v>
      </c>
      <c r="C4519">
        <v>5</v>
      </c>
      <c r="D4519" t="s">
        <v>605</v>
      </c>
      <c r="E4519">
        <v>36</v>
      </c>
      <c r="F4519" t="s">
        <v>651</v>
      </c>
      <c r="G4519">
        <v>160</v>
      </c>
      <c r="H4519" t="s">
        <v>658</v>
      </c>
      <c r="I4519">
        <v>13755</v>
      </c>
      <c r="J4519" t="s">
        <v>682</v>
      </c>
      <c r="K4519">
        <v>20</v>
      </c>
      <c r="L4519" t="s">
        <v>3479</v>
      </c>
      <c r="M4519">
        <v>769</v>
      </c>
      <c r="N4519" t="s">
        <v>654</v>
      </c>
      <c r="O4519">
        <v>3</v>
      </c>
      <c r="P4519" t="s">
        <v>655</v>
      </c>
      <c r="Q4519">
        <v>1</v>
      </c>
      <c r="R4519" t="s">
        <v>656</v>
      </c>
      <c r="S4519">
        <v>2</v>
      </c>
      <c r="T4519" t="s">
        <v>661</v>
      </c>
      <c r="U4519">
        <v>8</v>
      </c>
      <c r="V4519">
        <v>2</v>
      </c>
      <c r="W4519">
        <v>120</v>
      </c>
      <c r="X4519">
        <v>2020</v>
      </c>
    </row>
    <row r="4520" spans="1:24" x14ac:dyDescent="0.25">
      <c r="A4520">
        <v>6127</v>
      </c>
      <c r="B4520" t="s">
        <v>16</v>
      </c>
      <c r="C4520">
        <v>5</v>
      </c>
      <c r="D4520" t="s">
        <v>604</v>
      </c>
      <c r="E4520">
        <v>40</v>
      </c>
      <c r="F4520" t="s">
        <v>651</v>
      </c>
      <c r="G4520">
        <v>160</v>
      </c>
      <c r="H4520" t="s">
        <v>658</v>
      </c>
      <c r="I4520">
        <v>13755</v>
      </c>
      <c r="J4520" t="s">
        <v>301</v>
      </c>
      <c r="K4520">
        <v>26</v>
      </c>
      <c r="L4520" t="s">
        <v>3480</v>
      </c>
      <c r="M4520">
        <v>768</v>
      </c>
      <c r="N4520" t="s">
        <v>654</v>
      </c>
      <c r="O4520">
        <v>3</v>
      </c>
      <c r="P4520" t="s">
        <v>655</v>
      </c>
      <c r="Q4520">
        <v>1</v>
      </c>
      <c r="R4520" t="s">
        <v>656</v>
      </c>
      <c r="S4520">
        <v>2</v>
      </c>
      <c r="T4520" t="s">
        <v>718</v>
      </c>
      <c r="U4520">
        <v>2</v>
      </c>
      <c r="V4520">
        <v>2</v>
      </c>
      <c r="W4520">
        <v>120</v>
      </c>
      <c r="X4520">
        <v>2020</v>
      </c>
    </row>
    <row r="4521" spans="1:24" x14ac:dyDescent="0.25">
      <c r="A4521">
        <v>6126</v>
      </c>
      <c r="B4521" t="s">
        <v>16</v>
      </c>
      <c r="C4521">
        <v>5</v>
      </c>
      <c r="D4521" t="s">
        <v>605</v>
      </c>
      <c r="E4521">
        <v>36</v>
      </c>
      <c r="F4521" t="s">
        <v>651</v>
      </c>
      <c r="G4521">
        <v>160</v>
      </c>
      <c r="H4521" t="s">
        <v>658</v>
      </c>
      <c r="I4521">
        <v>13755</v>
      </c>
      <c r="J4521" t="s">
        <v>301</v>
      </c>
      <c r="K4521">
        <v>26</v>
      </c>
      <c r="L4521" t="s">
        <v>3481</v>
      </c>
      <c r="M4521">
        <v>767</v>
      </c>
      <c r="N4521" t="s">
        <v>654</v>
      </c>
      <c r="O4521">
        <v>3</v>
      </c>
      <c r="P4521" t="s">
        <v>655</v>
      </c>
      <c r="Q4521">
        <v>1</v>
      </c>
      <c r="R4521" t="s">
        <v>656</v>
      </c>
      <c r="S4521">
        <v>2</v>
      </c>
      <c r="T4521" t="s">
        <v>718</v>
      </c>
      <c r="U4521">
        <v>2</v>
      </c>
      <c r="V4521">
        <v>2</v>
      </c>
      <c r="W4521">
        <v>120</v>
      </c>
      <c r="X4521">
        <v>2020</v>
      </c>
    </row>
    <row r="4522" spans="1:24" x14ac:dyDescent="0.25">
      <c r="A4522">
        <v>6125</v>
      </c>
      <c r="B4522" t="s">
        <v>16</v>
      </c>
      <c r="C4522">
        <v>5</v>
      </c>
      <c r="D4522" t="s">
        <v>555</v>
      </c>
      <c r="E4522">
        <v>49</v>
      </c>
      <c r="F4522" t="s">
        <v>651</v>
      </c>
      <c r="G4522">
        <v>160</v>
      </c>
      <c r="H4522" t="s">
        <v>658</v>
      </c>
      <c r="I4522">
        <v>13755</v>
      </c>
      <c r="J4522" t="s">
        <v>301</v>
      </c>
      <c r="K4522">
        <v>26</v>
      </c>
      <c r="L4522" t="s">
        <v>3482</v>
      </c>
      <c r="M4522">
        <v>766</v>
      </c>
      <c r="N4522" t="s">
        <v>654</v>
      </c>
      <c r="O4522">
        <v>3</v>
      </c>
      <c r="P4522" t="s">
        <v>655</v>
      </c>
      <c r="Q4522">
        <v>1</v>
      </c>
      <c r="R4522" t="s">
        <v>656</v>
      </c>
      <c r="S4522">
        <v>2</v>
      </c>
      <c r="T4522" t="s">
        <v>718</v>
      </c>
      <c r="U4522">
        <v>2</v>
      </c>
      <c r="V4522">
        <v>2</v>
      </c>
      <c r="W4522">
        <v>120</v>
      </c>
      <c r="X4522">
        <v>2020</v>
      </c>
    </row>
    <row r="4523" spans="1:24" x14ac:dyDescent="0.25">
      <c r="A4523">
        <v>6124</v>
      </c>
      <c r="B4523" t="s">
        <v>16</v>
      </c>
      <c r="C4523">
        <v>5</v>
      </c>
      <c r="D4523" t="s">
        <v>605</v>
      </c>
      <c r="E4523">
        <v>36</v>
      </c>
      <c r="F4523" t="s">
        <v>651</v>
      </c>
      <c r="G4523">
        <v>160</v>
      </c>
      <c r="H4523" t="s">
        <v>658</v>
      </c>
      <c r="I4523">
        <v>13755</v>
      </c>
      <c r="J4523" t="s">
        <v>301</v>
      </c>
      <c r="K4523">
        <v>26</v>
      </c>
      <c r="L4523" t="s">
        <v>3483</v>
      </c>
      <c r="M4523">
        <v>765</v>
      </c>
      <c r="N4523" t="s">
        <v>654</v>
      </c>
      <c r="O4523">
        <v>3</v>
      </c>
      <c r="P4523" t="s">
        <v>655</v>
      </c>
      <c r="Q4523">
        <v>1</v>
      </c>
      <c r="R4523" t="s">
        <v>656</v>
      </c>
      <c r="S4523">
        <v>2</v>
      </c>
      <c r="T4523" t="s">
        <v>718</v>
      </c>
      <c r="U4523">
        <v>2</v>
      </c>
      <c r="V4523">
        <v>2</v>
      </c>
      <c r="W4523">
        <v>120</v>
      </c>
      <c r="X4523">
        <v>2020</v>
      </c>
    </row>
    <row r="4524" spans="1:24" x14ac:dyDescent="0.25">
      <c r="A4524">
        <v>6123</v>
      </c>
      <c r="B4524" t="s">
        <v>16</v>
      </c>
      <c r="C4524">
        <v>5</v>
      </c>
      <c r="D4524" t="s">
        <v>605</v>
      </c>
      <c r="E4524">
        <v>36</v>
      </c>
      <c r="F4524" t="s">
        <v>651</v>
      </c>
      <c r="G4524">
        <v>160</v>
      </c>
      <c r="H4524" t="s">
        <v>658</v>
      </c>
      <c r="I4524">
        <v>13755</v>
      </c>
      <c r="J4524" t="s">
        <v>301</v>
      </c>
      <c r="K4524">
        <v>26</v>
      </c>
      <c r="L4524" t="s">
        <v>3484</v>
      </c>
      <c r="M4524">
        <v>764</v>
      </c>
      <c r="N4524" t="s">
        <v>654</v>
      </c>
      <c r="O4524">
        <v>3</v>
      </c>
      <c r="P4524" t="s">
        <v>655</v>
      </c>
      <c r="Q4524">
        <v>1</v>
      </c>
      <c r="R4524" t="s">
        <v>656</v>
      </c>
      <c r="S4524">
        <v>2</v>
      </c>
      <c r="T4524" t="s">
        <v>661</v>
      </c>
      <c r="U4524">
        <v>8</v>
      </c>
      <c r="V4524">
        <v>2</v>
      </c>
      <c r="W4524">
        <v>120</v>
      </c>
      <c r="X4524">
        <v>2020</v>
      </c>
    </row>
    <row r="4525" spans="1:24" x14ac:dyDescent="0.25">
      <c r="A4525">
        <v>6122</v>
      </c>
      <c r="B4525" t="s">
        <v>16</v>
      </c>
      <c r="C4525">
        <v>5</v>
      </c>
      <c r="D4525" t="s">
        <v>605</v>
      </c>
      <c r="E4525">
        <v>36</v>
      </c>
      <c r="F4525" t="s">
        <v>651</v>
      </c>
      <c r="G4525">
        <v>160</v>
      </c>
      <c r="H4525" t="s">
        <v>658</v>
      </c>
      <c r="I4525">
        <v>13755</v>
      </c>
      <c r="J4525" t="s">
        <v>301</v>
      </c>
      <c r="K4525">
        <v>26</v>
      </c>
      <c r="L4525" t="s">
        <v>3485</v>
      </c>
      <c r="M4525">
        <v>763</v>
      </c>
      <c r="N4525" t="s">
        <v>654</v>
      </c>
      <c r="O4525">
        <v>3</v>
      </c>
      <c r="P4525" t="s">
        <v>655</v>
      </c>
      <c r="Q4525">
        <v>1</v>
      </c>
      <c r="R4525" t="s">
        <v>656</v>
      </c>
      <c r="S4525">
        <v>2</v>
      </c>
      <c r="T4525" t="s">
        <v>661</v>
      </c>
      <c r="U4525">
        <v>8</v>
      </c>
      <c r="V4525">
        <v>2</v>
      </c>
      <c r="W4525">
        <v>120</v>
      </c>
      <c r="X4525">
        <v>2020</v>
      </c>
    </row>
    <row r="4526" spans="1:24" x14ac:dyDescent="0.25">
      <c r="A4526">
        <v>6120</v>
      </c>
      <c r="B4526" t="s">
        <v>183</v>
      </c>
      <c r="C4526">
        <v>4</v>
      </c>
      <c r="D4526" t="s">
        <v>608</v>
      </c>
      <c r="E4526">
        <v>33</v>
      </c>
      <c r="F4526" t="s">
        <v>651</v>
      </c>
      <c r="G4526">
        <v>160</v>
      </c>
      <c r="H4526" t="s">
        <v>658</v>
      </c>
      <c r="I4526">
        <v>13755</v>
      </c>
      <c r="J4526" t="s">
        <v>730</v>
      </c>
      <c r="K4526">
        <v>66</v>
      </c>
      <c r="L4526" t="s">
        <v>3486</v>
      </c>
      <c r="M4526">
        <v>761</v>
      </c>
      <c r="N4526" t="s">
        <v>654</v>
      </c>
      <c r="O4526">
        <v>3</v>
      </c>
      <c r="P4526" t="s">
        <v>655</v>
      </c>
      <c r="Q4526">
        <v>1</v>
      </c>
      <c r="R4526" t="s">
        <v>656</v>
      </c>
      <c r="S4526">
        <v>2</v>
      </c>
      <c r="T4526" t="s">
        <v>661</v>
      </c>
      <c r="U4526">
        <v>8</v>
      </c>
      <c r="V4526">
        <v>2</v>
      </c>
      <c r="W4526">
        <v>120</v>
      </c>
      <c r="X4526">
        <v>2020</v>
      </c>
    </row>
    <row r="4527" spans="1:24" x14ac:dyDescent="0.25">
      <c r="A4527">
        <v>6119</v>
      </c>
      <c r="B4527" t="s">
        <v>183</v>
      </c>
      <c r="C4527">
        <v>4</v>
      </c>
      <c r="D4527" t="s">
        <v>611</v>
      </c>
      <c r="E4527">
        <v>28</v>
      </c>
      <c r="F4527" t="s">
        <v>651</v>
      </c>
      <c r="G4527">
        <v>160</v>
      </c>
      <c r="H4527" t="s">
        <v>658</v>
      </c>
      <c r="I4527">
        <v>13755</v>
      </c>
      <c r="J4527" t="s">
        <v>917</v>
      </c>
      <c r="K4527">
        <v>83</v>
      </c>
      <c r="L4527" t="s">
        <v>3487</v>
      </c>
      <c r="M4527">
        <v>760</v>
      </c>
      <c r="N4527" t="s">
        <v>654</v>
      </c>
      <c r="O4527">
        <v>3</v>
      </c>
      <c r="P4527" t="s">
        <v>655</v>
      </c>
      <c r="Q4527">
        <v>1</v>
      </c>
      <c r="R4527" t="s">
        <v>656</v>
      </c>
      <c r="S4527">
        <v>2</v>
      </c>
      <c r="T4527" t="s">
        <v>661</v>
      </c>
      <c r="U4527">
        <v>8</v>
      </c>
      <c r="V4527">
        <v>2</v>
      </c>
      <c r="W4527">
        <v>120</v>
      </c>
      <c r="X4527">
        <v>2020</v>
      </c>
    </row>
    <row r="4528" spans="1:24" x14ac:dyDescent="0.25">
      <c r="A4528">
        <v>6118</v>
      </c>
      <c r="B4528" t="s">
        <v>183</v>
      </c>
      <c r="C4528">
        <v>4</v>
      </c>
      <c r="D4528" t="s">
        <v>611</v>
      </c>
      <c r="E4528">
        <v>28</v>
      </c>
      <c r="F4528" t="s">
        <v>651</v>
      </c>
      <c r="G4528">
        <v>160</v>
      </c>
      <c r="H4528" t="s">
        <v>658</v>
      </c>
      <c r="I4528">
        <v>13755</v>
      </c>
      <c r="J4528" t="s">
        <v>917</v>
      </c>
      <c r="K4528">
        <v>83</v>
      </c>
      <c r="L4528" t="s">
        <v>3488</v>
      </c>
      <c r="M4528">
        <v>759</v>
      </c>
      <c r="N4528" t="s">
        <v>654</v>
      </c>
      <c r="O4528">
        <v>3</v>
      </c>
      <c r="P4528" t="s">
        <v>746</v>
      </c>
      <c r="Q4528">
        <v>2</v>
      </c>
      <c r="R4528" t="s">
        <v>656</v>
      </c>
      <c r="S4528">
        <v>2</v>
      </c>
      <c r="T4528" t="s">
        <v>661</v>
      </c>
      <c r="U4528">
        <v>8</v>
      </c>
      <c r="V4528">
        <v>2</v>
      </c>
      <c r="W4528">
        <v>120</v>
      </c>
      <c r="X4528">
        <v>2020</v>
      </c>
    </row>
    <row r="4529" spans="1:24" x14ac:dyDescent="0.25">
      <c r="A4529">
        <v>6117</v>
      </c>
      <c r="B4529" t="s">
        <v>183</v>
      </c>
      <c r="C4529">
        <v>4</v>
      </c>
      <c r="D4529" t="s">
        <v>611</v>
      </c>
      <c r="E4529">
        <v>28</v>
      </c>
      <c r="F4529" t="s">
        <v>651</v>
      </c>
      <c r="G4529">
        <v>160</v>
      </c>
      <c r="H4529" t="s">
        <v>658</v>
      </c>
      <c r="I4529">
        <v>13755</v>
      </c>
      <c r="J4529" t="s">
        <v>917</v>
      </c>
      <c r="K4529">
        <v>83</v>
      </c>
      <c r="L4529" t="s">
        <v>3488</v>
      </c>
      <c r="M4529">
        <v>759</v>
      </c>
      <c r="N4529" t="s">
        <v>654</v>
      </c>
      <c r="O4529">
        <v>3</v>
      </c>
      <c r="P4529" t="s">
        <v>655</v>
      </c>
      <c r="Q4529">
        <v>1</v>
      </c>
      <c r="R4529" t="s">
        <v>656</v>
      </c>
      <c r="S4529">
        <v>2</v>
      </c>
      <c r="T4529" t="s">
        <v>661</v>
      </c>
      <c r="U4529">
        <v>8</v>
      </c>
      <c r="V4529">
        <v>2</v>
      </c>
      <c r="W4529">
        <v>120</v>
      </c>
      <c r="X4529">
        <v>2020</v>
      </c>
    </row>
    <row r="4530" spans="1:24" x14ac:dyDescent="0.25">
      <c r="A4530">
        <v>6116</v>
      </c>
      <c r="B4530" t="s">
        <v>183</v>
      </c>
      <c r="C4530">
        <v>4</v>
      </c>
      <c r="D4530" t="s">
        <v>611</v>
      </c>
      <c r="E4530">
        <v>28</v>
      </c>
      <c r="F4530" t="s">
        <v>651</v>
      </c>
      <c r="G4530">
        <v>160</v>
      </c>
      <c r="H4530" t="s">
        <v>658</v>
      </c>
      <c r="I4530">
        <v>13755</v>
      </c>
      <c r="J4530" t="s">
        <v>917</v>
      </c>
      <c r="K4530">
        <v>83</v>
      </c>
      <c r="L4530" t="s">
        <v>3489</v>
      </c>
      <c r="M4530">
        <v>758</v>
      </c>
      <c r="N4530" t="s">
        <v>654</v>
      </c>
      <c r="O4530">
        <v>3</v>
      </c>
      <c r="P4530" t="s">
        <v>655</v>
      </c>
      <c r="Q4530">
        <v>1</v>
      </c>
      <c r="R4530" t="s">
        <v>656</v>
      </c>
      <c r="S4530">
        <v>2</v>
      </c>
      <c r="T4530" t="s">
        <v>661</v>
      </c>
      <c r="U4530">
        <v>8</v>
      </c>
      <c r="V4530">
        <v>2</v>
      </c>
      <c r="W4530">
        <v>120</v>
      </c>
      <c r="X4530">
        <v>2020</v>
      </c>
    </row>
    <row r="4531" spans="1:24" x14ac:dyDescent="0.25">
      <c r="A4531">
        <v>6115</v>
      </c>
      <c r="B4531" t="s">
        <v>183</v>
      </c>
      <c r="C4531">
        <v>4</v>
      </c>
      <c r="D4531" t="s">
        <v>611</v>
      </c>
      <c r="E4531">
        <v>28</v>
      </c>
      <c r="F4531" t="s">
        <v>651</v>
      </c>
      <c r="G4531">
        <v>160</v>
      </c>
      <c r="H4531" t="s">
        <v>658</v>
      </c>
      <c r="I4531">
        <v>13755</v>
      </c>
      <c r="J4531" t="s">
        <v>917</v>
      </c>
      <c r="K4531">
        <v>83</v>
      </c>
      <c r="L4531" t="s">
        <v>3490</v>
      </c>
      <c r="M4531">
        <v>757</v>
      </c>
      <c r="N4531" t="s">
        <v>654</v>
      </c>
      <c r="O4531">
        <v>3</v>
      </c>
      <c r="P4531" t="s">
        <v>746</v>
      </c>
      <c r="Q4531">
        <v>2</v>
      </c>
      <c r="R4531" t="s">
        <v>656</v>
      </c>
      <c r="S4531">
        <v>2</v>
      </c>
      <c r="T4531" t="s">
        <v>661</v>
      </c>
      <c r="U4531">
        <v>8</v>
      </c>
      <c r="V4531">
        <v>2</v>
      </c>
      <c r="W4531">
        <v>120</v>
      </c>
      <c r="X4531">
        <v>2020</v>
      </c>
    </row>
    <row r="4532" spans="1:24" x14ac:dyDescent="0.25">
      <c r="A4532">
        <v>6114</v>
      </c>
      <c r="B4532" t="s">
        <v>183</v>
      </c>
      <c r="C4532">
        <v>4</v>
      </c>
      <c r="D4532" t="s">
        <v>611</v>
      </c>
      <c r="E4532">
        <v>28</v>
      </c>
      <c r="F4532" t="s">
        <v>651</v>
      </c>
      <c r="G4532">
        <v>160</v>
      </c>
      <c r="H4532" t="s">
        <v>658</v>
      </c>
      <c r="I4532">
        <v>13755</v>
      </c>
      <c r="J4532" t="s">
        <v>917</v>
      </c>
      <c r="K4532">
        <v>83</v>
      </c>
      <c r="L4532" t="s">
        <v>3490</v>
      </c>
      <c r="M4532">
        <v>757</v>
      </c>
      <c r="N4532" t="s">
        <v>654</v>
      </c>
      <c r="O4532">
        <v>3</v>
      </c>
      <c r="P4532" t="s">
        <v>655</v>
      </c>
      <c r="Q4532">
        <v>1</v>
      </c>
      <c r="R4532" t="s">
        <v>656</v>
      </c>
      <c r="S4532">
        <v>2</v>
      </c>
      <c r="T4532" t="s">
        <v>661</v>
      </c>
      <c r="U4532">
        <v>8</v>
      </c>
      <c r="V4532">
        <v>2</v>
      </c>
      <c r="W4532">
        <v>120</v>
      </c>
      <c r="X4532">
        <v>2020</v>
      </c>
    </row>
    <row r="4533" spans="1:24" x14ac:dyDescent="0.25">
      <c r="A4533">
        <v>6113</v>
      </c>
      <c r="B4533" t="s">
        <v>183</v>
      </c>
      <c r="C4533">
        <v>4</v>
      </c>
      <c r="D4533" t="s">
        <v>611</v>
      </c>
      <c r="E4533">
        <v>28</v>
      </c>
      <c r="F4533" t="s">
        <v>651</v>
      </c>
      <c r="G4533">
        <v>160</v>
      </c>
      <c r="H4533" t="s">
        <v>658</v>
      </c>
      <c r="I4533">
        <v>13755</v>
      </c>
      <c r="J4533" t="s">
        <v>917</v>
      </c>
      <c r="K4533">
        <v>83</v>
      </c>
      <c r="L4533" t="s">
        <v>2253</v>
      </c>
      <c r="M4533">
        <v>756</v>
      </c>
      <c r="N4533" t="s">
        <v>654</v>
      </c>
      <c r="O4533">
        <v>3</v>
      </c>
      <c r="P4533" t="s">
        <v>746</v>
      </c>
      <c r="Q4533">
        <v>2</v>
      </c>
      <c r="R4533" t="s">
        <v>656</v>
      </c>
      <c r="S4533">
        <v>2</v>
      </c>
      <c r="T4533" t="s">
        <v>661</v>
      </c>
      <c r="U4533">
        <v>8</v>
      </c>
      <c r="V4533">
        <v>2</v>
      </c>
      <c r="W4533">
        <v>120</v>
      </c>
      <c r="X4533">
        <v>2020</v>
      </c>
    </row>
    <row r="4534" spans="1:24" x14ac:dyDescent="0.25">
      <c r="A4534">
        <v>6112</v>
      </c>
      <c r="B4534" t="s">
        <v>183</v>
      </c>
      <c r="C4534">
        <v>4</v>
      </c>
      <c r="D4534" t="s">
        <v>611</v>
      </c>
      <c r="E4534">
        <v>28</v>
      </c>
      <c r="F4534" t="s">
        <v>651</v>
      </c>
      <c r="G4534">
        <v>160</v>
      </c>
      <c r="H4534" t="s">
        <v>658</v>
      </c>
      <c r="I4534">
        <v>13755</v>
      </c>
      <c r="J4534" t="s">
        <v>917</v>
      </c>
      <c r="K4534">
        <v>83</v>
      </c>
      <c r="L4534" t="s">
        <v>2253</v>
      </c>
      <c r="M4534">
        <v>756</v>
      </c>
      <c r="N4534" t="s">
        <v>654</v>
      </c>
      <c r="O4534">
        <v>3</v>
      </c>
      <c r="P4534" t="s">
        <v>655</v>
      </c>
      <c r="Q4534">
        <v>1</v>
      </c>
      <c r="R4534" t="s">
        <v>656</v>
      </c>
      <c r="S4534">
        <v>2</v>
      </c>
      <c r="T4534" t="s">
        <v>661</v>
      </c>
      <c r="U4534">
        <v>8</v>
      </c>
      <c r="V4534">
        <v>2</v>
      </c>
      <c r="W4534">
        <v>120</v>
      </c>
      <c r="X4534">
        <v>2020</v>
      </c>
    </row>
    <row r="4535" spans="1:24" x14ac:dyDescent="0.25">
      <c r="A4535">
        <v>6111</v>
      </c>
      <c r="B4535" t="s">
        <v>183</v>
      </c>
      <c r="C4535">
        <v>4</v>
      </c>
      <c r="D4535" t="s">
        <v>609</v>
      </c>
      <c r="E4535">
        <v>32</v>
      </c>
      <c r="F4535" t="s">
        <v>651</v>
      </c>
      <c r="G4535">
        <v>160</v>
      </c>
      <c r="H4535" t="s">
        <v>658</v>
      </c>
      <c r="I4535">
        <v>13755</v>
      </c>
      <c r="J4535" t="s">
        <v>851</v>
      </c>
      <c r="K4535">
        <v>43</v>
      </c>
      <c r="L4535" t="s">
        <v>3491</v>
      </c>
      <c r="M4535">
        <v>755</v>
      </c>
      <c r="N4535" t="s">
        <v>654</v>
      </c>
      <c r="O4535">
        <v>3</v>
      </c>
      <c r="P4535" t="s">
        <v>655</v>
      </c>
      <c r="Q4535">
        <v>1</v>
      </c>
      <c r="R4535" t="s">
        <v>656</v>
      </c>
      <c r="S4535">
        <v>2</v>
      </c>
      <c r="T4535" t="s">
        <v>661</v>
      </c>
      <c r="U4535">
        <v>8</v>
      </c>
      <c r="V4535">
        <v>2</v>
      </c>
      <c r="W4535">
        <v>120</v>
      </c>
      <c r="X4535">
        <v>2020</v>
      </c>
    </row>
    <row r="4536" spans="1:24" x14ac:dyDescent="0.25">
      <c r="A4536">
        <v>6110</v>
      </c>
      <c r="B4536" t="s">
        <v>183</v>
      </c>
      <c r="C4536">
        <v>4</v>
      </c>
      <c r="D4536" t="s">
        <v>609</v>
      </c>
      <c r="E4536">
        <v>32</v>
      </c>
      <c r="F4536" t="s">
        <v>651</v>
      </c>
      <c r="G4536">
        <v>160</v>
      </c>
      <c r="H4536" t="s">
        <v>658</v>
      </c>
      <c r="I4536">
        <v>13755</v>
      </c>
      <c r="J4536" t="s">
        <v>851</v>
      </c>
      <c r="K4536">
        <v>43</v>
      </c>
      <c r="L4536" t="s">
        <v>3492</v>
      </c>
      <c r="M4536">
        <v>754</v>
      </c>
      <c r="N4536" t="s">
        <v>654</v>
      </c>
      <c r="O4536">
        <v>3</v>
      </c>
      <c r="P4536" t="s">
        <v>655</v>
      </c>
      <c r="Q4536">
        <v>1</v>
      </c>
      <c r="R4536" t="s">
        <v>656</v>
      </c>
      <c r="S4536">
        <v>2</v>
      </c>
      <c r="T4536" t="s">
        <v>661</v>
      </c>
      <c r="U4536">
        <v>8</v>
      </c>
      <c r="V4536">
        <v>2</v>
      </c>
      <c r="W4536">
        <v>120</v>
      </c>
      <c r="X4536">
        <v>2020</v>
      </c>
    </row>
    <row r="4537" spans="1:24" x14ac:dyDescent="0.25">
      <c r="A4537">
        <v>6109</v>
      </c>
      <c r="B4537" t="s">
        <v>183</v>
      </c>
      <c r="C4537">
        <v>4</v>
      </c>
      <c r="D4537" t="s">
        <v>609</v>
      </c>
      <c r="E4537">
        <v>32</v>
      </c>
      <c r="F4537" t="s">
        <v>651</v>
      </c>
      <c r="G4537">
        <v>160</v>
      </c>
      <c r="H4537" t="s">
        <v>658</v>
      </c>
      <c r="I4537">
        <v>13755</v>
      </c>
      <c r="J4537" t="s">
        <v>851</v>
      </c>
      <c r="K4537">
        <v>43</v>
      </c>
      <c r="L4537" t="s">
        <v>3493</v>
      </c>
      <c r="M4537">
        <v>753</v>
      </c>
      <c r="N4537" t="s">
        <v>654</v>
      </c>
      <c r="O4537">
        <v>3</v>
      </c>
      <c r="P4537" t="s">
        <v>655</v>
      </c>
      <c r="Q4537">
        <v>1</v>
      </c>
      <c r="R4537" t="s">
        <v>656</v>
      </c>
      <c r="S4537">
        <v>2</v>
      </c>
      <c r="T4537" t="s">
        <v>661</v>
      </c>
      <c r="U4537">
        <v>8</v>
      </c>
      <c r="V4537">
        <v>2</v>
      </c>
      <c r="W4537">
        <v>120</v>
      </c>
      <c r="X4537">
        <v>2020</v>
      </c>
    </row>
    <row r="4538" spans="1:24" x14ac:dyDescent="0.25">
      <c r="A4538">
        <v>6107</v>
      </c>
      <c r="B4538" t="s">
        <v>183</v>
      </c>
      <c r="C4538">
        <v>4</v>
      </c>
      <c r="D4538" t="s">
        <v>608</v>
      </c>
      <c r="E4538">
        <v>33</v>
      </c>
      <c r="F4538" t="s">
        <v>651</v>
      </c>
      <c r="G4538">
        <v>160</v>
      </c>
      <c r="H4538" t="s">
        <v>658</v>
      </c>
      <c r="I4538">
        <v>13755</v>
      </c>
      <c r="J4538" t="s">
        <v>848</v>
      </c>
      <c r="K4538">
        <v>62</v>
      </c>
      <c r="L4538" t="s">
        <v>3494</v>
      </c>
      <c r="M4538">
        <v>751</v>
      </c>
      <c r="N4538" t="s">
        <v>654</v>
      </c>
      <c r="O4538">
        <v>3</v>
      </c>
      <c r="P4538" t="s">
        <v>655</v>
      </c>
      <c r="Q4538">
        <v>1</v>
      </c>
      <c r="R4538" t="s">
        <v>656</v>
      </c>
      <c r="S4538">
        <v>2</v>
      </c>
      <c r="T4538" t="s">
        <v>661</v>
      </c>
      <c r="U4538">
        <v>8</v>
      </c>
      <c r="V4538">
        <v>2</v>
      </c>
      <c r="W4538">
        <v>120</v>
      </c>
      <c r="X4538">
        <v>2020</v>
      </c>
    </row>
    <row r="4539" spans="1:24" x14ac:dyDescent="0.25">
      <c r="A4539">
        <v>6106</v>
      </c>
      <c r="B4539" t="s">
        <v>183</v>
      </c>
      <c r="C4539">
        <v>4</v>
      </c>
      <c r="D4539" t="s">
        <v>608</v>
      </c>
      <c r="E4539">
        <v>33</v>
      </c>
      <c r="F4539" t="s">
        <v>651</v>
      </c>
      <c r="G4539">
        <v>160</v>
      </c>
      <c r="H4539" t="s">
        <v>658</v>
      </c>
      <c r="I4539">
        <v>13755</v>
      </c>
      <c r="J4539" t="s">
        <v>848</v>
      </c>
      <c r="K4539">
        <v>62</v>
      </c>
      <c r="L4539" t="s">
        <v>3495</v>
      </c>
      <c r="M4539">
        <v>750</v>
      </c>
      <c r="N4539" t="s">
        <v>654</v>
      </c>
      <c r="O4539">
        <v>3</v>
      </c>
      <c r="P4539" t="s">
        <v>746</v>
      </c>
      <c r="Q4539">
        <v>2</v>
      </c>
      <c r="R4539" t="s">
        <v>656</v>
      </c>
      <c r="S4539">
        <v>2</v>
      </c>
      <c r="T4539" t="s">
        <v>661</v>
      </c>
      <c r="U4539">
        <v>8</v>
      </c>
      <c r="V4539">
        <v>2</v>
      </c>
      <c r="W4539">
        <v>120</v>
      </c>
      <c r="X4539">
        <v>2020</v>
      </c>
    </row>
    <row r="4540" spans="1:24" x14ac:dyDescent="0.25">
      <c r="A4540">
        <v>6105</v>
      </c>
      <c r="B4540" t="s">
        <v>183</v>
      </c>
      <c r="C4540">
        <v>4</v>
      </c>
      <c r="D4540" t="s">
        <v>608</v>
      </c>
      <c r="E4540">
        <v>33</v>
      </c>
      <c r="F4540" t="s">
        <v>651</v>
      </c>
      <c r="G4540">
        <v>160</v>
      </c>
      <c r="H4540" t="s">
        <v>658</v>
      </c>
      <c r="I4540">
        <v>13755</v>
      </c>
      <c r="J4540" t="s">
        <v>848</v>
      </c>
      <c r="K4540">
        <v>62</v>
      </c>
      <c r="L4540" t="s">
        <v>3495</v>
      </c>
      <c r="M4540">
        <v>750</v>
      </c>
      <c r="N4540" t="s">
        <v>654</v>
      </c>
      <c r="O4540">
        <v>3</v>
      </c>
      <c r="P4540" t="s">
        <v>655</v>
      </c>
      <c r="Q4540">
        <v>1</v>
      </c>
      <c r="R4540" t="s">
        <v>656</v>
      </c>
      <c r="S4540">
        <v>2</v>
      </c>
      <c r="T4540" t="s">
        <v>661</v>
      </c>
      <c r="U4540">
        <v>8</v>
      </c>
      <c r="V4540">
        <v>2</v>
      </c>
      <c r="W4540">
        <v>120</v>
      </c>
      <c r="X4540">
        <v>2020</v>
      </c>
    </row>
    <row r="4541" spans="1:24" x14ac:dyDescent="0.25">
      <c r="A4541">
        <v>6104</v>
      </c>
      <c r="B4541" t="s">
        <v>183</v>
      </c>
      <c r="C4541">
        <v>4</v>
      </c>
      <c r="D4541" t="s">
        <v>421</v>
      </c>
      <c r="E4541">
        <v>31</v>
      </c>
      <c r="F4541" t="s">
        <v>651</v>
      </c>
      <c r="G4541">
        <v>160</v>
      </c>
      <c r="H4541" t="s">
        <v>658</v>
      </c>
      <c r="I4541">
        <v>13755</v>
      </c>
      <c r="J4541" t="s">
        <v>880</v>
      </c>
      <c r="K4541">
        <v>58</v>
      </c>
      <c r="L4541" t="s">
        <v>3496</v>
      </c>
      <c r="M4541">
        <v>749</v>
      </c>
      <c r="N4541" t="s">
        <v>654</v>
      </c>
      <c r="O4541">
        <v>3</v>
      </c>
      <c r="P4541" t="s">
        <v>655</v>
      </c>
      <c r="Q4541">
        <v>1</v>
      </c>
      <c r="R4541" t="s">
        <v>656</v>
      </c>
      <c r="S4541">
        <v>2</v>
      </c>
      <c r="T4541" t="s">
        <v>661</v>
      </c>
      <c r="U4541">
        <v>8</v>
      </c>
      <c r="V4541">
        <v>2</v>
      </c>
      <c r="W4541">
        <v>120</v>
      </c>
      <c r="X4541">
        <v>2020</v>
      </c>
    </row>
    <row r="4542" spans="1:24" x14ac:dyDescent="0.25">
      <c r="A4542">
        <v>6103</v>
      </c>
      <c r="B4542" t="s">
        <v>183</v>
      </c>
      <c r="C4542">
        <v>4</v>
      </c>
      <c r="D4542" t="s">
        <v>421</v>
      </c>
      <c r="E4542">
        <v>31</v>
      </c>
      <c r="F4542" t="s">
        <v>651</v>
      </c>
      <c r="G4542">
        <v>160</v>
      </c>
      <c r="H4542" t="s">
        <v>658</v>
      </c>
      <c r="I4542">
        <v>13755</v>
      </c>
      <c r="J4542" t="s">
        <v>880</v>
      </c>
      <c r="K4542">
        <v>58</v>
      </c>
      <c r="L4542" t="s">
        <v>3497</v>
      </c>
      <c r="M4542">
        <v>748</v>
      </c>
      <c r="N4542" t="s">
        <v>654</v>
      </c>
      <c r="O4542">
        <v>3</v>
      </c>
      <c r="P4542" t="s">
        <v>655</v>
      </c>
      <c r="Q4542">
        <v>1</v>
      </c>
      <c r="R4542" t="s">
        <v>656</v>
      </c>
      <c r="S4542">
        <v>2</v>
      </c>
      <c r="T4542" t="s">
        <v>661</v>
      </c>
      <c r="U4542">
        <v>8</v>
      </c>
      <c r="V4542">
        <v>2</v>
      </c>
      <c r="W4542">
        <v>120</v>
      </c>
      <c r="X4542">
        <v>2020</v>
      </c>
    </row>
    <row r="4543" spans="1:24" x14ac:dyDescent="0.25">
      <c r="A4543">
        <v>6101</v>
      </c>
      <c r="B4543" t="s">
        <v>183</v>
      </c>
      <c r="C4543">
        <v>4</v>
      </c>
      <c r="D4543" t="s">
        <v>610</v>
      </c>
      <c r="E4543">
        <v>30</v>
      </c>
      <c r="F4543" t="s">
        <v>651</v>
      </c>
      <c r="G4543">
        <v>160</v>
      </c>
      <c r="H4543" t="s">
        <v>658</v>
      </c>
      <c r="I4543">
        <v>13755</v>
      </c>
      <c r="J4543" t="s">
        <v>880</v>
      </c>
      <c r="K4543">
        <v>58</v>
      </c>
      <c r="L4543" t="s">
        <v>3498</v>
      </c>
      <c r="M4543">
        <v>746</v>
      </c>
      <c r="N4543" t="s">
        <v>654</v>
      </c>
      <c r="O4543">
        <v>3</v>
      </c>
      <c r="P4543" t="s">
        <v>655</v>
      </c>
      <c r="Q4543">
        <v>1</v>
      </c>
      <c r="R4543" t="s">
        <v>656</v>
      </c>
      <c r="S4543">
        <v>2</v>
      </c>
      <c r="T4543" t="s">
        <v>661</v>
      </c>
      <c r="U4543">
        <v>8</v>
      </c>
      <c r="V4543">
        <v>2</v>
      </c>
      <c r="W4543">
        <v>120</v>
      </c>
      <c r="X4543">
        <v>2020</v>
      </c>
    </row>
    <row r="4544" spans="1:24" x14ac:dyDescent="0.25">
      <c r="A4544">
        <v>6099</v>
      </c>
      <c r="B4544" t="s">
        <v>183</v>
      </c>
      <c r="C4544">
        <v>4</v>
      </c>
      <c r="D4544" t="s">
        <v>329</v>
      </c>
      <c r="E4544">
        <v>29</v>
      </c>
      <c r="F4544" t="s">
        <v>651</v>
      </c>
      <c r="G4544">
        <v>160</v>
      </c>
      <c r="H4544" t="s">
        <v>658</v>
      </c>
      <c r="I4544">
        <v>13755</v>
      </c>
      <c r="J4544" t="s">
        <v>794</v>
      </c>
      <c r="K4544">
        <v>40</v>
      </c>
      <c r="L4544" t="s">
        <v>3499</v>
      </c>
      <c r="M4544">
        <v>744</v>
      </c>
      <c r="N4544" t="s">
        <v>654</v>
      </c>
      <c r="O4544">
        <v>3</v>
      </c>
      <c r="P4544" t="s">
        <v>655</v>
      </c>
      <c r="Q4544">
        <v>1</v>
      </c>
      <c r="R4544" t="s">
        <v>656</v>
      </c>
      <c r="S4544">
        <v>2</v>
      </c>
      <c r="T4544" t="s">
        <v>661</v>
      </c>
      <c r="U4544">
        <v>8</v>
      </c>
      <c r="V4544">
        <v>2</v>
      </c>
      <c r="W4544">
        <v>120</v>
      </c>
      <c r="X4544">
        <v>2020</v>
      </c>
    </row>
    <row r="4545" spans="1:24" x14ac:dyDescent="0.25">
      <c r="A4545">
        <v>6098</v>
      </c>
      <c r="B4545" t="s">
        <v>183</v>
      </c>
      <c r="C4545">
        <v>4</v>
      </c>
      <c r="D4545" t="s">
        <v>329</v>
      </c>
      <c r="E4545">
        <v>29</v>
      </c>
      <c r="F4545" t="s">
        <v>651</v>
      </c>
      <c r="G4545">
        <v>160</v>
      </c>
      <c r="H4545" t="s">
        <v>658</v>
      </c>
      <c r="I4545">
        <v>13755</v>
      </c>
      <c r="J4545" t="s">
        <v>794</v>
      </c>
      <c r="K4545">
        <v>40</v>
      </c>
      <c r="L4545" t="s">
        <v>3500</v>
      </c>
      <c r="M4545">
        <v>743</v>
      </c>
      <c r="N4545" t="s">
        <v>654</v>
      </c>
      <c r="O4545">
        <v>3</v>
      </c>
      <c r="P4545" t="s">
        <v>655</v>
      </c>
      <c r="Q4545">
        <v>1</v>
      </c>
      <c r="R4545" t="s">
        <v>656</v>
      </c>
      <c r="S4545">
        <v>2</v>
      </c>
      <c r="T4545" t="s">
        <v>661</v>
      </c>
      <c r="U4545">
        <v>8</v>
      </c>
      <c r="V4545">
        <v>2</v>
      </c>
      <c r="W4545">
        <v>120</v>
      </c>
      <c r="X4545">
        <v>2020</v>
      </c>
    </row>
    <row r="4546" spans="1:24" x14ac:dyDescent="0.25">
      <c r="A4546">
        <v>6097</v>
      </c>
      <c r="B4546" t="s">
        <v>183</v>
      </c>
      <c r="C4546">
        <v>4</v>
      </c>
      <c r="D4546" t="s">
        <v>329</v>
      </c>
      <c r="E4546">
        <v>29</v>
      </c>
      <c r="F4546" t="s">
        <v>651</v>
      </c>
      <c r="G4546">
        <v>160</v>
      </c>
      <c r="H4546" t="s">
        <v>658</v>
      </c>
      <c r="I4546">
        <v>13755</v>
      </c>
      <c r="J4546" t="s">
        <v>794</v>
      </c>
      <c r="K4546">
        <v>40</v>
      </c>
      <c r="L4546" t="s">
        <v>3501</v>
      </c>
      <c r="M4546">
        <v>742</v>
      </c>
      <c r="N4546" t="s">
        <v>654</v>
      </c>
      <c r="O4546">
        <v>3</v>
      </c>
      <c r="P4546" t="s">
        <v>655</v>
      </c>
      <c r="Q4546">
        <v>1</v>
      </c>
      <c r="R4546" t="s">
        <v>656</v>
      </c>
      <c r="S4546">
        <v>2</v>
      </c>
      <c r="T4546" t="s">
        <v>661</v>
      </c>
      <c r="U4546">
        <v>8</v>
      </c>
      <c r="V4546">
        <v>2</v>
      </c>
      <c r="W4546">
        <v>120</v>
      </c>
      <c r="X4546">
        <v>2020</v>
      </c>
    </row>
    <row r="4547" spans="1:24" x14ac:dyDescent="0.25">
      <c r="A4547">
        <v>6095</v>
      </c>
      <c r="B4547" t="s">
        <v>183</v>
      </c>
      <c r="C4547">
        <v>4</v>
      </c>
      <c r="D4547" t="s">
        <v>329</v>
      </c>
      <c r="E4547">
        <v>29</v>
      </c>
      <c r="F4547" t="s">
        <v>651</v>
      </c>
      <c r="G4547">
        <v>160</v>
      </c>
      <c r="H4547" t="s">
        <v>658</v>
      </c>
      <c r="I4547">
        <v>13755</v>
      </c>
      <c r="J4547" t="s">
        <v>794</v>
      </c>
      <c r="K4547">
        <v>40</v>
      </c>
      <c r="L4547" t="s">
        <v>3502</v>
      </c>
      <c r="M4547">
        <v>740</v>
      </c>
      <c r="N4547" t="s">
        <v>654</v>
      </c>
      <c r="O4547">
        <v>3</v>
      </c>
      <c r="P4547" t="s">
        <v>655</v>
      </c>
      <c r="Q4547">
        <v>1</v>
      </c>
      <c r="R4547" t="s">
        <v>656</v>
      </c>
      <c r="S4547">
        <v>2</v>
      </c>
      <c r="T4547" t="s">
        <v>661</v>
      </c>
      <c r="U4547">
        <v>8</v>
      </c>
      <c r="V4547">
        <v>2</v>
      </c>
      <c r="W4547">
        <v>120</v>
      </c>
      <c r="X4547">
        <v>2020</v>
      </c>
    </row>
    <row r="4548" spans="1:24" x14ac:dyDescent="0.25">
      <c r="A4548">
        <v>6094</v>
      </c>
      <c r="B4548" t="s">
        <v>183</v>
      </c>
      <c r="C4548">
        <v>4</v>
      </c>
      <c r="D4548" t="s">
        <v>463</v>
      </c>
      <c r="E4548">
        <v>27</v>
      </c>
      <c r="F4548" t="s">
        <v>651</v>
      </c>
      <c r="G4548">
        <v>160</v>
      </c>
      <c r="H4548" t="s">
        <v>658</v>
      </c>
      <c r="I4548">
        <v>13755</v>
      </c>
      <c r="J4548" t="s">
        <v>909</v>
      </c>
      <c r="K4548">
        <v>39</v>
      </c>
      <c r="L4548" t="s">
        <v>3503</v>
      </c>
      <c r="M4548">
        <v>739</v>
      </c>
      <c r="N4548" t="s">
        <v>654</v>
      </c>
      <c r="O4548">
        <v>3</v>
      </c>
      <c r="P4548" t="s">
        <v>655</v>
      </c>
      <c r="Q4548">
        <v>1</v>
      </c>
      <c r="R4548" t="s">
        <v>656</v>
      </c>
      <c r="S4548">
        <v>2</v>
      </c>
      <c r="T4548" t="s">
        <v>661</v>
      </c>
      <c r="U4548">
        <v>8</v>
      </c>
      <c r="V4548">
        <v>2</v>
      </c>
      <c r="W4548">
        <v>120</v>
      </c>
      <c r="X4548">
        <v>2020</v>
      </c>
    </row>
    <row r="4549" spans="1:24" x14ac:dyDescent="0.25">
      <c r="A4549">
        <v>6093</v>
      </c>
      <c r="B4549" t="s">
        <v>183</v>
      </c>
      <c r="C4549">
        <v>4</v>
      </c>
      <c r="D4549" t="s">
        <v>463</v>
      </c>
      <c r="E4549">
        <v>27</v>
      </c>
      <c r="F4549" t="s">
        <v>651</v>
      </c>
      <c r="G4549">
        <v>160</v>
      </c>
      <c r="H4549" t="s">
        <v>658</v>
      </c>
      <c r="I4549">
        <v>13755</v>
      </c>
      <c r="J4549" t="s">
        <v>909</v>
      </c>
      <c r="K4549">
        <v>39</v>
      </c>
      <c r="L4549" t="s">
        <v>3504</v>
      </c>
      <c r="M4549">
        <v>738</v>
      </c>
      <c r="N4549" t="s">
        <v>654</v>
      </c>
      <c r="O4549">
        <v>3</v>
      </c>
      <c r="P4549" t="s">
        <v>655</v>
      </c>
      <c r="Q4549">
        <v>1</v>
      </c>
      <c r="R4549" t="s">
        <v>656</v>
      </c>
      <c r="S4549">
        <v>2</v>
      </c>
      <c r="T4549" t="s">
        <v>661</v>
      </c>
      <c r="U4549">
        <v>8</v>
      </c>
      <c r="V4549">
        <v>2</v>
      </c>
      <c r="W4549">
        <v>120</v>
      </c>
      <c r="X4549">
        <v>2020</v>
      </c>
    </row>
    <row r="4550" spans="1:24" x14ac:dyDescent="0.25">
      <c r="A4550">
        <v>6091</v>
      </c>
      <c r="B4550" t="s">
        <v>183</v>
      </c>
      <c r="C4550">
        <v>4</v>
      </c>
      <c r="D4550" t="s">
        <v>463</v>
      </c>
      <c r="E4550">
        <v>27</v>
      </c>
      <c r="F4550" t="s">
        <v>651</v>
      </c>
      <c r="G4550">
        <v>160</v>
      </c>
      <c r="H4550" t="s">
        <v>658</v>
      </c>
      <c r="I4550">
        <v>13755</v>
      </c>
      <c r="J4550" t="s">
        <v>909</v>
      </c>
      <c r="K4550">
        <v>39</v>
      </c>
      <c r="L4550" t="s">
        <v>3505</v>
      </c>
      <c r="M4550">
        <v>736</v>
      </c>
      <c r="N4550" t="s">
        <v>654</v>
      </c>
      <c r="O4550">
        <v>3</v>
      </c>
      <c r="P4550" t="s">
        <v>655</v>
      </c>
      <c r="Q4550">
        <v>1</v>
      </c>
      <c r="R4550" t="s">
        <v>656</v>
      </c>
      <c r="S4550">
        <v>2</v>
      </c>
      <c r="T4550" t="s">
        <v>661</v>
      </c>
      <c r="U4550">
        <v>8</v>
      </c>
      <c r="V4550">
        <v>2</v>
      </c>
      <c r="W4550">
        <v>120</v>
      </c>
      <c r="X4550">
        <v>2020</v>
      </c>
    </row>
    <row r="4551" spans="1:24" x14ac:dyDescent="0.25">
      <c r="A4551">
        <v>6090</v>
      </c>
      <c r="B4551" t="s">
        <v>183</v>
      </c>
      <c r="C4551">
        <v>4</v>
      </c>
      <c r="D4551" t="s">
        <v>463</v>
      </c>
      <c r="E4551">
        <v>27</v>
      </c>
      <c r="F4551" t="s">
        <v>651</v>
      </c>
      <c r="G4551">
        <v>160</v>
      </c>
      <c r="H4551" t="s">
        <v>658</v>
      </c>
      <c r="I4551">
        <v>13755</v>
      </c>
      <c r="J4551" t="s">
        <v>909</v>
      </c>
      <c r="K4551">
        <v>39</v>
      </c>
      <c r="L4551" t="s">
        <v>3506</v>
      </c>
      <c r="M4551">
        <v>735</v>
      </c>
      <c r="N4551" t="s">
        <v>654</v>
      </c>
      <c r="O4551">
        <v>3</v>
      </c>
      <c r="P4551" t="s">
        <v>655</v>
      </c>
      <c r="Q4551">
        <v>1</v>
      </c>
      <c r="R4551" t="s">
        <v>656</v>
      </c>
      <c r="S4551">
        <v>2</v>
      </c>
      <c r="T4551" t="s">
        <v>661</v>
      </c>
      <c r="U4551">
        <v>8</v>
      </c>
      <c r="V4551">
        <v>2</v>
      </c>
      <c r="W4551">
        <v>120</v>
      </c>
      <c r="X4551">
        <v>2020</v>
      </c>
    </row>
    <row r="4552" spans="1:24" x14ac:dyDescent="0.25">
      <c r="A4552">
        <v>6089</v>
      </c>
      <c r="B4552" t="s">
        <v>183</v>
      </c>
      <c r="C4552">
        <v>4</v>
      </c>
      <c r="D4552" t="s">
        <v>463</v>
      </c>
      <c r="E4552">
        <v>27</v>
      </c>
      <c r="F4552" t="s">
        <v>651</v>
      </c>
      <c r="G4552">
        <v>160</v>
      </c>
      <c r="H4552" t="s">
        <v>658</v>
      </c>
      <c r="I4552">
        <v>13755</v>
      </c>
      <c r="J4552" t="s">
        <v>909</v>
      </c>
      <c r="K4552">
        <v>39</v>
      </c>
      <c r="L4552" t="s">
        <v>3507</v>
      </c>
      <c r="M4552">
        <v>734</v>
      </c>
      <c r="N4552" t="s">
        <v>654</v>
      </c>
      <c r="O4552">
        <v>3</v>
      </c>
      <c r="P4552" t="s">
        <v>655</v>
      </c>
      <c r="Q4552">
        <v>1</v>
      </c>
      <c r="R4552" t="s">
        <v>656</v>
      </c>
      <c r="S4552">
        <v>2</v>
      </c>
      <c r="T4552" t="s">
        <v>661</v>
      </c>
      <c r="U4552">
        <v>8</v>
      </c>
      <c r="V4552">
        <v>2</v>
      </c>
      <c r="W4552">
        <v>120</v>
      </c>
      <c r="X4552">
        <v>2020</v>
      </c>
    </row>
    <row r="4553" spans="1:24" x14ac:dyDescent="0.25">
      <c r="A4553">
        <v>6088</v>
      </c>
      <c r="B4553" t="s">
        <v>84</v>
      </c>
      <c r="C4553">
        <v>3</v>
      </c>
      <c r="D4553" t="s">
        <v>612</v>
      </c>
      <c r="E4553">
        <v>26</v>
      </c>
      <c r="F4553" t="s">
        <v>651</v>
      </c>
      <c r="G4553">
        <v>160</v>
      </c>
      <c r="H4553" t="s">
        <v>658</v>
      </c>
      <c r="I4553">
        <v>13755</v>
      </c>
      <c r="J4553" t="s">
        <v>1512</v>
      </c>
      <c r="K4553">
        <v>37</v>
      </c>
      <c r="L4553" t="s">
        <v>3508</v>
      </c>
      <c r="M4553">
        <v>733</v>
      </c>
      <c r="N4553" t="s">
        <v>654</v>
      </c>
      <c r="O4553">
        <v>3</v>
      </c>
      <c r="P4553" t="s">
        <v>655</v>
      </c>
      <c r="Q4553">
        <v>1</v>
      </c>
      <c r="R4553" t="s">
        <v>656</v>
      </c>
      <c r="S4553">
        <v>2</v>
      </c>
      <c r="T4553" t="s">
        <v>661</v>
      </c>
      <c r="U4553">
        <v>8</v>
      </c>
      <c r="V4553">
        <v>2</v>
      </c>
      <c r="W4553">
        <v>120</v>
      </c>
      <c r="X4553">
        <v>2020</v>
      </c>
    </row>
    <row r="4554" spans="1:24" x14ac:dyDescent="0.25">
      <c r="A4554">
        <v>6087</v>
      </c>
      <c r="B4554" t="s">
        <v>84</v>
      </c>
      <c r="C4554">
        <v>3</v>
      </c>
      <c r="D4554" t="s">
        <v>612</v>
      </c>
      <c r="E4554">
        <v>26</v>
      </c>
      <c r="F4554" t="s">
        <v>651</v>
      </c>
      <c r="G4554">
        <v>160</v>
      </c>
      <c r="H4554" t="s">
        <v>658</v>
      </c>
      <c r="I4554">
        <v>13755</v>
      </c>
      <c r="J4554" t="s">
        <v>1512</v>
      </c>
      <c r="K4554">
        <v>37</v>
      </c>
      <c r="L4554" t="s">
        <v>3509</v>
      </c>
      <c r="M4554">
        <v>732</v>
      </c>
      <c r="N4554" t="s">
        <v>654</v>
      </c>
      <c r="O4554">
        <v>3</v>
      </c>
      <c r="P4554" t="s">
        <v>655</v>
      </c>
      <c r="Q4554">
        <v>1</v>
      </c>
      <c r="R4554" t="s">
        <v>656</v>
      </c>
      <c r="S4554">
        <v>2</v>
      </c>
      <c r="T4554" t="s">
        <v>661</v>
      </c>
      <c r="U4554">
        <v>8</v>
      </c>
      <c r="V4554">
        <v>2</v>
      </c>
      <c r="W4554">
        <v>120</v>
      </c>
      <c r="X4554">
        <v>2020</v>
      </c>
    </row>
    <row r="4555" spans="1:24" x14ac:dyDescent="0.25">
      <c r="A4555">
        <v>6086</v>
      </c>
      <c r="B4555" t="s">
        <v>84</v>
      </c>
      <c r="C4555">
        <v>3</v>
      </c>
      <c r="D4555" t="s">
        <v>612</v>
      </c>
      <c r="E4555">
        <v>26</v>
      </c>
      <c r="F4555" t="s">
        <v>651</v>
      </c>
      <c r="G4555">
        <v>160</v>
      </c>
      <c r="H4555" t="s">
        <v>658</v>
      </c>
      <c r="I4555">
        <v>13755</v>
      </c>
      <c r="J4555" t="s">
        <v>1512</v>
      </c>
      <c r="K4555">
        <v>37</v>
      </c>
      <c r="L4555" t="s">
        <v>3510</v>
      </c>
      <c r="M4555">
        <v>731</v>
      </c>
      <c r="N4555" t="s">
        <v>654</v>
      </c>
      <c r="O4555">
        <v>3</v>
      </c>
      <c r="P4555" t="s">
        <v>655</v>
      </c>
      <c r="Q4555">
        <v>1</v>
      </c>
      <c r="R4555" t="s">
        <v>656</v>
      </c>
      <c r="S4555">
        <v>2</v>
      </c>
      <c r="T4555" t="s">
        <v>661</v>
      </c>
      <c r="U4555">
        <v>8</v>
      </c>
      <c r="V4555">
        <v>2</v>
      </c>
      <c r="W4555">
        <v>120</v>
      </c>
      <c r="X4555">
        <v>2020</v>
      </c>
    </row>
    <row r="4556" spans="1:24" x14ac:dyDescent="0.25">
      <c r="A4556">
        <v>6085</v>
      </c>
      <c r="B4556" t="s">
        <v>84</v>
      </c>
      <c r="C4556">
        <v>3</v>
      </c>
      <c r="D4556" t="s">
        <v>612</v>
      </c>
      <c r="E4556">
        <v>26</v>
      </c>
      <c r="F4556" t="s">
        <v>651</v>
      </c>
      <c r="G4556">
        <v>160</v>
      </c>
      <c r="H4556" t="s">
        <v>658</v>
      </c>
      <c r="I4556">
        <v>13755</v>
      </c>
      <c r="J4556" t="s">
        <v>1512</v>
      </c>
      <c r="K4556">
        <v>37</v>
      </c>
      <c r="L4556" t="s">
        <v>3511</v>
      </c>
      <c r="M4556">
        <v>730</v>
      </c>
      <c r="N4556" t="s">
        <v>654</v>
      </c>
      <c r="O4556">
        <v>3</v>
      </c>
      <c r="P4556" t="s">
        <v>655</v>
      </c>
      <c r="Q4556">
        <v>1</v>
      </c>
      <c r="R4556" t="s">
        <v>656</v>
      </c>
      <c r="S4556">
        <v>2</v>
      </c>
      <c r="T4556" t="s">
        <v>661</v>
      </c>
      <c r="U4556">
        <v>8</v>
      </c>
      <c r="V4556">
        <v>2</v>
      </c>
      <c r="W4556">
        <v>120</v>
      </c>
      <c r="X4556">
        <v>2020</v>
      </c>
    </row>
    <row r="4557" spans="1:24" x14ac:dyDescent="0.25">
      <c r="A4557">
        <v>6084</v>
      </c>
      <c r="B4557" t="s">
        <v>84</v>
      </c>
      <c r="C4557">
        <v>3</v>
      </c>
      <c r="D4557" t="s">
        <v>612</v>
      </c>
      <c r="E4557">
        <v>26</v>
      </c>
      <c r="F4557" t="s">
        <v>651</v>
      </c>
      <c r="G4557">
        <v>160</v>
      </c>
      <c r="H4557" t="s">
        <v>658</v>
      </c>
      <c r="I4557">
        <v>13755</v>
      </c>
      <c r="J4557" t="s">
        <v>1512</v>
      </c>
      <c r="K4557">
        <v>37</v>
      </c>
      <c r="L4557" t="s">
        <v>3512</v>
      </c>
      <c r="M4557">
        <v>729</v>
      </c>
      <c r="N4557" t="s">
        <v>654</v>
      </c>
      <c r="O4557">
        <v>3</v>
      </c>
      <c r="P4557" t="s">
        <v>655</v>
      </c>
      <c r="Q4557">
        <v>1</v>
      </c>
      <c r="R4557" t="s">
        <v>656</v>
      </c>
      <c r="S4557">
        <v>2</v>
      </c>
      <c r="T4557" t="s">
        <v>661</v>
      </c>
      <c r="U4557">
        <v>8</v>
      </c>
      <c r="V4557">
        <v>2</v>
      </c>
      <c r="W4557">
        <v>120</v>
      </c>
      <c r="X4557">
        <v>2020</v>
      </c>
    </row>
    <row r="4558" spans="1:24" x14ac:dyDescent="0.25">
      <c r="A4558">
        <v>6083</v>
      </c>
      <c r="B4558" t="s">
        <v>84</v>
      </c>
      <c r="C4558">
        <v>3</v>
      </c>
      <c r="D4558" t="s">
        <v>612</v>
      </c>
      <c r="E4558">
        <v>26</v>
      </c>
      <c r="F4558" t="s">
        <v>651</v>
      </c>
      <c r="G4558">
        <v>160</v>
      </c>
      <c r="H4558" t="s">
        <v>658</v>
      </c>
      <c r="I4558">
        <v>13755</v>
      </c>
      <c r="J4558" t="s">
        <v>1512</v>
      </c>
      <c r="K4558">
        <v>37</v>
      </c>
      <c r="L4558" t="s">
        <v>3513</v>
      </c>
      <c r="M4558">
        <v>728</v>
      </c>
      <c r="N4558" t="s">
        <v>654</v>
      </c>
      <c r="O4558">
        <v>3</v>
      </c>
      <c r="P4558" t="s">
        <v>655</v>
      </c>
      <c r="Q4558">
        <v>1</v>
      </c>
      <c r="R4558" t="s">
        <v>656</v>
      </c>
      <c r="S4558">
        <v>2</v>
      </c>
      <c r="T4558" t="s">
        <v>661</v>
      </c>
      <c r="U4558">
        <v>8</v>
      </c>
      <c r="V4558">
        <v>2</v>
      </c>
      <c r="W4558">
        <v>120</v>
      </c>
      <c r="X4558">
        <v>2020</v>
      </c>
    </row>
    <row r="4559" spans="1:24" x14ac:dyDescent="0.25">
      <c r="A4559">
        <v>6082</v>
      </c>
      <c r="B4559" t="s">
        <v>110</v>
      </c>
      <c r="C4559">
        <v>2</v>
      </c>
      <c r="D4559" t="s">
        <v>614</v>
      </c>
      <c r="E4559">
        <v>23</v>
      </c>
      <c r="F4559" t="s">
        <v>651</v>
      </c>
      <c r="G4559">
        <v>160</v>
      </c>
      <c r="H4559" t="s">
        <v>658</v>
      </c>
      <c r="I4559">
        <v>13755</v>
      </c>
      <c r="J4559" t="s">
        <v>663</v>
      </c>
      <c r="K4559">
        <v>99</v>
      </c>
      <c r="L4559" t="s">
        <v>3514</v>
      </c>
      <c r="M4559">
        <v>727</v>
      </c>
      <c r="N4559" t="s">
        <v>654</v>
      </c>
      <c r="O4559">
        <v>3</v>
      </c>
      <c r="P4559" t="s">
        <v>655</v>
      </c>
      <c r="Q4559">
        <v>1</v>
      </c>
      <c r="R4559" t="s">
        <v>656</v>
      </c>
      <c r="S4559">
        <v>2</v>
      </c>
      <c r="T4559" t="s">
        <v>661</v>
      </c>
      <c r="U4559">
        <v>8</v>
      </c>
      <c r="V4559">
        <v>2</v>
      </c>
      <c r="W4559">
        <v>120</v>
      </c>
      <c r="X4559">
        <v>2020</v>
      </c>
    </row>
    <row r="4560" spans="1:24" x14ac:dyDescent="0.25">
      <c r="A4560">
        <v>6081</v>
      </c>
      <c r="B4560" t="s">
        <v>110</v>
      </c>
      <c r="C4560">
        <v>2</v>
      </c>
      <c r="D4560" t="s">
        <v>309</v>
      </c>
      <c r="E4560">
        <v>678</v>
      </c>
      <c r="F4560" t="s">
        <v>651</v>
      </c>
      <c r="G4560">
        <v>160</v>
      </c>
      <c r="H4560" t="s">
        <v>658</v>
      </c>
      <c r="I4560">
        <v>13755</v>
      </c>
      <c r="J4560" t="s">
        <v>684</v>
      </c>
      <c r="K4560">
        <v>22</v>
      </c>
      <c r="L4560" t="s">
        <v>3515</v>
      </c>
      <c r="M4560">
        <v>726</v>
      </c>
      <c r="N4560" t="s">
        <v>654</v>
      </c>
      <c r="O4560">
        <v>3</v>
      </c>
      <c r="P4560" t="s">
        <v>655</v>
      </c>
      <c r="Q4560">
        <v>1</v>
      </c>
      <c r="R4560" t="s">
        <v>656</v>
      </c>
      <c r="S4560">
        <v>2</v>
      </c>
      <c r="T4560" t="s">
        <v>661</v>
      </c>
      <c r="U4560">
        <v>8</v>
      </c>
      <c r="V4560">
        <v>2</v>
      </c>
      <c r="W4560">
        <v>120</v>
      </c>
      <c r="X4560">
        <v>2020</v>
      </c>
    </row>
    <row r="4561" spans="1:24" x14ac:dyDescent="0.25">
      <c r="A4561">
        <v>6080</v>
      </c>
      <c r="B4561" t="s">
        <v>110</v>
      </c>
      <c r="C4561">
        <v>2</v>
      </c>
      <c r="D4561" t="s">
        <v>309</v>
      </c>
      <c r="E4561">
        <v>678</v>
      </c>
      <c r="F4561" t="s">
        <v>651</v>
      </c>
      <c r="G4561">
        <v>160</v>
      </c>
      <c r="H4561" t="s">
        <v>658</v>
      </c>
      <c r="I4561">
        <v>13755</v>
      </c>
      <c r="J4561" t="s">
        <v>684</v>
      </c>
      <c r="K4561">
        <v>22</v>
      </c>
      <c r="L4561" t="s">
        <v>906</v>
      </c>
      <c r="M4561">
        <v>725</v>
      </c>
      <c r="N4561" t="s">
        <v>654</v>
      </c>
      <c r="O4561">
        <v>3</v>
      </c>
      <c r="P4561" t="s">
        <v>655</v>
      </c>
      <c r="Q4561">
        <v>1</v>
      </c>
      <c r="R4561" t="s">
        <v>656</v>
      </c>
      <c r="S4561">
        <v>2</v>
      </c>
      <c r="T4561" t="s">
        <v>661</v>
      </c>
      <c r="U4561">
        <v>8</v>
      </c>
      <c r="V4561">
        <v>2</v>
      </c>
      <c r="W4561">
        <v>120</v>
      </c>
      <c r="X4561">
        <v>2020</v>
      </c>
    </row>
    <row r="4562" spans="1:24" x14ac:dyDescent="0.25">
      <c r="A4562">
        <v>6079</v>
      </c>
      <c r="B4562" t="s">
        <v>110</v>
      </c>
      <c r="C4562">
        <v>2</v>
      </c>
      <c r="D4562" t="s">
        <v>616</v>
      </c>
      <c r="E4562">
        <v>21</v>
      </c>
      <c r="F4562" t="s">
        <v>651</v>
      </c>
      <c r="G4562">
        <v>160</v>
      </c>
      <c r="H4562" t="s">
        <v>658</v>
      </c>
      <c r="I4562">
        <v>13755</v>
      </c>
      <c r="J4562" t="s">
        <v>1182</v>
      </c>
      <c r="K4562">
        <v>46</v>
      </c>
      <c r="L4562" t="s">
        <v>2641</v>
      </c>
      <c r="M4562">
        <v>724</v>
      </c>
      <c r="N4562" t="s">
        <v>654</v>
      </c>
      <c r="O4562">
        <v>3</v>
      </c>
      <c r="P4562" t="s">
        <v>655</v>
      </c>
      <c r="Q4562">
        <v>1</v>
      </c>
      <c r="R4562" t="s">
        <v>656</v>
      </c>
      <c r="S4562">
        <v>2</v>
      </c>
      <c r="T4562" t="s">
        <v>661</v>
      </c>
      <c r="U4562">
        <v>8</v>
      </c>
      <c r="V4562">
        <v>2</v>
      </c>
      <c r="W4562">
        <v>120</v>
      </c>
      <c r="X4562">
        <v>2020</v>
      </c>
    </row>
    <row r="4563" spans="1:24" x14ac:dyDescent="0.25">
      <c r="A4563">
        <v>6078</v>
      </c>
      <c r="B4563" t="s">
        <v>110</v>
      </c>
      <c r="C4563">
        <v>2</v>
      </c>
      <c r="D4563" t="s">
        <v>616</v>
      </c>
      <c r="E4563">
        <v>21</v>
      </c>
      <c r="F4563" t="s">
        <v>651</v>
      </c>
      <c r="G4563">
        <v>160</v>
      </c>
      <c r="H4563" t="s">
        <v>658</v>
      </c>
      <c r="I4563">
        <v>13755</v>
      </c>
      <c r="J4563" t="s">
        <v>1182</v>
      </c>
      <c r="K4563">
        <v>46</v>
      </c>
      <c r="L4563" t="s">
        <v>3516</v>
      </c>
      <c r="M4563">
        <v>723</v>
      </c>
      <c r="N4563" t="s">
        <v>654</v>
      </c>
      <c r="O4563">
        <v>3</v>
      </c>
      <c r="P4563" t="s">
        <v>655</v>
      </c>
      <c r="Q4563">
        <v>1</v>
      </c>
      <c r="R4563" t="s">
        <v>656</v>
      </c>
      <c r="S4563">
        <v>2</v>
      </c>
      <c r="T4563" t="s">
        <v>661</v>
      </c>
      <c r="U4563">
        <v>8</v>
      </c>
      <c r="V4563">
        <v>2</v>
      </c>
      <c r="W4563">
        <v>120</v>
      </c>
      <c r="X4563">
        <v>2020</v>
      </c>
    </row>
    <row r="4564" spans="1:24" x14ac:dyDescent="0.25">
      <c r="A4564">
        <v>6077</v>
      </c>
      <c r="B4564" t="s">
        <v>110</v>
      </c>
      <c r="C4564">
        <v>2</v>
      </c>
      <c r="D4564" t="s">
        <v>616</v>
      </c>
      <c r="E4564">
        <v>21</v>
      </c>
      <c r="F4564" t="s">
        <v>651</v>
      </c>
      <c r="G4564">
        <v>160</v>
      </c>
      <c r="H4564" t="s">
        <v>658</v>
      </c>
      <c r="I4564">
        <v>13755</v>
      </c>
      <c r="J4564" t="s">
        <v>1182</v>
      </c>
      <c r="K4564">
        <v>46</v>
      </c>
      <c r="L4564" t="s">
        <v>3517</v>
      </c>
      <c r="M4564">
        <v>722</v>
      </c>
      <c r="N4564" t="s">
        <v>654</v>
      </c>
      <c r="O4564">
        <v>3</v>
      </c>
      <c r="P4564" t="s">
        <v>655</v>
      </c>
      <c r="Q4564">
        <v>1</v>
      </c>
      <c r="R4564" t="s">
        <v>656</v>
      </c>
      <c r="S4564">
        <v>2</v>
      </c>
      <c r="T4564" t="s">
        <v>661</v>
      </c>
      <c r="U4564">
        <v>8</v>
      </c>
      <c r="V4564">
        <v>2</v>
      </c>
      <c r="W4564">
        <v>120</v>
      </c>
      <c r="X4564">
        <v>2020</v>
      </c>
    </row>
    <row r="4565" spans="1:24" x14ac:dyDescent="0.25">
      <c r="A4565">
        <v>6076</v>
      </c>
      <c r="B4565" t="s">
        <v>110</v>
      </c>
      <c r="C4565">
        <v>2</v>
      </c>
      <c r="D4565" t="s">
        <v>616</v>
      </c>
      <c r="E4565">
        <v>21</v>
      </c>
      <c r="F4565" t="s">
        <v>651</v>
      </c>
      <c r="G4565">
        <v>160</v>
      </c>
      <c r="H4565" t="s">
        <v>658</v>
      </c>
      <c r="I4565">
        <v>13755</v>
      </c>
      <c r="J4565" t="s">
        <v>1182</v>
      </c>
      <c r="K4565">
        <v>46</v>
      </c>
      <c r="L4565" t="s">
        <v>3518</v>
      </c>
      <c r="M4565">
        <v>721</v>
      </c>
      <c r="N4565" t="s">
        <v>654</v>
      </c>
      <c r="O4565">
        <v>3</v>
      </c>
      <c r="P4565" t="s">
        <v>655</v>
      </c>
      <c r="Q4565">
        <v>1</v>
      </c>
      <c r="R4565" t="s">
        <v>656</v>
      </c>
      <c r="S4565">
        <v>2</v>
      </c>
      <c r="T4565" t="s">
        <v>661</v>
      </c>
      <c r="U4565">
        <v>8</v>
      </c>
      <c r="V4565">
        <v>2</v>
      </c>
      <c r="W4565">
        <v>120</v>
      </c>
      <c r="X4565">
        <v>2020</v>
      </c>
    </row>
    <row r="4566" spans="1:24" x14ac:dyDescent="0.25">
      <c r="A4566">
        <v>6075</v>
      </c>
      <c r="B4566" t="s">
        <v>110</v>
      </c>
      <c r="C4566">
        <v>2</v>
      </c>
      <c r="D4566" t="s">
        <v>617</v>
      </c>
      <c r="E4566">
        <v>20</v>
      </c>
      <c r="F4566" t="s">
        <v>651</v>
      </c>
      <c r="G4566">
        <v>160</v>
      </c>
      <c r="H4566" t="s">
        <v>658</v>
      </c>
      <c r="I4566">
        <v>13755</v>
      </c>
      <c r="J4566" t="s">
        <v>738</v>
      </c>
      <c r="K4566">
        <v>61</v>
      </c>
      <c r="L4566" t="s">
        <v>3519</v>
      </c>
      <c r="M4566">
        <v>720</v>
      </c>
      <c r="N4566" t="s">
        <v>654</v>
      </c>
      <c r="O4566">
        <v>3</v>
      </c>
      <c r="P4566" t="s">
        <v>655</v>
      </c>
      <c r="Q4566">
        <v>1</v>
      </c>
      <c r="R4566" t="s">
        <v>656</v>
      </c>
      <c r="S4566">
        <v>2</v>
      </c>
      <c r="T4566" t="s">
        <v>661</v>
      </c>
      <c r="U4566">
        <v>8</v>
      </c>
      <c r="V4566">
        <v>2</v>
      </c>
      <c r="W4566">
        <v>120</v>
      </c>
      <c r="X4566">
        <v>2020</v>
      </c>
    </row>
    <row r="4567" spans="1:24" x14ac:dyDescent="0.25">
      <c r="A4567">
        <v>6074</v>
      </c>
      <c r="B4567" t="s">
        <v>110</v>
      </c>
      <c r="C4567">
        <v>2</v>
      </c>
      <c r="D4567" t="s">
        <v>617</v>
      </c>
      <c r="E4567">
        <v>20</v>
      </c>
      <c r="F4567" t="s">
        <v>651</v>
      </c>
      <c r="G4567">
        <v>160</v>
      </c>
      <c r="H4567" t="s">
        <v>658</v>
      </c>
      <c r="I4567">
        <v>13755</v>
      </c>
      <c r="J4567" t="s">
        <v>738</v>
      </c>
      <c r="K4567">
        <v>61</v>
      </c>
      <c r="L4567" t="s">
        <v>3520</v>
      </c>
      <c r="M4567">
        <v>719</v>
      </c>
      <c r="N4567" t="s">
        <v>654</v>
      </c>
      <c r="O4567">
        <v>3</v>
      </c>
      <c r="P4567" t="s">
        <v>655</v>
      </c>
      <c r="Q4567">
        <v>1</v>
      </c>
      <c r="R4567" t="s">
        <v>656</v>
      </c>
      <c r="S4567">
        <v>2</v>
      </c>
      <c r="T4567" t="s">
        <v>661</v>
      </c>
      <c r="U4567">
        <v>8</v>
      </c>
      <c r="V4567">
        <v>2</v>
      </c>
      <c r="W4567">
        <v>120</v>
      </c>
      <c r="X4567">
        <v>2020</v>
      </c>
    </row>
    <row r="4568" spans="1:24" x14ac:dyDescent="0.25">
      <c r="A4568">
        <v>6073</v>
      </c>
      <c r="B4568" t="s">
        <v>110</v>
      </c>
      <c r="C4568">
        <v>2</v>
      </c>
      <c r="D4568" t="s">
        <v>617</v>
      </c>
      <c r="E4568">
        <v>20</v>
      </c>
      <c r="F4568" t="s">
        <v>651</v>
      </c>
      <c r="G4568">
        <v>160</v>
      </c>
      <c r="H4568" t="s">
        <v>658</v>
      </c>
      <c r="I4568">
        <v>13755</v>
      </c>
      <c r="J4568" t="s">
        <v>738</v>
      </c>
      <c r="K4568">
        <v>61</v>
      </c>
      <c r="L4568" t="s">
        <v>3521</v>
      </c>
      <c r="M4568">
        <v>718</v>
      </c>
      <c r="N4568" t="s">
        <v>654</v>
      </c>
      <c r="O4568">
        <v>3</v>
      </c>
      <c r="P4568" t="s">
        <v>655</v>
      </c>
      <c r="Q4568">
        <v>1</v>
      </c>
      <c r="R4568" t="s">
        <v>656</v>
      </c>
      <c r="S4568">
        <v>2</v>
      </c>
      <c r="T4568" t="s">
        <v>661</v>
      </c>
      <c r="U4568">
        <v>8</v>
      </c>
      <c r="V4568">
        <v>2</v>
      </c>
      <c r="W4568">
        <v>120</v>
      </c>
      <c r="X4568">
        <v>2020</v>
      </c>
    </row>
    <row r="4569" spans="1:24" x14ac:dyDescent="0.25">
      <c r="A4569">
        <v>6072</v>
      </c>
      <c r="B4569" t="s">
        <v>110</v>
      </c>
      <c r="C4569">
        <v>2</v>
      </c>
      <c r="D4569" t="s">
        <v>620</v>
      </c>
      <c r="E4569">
        <v>16</v>
      </c>
      <c r="F4569" t="s">
        <v>651</v>
      </c>
      <c r="G4569">
        <v>160</v>
      </c>
      <c r="H4569" t="s">
        <v>658</v>
      </c>
      <c r="I4569">
        <v>13755</v>
      </c>
      <c r="J4569" t="s">
        <v>730</v>
      </c>
      <c r="K4569">
        <v>66</v>
      </c>
      <c r="L4569" t="s">
        <v>3522</v>
      </c>
      <c r="M4569">
        <v>717</v>
      </c>
      <c r="N4569" t="s">
        <v>654</v>
      </c>
      <c r="O4569">
        <v>3</v>
      </c>
      <c r="P4569" t="s">
        <v>655</v>
      </c>
      <c r="Q4569">
        <v>1</v>
      </c>
      <c r="R4569" t="s">
        <v>656</v>
      </c>
      <c r="S4569">
        <v>2</v>
      </c>
      <c r="T4569" t="s">
        <v>661</v>
      </c>
      <c r="U4569">
        <v>8</v>
      </c>
      <c r="V4569">
        <v>2</v>
      </c>
      <c r="W4569">
        <v>120</v>
      </c>
      <c r="X4569">
        <v>2020</v>
      </c>
    </row>
    <row r="4570" spans="1:24" x14ac:dyDescent="0.25">
      <c r="A4570">
        <v>6071</v>
      </c>
      <c r="B4570" t="s">
        <v>110</v>
      </c>
      <c r="C4570">
        <v>2</v>
      </c>
      <c r="D4570" t="s">
        <v>563</v>
      </c>
      <c r="E4570">
        <v>19</v>
      </c>
      <c r="F4570" t="s">
        <v>651</v>
      </c>
      <c r="G4570">
        <v>160</v>
      </c>
      <c r="H4570" t="s">
        <v>658</v>
      </c>
      <c r="I4570">
        <v>13755</v>
      </c>
      <c r="J4570" t="s">
        <v>1022</v>
      </c>
      <c r="K4570">
        <v>85</v>
      </c>
      <c r="L4570" t="s">
        <v>3523</v>
      </c>
      <c r="M4570">
        <v>716</v>
      </c>
      <c r="N4570" t="s">
        <v>654</v>
      </c>
      <c r="O4570">
        <v>3</v>
      </c>
      <c r="P4570" t="s">
        <v>655</v>
      </c>
      <c r="Q4570">
        <v>1</v>
      </c>
      <c r="R4570" t="s">
        <v>656</v>
      </c>
      <c r="S4570">
        <v>2</v>
      </c>
      <c r="T4570" t="s">
        <v>661</v>
      </c>
      <c r="U4570">
        <v>8</v>
      </c>
      <c r="V4570">
        <v>2</v>
      </c>
      <c r="W4570">
        <v>120</v>
      </c>
      <c r="X4570">
        <v>2020</v>
      </c>
    </row>
    <row r="4571" spans="1:24" x14ac:dyDescent="0.25">
      <c r="A4571">
        <v>6070</v>
      </c>
      <c r="B4571" t="s">
        <v>110</v>
      </c>
      <c r="C4571">
        <v>2</v>
      </c>
      <c r="D4571" t="s">
        <v>563</v>
      </c>
      <c r="E4571">
        <v>19</v>
      </c>
      <c r="F4571" t="s">
        <v>651</v>
      </c>
      <c r="G4571">
        <v>160</v>
      </c>
      <c r="H4571" t="s">
        <v>658</v>
      </c>
      <c r="I4571">
        <v>13755</v>
      </c>
      <c r="J4571" t="s">
        <v>1022</v>
      </c>
      <c r="K4571">
        <v>85</v>
      </c>
      <c r="L4571" t="s">
        <v>3524</v>
      </c>
      <c r="M4571">
        <v>715</v>
      </c>
      <c r="N4571" t="s">
        <v>654</v>
      </c>
      <c r="O4571">
        <v>3</v>
      </c>
      <c r="P4571" t="s">
        <v>655</v>
      </c>
      <c r="Q4571">
        <v>1</v>
      </c>
      <c r="R4571" t="s">
        <v>656</v>
      </c>
      <c r="S4571">
        <v>2</v>
      </c>
      <c r="T4571" t="s">
        <v>661</v>
      </c>
      <c r="U4571">
        <v>8</v>
      </c>
      <c r="V4571">
        <v>2</v>
      </c>
      <c r="W4571">
        <v>120</v>
      </c>
      <c r="X4571">
        <v>2020</v>
      </c>
    </row>
    <row r="4572" spans="1:24" x14ac:dyDescent="0.25">
      <c r="A4572">
        <v>6069</v>
      </c>
      <c r="B4572" t="s">
        <v>110</v>
      </c>
      <c r="C4572">
        <v>2</v>
      </c>
      <c r="D4572" t="s">
        <v>563</v>
      </c>
      <c r="E4572">
        <v>19</v>
      </c>
      <c r="F4572" t="s">
        <v>651</v>
      </c>
      <c r="G4572">
        <v>160</v>
      </c>
      <c r="H4572" t="s">
        <v>658</v>
      </c>
      <c r="I4572">
        <v>13755</v>
      </c>
      <c r="J4572" t="s">
        <v>1022</v>
      </c>
      <c r="K4572">
        <v>85</v>
      </c>
      <c r="L4572" t="s">
        <v>3525</v>
      </c>
      <c r="M4572">
        <v>714</v>
      </c>
      <c r="N4572" t="s">
        <v>654</v>
      </c>
      <c r="O4572">
        <v>3</v>
      </c>
      <c r="P4572" t="s">
        <v>655</v>
      </c>
      <c r="Q4572">
        <v>1</v>
      </c>
      <c r="R4572" t="s">
        <v>656</v>
      </c>
      <c r="S4572">
        <v>2</v>
      </c>
      <c r="T4572" t="s">
        <v>661</v>
      </c>
      <c r="U4572">
        <v>8</v>
      </c>
      <c r="V4572">
        <v>2</v>
      </c>
      <c r="W4572">
        <v>120</v>
      </c>
      <c r="X4572">
        <v>2020</v>
      </c>
    </row>
    <row r="4573" spans="1:24" x14ac:dyDescent="0.25">
      <c r="A4573">
        <v>6068</v>
      </c>
      <c r="B4573" t="s">
        <v>110</v>
      </c>
      <c r="C4573">
        <v>2</v>
      </c>
      <c r="D4573" t="s">
        <v>620</v>
      </c>
      <c r="E4573">
        <v>16</v>
      </c>
      <c r="F4573" t="s">
        <v>651</v>
      </c>
      <c r="G4573">
        <v>160</v>
      </c>
      <c r="H4573" t="s">
        <v>658</v>
      </c>
      <c r="I4573">
        <v>13755</v>
      </c>
      <c r="J4573" t="s">
        <v>1022</v>
      </c>
      <c r="K4573">
        <v>85</v>
      </c>
      <c r="L4573" t="s">
        <v>3526</v>
      </c>
      <c r="M4573">
        <v>713</v>
      </c>
      <c r="N4573" t="s">
        <v>654</v>
      </c>
      <c r="O4573">
        <v>3</v>
      </c>
      <c r="P4573" t="s">
        <v>655</v>
      </c>
      <c r="Q4573">
        <v>1</v>
      </c>
      <c r="R4573" t="s">
        <v>656</v>
      </c>
      <c r="S4573">
        <v>2</v>
      </c>
      <c r="T4573" t="s">
        <v>718</v>
      </c>
      <c r="U4573">
        <v>2</v>
      </c>
      <c r="V4573">
        <v>2</v>
      </c>
      <c r="W4573">
        <v>120</v>
      </c>
      <c r="X4573">
        <v>2020</v>
      </c>
    </row>
    <row r="4574" spans="1:24" x14ac:dyDescent="0.25">
      <c r="A4574">
        <v>6067</v>
      </c>
      <c r="B4574" t="s">
        <v>110</v>
      </c>
      <c r="C4574">
        <v>2</v>
      </c>
      <c r="D4574" t="s">
        <v>615</v>
      </c>
      <c r="E4574">
        <v>22</v>
      </c>
      <c r="F4574" t="s">
        <v>651</v>
      </c>
      <c r="G4574">
        <v>160</v>
      </c>
      <c r="H4574" t="s">
        <v>658</v>
      </c>
      <c r="I4574">
        <v>13755</v>
      </c>
      <c r="J4574" t="s">
        <v>1022</v>
      </c>
      <c r="K4574">
        <v>85</v>
      </c>
      <c r="L4574" t="s">
        <v>3527</v>
      </c>
      <c r="M4574">
        <v>712</v>
      </c>
      <c r="N4574" t="s">
        <v>654</v>
      </c>
      <c r="O4574">
        <v>3</v>
      </c>
      <c r="P4574" t="s">
        <v>655</v>
      </c>
      <c r="Q4574">
        <v>1</v>
      </c>
      <c r="R4574" t="s">
        <v>656</v>
      </c>
      <c r="S4574">
        <v>2</v>
      </c>
      <c r="T4574" t="s">
        <v>769</v>
      </c>
      <c r="U4574">
        <v>3</v>
      </c>
      <c r="V4574">
        <v>2</v>
      </c>
      <c r="W4574">
        <v>120</v>
      </c>
      <c r="X4574">
        <v>2020</v>
      </c>
    </row>
    <row r="4575" spans="1:24" x14ac:dyDescent="0.25">
      <c r="A4575">
        <v>6066</v>
      </c>
      <c r="B4575" t="s">
        <v>110</v>
      </c>
      <c r="C4575">
        <v>2</v>
      </c>
      <c r="D4575" t="s">
        <v>615</v>
      </c>
      <c r="E4575">
        <v>22</v>
      </c>
      <c r="F4575" t="s">
        <v>651</v>
      </c>
      <c r="G4575">
        <v>160</v>
      </c>
      <c r="H4575" t="s">
        <v>658</v>
      </c>
      <c r="I4575">
        <v>13755</v>
      </c>
      <c r="J4575" t="s">
        <v>1022</v>
      </c>
      <c r="K4575">
        <v>85</v>
      </c>
      <c r="L4575" t="s">
        <v>2737</v>
      </c>
      <c r="M4575">
        <v>711</v>
      </c>
      <c r="N4575" t="s">
        <v>654</v>
      </c>
      <c r="O4575">
        <v>3</v>
      </c>
      <c r="P4575" t="s">
        <v>655</v>
      </c>
      <c r="Q4575">
        <v>1</v>
      </c>
      <c r="R4575" t="s">
        <v>656</v>
      </c>
      <c r="S4575">
        <v>2</v>
      </c>
      <c r="T4575" t="s">
        <v>718</v>
      </c>
      <c r="U4575">
        <v>2</v>
      </c>
      <c r="V4575">
        <v>2</v>
      </c>
      <c r="W4575">
        <v>120</v>
      </c>
      <c r="X4575">
        <v>2020</v>
      </c>
    </row>
    <row r="4576" spans="1:24" x14ac:dyDescent="0.25">
      <c r="A4576">
        <v>6065</v>
      </c>
      <c r="B4576" t="s">
        <v>110</v>
      </c>
      <c r="C4576">
        <v>2</v>
      </c>
      <c r="D4576" t="s">
        <v>618</v>
      </c>
      <c r="E4576">
        <v>18</v>
      </c>
      <c r="F4576" t="s">
        <v>651</v>
      </c>
      <c r="G4576">
        <v>160</v>
      </c>
      <c r="H4576" t="s">
        <v>658</v>
      </c>
      <c r="I4576">
        <v>13755</v>
      </c>
      <c r="J4576" t="s">
        <v>1022</v>
      </c>
      <c r="K4576">
        <v>85</v>
      </c>
      <c r="L4576" t="s">
        <v>3134</v>
      </c>
      <c r="M4576">
        <v>710</v>
      </c>
      <c r="N4576" t="s">
        <v>654</v>
      </c>
      <c r="O4576">
        <v>3</v>
      </c>
      <c r="P4576" t="s">
        <v>655</v>
      </c>
      <c r="Q4576">
        <v>1</v>
      </c>
      <c r="R4576" t="s">
        <v>656</v>
      </c>
      <c r="S4576">
        <v>2</v>
      </c>
      <c r="T4576" t="s">
        <v>661</v>
      </c>
      <c r="U4576">
        <v>8</v>
      </c>
      <c r="V4576">
        <v>2</v>
      </c>
      <c r="W4576">
        <v>120</v>
      </c>
      <c r="X4576">
        <v>2020</v>
      </c>
    </row>
    <row r="4577" spans="1:24" x14ac:dyDescent="0.25">
      <c r="A4577">
        <v>6064</v>
      </c>
      <c r="B4577" t="s">
        <v>110</v>
      </c>
      <c r="C4577">
        <v>2</v>
      </c>
      <c r="D4577" t="s">
        <v>618</v>
      </c>
      <c r="E4577">
        <v>18</v>
      </c>
      <c r="F4577" t="s">
        <v>651</v>
      </c>
      <c r="G4577">
        <v>160</v>
      </c>
      <c r="H4577" t="s">
        <v>658</v>
      </c>
      <c r="I4577">
        <v>13755</v>
      </c>
      <c r="J4577" t="s">
        <v>1022</v>
      </c>
      <c r="K4577">
        <v>85</v>
      </c>
      <c r="L4577" t="s">
        <v>3528</v>
      </c>
      <c r="M4577">
        <v>709</v>
      </c>
      <c r="N4577" t="s">
        <v>654</v>
      </c>
      <c r="O4577">
        <v>3</v>
      </c>
      <c r="P4577" t="s">
        <v>655</v>
      </c>
      <c r="Q4577">
        <v>1</v>
      </c>
      <c r="R4577" t="s">
        <v>656</v>
      </c>
      <c r="S4577">
        <v>2</v>
      </c>
      <c r="T4577" t="s">
        <v>661</v>
      </c>
      <c r="U4577">
        <v>8</v>
      </c>
      <c r="V4577">
        <v>2</v>
      </c>
      <c r="W4577">
        <v>120</v>
      </c>
      <c r="X4577">
        <v>2020</v>
      </c>
    </row>
    <row r="4578" spans="1:24" x14ac:dyDescent="0.25">
      <c r="A4578">
        <v>6063</v>
      </c>
      <c r="B4578" t="s">
        <v>110</v>
      </c>
      <c r="C4578">
        <v>2</v>
      </c>
      <c r="D4578" t="s">
        <v>619</v>
      </c>
      <c r="E4578">
        <v>17</v>
      </c>
      <c r="F4578" t="s">
        <v>651</v>
      </c>
      <c r="G4578">
        <v>160</v>
      </c>
      <c r="H4578" t="s">
        <v>658</v>
      </c>
      <c r="I4578">
        <v>13755</v>
      </c>
      <c r="J4578" t="s">
        <v>1022</v>
      </c>
      <c r="K4578">
        <v>85</v>
      </c>
      <c r="L4578" t="s">
        <v>3529</v>
      </c>
      <c r="M4578">
        <v>708</v>
      </c>
      <c r="N4578" t="s">
        <v>654</v>
      </c>
      <c r="O4578">
        <v>3</v>
      </c>
      <c r="P4578" t="s">
        <v>655</v>
      </c>
      <c r="Q4578">
        <v>1</v>
      </c>
      <c r="R4578" t="s">
        <v>656</v>
      </c>
      <c r="S4578">
        <v>2</v>
      </c>
      <c r="T4578" t="s">
        <v>661</v>
      </c>
      <c r="U4578">
        <v>8</v>
      </c>
      <c r="V4578">
        <v>2</v>
      </c>
      <c r="W4578">
        <v>120</v>
      </c>
      <c r="X4578">
        <v>2020</v>
      </c>
    </row>
    <row r="4579" spans="1:24" x14ac:dyDescent="0.25">
      <c r="A4579">
        <v>6062</v>
      </c>
      <c r="B4579" t="s">
        <v>110</v>
      </c>
      <c r="C4579">
        <v>2</v>
      </c>
      <c r="D4579" t="s">
        <v>619</v>
      </c>
      <c r="E4579">
        <v>17</v>
      </c>
      <c r="F4579" t="s">
        <v>651</v>
      </c>
      <c r="G4579">
        <v>160</v>
      </c>
      <c r="H4579" t="s">
        <v>658</v>
      </c>
      <c r="I4579">
        <v>13755</v>
      </c>
      <c r="J4579" t="s">
        <v>1022</v>
      </c>
      <c r="K4579">
        <v>85</v>
      </c>
      <c r="L4579" t="s">
        <v>2732</v>
      </c>
      <c r="M4579">
        <v>707</v>
      </c>
      <c r="N4579" t="s">
        <v>654</v>
      </c>
      <c r="O4579">
        <v>3</v>
      </c>
      <c r="P4579" t="s">
        <v>655</v>
      </c>
      <c r="Q4579">
        <v>1</v>
      </c>
      <c r="R4579" t="s">
        <v>656</v>
      </c>
      <c r="S4579">
        <v>2</v>
      </c>
      <c r="T4579" t="s">
        <v>661</v>
      </c>
      <c r="U4579">
        <v>8</v>
      </c>
      <c r="V4579">
        <v>2</v>
      </c>
      <c r="W4579">
        <v>120</v>
      </c>
      <c r="X4579">
        <v>2020</v>
      </c>
    </row>
    <row r="4580" spans="1:24" x14ac:dyDescent="0.25">
      <c r="A4580">
        <v>6061</v>
      </c>
      <c r="B4580" t="s">
        <v>110</v>
      </c>
      <c r="C4580">
        <v>2</v>
      </c>
      <c r="D4580" t="s">
        <v>619</v>
      </c>
      <c r="E4580">
        <v>17</v>
      </c>
      <c r="F4580" t="s">
        <v>651</v>
      </c>
      <c r="G4580">
        <v>160</v>
      </c>
      <c r="H4580" t="s">
        <v>658</v>
      </c>
      <c r="I4580">
        <v>13755</v>
      </c>
      <c r="J4580" t="s">
        <v>1022</v>
      </c>
      <c r="K4580">
        <v>85</v>
      </c>
      <c r="L4580" t="s">
        <v>3530</v>
      </c>
      <c r="M4580">
        <v>706</v>
      </c>
      <c r="N4580" t="s">
        <v>654</v>
      </c>
      <c r="O4580">
        <v>3</v>
      </c>
      <c r="P4580" t="s">
        <v>655</v>
      </c>
      <c r="Q4580">
        <v>1</v>
      </c>
      <c r="R4580" t="s">
        <v>656</v>
      </c>
      <c r="S4580">
        <v>2</v>
      </c>
      <c r="T4580" t="s">
        <v>661</v>
      </c>
      <c r="U4580">
        <v>8</v>
      </c>
      <c r="V4580">
        <v>2</v>
      </c>
      <c r="W4580">
        <v>120</v>
      </c>
      <c r="X4580">
        <v>2020</v>
      </c>
    </row>
    <row r="4581" spans="1:24" x14ac:dyDescent="0.25">
      <c r="A4581">
        <v>6060</v>
      </c>
      <c r="B4581" t="s">
        <v>110</v>
      </c>
      <c r="C4581">
        <v>2</v>
      </c>
      <c r="D4581" t="s">
        <v>620</v>
      </c>
      <c r="E4581">
        <v>16</v>
      </c>
      <c r="F4581" t="s">
        <v>651</v>
      </c>
      <c r="G4581">
        <v>160</v>
      </c>
      <c r="H4581" t="s">
        <v>658</v>
      </c>
      <c r="I4581">
        <v>13755</v>
      </c>
      <c r="J4581" t="s">
        <v>1022</v>
      </c>
      <c r="K4581">
        <v>85</v>
      </c>
      <c r="L4581" t="s">
        <v>3531</v>
      </c>
      <c r="M4581">
        <v>705</v>
      </c>
      <c r="N4581" t="s">
        <v>654</v>
      </c>
      <c r="O4581">
        <v>3</v>
      </c>
      <c r="P4581" t="s">
        <v>655</v>
      </c>
      <c r="Q4581">
        <v>1</v>
      </c>
      <c r="R4581" t="s">
        <v>656</v>
      </c>
      <c r="S4581">
        <v>2</v>
      </c>
      <c r="T4581" t="s">
        <v>661</v>
      </c>
      <c r="U4581">
        <v>8</v>
      </c>
      <c r="V4581">
        <v>2</v>
      </c>
      <c r="W4581">
        <v>120</v>
      </c>
      <c r="X4581">
        <v>2020</v>
      </c>
    </row>
    <row r="4582" spans="1:24" x14ac:dyDescent="0.25">
      <c r="A4582">
        <v>6059</v>
      </c>
      <c r="B4582" t="s">
        <v>110</v>
      </c>
      <c r="C4582">
        <v>2</v>
      </c>
      <c r="D4582" t="s">
        <v>620</v>
      </c>
      <c r="E4582">
        <v>16</v>
      </c>
      <c r="F4582" t="s">
        <v>651</v>
      </c>
      <c r="G4582">
        <v>160</v>
      </c>
      <c r="H4582" t="s">
        <v>658</v>
      </c>
      <c r="I4582">
        <v>13755</v>
      </c>
      <c r="J4582" t="s">
        <v>1022</v>
      </c>
      <c r="K4582">
        <v>85</v>
      </c>
      <c r="L4582" t="s">
        <v>3532</v>
      </c>
      <c r="M4582">
        <v>704</v>
      </c>
      <c r="N4582" t="s">
        <v>654</v>
      </c>
      <c r="O4582">
        <v>3</v>
      </c>
      <c r="P4582" t="s">
        <v>655</v>
      </c>
      <c r="Q4582">
        <v>1</v>
      </c>
      <c r="R4582" t="s">
        <v>656</v>
      </c>
      <c r="S4582">
        <v>2</v>
      </c>
      <c r="T4582" t="s">
        <v>661</v>
      </c>
      <c r="U4582">
        <v>8</v>
      </c>
      <c r="V4582">
        <v>2</v>
      </c>
      <c r="W4582">
        <v>120</v>
      </c>
      <c r="X4582">
        <v>2020</v>
      </c>
    </row>
    <row r="4583" spans="1:24" x14ac:dyDescent="0.25">
      <c r="A4583">
        <v>6058</v>
      </c>
      <c r="B4583" t="s">
        <v>110</v>
      </c>
      <c r="C4583">
        <v>2</v>
      </c>
      <c r="D4583" t="s">
        <v>620</v>
      </c>
      <c r="E4583">
        <v>16</v>
      </c>
      <c r="F4583" t="s">
        <v>651</v>
      </c>
      <c r="G4583">
        <v>160</v>
      </c>
      <c r="H4583" t="s">
        <v>658</v>
      </c>
      <c r="I4583">
        <v>13755</v>
      </c>
      <c r="J4583" t="s">
        <v>1022</v>
      </c>
      <c r="K4583">
        <v>85</v>
      </c>
      <c r="L4583" t="s">
        <v>3533</v>
      </c>
      <c r="M4583">
        <v>703</v>
      </c>
      <c r="N4583" t="s">
        <v>654</v>
      </c>
      <c r="O4583">
        <v>3</v>
      </c>
      <c r="P4583" t="s">
        <v>655</v>
      </c>
      <c r="Q4583">
        <v>1</v>
      </c>
      <c r="R4583" t="s">
        <v>656</v>
      </c>
      <c r="S4583">
        <v>2</v>
      </c>
      <c r="T4583" t="s">
        <v>661</v>
      </c>
      <c r="U4583">
        <v>8</v>
      </c>
      <c r="V4583">
        <v>2</v>
      </c>
      <c r="W4583">
        <v>120</v>
      </c>
      <c r="X4583">
        <v>2020</v>
      </c>
    </row>
    <row r="4584" spans="1:24" x14ac:dyDescent="0.25">
      <c r="A4584">
        <v>6057</v>
      </c>
      <c r="B4584" t="s">
        <v>110</v>
      </c>
      <c r="C4584">
        <v>2</v>
      </c>
      <c r="D4584" t="s">
        <v>620</v>
      </c>
      <c r="E4584">
        <v>16</v>
      </c>
      <c r="F4584" t="s">
        <v>651</v>
      </c>
      <c r="G4584">
        <v>160</v>
      </c>
      <c r="H4584" t="s">
        <v>658</v>
      </c>
      <c r="I4584">
        <v>13755</v>
      </c>
      <c r="J4584" t="s">
        <v>1022</v>
      </c>
      <c r="K4584">
        <v>85</v>
      </c>
      <c r="L4584" t="s">
        <v>2739</v>
      </c>
      <c r="M4584">
        <v>702</v>
      </c>
      <c r="N4584" t="s">
        <v>654</v>
      </c>
      <c r="O4584">
        <v>3</v>
      </c>
      <c r="P4584" t="s">
        <v>655</v>
      </c>
      <c r="Q4584">
        <v>1</v>
      </c>
      <c r="R4584" t="s">
        <v>656</v>
      </c>
      <c r="S4584">
        <v>2</v>
      </c>
      <c r="T4584" t="s">
        <v>661</v>
      </c>
      <c r="U4584">
        <v>8</v>
      </c>
      <c r="V4584">
        <v>2</v>
      </c>
      <c r="W4584">
        <v>120</v>
      </c>
      <c r="X4584">
        <v>2020</v>
      </c>
    </row>
    <row r="4585" spans="1:24" x14ac:dyDescent="0.25">
      <c r="A4585">
        <v>6056</v>
      </c>
      <c r="B4585" t="s">
        <v>110</v>
      </c>
      <c r="C4585">
        <v>2</v>
      </c>
      <c r="D4585" t="s">
        <v>620</v>
      </c>
      <c r="E4585">
        <v>16</v>
      </c>
      <c r="F4585" t="s">
        <v>651</v>
      </c>
      <c r="G4585">
        <v>160</v>
      </c>
      <c r="H4585" t="s">
        <v>658</v>
      </c>
      <c r="I4585">
        <v>13755</v>
      </c>
      <c r="J4585" t="s">
        <v>1022</v>
      </c>
      <c r="K4585">
        <v>85</v>
      </c>
      <c r="L4585" t="s">
        <v>2738</v>
      </c>
      <c r="M4585">
        <v>701</v>
      </c>
      <c r="N4585" t="s">
        <v>654</v>
      </c>
      <c r="O4585">
        <v>3</v>
      </c>
      <c r="P4585" t="s">
        <v>655</v>
      </c>
      <c r="Q4585">
        <v>1</v>
      </c>
      <c r="R4585" t="s">
        <v>656</v>
      </c>
      <c r="S4585">
        <v>2</v>
      </c>
      <c r="T4585" t="s">
        <v>661</v>
      </c>
      <c r="U4585">
        <v>8</v>
      </c>
      <c r="V4585">
        <v>2</v>
      </c>
      <c r="W4585">
        <v>120</v>
      </c>
      <c r="X4585">
        <v>2020</v>
      </c>
    </row>
    <row r="4586" spans="1:24" x14ac:dyDescent="0.25">
      <c r="A4586">
        <v>6055</v>
      </c>
      <c r="B4586" t="s">
        <v>226</v>
      </c>
      <c r="C4586">
        <v>1</v>
      </c>
      <c r="D4586" t="s">
        <v>623</v>
      </c>
      <c r="E4586">
        <v>13</v>
      </c>
      <c r="F4586" t="s">
        <v>651</v>
      </c>
      <c r="G4586">
        <v>160</v>
      </c>
      <c r="H4586" t="s">
        <v>658</v>
      </c>
      <c r="I4586">
        <v>13755</v>
      </c>
      <c r="J4586" t="s">
        <v>705</v>
      </c>
      <c r="K4586">
        <v>70</v>
      </c>
      <c r="L4586" t="s">
        <v>3534</v>
      </c>
      <c r="M4586">
        <v>700</v>
      </c>
      <c r="N4586" t="s">
        <v>654</v>
      </c>
      <c r="O4586">
        <v>3</v>
      </c>
      <c r="P4586" t="s">
        <v>655</v>
      </c>
      <c r="Q4586">
        <v>1</v>
      </c>
      <c r="R4586" t="s">
        <v>656</v>
      </c>
      <c r="S4586">
        <v>2</v>
      </c>
      <c r="T4586" t="s">
        <v>661</v>
      </c>
      <c r="U4586">
        <v>8</v>
      </c>
      <c r="V4586">
        <v>2</v>
      </c>
      <c r="W4586">
        <v>120</v>
      </c>
      <c r="X4586">
        <v>2020</v>
      </c>
    </row>
    <row r="4587" spans="1:24" x14ac:dyDescent="0.25">
      <c r="A4587">
        <v>6054</v>
      </c>
      <c r="B4587" t="s">
        <v>226</v>
      </c>
      <c r="C4587">
        <v>1</v>
      </c>
      <c r="D4587" t="s">
        <v>623</v>
      </c>
      <c r="E4587">
        <v>13</v>
      </c>
      <c r="F4587" t="s">
        <v>651</v>
      </c>
      <c r="G4587">
        <v>160</v>
      </c>
      <c r="H4587" t="s">
        <v>658</v>
      </c>
      <c r="I4587">
        <v>13755</v>
      </c>
      <c r="J4587" t="s">
        <v>705</v>
      </c>
      <c r="K4587">
        <v>70</v>
      </c>
      <c r="L4587" t="s">
        <v>3535</v>
      </c>
      <c r="M4587">
        <v>699</v>
      </c>
      <c r="N4587" t="s">
        <v>654</v>
      </c>
      <c r="O4587">
        <v>3</v>
      </c>
      <c r="P4587" t="s">
        <v>655</v>
      </c>
      <c r="Q4587">
        <v>1</v>
      </c>
      <c r="R4587" t="s">
        <v>656</v>
      </c>
      <c r="S4587">
        <v>2</v>
      </c>
      <c r="T4587" t="s">
        <v>661</v>
      </c>
      <c r="U4587">
        <v>8</v>
      </c>
      <c r="V4587">
        <v>2</v>
      </c>
      <c r="W4587">
        <v>120</v>
      </c>
      <c r="X4587">
        <v>2020</v>
      </c>
    </row>
    <row r="4588" spans="1:24" x14ac:dyDescent="0.25">
      <c r="A4588">
        <v>6052</v>
      </c>
      <c r="B4588" t="s">
        <v>226</v>
      </c>
      <c r="C4588">
        <v>1</v>
      </c>
      <c r="D4588" t="s">
        <v>629</v>
      </c>
      <c r="E4588">
        <v>5</v>
      </c>
      <c r="F4588" t="s">
        <v>651</v>
      </c>
      <c r="G4588">
        <v>160</v>
      </c>
      <c r="H4588" t="s">
        <v>658</v>
      </c>
      <c r="I4588">
        <v>13755</v>
      </c>
      <c r="J4588" t="s">
        <v>705</v>
      </c>
      <c r="K4588">
        <v>70</v>
      </c>
      <c r="L4588" t="s">
        <v>3536</v>
      </c>
      <c r="M4588">
        <v>697</v>
      </c>
      <c r="N4588" t="s">
        <v>654</v>
      </c>
      <c r="O4588">
        <v>3</v>
      </c>
      <c r="P4588" t="s">
        <v>655</v>
      </c>
      <c r="Q4588">
        <v>1</v>
      </c>
      <c r="R4588" t="s">
        <v>656</v>
      </c>
      <c r="S4588">
        <v>2</v>
      </c>
      <c r="T4588" t="s">
        <v>661</v>
      </c>
      <c r="U4588">
        <v>8</v>
      </c>
      <c r="V4588">
        <v>2</v>
      </c>
      <c r="W4588">
        <v>120</v>
      </c>
      <c r="X4588">
        <v>2020</v>
      </c>
    </row>
    <row r="4589" spans="1:24" x14ac:dyDescent="0.25">
      <c r="A4589">
        <v>6051</v>
      </c>
      <c r="B4589" t="s">
        <v>226</v>
      </c>
      <c r="C4589">
        <v>1</v>
      </c>
      <c r="D4589" t="s">
        <v>623</v>
      </c>
      <c r="E4589">
        <v>13</v>
      </c>
      <c r="F4589" t="s">
        <v>651</v>
      </c>
      <c r="G4589">
        <v>160</v>
      </c>
      <c r="H4589" t="s">
        <v>658</v>
      </c>
      <c r="I4589">
        <v>13755</v>
      </c>
      <c r="J4589" t="s">
        <v>705</v>
      </c>
      <c r="K4589">
        <v>70</v>
      </c>
      <c r="L4589" t="s">
        <v>3537</v>
      </c>
      <c r="M4589">
        <v>696</v>
      </c>
      <c r="N4589" t="s">
        <v>654</v>
      </c>
      <c r="O4589">
        <v>3</v>
      </c>
      <c r="P4589" t="s">
        <v>655</v>
      </c>
      <c r="Q4589">
        <v>1</v>
      </c>
      <c r="R4589" t="s">
        <v>656</v>
      </c>
      <c r="S4589">
        <v>2</v>
      </c>
      <c r="T4589" t="s">
        <v>661</v>
      </c>
      <c r="U4589">
        <v>8</v>
      </c>
      <c r="V4589">
        <v>2</v>
      </c>
      <c r="W4589">
        <v>120</v>
      </c>
      <c r="X4589">
        <v>2020</v>
      </c>
    </row>
    <row r="4590" spans="1:24" x14ac:dyDescent="0.25">
      <c r="A4590">
        <v>6050</v>
      </c>
      <c r="B4590" t="s">
        <v>226</v>
      </c>
      <c r="C4590">
        <v>1</v>
      </c>
      <c r="D4590" t="s">
        <v>623</v>
      </c>
      <c r="E4590">
        <v>13</v>
      </c>
      <c r="F4590" t="s">
        <v>651</v>
      </c>
      <c r="G4590">
        <v>160</v>
      </c>
      <c r="H4590" t="s">
        <v>658</v>
      </c>
      <c r="I4590">
        <v>13755</v>
      </c>
      <c r="J4590" t="s">
        <v>705</v>
      </c>
      <c r="K4590">
        <v>70</v>
      </c>
      <c r="L4590" t="s">
        <v>3538</v>
      </c>
      <c r="M4590">
        <v>695</v>
      </c>
      <c r="N4590" t="s">
        <v>654</v>
      </c>
      <c r="O4590">
        <v>3</v>
      </c>
      <c r="P4590" t="s">
        <v>655</v>
      </c>
      <c r="Q4590">
        <v>1</v>
      </c>
      <c r="R4590" t="s">
        <v>656</v>
      </c>
      <c r="S4590">
        <v>2</v>
      </c>
      <c r="T4590" t="s">
        <v>661</v>
      </c>
      <c r="U4590">
        <v>8</v>
      </c>
      <c r="V4590">
        <v>2</v>
      </c>
      <c r="W4590">
        <v>120</v>
      </c>
      <c r="X4590">
        <v>2020</v>
      </c>
    </row>
    <row r="4591" spans="1:24" x14ac:dyDescent="0.25">
      <c r="A4591">
        <v>6048</v>
      </c>
      <c r="B4591" t="s">
        <v>226</v>
      </c>
      <c r="C4591">
        <v>1</v>
      </c>
      <c r="D4591" t="s">
        <v>622</v>
      </c>
      <c r="E4591">
        <v>14</v>
      </c>
      <c r="F4591" t="s">
        <v>651</v>
      </c>
      <c r="G4591">
        <v>160</v>
      </c>
      <c r="H4591" t="s">
        <v>658</v>
      </c>
      <c r="I4591">
        <v>13755</v>
      </c>
      <c r="J4591" t="s">
        <v>705</v>
      </c>
      <c r="K4591">
        <v>70</v>
      </c>
      <c r="L4591" t="s">
        <v>890</v>
      </c>
      <c r="M4591">
        <v>693</v>
      </c>
      <c r="N4591" t="s">
        <v>654</v>
      </c>
      <c r="O4591">
        <v>3</v>
      </c>
      <c r="P4591" t="s">
        <v>655</v>
      </c>
      <c r="Q4591">
        <v>1</v>
      </c>
      <c r="R4591" t="s">
        <v>656</v>
      </c>
      <c r="S4591">
        <v>2</v>
      </c>
      <c r="T4591" t="s">
        <v>661</v>
      </c>
      <c r="U4591">
        <v>8</v>
      </c>
      <c r="V4591">
        <v>2</v>
      </c>
      <c r="W4591">
        <v>120</v>
      </c>
      <c r="X4591">
        <v>2020</v>
      </c>
    </row>
    <row r="4592" spans="1:24" x14ac:dyDescent="0.25">
      <c r="A4592">
        <v>6047</v>
      </c>
      <c r="B4592" t="s">
        <v>226</v>
      </c>
      <c r="C4592">
        <v>1</v>
      </c>
      <c r="D4592" t="s">
        <v>519</v>
      </c>
      <c r="E4592">
        <v>10</v>
      </c>
      <c r="F4592" t="s">
        <v>651</v>
      </c>
      <c r="G4592">
        <v>160</v>
      </c>
      <c r="H4592" t="s">
        <v>658</v>
      </c>
      <c r="I4592">
        <v>13755</v>
      </c>
      <c r="J4592" t="s">
        <v>705</v>
      </c>
      <c r="K4592">
        <v>70</v>
      </c>
      <c r="L4592" t="s">
        <v>3539</v>
      </c>
      <c r="M4592">
        <v>692</v>
      </c>
      <c r="N4592" t="s">
        <v>654</v>
      </c>
      <c r="O4592">
        <v>3</v>
      </c>
      <c r="P4592" t="s">
        <v>655</v>
      </c>
      <c r="Q4592">
        <v>1</v>
      </c>
      <c r="R4592" t="s">
        <v>656</v>
      </c>
      <c r="S4592">
        <v>2</v>
      </c>
      <c r="T4592" t="s">
        <v>661</v>
      </c>
      <c r="U4592">
        <v>8</v>
      </c>
      <c r="V4592">
        <v>2</v>
      </c>
      <c r="W4592">
        <v>120</v>
      </c>
      <c r="X4592">
        <v>2020</v>
      </c>
    </row>
    <row r="4593" spans="1:24" x14ac:dyDescent="0.25">
      <c r="A4593">
        <v>6044</v>
      </c>
      <c r="B4593" t="s">
        <v>226</v>
      </c>
      <c r="C4593">
        <v>1</v>
      </c>
      <c r="D4593" t="s">
        <v>621</v>
      </c>
      <c r="E4593">
        <v>15</v>
      </c>
      <c r="F4593" t="s">
        <v>651</v>
      </c>
      <c r="G4593">
        <v>160</v>
      </c>
      <c r="H4593" t="s">
        <v>658</v>
      </c>
      <c r="I4593">
        <v>13755</v>
      </c>
      <c r="J4593" t="s">
        <v>684</v>
      </c>
      <c r="K4593">
        <v>22</v>
      </c>
      <c r="L4593" t="s">
        <v>3540</v>
      </c>
      <c r="M4593">
        <v>689</v>
      </c>
      <c r="N4593" t="s">
        <v>654</v>
      </c>
      <c r="O4593">
        <v>3</v>
      </c>
      <c r="P4593" t="s">
        <v>655</v>
      </c>
      <c r="Q4593">
        <v>1</v>
      </c>
      <c r="R4593" t="s">
        <v>656</v>
      </c>
      <c r="S4593">
        <v>2</v>
      </c>
      <c r="T4593" t="s">
        <v>661</v>
      </c>
      <c r="U4593">
        <v>8</v>
      </c>
      <c r="V4593">
        <v>2</v>
      </c>
      <c r="W4593">
        <v>120</v>
      </c>
      <c r="X4593">
        <v>2020</v>
      </c>
    </row>
    <row r="4594" spans="1:24" x14ac:dyDescent="0.25">
      <c r="A4594">
        <v>6040</v>
      </c>
      <c r="B4594" t="s">
        <v>226</v>
      </c>
      <c r="C4594">
        <v>1</v>
      </c>
      <c r="D4594" t="s">
        <v>615</v>
      </c>
      <c r="E4594">
        <v>12</v>
      </c>
      <c r="F4594" t="s">
        <v>651</v>
      </c>
      <c r="G4594">
        <v>160</v>
      </c>
      <c r="H4594" t="s">
        <v>658</v>
      </c>
      <c r="I4594">
        <v>13755</v>
      </c>
      <c r="J4594" t="s">
        <v>691</v>
      </c>
      <c r="K4594">
        <v>21</v>
      </c>
      <c r="L4594" t="s">
        <v>3541</v>
      </c>
      <c r="M4594">
        <v>685</v>
      </c>
      <c r="N4594" t="s">
        <v>654</v>
      </c>
      <c r="O4594">
        <v>3</v>
      </c>
      <c r="P4594" t="s">
        <v>655</v>
      </c>
      <c r="Q4594">
        <v>1</v>
      </c>
      <c r="R4594" t="s">
        <v>656</v>
      </c>
      <c r="S4594">
        <v>2</v>
      </c>
      <c r="T4594" t="s">
        <v>769</v>
      </c>
      <c r="U4594">
        <v>3</v>
      </c>
      <c r="V4594">
        <v>2</v>
      </c>
      <c r="W4594">
        <v>120</v>
      </c>
      <c r="X4594">
        <v>2020</v>
      </c>
    </row>
    <row r="4595" spans="1:24" x14ac:dyDescent="0.25">
      <c r="A4595">
        <v>6039</v>
      </c>
      <c r="B4595" t="s">
        <v>226</v>
      </c>
      <c r="C4595">
        <v>1</v>
      </c>
      <c r="D4595" t="s">
        <v>628</v>
      </c>
      <c r="E4595">
        <v>6</v>
      </c>
      <c r="F4595" t="s">
        <v>651</v>
      </c>
      <c r="G4595">
        <v>160</v>
      </c>
      <c r="H4595" t="s">
        <v>658</v>
      </c>
      <c r="I4595">
        <v>13755</v>
      </c>
      <c r="J4595" t="s">
        <v>691</v>
      </c>
      <c r="K4595">
        <v>21</v>
      </c>
      <c r="L4595" t="s">
        <v>3542</v>
      </c>
      <c r="M4595">
        <v>684</v>
      </c>
      <c r="N4595" t="s">
        <v>654</v>
      </c>
      <c r="O4595">
        <v>3</v>
      </c>
      <c r="P4595" t="s">
        <v>655</v>
      </c>
      <c r="Q4595">
        <v>1</v>
      </c>
      <c r="R4595" t="s">
        <v>656</v>
      </c>
      <c r="S4595">
        <v>2</v>
      </c>
      <c r="T4595" t="s">
        <v>661</v>
      </c>
      <c r="U4595">
        <v>8</v>
      </c>
      <c r="V4595">
        <v>2</v>
      </c>
      <c r="W4595">
        <v>120</v>
      </c>
      <c r="X4595">
        <v>2020</v>
      </c>
    </row>
    <row r="4596" spans="1:24" x14ac:dyDescent="0.25">
      <c r="A4596">
        <v>6038</v>
      </c>
      <c r="B4596" t="s">
        <v>226</v>
      </c>
      <c r="C4596">
        <v>1</v>
      </c>
      <c r="D4596" t="s">
        <v>628</v>
      </c>
      <c r="E4596">
        <v>6</v>
      </c>
      <c r="F4596" t="s">
        <v>651</v>
      </c>
      <c r="G4596">
        <v>160</v>
      </c>
      <c r="H4596" t="s">
        <v>658</v>
      </c>
      <c r="I4596">
        <v>13755</v>
      </c>
      <c r="J4596" t="s">
        <v>756</v>
      </c>
      <c r="K4596">
        <v>19</v>
      </c>
      <c r="L4596" t="s">
        <v>2403</v>
      </c>
      <c r="M4596">
        <v>855</v>
      </c>
      <c r="N4596" t="s">
        <v>654</v>
      </c>
      <c r="O4596">
        <v>3</v>
      </c>
      <c r="P4596" t="s">
        <v>655</v>
      </c>
      <c r="Q4596">
        <v>1</v>
      </c>
      <c r="R4596" t="s">
        <v>656</v>
      </c>
      <c r="S4596">
        <v>2</v>
      </c>
      <c r="T4596" t="s">
        <v>661</v>
      </c>
      <c r="U4596">
        <v>8</v>
      </c>
      <c r="V4596">
        <v>2</v>
      </c>
      <c r="W4596">
        <v>120</v>
      </c>
      <c r="X4596">
        <v>2020</v>
      </c>
    </row>
    <row r="4597" spans="1:24" x14ac:dyDescent="0.25">
      <c r="A4597">
        <v>6037</v>
      </c>
      <c r="B4597" t="s">
        <v>226</v>
      </c>
      <c r="C4597">
        <v>1</v>
      </c>
      <c r="D4597" t="s">
        <v>629</v>
      </c>
      <c r="E4597">
        <v>5</v>
      </c>
      <c r="F4597" t="s">
        <v>651</v>
      </c>
      <c r="G4597">
        <v>160</v>
      </c>
      <c r="H4597" t="s">
        <v>658</v>
      </c>
      <c r="I4597">
        <v>13755</v>
      </c>
      <c r="J4597" t="s">
        <v>716</v>
      </c>
      <c r="K4597">
        <v>68</v>
      </c>
      <c r="L4597" t="s">
        <v>3543</v>
      </c>
      <c r="M4597">
        <v>682</v>
      </c>
      <c r="N4597" t="s">
        <v>654</v>
      </c>
      <c r="O4597">
        <v>3</v>
      </c>
      <c r="P4597" t="s">
        <v>655</v>
      </c>
      <c r="Q4597">
        <v>1</v>
      </c>
      <c r="R4597" t="s">
        <v>656</v>
      </c>
      <c r="S4597">
        <v>2</v>
      </c>
      <c r="T4597" t="s">
        <v>661</v>
      </c>
      <c r="U4597">
        <v>8</v>
      </c>
      <c r="V4597">
        <v>2</v>
      </c>
      <c r="W4597">
        <v>120</v>
      </c>
      <c r="X4597">
        <v>2020</v>
      </c>
    </row>
    <row r="4598" spans="1:24" x14ac:dyDescent="0.25">
      <c r="A4598">
        <v>6036</v>
      </c>
      <c r="B4598" t="s">
        <v>226</v>
      </c>
      <c r="C4598">
        <v>1</v>
      </c>
      <c r="D4598" t="s">
        <v>628</v>
      </c>
      <c r="E4598">
        <v>6</v>
      </c>
      <c r="F4598" t="s">
        <v>651</v>
      </c>
      <c r="G4598">
        <v>160</v>
      </c>
      <c r="H4598" t="s">
        <v>658</v>
      </c>
      <c r="I4598">
        <v>13755</v>
      </c>
      <c r="J4598" t="s">
        <v>716</v>
      </c>
      <c r="K4598">
        <v>68</v>
      </c>
      <c r="L4598" t="s">
        <v>3544</v>
      </c>
      <c r="M4598">
        <v>681</v>
      </c>
      <c r="N4598" t="s">
        <v>654</v>
      </c>
      <c r="O4598">
        <v>3</v>
      </c>
      <c r="P4598" t="s">
        <v>655</v>
      </c>
      <c r="Q4598">
        <v>1</v>
      </c>
      <c r="R4598" t="s">
        <v>656</v>
      </c>
      <c r="S4598">
        <v>2</v>
      </c>
      <c r="T4598" t="s">
        <v>661</v>
      </c>
      <c r="U4598">
        <v>8</v>
      </c>
      <c r="V4598">
        <v>2</v>
      </c>
      <c r="W4598">
        <v>120</v>
      </c>
      <c r="X4598">
        <v>2020</v>
      </c>
    </row>
    <row r="4599" spans="1:24" x14ac:dyDescent="0.25">
      <c r="A4599">
        <v>6035</v>
      </c>
      <c r="B4599" t="s">
        <v>226</v>
      </c>
      <c r="C4599">
        <v>1</v>
      </c>
      <c r="D4599" t="s">
        <v>628</v>
      </c>
      <c r="E4599">
        <v>6</v>
      </c>
      <c r="F4599" t="s">
        <v>651</v>
      </c>
      <c r="G4599">
        <v>160</v>
      </c>
      <c r="H4599" t="s">
        <v>658</v>
      </c>
      <c r="I4599">
        <v>13755</v>
      </c>
      <c r="J4599" t="s">
        <v>730</v>
      </c>
      <c r="K4599">
        <v>66</v>
      </c>
      <c r="L4599" t="s">
        <v>3545</v>
      </c>
      <c r="M4599">
        <v>680</v>
      </c>
      <c r="N4599" t="s">
        <v>654</v>
      </c>
      <c r="O4599">
        <v>3</v>
      </c>
      <c r="P4599" t="s">
        <v>655</v>
      </c>
      <c r="Q4599">
        <v>1</v>
      </c>
      <c r="R4599" t="s">
        <v>656</v>
      </c>
      <c r="S4599">
        <v>2</v>
      </c>
      <c r="T4599" t="s">
        <v>718</v>
      </c>
      <c r="U4599">
        <v>2</v>
      </c>
      <c r="V4599">
        <v>2</v>
      </c>
      <c r="W4599">
        <v>120</v>
      </c>
      <c r="X4599">
        <v>2020</v>
      </c>
    </row>
    <row r="4600" spans="1:24" x14ac:dyDescent="0.25">
      <c r="A4600">
        <v>6034</v>
      </c>
      <c r="B4600" t="s">
        <v>226</v>
      </c>
      <c r="C4600">
        <v>1</v>
      </c>
      <c r="D4600" t="s">
        <v>621</v>
      </c>
      <c r="E4600">
        <v>15</v>
      </c>
      <c r="F4600" t="s">
        <v>651</v>
      </c>
      <c r="G4600">
        <v>160</v>
      </c>
      <c r="H4600" t="s">
        <v>658</v>
      </c>
      <c r="I4600">
        <v>13755</v>
      </c>
      <c r="J4600" t="s">
        <v>730</v>
      </c>
      <c r="K4600">
        <v>66</v>
      </c>
      <c r="L4600" t="s">
        <v>3546</v>
      </c>
      <c r="M4600">
        <v>679</v>
      </c>
      <c r="N4600" t="s">
        <v>654</v>
      </c>
      <c r="O4600">
        <v>3</v>
      </c>
      <c r="P4600" t="s">
        <v>655</v>
      </c>
      <c r="Q4600">
        <v>1</v>
      </c>
      <c r="R4600" t="s">
        <v>656</v>
      </c>
      <c r="S4600">
        <v>2</v>
      </c>
      <c r="T4600" t="s">
        <v>718</v>
      </c>
      <c r="U4600">
        <v>2</v>
      </c>
      <c r="V4600">
        <v>2</v>
      </c>
      <c r="W4600">
        <v>120</v>
      </c>
      <c r="X4600">
        <v>2020</v>
      </c>
    </row>
    <row r="4601" spans="1:24" x14ac:dyDescent="0.25">
      <c r="A4601">
        <v>6033</v>
      </c>
      <c r="B4601" t="s">
        <v>226</v>
      </c>
      <c r="C4601">
        <v>1</v>
      </c>
      <c r="D4601" t="s">
        <v>519</v>
      </c>
      <c r="E4601">
        <v>10</v>
      </c>
      <c r="F4601" t="s">
        <v>651</v>
      </c>
      <c r="G4601">
        <v>160</v>
      </c>
      <c r="H4601" t="s">
        <v>658</v>
      </c>
      <c r="I4601">
        <v>13755</v>
      </c>
      <c r="J4601" t="s">
        <v>730</v>
      </c>
      <c r="K4601">
        <v>66</v>
      </c>
      <c r="L4601" t="s">
        <v>3547</v>
      </c>
      <c r="M4601">
        <v>678</v>
      </c>
      <c r="N4601" t="s">
        <v>654</v>
      </c>
      <c r="O4601">
        <v>3</v>
      </c>
      <c r="P4601" t="s">
        <v>655</v>
      </c>
      <c r="Q4601">
        <v>1</v>
      </c>
      <c r="R4601" t="s">
        <v>656</v>
      </c>
      <c r="S4601">
        <v>2</v>
      </c>
      <c r="T4601" t="s">
        <v>661</v>
      </c>
      <c r="U4601">
        <v>8</v>
      </c>
      <c r="V4601">
        <v>2</v>
      </c>
      <c r="W4601">
        <v>120</v>
      </c>
      <c r="X4601">
        <v>2020</v>
      </c>
    </row>
    <row r="4602" spans="1:24" x14ac:dyDescent="0.25">
      <c r="A4602">
        <v>6032</v>
      </c>
      <c r="B4602" t="s">
        <v>226</v>
      </c>
      <c r="C4602">
        <v>1</v>
      </c>
      <c r="D4602" t="s">
        <v>615</v>
      </c>
      <c r="E4602">
        <v>12</v>
      </c>
      <c r="F4602" t="s">
        <v>651</v>
      </c>
      <c r="G4602">
        <v>160</v>
      </c>
      <c r="H4602" t="s">
        <v>658</v>
      </c>
      <c r="I4602">
        <v>13755</v>
      </c>
      <c r="J4602" t="s">
        <v>730</v>
      </c>
      <c r="K4602">
        <v>66</v>
      </c>
      <c r="L4602" t="s">
        <v>3548</v>
      </c>
      <c r="M4602">
        <v>677</v>
      </c>
      <c r="N4602" t="s">
        <v>654</v>
      </c>
      <c r="O4602">
        <v>3</v>
      </c>
      <c r="P4602" t="s">
        <v>655</v>
      </c>
      <c r="Q4602">
        <v>1</v>
      </c>
      <c r="R4602" t="s">
        <v>656</v>
      </c>
      <c r="S4602">
        <v>2</v>
      </c>
      <c r="T4602" t="s">
        <v>729</v>
      </c>
      <c r="U4602">
        <v>4</v>
      </c>
      <c r="V4602">
        <v>2</v>
      </c>
      <c r="W4602">
        <v>120</v>
      </c>
      <c r="X4602">
        <v>2020</v>
      </c>
    </row>
    <row r="4603" spans="1:24" x14ac:dyDescent="0.25">
      <c r="A4603">
        <v>6031</v>
      </c>
      <c r="B4603" t="s">
        <v>226</v>
      </c>
      <c r="C4603">
        <v>1</v>
      </c>
      <c r="D4603" t="s">
        <v>628</v>
      </c>
      <c r="E4603">
        <v>6</v>
      </c>
      <c r="F4603" t="s">
        <v>651</v>
      </c>
      <c r="G4603">
        <v>160</v>
      </c>
      <c r="H4603" t="s">
        <v>658</v>
      </c>
      <c r="I4603">
        <v>13755</v>
      </c>
      <c r="J4603" t="s">
        <v>730</v>
      </c>
      <c r="K4603">
        <v>66</v>
      </c>
      <c r="L4603" t="s">
        <v>3549</v>
      </c>
      <c r="M4603">
        <v>676</v>
      </c>
      <c r="N4603" t="s">
        <v>654</v>
      </c>
      <c r="O4603">
        <v>3</v>
      </c>
      <c r="P4603" t="s">
        <v>655</v>
      </c>
      <c r="Q4603">
        <v>1</v>
      </c>
      <c r="R4603" t="s">
        <v>656</v>
      </c>
      <c r="S4603">
        <v>2</v>
      </c>
      <c r="T4603" t="s">
        <v>661</v>
      </c>
      <c r="U4603">
        <v>8</v>
      </c>
      <c r="V4603">
        <v>2</v>
      </c>
      <c r="W4603">
        <v>120</v>
      </c>
      <c r="X4603">
        <v>2020</v>
      </c>
    </row>
    <row r="4604" spans="1:24" x14ac:dyDescent="0.25">
      <c r="A4604">
        <v>6030</v>
      </c>
      <c r="B4604" t="s">
        <v>226</v>
      </c>
      <c r="C4604">
        <v>1</v>
      </c>
      <c r="D4604" t="s">
        <v>628</v>
      </c>
      <c r="E4604">
        <v>6</v>
      </c>
      <c r="F4604" t="s">
        <v>651</v>
      </c>
      <c r="G4604">
        <v>160</v>
      </c>
      <c r="H4604" t="s">
        <v>658</v>
      </c>
      <c r="I4604">
        <v>13755</v>
      </c>
      <c r="J4604" t="s">
        <v>730</v>
      </c>
      <c r="K4604">
        <v>66</v>
      </c>
      <c r="L4604" t="s">
        <v>3550</v>
      </c>
      <c r="M4604">
        <v>675</v>
      </c>
      <c r="N4604" t="s">
        <v>654</v>
      </c>
      <c r="O4604">
        <v>3</v>
      </c>
      <c r="P4604" t="s">
        <v>655</v>
      </c>
      <c r="Q4604">
        <v>1</v>
      </c>
      <c r="R4604" t="s">
        <v>656</v>
      </c>
      <c r="S4604">
        <v>2</v>
      </c>
      <c r="T4604" t="s">
        <v>661</v>
      </c>
      <c r="U4604">
        <v>8</v>
      </c>
      <c r="V4604">
        <v>2</v>
      </c>
      <c r="W4604">
        <v>120</v>
      </c>
      <c r="X4604">
        <v>2020</v>
      </c>
    </row>
    <row r="4605" spans="1:24" x14ac:dyDescent="0.25">
      <c r="A4605">
        <v>6029</v>
      </c>
      <c r="B4605" t="s">
        <v>226</v>
      </c>
      <c r="C4605">
        <v>1</v>
      </c>
      <c r="D4605" t="s">
        <v>630</v>
      </c>
      <c r="E4605">
        <v>2</v>
      </c>
      <c r="F4605" t="s">
        <v>651</v>
      </c>
      <c r="G4605">
        <v>160</v>
      </c>
      <c r="H4605" t="s">
        <v>658</v>
      </c>
      <c r="I4605">
        <v>13755</v>
      </c>
      <c r="J4605" t="s">
        <v>730</v>
      </c>
      <c r="K4605">
        <v>66</v>
      </c>
      <c r="L4605" t="s">
        <v>3551</v>
      </c>
      <c r="M4605">
        <v>674</v>
      </c>
      <c r="N4605" t="s">
        <v>654</v>
      </c>
      <c r="O4605">
        <v>3</v>
      </c>
      <c r="P4605" t="s">
        <v>655</v>
      </c>
      <c r="Q4605">
        <v>1</v>
      </c>
      <c r="R4605" t="s">
        <v>656</v>
      </c>
      <c r="S4605">
        <v>2</v>
      </c>
      <c r="T4605" t="s">
        <v>661</v>
      </c>
      <c r="U4605">
        <v>8</v>
      </c>
      <c r="V4605">
        <v>2</v>
      </c>
      <c r="W4605">
        <v>120</v>
      </c>
      <c r="X4605">
        <v>2020</v>
      </c>
    </row>
    <row r="4606" spans="1:24" x14ac:dyDescent="0.25">
      <c r="A4606">
        <v>6028</v>
      </c>
      <c r="B4606" t="s">
        <v>226</v>
      </c>
      <c r="C4606">
        <v>1</v>
      </c>
      <c r="D4606" t="s">
        <v>472</v>
      </c>
      <c r="E4606">
        <v>3</v>
      </c>
      <c r="F4606" t="s">
        <v>651</v>
      </c>
      <c r="G4606">
        <v>160</v>
      </c>
      <c r="H4606" t="s">
        <v>658</v>
      </c>
      <c r="I4606">
        <v>13755</v>
      </c>
      <c r="J4606" t="s">
        <v>730</v>
      </c>
      <c r="K4606">
        <v>66</v>
      </c>
      <c r="L4606" t="s">
        <v>3552</v>
      </c>
      <c r="M4606">
        <v>673</v>
      </c>
      <c r="N4606" t="s">
        <v>654</v>
      </c>
      <c r="O4606">
        <v>3</v>
      </c>
      <c r="P4606" t="s">
        <v>655</v>
      </c>
      <c r="Q4606">
        <v>1</v>
      </c>
      <c r="R4606" t="s">
        <v>656</v>
      </c>
      <c r="S4606">
        <v>2</v>
      </c>
      <c r="T4606" t="s">
        <v>661</v>
      </c>
      <c r="U4606">
        <v>8</v>
      </c>
      <c r="V4606">
        <v>2</v>
      </c>
      <c r="W4606">
        <v>120</v>
      </c>
      <c r="X4606">
        <v>2020</v>
      </c>
    </row>
    <row r="4607" spans="1:24" x14ac:dyDescent="0.25">
      <c r="A4607">
        <v>6027</v>
      </c>
      <c r="B4607" t="s">
        <v>226</v>
      </c>
      <c r="C4607">
        <v>1</v>
      </c>
      <c r="D4607" t="s">
        <v>615</v>
      </c>
      <c r="E4607">
        <v>12</v>
      </c>
      <c r="F4607" t="s">
        <v>651</v>
      </c>
      <c r="G4607">
        <v>160</v>
      </c>
      <c r="H4607" t="s">
        <v>658</v>
      </c>
      <c r="I4607">
        <v>13755</v>
      </c>
      <c r="J4607" t="s">
        <v>730</v>
      </c>
      <c r="K4607">
        <v>66</v>
      </c>
      <c r="L4607" t="s">
        <v>3553</v>
      </c>
      <c r="M4607">
        <v>672</v>
      </c>
      <c r="N4607" t="s">
        <v>654</v>
      </c>
      <c r="O4607">
        <v>3</v>
      </c>
      <c r="P4607" t="s">
        <v>655</v>
      </c>
      <c r="Q4607">
        <v>1</v>
      </c>
      <c r="R4607" t="s">
        <v>656</v>
      </c>
      <c r="S4607">
        <v>2</v>
      </c>
      <c r="T4607" t="s">
        <v>729</v>
      </c>
      <c r="U4607">
        <v>4</v>
      </c>
      <c r="V4607">
        <v>2</v>
      </c>
      <c r="W4607">
        <v>120</v>
      </c>
      <c r="X4607">
        <v>2020</v>
      </c>
    </row>
    <row r="4608" spans="1:24" x14ac:dyDescent="0.25">
      <c r="A4608">
        <v>6026</v>
      </c>
      <c r="B4608" t="s">
        <v>226</v>
      </c>
      <c r="C4608">
        <v>1</v>
      </c>
      <c r="D4608" t="s">
        <v>621</v>
      </c>
      <c r="E4608">
        <v>15</v>
      </c>
      <c r="F4608" t="s">
        <v>651</v>
      </c>
      <c r="G4608">
        <v>160</v>
      </c>
      <c r="H4608" t="s">
        <v>658</v>
      </c>
      <c r="I4608">
        <v>13755</v>
      </c>
      <c r="J4608" t="s">
        <v>730</v>
      </c>
      <c r="K4608">
        <v>66</v>
      </c>
      <c r="L4608" t="s">
        <v>3554</v>
      </c>
      <c r="M4608">
        <v>671</v>
      </c>
      <c r="N4608" t="s">
        <v>654</v>
      </c>
      <c r="O4608">
        <v>3</v>
      </c>
      <c r="P4608" t="s">
        <v>655</v>
      </c>
      <c r="Q4608">
        <v>1</v>
      </c>
      <c r="R4608" t="s">
        <v>656</v>
      </c>
      <c r="S4608">
        <v>2</v>
      </c>
      <c r="T4608" t="s">
        <v>718</v>
      </c>
      <c r="U4608">
        <v>2</v>
      </c>
      <c r="V4608">
        <v>2</v>
      </c>
      <c r="W4608">
        <v>120</v>
      </c>
      <c r="X4608">
        <v>2020</v>
      </c>
    </row>
    <row r="4609" spans="1:24" x14ac:dyDescent="0.25">
      <c r="A4609">
        <v>6025</v>
      </c>
      <c r="B4609" t="s">
        <v>226</v>
      </c>
      <c r="C4609">
        <v>1</v>
      </c>
      <c r="D4609" t="s">
        <v>628</v>
      </c>
      <c r="E4609">
        <v>6</v>
      </c>
      <c r="F4609" t="s">
        <v>651</v>
      </c>
      <c r="G4609">
        <v>160</v>
      </c>
      <c r="H4609" t="s">
        <v>658</v>
      </c>
      <c r="I4609">
        <v>13755</v>
      </c>
      <c r="J4609" t="s">
        <v>730</v>
      </c>
      <c r="K4609">
        <v>66</v>
      </c>
      <c r="L4609" t="s">
        <v>3555</v>
      </c>
      <c r="M4609">
        <v>670</v>
      </c>
      <c r="N4609" t="s">
        <v>654</v>
      </c>
      <c r="O4609">
        <v>3</v>
      </c>
      <c r="P4609" t="s">
        <v>655</v>
      </c>
      <c r="Q4609">
        <v>1</v>
      </c>
      <c r="R4609" t="s">
        <v>656</v>
      </c>
      <c r="S4609">
        <v>2</v>
      </c>
      <c r="T4609" t="s">
        <v>661</v>
      </c>
      <c r="U4609">
        <v>8</v>
      </c>
      <c r="V4609">
        <v>2</v>
      </c>
      <c r="W4609">
        <v>120</v>
      </c>
      <c r="X4609">
        <v>2020</v>
      </c>
    </row>
    <row r="4610" spans="1:24" x14ac:dyDescent="0.25">
      <c r="A4610">
        <v>6024</v>
      </c>
      <c r="B4610" t="s">
        <v>226</v>
      </c>
      <c r="C4610">
        <v>1</v>
      </c>
      <c r="D4610" t="s">
        <v>621</v>
      </c>
      <c r="E4610">
        <v>15</v>
      </c>
      <c r="F4610" t="s">
        <v>651</v>
      </c>
      <c r="G4610">
        <v>160</v>
      </c>
      <c r="H4610" t="s">
        <v>658</v>
      </c>
      <c r="I4610">
        <v>13755</v>
      </c>
      <c r="J4610" t="s">
        <v>730</v>
      </c>
      <c r="K4610">
        <v>66</v>
      </c>
      <c r="L4610" t="s">
        <v>3556</v>
      </c>
      <c r="M4610">
        <v>669</v>
      </c>
      <c r="N4610" t="s">
        <v>654</v>
      </c>
      <c r="O4610">
        <v>3</v>
      </c>
      <c r="P4610" t="s">
        <v>655</v>
      </c>
      <c r="Q4610">
        <v>1</v>
      </c>
      <c r="R4610" t="s">
        <v>656</v>
      </c>
      <c r="S4610">
        <v>2</v>
      </c>
      <c r="T4610" t="s">
        <v>661</v>
      </c>
      <c r="U4610">
        <v>8</v>
      </c>
      <c r="V4610">
        <v>2</v>
      </c>
      <c r="W4610">
        <v>120</v>
      </c>
      <c r="X4610">
        <v>2020</v>
      </c>
    </row>
    <row r="4611" spans="1:24" x14ac:dyDescent="0.25">
      <c r="A4611">
        <v>6023</v>
      </c>
      <c r="B4611" t="s">
        <v>226</v>
      </c>
      <c r="C4611">
        <v>1</v>
      </c>
      <c r="D4611" t="s">
        <v>621</v>
      </c>
      <c r="E4611">
        <v>15</v>
      </c>
      <c r="F4611" t="s">
        <v>651</v>
      </c>
      <c r="G4611">
        <v>160</v>
      </c>
      <c r="H4611" t="s">
        <v>658</v>
      </c>
      <c r="I4611">
        <v>13755</v>
      </c>
      <c r="J4611" t="s">
        <v>730</v>
      </c>
      <c r="K4611">
        <v>66</v>
      </c>
      <c r="L4611" t="s">
        <v>3557</v>
      </c>
      <c r="M4611">
        <v>668</v>
      </c>
      <c r="N4611" t="s">
        <v>654</v>
      </c>
      <c r="O4611">
        <v>3</v>
      </c>
      <c r="P4611" t="s">
        <v>655</v>
      </c>
      <c r="Q4611">
        <v>1</v>
      </c>
      <c r="R4611" t="s">
        <v>656</v>
      </c>
      <c r="S4611">
        <v>2</v>
      </c>
      <c r="T4611" t="s">
        <v>661</v>
      </c>
      <c r="U4611">
        <v>8</v>
      </c>
      <c r="V4611">
        <v>2</v>
      </c>
      <c r="W4611">
        <v>120</v>
      </c>
      <c r="X4611">
        <v>2020</v>
      </c>
    </row>
    <row r="4612" spans="1:24" x14ac:dyDescent="0.25">
      <c r="A4612">
        <v>6022</v>
      </c>
      <c r="B4612" t="s">
        <v>226</v>
      </c>
      <c r="C4612">
        <v>1</v>
      </c>
      <c r="D4612" t="s">
        <v>621</v>
      </c>
      <c r="E4612">
        <v>15</v>
      </c>
      <c r="F4612" t="s">
        <v>651</v>
      </c>
      <c r="G4612">
        <v>160</v>
      </c>
      <c r="H4612" t="s">
        <v>658</v>
      </c>
      <c r="I4612">
        <v>13755</v>
      </c>
      <c r="J4612" t="s">
        <v>730</v>
      </c>
      <c r="K4612">
        <v>66</v>
      </c>
      <c r="L4612" t="s">
        <v>3558</v>
      </c>
      <c r="M4612">
        <v>667</v>
      </c>
      <c r="N4612" t="s">
        <v>654</v>
      </c>
      <c r="O4612">
        <v>3</v>
      </c>
      <c r="P4612" t="s">
        <v>655</v>
      </c>
      <c r="Q4612">
        <v>1</v>
      </c>
      <c r="R4612" t="s">
        <v>656</v>
      </c>
      <c r="S4612">
        <v>2</v>
      </c>
      <c r="T4612" t="s">
        <v>661</v>
      </c>
      <c r="U4612">
        <v>8</v>
      </c>
      <c r="V4612">
        <v>2</v>
      </c>
      <c r="W4612">
        <v>120</v>
      </c>
      <c r="X4612">
        <v>2020</v>
      </c>
    </row>
    <row r="4613" spans="1:24" x14ac:dyDescent="0.25">
      <c r="A4613">
        <v>6021</v>
      </c>
      <c r="B4613" t="s">
        <v>226</v>
      </c>
      <c r="C4613">
        <v>1</v>
      </c>
      <c r="D4613" t="s">
        <v>621</v>
      </c>
      <c r="E4613">
        <v>15</v>
      </c>
      <c r="F4613" t="s">
        <v>651</v>
      </c>
      <c r="G4613">
        <v>160</v>
      </c>
      <c r="H4613" t="s">
        <v>658</v>
      </c>
      <c r="I4613">
        <v>13755</v>
      </c>
      <c r="J4613" t="s">
        <v>730</v>
      </c>
      <c r="K4613">
        <v>66</v>
      </c>
      <c r="L4613" t="s">
        <v>3559</v>
      </c>
      <c r="M4613">
        <v>666</v>
      </c>
      <c r="N4613" t="s">
        <v>654</v>
      </c>
      <c r="O4613">
        <v>3</v>
      </c>
      <c r="P4613" t="s">
        <v>655</v>
      </c>
      <c r="Q4613">
        <v>1</v>
      </c>
      <c r="R4613" t="s">
        <v>656</v>
      </c>
      <c r="S4613">
        <v>2</v>
      </c>
      <c r="T4613" t="s">
        <v>661</v>
      </c>
      <c r="U4613">
        <v>8</v>
      </c>
      <c r="V4613">
        <v>2</v>
      </c>
      <c r="W4613">
        <v>120</v>
      </c>
      <c r="X4613">
        <v>2020</v>
      </c>
    </row>
    <row r="4614" spans="1:24" x14ac:dyDescent="0.25">
      <c r="A4614">
        <v>6020</v>
      </c>
      <c r="B4614" t="s">
        <v>226</v>
      </c>
      <c r="C4614">
        <v>1</v>
      </c>
      <c r="D4614" t="s">
        <v>621</v>
      </c>
      <c r="E4614">
        <v>15</v>
      </c>
      <c r="F4614" t="s">
        <v>651</v>
      </c>
      <c r="G4614">
        <v>160</v>
      </c>
      <c r="H4614" t="s">
        <v>658</v>
      </c>
      <c r="I4614">
        <v>13755</v>
      </c>
      <c r="J4614" t="s">
        <v>730</v>
      </c>
      <c r="K4614">
        <v>66</v>
      </c>
      <c r="L4614" t="s">
        <v>3560</v>
      </c>
      <c r="M4614">
        <v>665</v>
      </c>
      <c r="N4614" t="s">
        <v>654</v>
      </c>
      <c r="O4614">
        <v>3</v>
      </c>
      <c r="P4614" t="s">
        <v>655</v>
      </c>
      <c r="Q4614">
        <v>1</v>
      </c>
      <c r="R4614" t="s">
        <v>656</v>
      </c>
      <c r="S4614">
        <v>2</v>
      </c>
      <c r="T4614" t="s">
        <v>661</v>
      </c>
      <c r="U4614">
        <v>8</v>
      </c>
      <c r="V4614">
        <v>2</v>
      </c>
      <c r="W4614">
        <v>120</v>
      </c>
      <c r="X4614">
        <v>2020</v>
      </c>
    </row>
    <row r="4615" spans="1:24" x14ac:dyDescent="0.25">
      <c r="A4615">
        <v>6019</v>
      </c>
      <c r="B4615" t="s">
        <v>226</v>
      </c>
      <c r="C4615">
        <v>1</v>
      </c>
      <c r="D4615" t="s">
        <v>628</v>
      </c>
      <c r="E4615">
        <v>6</v>
      </c>
      <c r="F4615" t="s">
        <v>651</v>
      </c>
      <c r="G4615">
        <v>160</v>
      </c>
      <c r="H4615" t="s">
        <v>658</v>
      </c>
      <c r="I4615">
        <v>13755</v>
      </c>
      <c r="J4615" t="s">
        <v>730</v>
      </c>
      <c r="K4615">
        <v>66</v>
      </c>
      <c r="L4615" t="s">
        <v>3561</v>
      </c>
      <c r="M4615">
        <v>664</v>
      </c>
      <c r="N4615" t="s">
        <v>654</v>
      </c>
      <c r="O4615">
        <v>3</v>
      </c>
      <c r="P4615" t="s">
        <v>655</v>
      </c>
      <c r="Q4615">
        <v>1</v>
      </c>
      <c r="R4615" t="s">
        <v>656</v>
      </c>
      <c r="S4615">
        <v>2</v>
      </c>
      <c r="T4615" t="s">
        <v>661</v>
      </c>
      <c r="U4615">
        <v>8</v>
      </c>
      <c r="V4615">
        <v>2</v>
      </c>
      <c r="W4615">
        <v>120</v>
      </c>
      <c r="X4615">
        <v>2020</v>
      </c>
    </row>
    <row r="4616" spans="1:24" x14ac:dyDescent="0.25">
      <c r="A4616">
        <v>6018</v>
      </c>
      <c r="B4616" t="s">
        <v>226</v>
      </c>
      <c r="C4616">
        <v>1</v>
      </c>
      <c r="D4616" t="s">
        <v>629</v>
      </c>
      <c r="E4616">
        <v>5</v>
      </c>
      <c r="F4616" t="s">
        <v>651</v>
      </c>
      <c r="G4616">
        <v>160</v>
      </c>
      <c r="H4616" t="s">
        <v>658</v>
      </c>
      <c r="I4616">
        <v>13755</v>
      </c>
      <c r="J4616" t="s">
        <v>738</v>
      </c>
      <c r="K4616">
        <v>61</v>
      </c>
      <c r="L4616" t="s">
        <v>3562</v>
      </c>
      <c r="M4616">
        <v>663</v>
      </c>
      <c r="N4616" t="s">
        <v>654</v>
      </c>
      <c r="O4616">
        <v>3</v>
      </c>
      <c r="P4616" t="s">
        <v>655</v>
      </c>
      <c r="Q4616">
        <v>1</v>
      </c>
      <c r="R4616" t="s">
        <v>656</v>
      </c>
      <c r="S4616">
        <v>2</v>
      </c>
      <c r="T4616" t="s">
        <v>661</v>
      </c>
      <c r="U4616">
        <v>8</v>
      </c>
      <c r="V4616">
        <v>2</v>
      </c>
      <c r="W4616">
        <v>120</v>
      </c>
      <c r="X4616">
        <v>2020</v>
      </c>
    </row>
    <row r="4617" spans="1:24" x14ac:dyDescent="0.25">
      <c r="A4617">
        <v>6017</v>
      </c>
      <c r="B4617" t="s">
        <v>226</v>
      </c>
      <c r="C4617">
        <v>1</v>
      </c>
      <c r="D4617" t="s">
        <v>627</v>
      </c>
      <c r="E4617">
        <v>7</v>
      </c>
      <c r="F4617" t="s">
        <v>651</v>
      </c>
      <c r="G4617">
        <v>160</v>
      </c>
      <c r="H4617" t="s">
        <v>658</v>
      </c>
      <c r="I4617">
        <v>13755</v>
      </c>
      <c r="J4617" t="s">
        <v>738</v>
      </c>
      <c r="K4617">
        <v>61</v>
      </c>
      <c r="L4617" t="s">
        <v>3563</v>
      </c>
      <c r="M4617">
        <v>662</v>
      </c>
      <c r="N4617" t="s">
        <v>654</v>
      </c>
      <c r="O4617">
        <v>3</v>
      </c>
      <c r="P4617" t="s">
        <v>655</v>
      </c>
      <c r="Q4617">
        <v>1</v>
      </c>
      <c r="R4617" t="s">
        <v>656</v>
      </c>
      <c r="S4617">
        <v>2</v>
      </c>
      <c r="T4617" t="s">
        <v>661</v>
      </c>
      <c r="U4617">
        <v>8</v>
      </c>
      <c r="V4617">
        <v>2</v>
      </c>
      <c r="W4617">
        <v>120</v>
      </c>
      <c r="X4617">
        <v>2020</v>
      </c>
    </row>
    <row r="4618" spans="1:24" x14ac:dyDescent="0.25">
      <c r="A4618">
        <v>6016</v>
      </c>
      <c r="B4618" t="s">
        <v>226</v>
      </c>
      <c r="C4618">
        <v>1</v>
      </c>
      <c r="D4618" t="s">
        <v>629</v>
      </c>
      <c r="E4618">
        <v>5</v>
      </c>
      <c r="F4618" t="s">
        <v>651</v>
      </c>
      <c r="G4618">
        <v>160</v>
      </c>
      <c r="H4618" t="s">
        <v>658</v>
      </c>
      <c r="I4618">
        <v>13755</v>
      </c>
      <c r="J4618" t="s">
        <v>738</v>
      </c>
      <c r="K4618">
        <v>61</v>
      </c>
      <c r="L4618" t="s">
        <v>3564</v>
      </c>
      <c r="M4618">
        <v>661</v>
      </c>
      <c r="N4618" t="s">
        <v>654</v>
      </c>
      <c r="O4618">
        <v>3</v>
      </c>
      <c r="P4618" t="s">
        <v>655</v>
      </c>
      <c r="Q4618">
        <v>1</v>
      </c>
      <c r="R4618" t="s">
        <v>656</v>
      </c>
      <c r="S4618">
        <v>2</v>
      </c>
      <c r="T4618" t="s">
        <v>661</v>
      </c>
      <c r="U4618">
        <v>8</v>
      </c>
      <c r="V4618">
        <v>2</v>
      </c>
      <c r="W4618">
        <v>120</v>
      </c>
      <c r="X4618">
        <v>2020</v>
      </c>
    </row>
    <row r="4619" spans="1:24" x14ac:dyDescent="0.25">
      <c r="A4619">
        <v>6015</v>
      </c>
      <c r="B4619" t="s">
        <v>226</v>
      </c>
      <c r="C4619">
        <v>1</v>
      </c>
      <c r="D4619" t="s">
        <v>629</v>
      </c>
      <c r="E4619">
        <v>5</v>
      </c>
      <c r="F4619" t="s">
        <v>651</v>
      </c>
      <c r="G4619">
        <v>160</v>
      </c>
      <c r="H4619" t="s">
        <v>658</v>
      </c>
      <c r="I4619">
        <v>13755</v>
      </c>
      <c r="J4619" t="s">
        <v>738</v>
      </c>
      <c r="K4619">
        <v>61</v>
      </c>
      <c r="L4619" t="s">
        <v>3565</v>
      </c>
      <c r="M4619">
        <v>660</v>
      </c>
      <c r="N4619" t="s">
        <v>654</v>
      </c>
      <c r="O4619">
        <v>3</v>
      </c>
      <c r="P4619" t="s">
        <v>655</v>
      </c>
      <c r="Q4619">
        <v>1</v>
      </c>
      <c r="R4619" t="s">
        <v>656</v>
      </c>
      <c r="S4619">
        <v>2</v>
      </c>
      <c r="T4619" t="s">
        <v>661</v>
      </c>
      <c r="U4619">
        <v>8</v>
      </c>
      <c r="V4619">
        <v>2</v>
      </c>
      <c r="W4619">
        <v>120</v>
      </c>
      <c r="X4619">
        <v>2020</v>
      </c>
    </row>
    <row r="4620" spans="1:24" x14ac:dyDescent="0.25">
      <c r="A4620">
        <v>6014</v>
      </c>
      <c r="B4620" t="s">
        <v>226</v>
      </c>
      <c r="C4620">
        <v>1</v>
      </c>
      <c r="D4620" t="s">
        <v>629</v>
      </c>
      <c r="E4620">
        <v>5</v>
      </c>
      <c r="F4620" t="s">
        <v>651</v>
      </c>
      <c r="G4620">
        <v>160</v>
      </c>
      <c r="H4620" t="s">
        <v>658</v>
      </c>
      <c r="I4620">
        <v>13755</v>
      </c>
      <c r="J4620" t="s">
        <v>738</v>
      </c>
      <c r="K4620">
        <v>61</v>
      </c>
      <c r="L4620" t="s">
        <v>3566</v>
      </c>
      <c r="M4620">
        <v>659</v>
      </c>
      <c r="N4620" t="s">
        <v>654</v>
      </c>
      <c r="O4620">
        <v>3</v>
      </c>
      <c r="P4620" t="s">
        <v>655</v>
      </c>
      <c r="Q4620">
        <v>1</v>
      </c>
      <c r="R4620" t="s">
        <v>656</v>
      </c>
      <c r="S4620">
        <v>2</v>
      </c>
      <c r="T4620" t="s">
        <v>661</v>
      </c>
      <c r="U4620">
        <v>8</v>
      </c>
      <c r="V4620">
        <v>2</v>
      </c>
      <c r="W4620">
        <v>120</v>
      </c>
      <c r="X4620">
        <v>2020</v>
      </c>
    </row>
    <row r="4621" spans="1:24" x14ac:dyDescent="0.25">
      <c r="A4621">
        <v>6013</v>
      </c>
      <c r="B4621" t="s">
        <v>226</v>
      </c>
      <c r="C4621">
        <v>1</v>
      </c>
      <c r="D4621" t="s">
        <v>629</v>
      </c>
      <c r="E4621">
        <v>5</v>
      </c>
      <c r="F4621" t="s">
        <v>651</v>
      </c>
      <c r="G4621">
        <v>160</v>
      </c>
      <c r="H4621" t="s">
        <v>658</v>
      </c>
      <c r="I4621">
        <v>13755</v>
      </c>
      <c r="J4621" t="s">
        <v>738</v>
      </c>
      <c r="K4621">
        <v>61</v>
      </c>
      <c r="L4621" t="s">
        <v>3567</v>
      </c>
      <c r="M4621">
        <v>658</v>
      </c>
      <c r="N4621" t="s">
        <v>654</v>
      </c>
      <c r="O4621">
        <v>3</v>
      </c>
      <c r="P4621" t="s">
        <v>655</v>
      </c>
      <c r="Q4621">
        <v>1</v>
      </c>
      <c r="R4621" t="s">
        <v>656</v>
      </c>
      <c r="S4621">
        <v>2</v>
      </c>
      <c r="T4621" t="s">
        <v>661</v>
      </c>
      <c r="U4621">
        <v>8</v>
      </c>
      <c r="V4621">
        <v>2</v>
      </c>
      <c r="W4621">
        <v>120</v>
      </c>
      <c r="X4621">
        <v>2020</v>
      </c>
    </row>
    <row r="4622" spans="1:24" x14ac:dyDescent="0.25">
      <c r="A4622">
        <v>6011</v>
      </c>
      <c r="B4622" t="s">
        <v>226</v>
      </c>
      <c r="C4622">
        <v>1</v>
      </c>
      <c r="D4622" t="s">
        <v>629</v>
      </c>
      <c r="E4622">
        <v>5</v>
      </c>
      <c r="F4622" t="s">
        <v>651</v>
      </c>
      <c r="G4622">
        <v>160</v>
      </c>
      <c r="H4622" t="s">
        <v>658</v>
      </c>
      <c r="I4622">
        <v>13755</v>
      </c>
      <c r="J4622" t="s">
        <v>738</v>
      </c>
      <c r="K4622">
        <v>61</v>
      </c>
      <c r="L4622" t="s">
        <v>3568</v>
      </c>
      <c r="M4622">
        <v>656</v>
      </c>
      <c r="N4622" t="s">
        <v>654</v>
      </c>
      <c r="O4622">
        <v>3</v>
      </c>
      <c r="P4622" t="s">
        <v>655</v>
      </c>
      <c r="Q4622">
        <v>1</v>
      </c>
      <c r="R4622" t="s">
        <v>656</v>
      </c>
      <c r="S4622">
        <v>2</v>
      </c>
      <c r="T4622" t="s">
        <v>661</v>
      </c>
      <c r="U4622">
        <v>8</v>
      </c>
      <c r="V4622">
        <v>2</v>
      </c>
      <c r="W4622">
        <v>120</v>
      </c>
      <c r="X4622">
        <v>2020</v>
      </c>
    </row>
    <row r="4623" spans="1:24" x14ac:dyDescent="0.25">
      <c r="A4623">
        <v>6010</v>
      </c>
      <c r="B4623" t="s">
        <v>226</v>
      </c>
      <c r="C4623">
        <v>1</v>
      </c>
      <c r="D4623" t="s">
        <v>629</v>
      </c>
      <c r="E4623">
        <v>5</v>
      </c>
      <c r="F4623" t="s">
        <v>651</v>
      </c>
      <c r="G4623">
        <v>160</v>
      </c>
      <c r="H4623" t="s">
        <v>658</v>
      </c>
      <c r="I4623">
        <v>13755</v>
      </c>
      <c r="J4623" t="s">
        <v>738</v>
      </c>
      <c r="K4623">
        <v>61</v>
      </c>
      <c r="L4623" t="s">
        <v>3569</v>
      </c>
      <c r="M4623">
        <v>655</v>
      </c>
      <c r="N4623" t="s">
        <v>654</v>
      </c>
      <c r="O4623">
        <v>3</v>
      </c>
      <c r="P4623" t="s">
        <v>655</v>
      </c>
      <c r="Q4623">
        <v>1</v>
      </c>
      <c r="R4623" t="s">
        <v>656</v>
      </c>
      <c r="S4623">
        <v>2</v>
      </c>
      <c r="T4623" t="s">
        <v>661</v>
      </c>
      <c r="U4623">
        <v>8</v>
      </c>
      <c r="V4623">
        <v>2</v>
      </c>
      <c r="W4623">
        <v>120</v>
      </c>
      <c r="X4623">
        <v>2020</v>
      </c>
    </row>
    <row r="4624" spans="1:24" x14ac:dyDescent="0.25">
      <c r="A4624">
        <v>6009</v>
      </c>
      <c r="B4624" t="s">
        <v>226</v>
      </c>
      <c r="C4624">
        <v>1</v>
      </c>
      <c r="D4624" t="s">
        <v>628</v>
      </c>
      <c r="E4624">
        <v>6</v>
      </c>
      <c r="F4624" t="s">
        <v>651</v>
      </c>
      <c r="G4624">
        <v>160</v>
      </c>
      <c r="H4624" t="s">
        <v>658</v>
      </c>
      <c r="I4624">
        <v>13755</v>
      </c>
      <c r="J4624" t="s">
        <v>738</v>
      </c>
      <c r="K4624">
        <v>61</v>
      </c>
      <c r="L4624" t="s">
        <v>3570</v>
      </c>
      <c r="M4624">
        <v>654</v>
      </c>
      <c r="N4624" t="s">
        <v>654</v>
      </c>
      <c r="O4624">
        <v>3</v>
      </c>
      <c r="P4624" t="s">
        <v>655</v>
      </c>
      <c r="Q4624">
        <v>1</v>
      </c>
      <c r="R4624" t="s">
        <v>656</v>
      </c>
      <c r="S4624">
        <v>2</v>
      </c>
      <c r="T4624" t="s">
        <v>661</v>
      </c>
      <c r="U4624">
        <v>8</v>
      </c>
      <c r="V4624">
        <v>2</v>
      </c>
      <c r="W4624">
        <v>120</v>
      </c>
      <c r="X4624">
        <v>2020</v>
      </c>
    </row>
    <row r="4625" spans="1:24" x14ac:dyDescent="0.25">
      <c r="A4625">
        <v>6008</v>
      </c>
      <c r="B4625" t="s">
        <v>226</v>
      </c>
      <c r="C4625">
        <v>1</v>
      </c>
      <c r="D4625" t="s">
        <v>628</v>
      </c>
      <c r="E4625">
        <v>6</v>
      </c>
      <c r="F4625" t="s">
        <v>651</v>
      </c>
      <c r="G4625">
        <v>160</v>
      </c>
      <c r="H4625" t="s">
        <v>658</v>
      </c>
      <c r="I4625">
        <v>13755</v>
      </c>
      <c r="J4625" t="s">
        <v>738</v>
      </c>
      <c r="K4625">
        <v>61</v>
      </c>
      <c r="L4625" t="s">
        <v>3571</v>
      </c>
      <c r="M4625">
        <v>653</v>
      </c>
      <c r="N4625" t="s">
        <v>654</v>
      </c>
      <c r="O4625">
        <v>3</v>
      </c>
      <c r="P4625" t="s">
        <v>655</v>
      </c>
      <c r="Q4625">
        <v>1</v>
      </c>
      <c r="R4625" t="s">
        <v>656</v>
      </c>
      <c r="S4625">
        <v>2</v>
      </c>
      <c r="T4625" t="s">
        <v>661</v>
      </c>
      <c r="U4625">
        <v>8</v>
      </c>
      <c r="V4625">
        <v>2</v>
      </c>
      <c r="W4625">
        <v>120</v>
      </c>
      <c r="X4625">
        <v>2020</v>
      </c>
    </row>
    <row r="4626" spans="1:24" x14ac:dyDescent="0.25">
      <c r="A4626">
        <v>6007</v>
      </c>
      <c r="B4626" t="s">
        <v>226</v>
      </c>
      <c r="C4626">
        <v>1</v>
      </c>
      <c r="D4626" t="s">
        <v>628</v>
      </c>
      <c r="E4626">
        <v>6</v>
      </c>
      <c r="F4626" t="s">
        <v>651</v>
      </c>
      <c r="G4626">
        <v>160</v>
      </c>
      <c r="H4626" t="s">
        <v>658</v>
      </c>
      <c r="I4626">
        <v>13755</v>
      </c>
      <c r="J4626" t="s">
        <v>738</v>
      </c>
      <c r="K4626">
        <v>61</v>
      </c>
      <c r="L4626" t="s">
        <v>3572</v>
      </c>
      <c r="M4626">
        <v>652</v>
      </c>
      <c r="N4626" t="s">
        <v>654</v>
      </c>
      <c r="O4626">
        <v>3</v>
      </c>
      <c r="P4626" t="s">
        <v>655</v>
      </c>
      <c r="Q4626">
        <v>1</v>
      </c>
      <c r="R4626" t="s">
        <v>656</v>
      </c>
      <c r="S4626">
        <v>2</v>
      </c>
      <c r="T4626" t="s">
        <v>661</v>
      </c>
      <c r="U4626">
        <v>8</v>
      </c>
      <c r="V4626">
        <v>2</v>
      </c>
      <c r="W4626">
        <v>120</v>
      </c>
      <c r="X4626">
        <v>2020</v>
      </c>
    </row>
    <row r="4627" spans="1:24" x14ac:dyDescent="0.25">
      <c r="A4627">
        <v>6006</v>
      </c>
      <c r="B4627" t="s">
        <v>226</v>
      </c>
      <c r="C4627">
        <v>1</v>
      </c>
      <c r="D4627" t="s">
        <v>627</v>
      </c>
      <c r="E4627">
        <v>7</v>
      </c>
      <c r="F4627" t="s">
        <v>651</v>
      </c>
      <c r="G4627">
        <v>160</v>
      </c>
      <c r="H4627" t="s">
        <v>658</v>
      </c>
      <c r="I4627">
        <v>13755</v>
      </c>
      <c r="J4627" t="s">
        <v>738</v>
      </c>
      <c r="K4627">
        <v>61</v>
      </c>
      <c r="L4627" t="s">
        <v>3573</v>
      </c>
      <c r="M4627">
        <v>651</v>
      </c>
      <c r="N4627" t="s">
        <v>654</v>
      </c>
      <c r="O4627">
        <v>3</v>
      </c>
      <c r="P4627" t="s">
        <v>655</v>
      </c>
      <c r="Q4627">
        <v>1</v>
      </c>
      <c r="R4627" t="s">
        <v>656</v>
      </c>
      <c r="S4627">
        <v>2</v>
      </c>
      <c r="T4627" t="s">
        <v>661</v>
      </c>
      <c r="U4627">
        <v>8</v>
      </c>
      <c r="V4627">
        <v>2</v>
      </c>
      <c r="W4627">
        <v>120</v>
      </c>
      <c r="X4627">
        <v>2020</v>
      </c>
    </row>
    <row r="4628" spans="1:24" x14ac:dyDescent="0.25">
      <c r="A4628">
        <v>6005</v>
      </c>
      <c r="B4628" t="s">
        <v>226</v>
      </c>
      <c r="C4628">
        <v>1</v>
      </c>
      <c r="D4628" t="s">
        <v>627</v>
      </c>
      <c r="E4628">
        <v>7</v>
      </c>
      <c r="F4628" t="s">
        <v>651</v>
      </c>
      <c r="G4628">
        <v>160</v>
      </c>
      <c r="H4628" t="s">
        <v>658</v>
      </c>
      <c r="I4628">
        <v>13755</v>
      </c>
      <c r="J4628" t="s">
        <v>738</v>
      </c>
      <c r="K4628">
        <v>61</v>
      </c>
      <c r="L4628" t="s">
        <v>3574</v>
      </c>
      <c r="M4628">
        <v>650</v>
      </c>
      <c r="N4628" t="s">
        <v>654</v>
      </c>
      <c r="O4628">
        <v>3</v>
      </c>
      <c r="P4628" t="s">
        <v>655</v>
      </c>
      <c r="Q4628">
        <v>1</v>
      </c>
      <c r="R4628" t="s">
        <v>656</v>
      </c>
      <c r="S4628">
        <v>2</v>
      </c>
      <c r="T4628" t="s">
        <v>661</v>
      </c>
      <c r="U4628">
        <v>8</v>
      </c>
      <c r="V4628">
        <v>2</v>
      </c>
      <c r="W4628">
        <v>120</v>
      </c>
      <c r="X4628">
        <v>2020</v>
      </c>
    </row>
    <row r="4629" spans="1:24" x14ac:dyDescent="0.25">
      <c r="A4629">
        <v>6004</v>
      </c>
      <c r="B4629" t="s">
        <v>226</v>
      </c>
      <c r="C4629">
        <v>1</v>
      </c>
      <c r="D4629" t="s">
        <v>626</v>
      </c>
      <c r="E4629">
        <v>8</v>
      </c>
      <c r="F4629" t="s">
        <v>651</v>
      </c>
      <c r="G4629">
        <v>160</v>
      </c>
      <c r="H4629" t="s">
        <v>658</v>
      </c>
      <c r="I4629">
        <v>13755</v>
      </c>
      <c r="J4629" t="s">
        <v>738</v>
      </c>
      <c r="K4629">
        <v>61</v>
      </c>
      <c r="L4629" t="s">
        <v>3575</v>
      </c>
      <c r="M4629">
        <v>649</v>
      </c>
      <c r="N4629" t="s">
        <v>654</v>
      </c>
      <c r="O4629">
        <v>3</v>
      </c>
      <c r="P4629" t="s">
        <v>655</v>
      </c>
      <c r="Q4629">
        <v>1</v>
      </c>
      <c r="R4629" t="s">
        <v>656</v>
      </c>
      <c r="S4629">
        <v>2</v>
      </c>
      <c r="T4629" t="s">
        <v>661</v>
      </c>
      <c r="U4629">
        <v>8</v>
      </c>
      <c r="V4629">
        <v>2</v>
      </c>
      <c r="W4629">
        <v>120</v>
      </c>
      <c r="X4629">
        <v>2020</v>
      </c>
    </row>
    <row r="4630" spans="1:24" x14ac:dyDescent="0.25">
      <c r="A4630">
        <v>6003</v>
      </c>
      <c r="B4630" t="s">
        <v>226</v>
      </c>
      <c r="C4630">
        <v>1</v>
      </c>
      <c r="D4630" t="s">
        <v>626</v>
      </c>
      <c r="E4630">
        <v>8</v>
      </c>
      <c r="F4630" t="s">
        <v>651</v>
      </c>
      <c r="G4630">
        <v>160</v>
      </c>
      <c r="H4630" t="s">
        <v>658</v>
      </c>
      <c r="I4630">
        <v>13755</v>
      </c>
      <c r="J4630" t="s">
        <v>738</v>
      </c>
      <c r="K4630">
        <v>61</v>
      </c>
      <c r="L4630" t="s">
        <v>3576</v>
      </c>
      <c r="M4630">
        <v>648</v>
      </c>
      <c r="N4630" t="s">
        <v>654</v>
      </c>
      <c r="O4630">
        <v>3</v>
      </c>
      <c r="P4630" t="s">
        <v>655</v>
      </c>
      <c r="Q4630">
        <v>1</v>
      </c>
      <c r="R4630" t="s">
        <v>656</v>
      </c>
      <c r="S4630">
        <v>2</v>
      </c>
      <c r="T4630" t="s">
        <v>661</v>
      </c>
      <c r="U4630">
        <v>8</v>
      </c>
      <c r="V4630">
        <v>2</v>
      </c>
      <c r="W4630">
        <v>120</v>
      </c>
      <c r="X4630">
        <v>2020</v>
      </c>
    </row>
    <row r="4631" spans="1:24" x14ac:dyDescent="0.25">
      <c r="A4631">
        <v>6002</v>
      </c>
      <c r="B4631" t="s">
        <v>226</v>
      </c>
      <c r="C4631">
        <v>1</v>
      </c>
      <c r="D4631" t="s">
        <v>625</v>
      </c>
      <c r="E4631">
        <v>9</v>
      </c>
      <c r="F4631" t="s">
        <v>651</v>
      </c>
      <c r="G4631">
        <v>160</v>
      </c>
      <c r="H4631" t="s">
        <v>658</v>
      </c>
      <c r="I4631">
        <v>13755</v>
      </c>
      <c r="J4631" t="s">
        <v>693</v>
      </c>
      <c r="K4631">
        <v>56</v>
      </c>
      <c r="L4631" t="s">
        <v>3577</v>
      </c>
      <c r="M4631">
        <v>647</v>
      </c>
      <c r="N4631" t="s">
        <v>654</v>
      </c>
      <c r="O4631">
        <v>3</v>
      </c>
      <c r="P4631" t="s">
        <v>655</v>
      </c>
      <c r="Q4631">
        <v>1</v>
      </c>
      <c r="R4631" t="s">
        <v>656</v>
      </c>
      <c r="S4631">
        <v>2</v>
      </c>
      <c r="T4631" t="s">
        <v>661</v>
      </c>
      <c r="U4631">
        <v>8</v>
      </c>
      <c r="V4631">
        <v>2</v>
      </c>
      <c r="W4631">
        <v>120</v>
      </c>
      <c r="X4631">
        <v>2020</v>
      </c>
    </row>
    <row r="4632" spans="1:24" x14ac:dyDescent="0.25">
      <c r="A4632">
        <v>6001</v>
      </c>
      <c r="B4632" t="s">
        <v>226</v>
      </c>
      <c r="C4632">
        <v>1</v>
      </c>
      <c r="D4632" t="s">
        <v>628</v>
      </c>
      <c r="E4632">
        <v>6</v>
      </c>
      <c r="F4632" t="s">
        <v>651</v>
      </c>
      <c r="G4632">
        <v>160</v>
      </c>
      <c r="H4632" t="s">
        <v>658</v>
      </c>
      <c r="I4632">
        <v>13755</v>
      </c>
      <c r="J4632" t="s">
        <v>693</v>
      </c>
      <c r="K4632">
        <v>56</v>
      </c>
      <c r="L4632" t="s">
        <v>3578</v>
      </c>
      <c r="M4632">
        <v>646</v>
      </c>
      <c r="N4632" t="s">
        <v>654</v>
      </c>
      <c r="O4632">
        <v>3</v>
      </c>
      <c r="P4632" t="s">
        <v>655</v>
      </c>
      <c r="Q4632">
        <v>1</v>
      </c>
      <c r="R4632" t="s">
        <v>656</v>
      </c>
      <c r="S4632">
        <v>2</v>
      </c>
      <c r="T4632" t="s">
        <v>661</v>
      </c>
      <c r="U4632">
        <v>8</v>
      </c>
      <c r="V4632">
        <v>2</v>
      </c>
      <c r="W4632">
        <v>120</v>
      </c>
      <c r="X4632">
        <v>2020</v>
      </c>
    </row>
    <row r="4633" spans="1:24" x14ac:dyDescent="0.25">
      <c r="A4633">
        <v>6000</v>
      </c>
      <c r="B4633" t="s">
        <v>226</v>
      </c>
      <c r="C4633">
        <v>1</v>
      </c>
      <c r="D4633" t="s">
        <v>628</v>
      </c>
      <c r="E4633">
        <v>6</v>
      </c>
      <c r="F4633" t="s">
        <v>651</v>
      </c>
      <c r="G4633">
        <v>160</v>
      </c>
      <c r="H4633" t="s">
        <v>658</v>
      </c>
      <c r="I4633">
        <v>13755</v>
      </c>
      <c r="J4633" t="s">
        <v>693</v>
      </c>
      <c r="K4633">
        <v>56</v>
      </c>
      <c r="L4633" t="s">
        <v>2468</v>
      </c>
      <c r="M4633">
        <v>645</v>
      </c>
      <c r="N4633" t="s">
        <v>654</v>
      </c>
      <c r="O4633">
        <v>3</v>
      </c>
      <c r="P4633" t="s">
        <v>655</v>
      </c>
      <c r="Q4633">
        <v>1</v>
      </c>
      <c r="R4633" t="s">
        <v>656</v>
      </c>
      <c r="S4633">
        <v>2</v>
      </c>
      <c r="T4633" t="s">
        <v>661</v>
      </c>
      <c r="U4633">
        <v>8</v>
      </c>
      <c r="V4633">
        <v>2</v>
      </c>
      <c r="W4633">
        <v>120</v>
      </c>
      <c r="X4633">
        <v>2020</v>
      </c>
    </row>
    <row r="4634" spans="1:24" x14ac:dyDescent="0.25">
      <c r="A4634">
        <v>5999</v>
      </c>
      <c r="B4634" t="s">
        <v>226</v>
      </c>
      <c r="C4634">
        <v>1</v>
      </c>
      <c r="D4634" t="s">
        <v>628</v>
      </c>
      <c r="E4634">
        <v>6</v>
      </c>
      <c r="F4634" t="s">
        <v>651</v>
      </c>
      <c r="G4634">
        <v>160</v>
      </c>
      <c r="H4634" t="s">
        <v>658</v>
      </c>
      <c r="I4634">
        <v>13755</v>
      </c>
      <c r="J4634" t="s">
        <v>693</v>
      </c>
      <c r="K4634">
        <v>56</v>
      </c>
      <c r="L4634" t="s">
        <v>3579</v>
      </c>
      <c r="M4634">
        <v>644</v>
      </c>
      <c r="N4634" t="s">
        <v>654</v>
      </c>
      <c r="O4634">
        <v>3</v>
      </c>
      <c r="P4634" t="s">
        <v>655</v>
      </c>
      <c r="Q4634">
        <v>1</v>
      </c>
      <c r="R4634" t="s">
        <v>656</v>
      </c>
      <c r="S4634">
        <v>2</v>
      </c>
      <c r="T4634" t="s">
        <v>661</v>
      </c>
      <c r="U4634">
        <v>8</v>
      </c>
      <c r="V4634">
        <v>2</v>
      </c>
      <c r="W4634">
        <v>120</v>
      </c>
      <c r="X4634">
        <v>2020</v>
      </c>
    </row>
    <row r="4635" spans="1:24" x14ac:dyDescent="0.25">
      <c r="A4635">
        <v>5998</v>
      </c>
      <c r="B4635" t="s">
        <v>226</v>
      </c>
      <c r="C4635">
        <v>1</v>
      </c>
      <c r="D4635" t="s">
        <v>628</v>
      </c>
      <c r="E4635">
        <v>6</v>
      </c>
      <c r="F4635" t="s">
        <v>651</v>
      </c>
      <c r="G4635">
        <v>160</v>
      </c>
      <c r="H4635" t="s">
        <v>658</v>
      </c>
      <c r="I4635">
        <v>13755</v>
      </c>
      <c r="J4635" t="s">
        <v>693</v>
      </c>
      <c r="K4635">
        <v>56</v>
      </c>
      <c r="L4635" t="s">
        <v>3580</v>
      </c>
      <c r="M4635">
        <v>643</v>
      </c>
      <c r="N4635" t="s">
        <v>654</v>
      </c>
      <c r="O4635">
        <v>3</v>
      </c>
      <c r="P4635" t="s">
        <v>655</v>
      </c>
      <c r="Q4635">
        <v>1</v>
      </c>
      <c r="R4635" t="s">
        <v>656</v>
      </c>
      <c r="S4635">
        <v>2</v>
      </c>
      <c r="T4635" t="s">
        <v>661</v>
      </c>
      <c r="U4635">
        <v>8</v>
      </c>
      <c r="V4635">
        <v>2</v>
      </c>
      <c r="W4635">
        <v>120</v>
      </c>
      <c r="X4635">
        <v>2020</v>
      </c>
    </row>
    <row r="4636" spans="1:24" x14ac:dyDescent="0.25">
      <c r="A4636">
        <v>5997</v>
      </c>
      <c r="B4636" t="s">
        <v>226</v>
      </c>
      <c r="C4636">
        <v>1</v>
      </c>
      <c r="D4636" t="s">
        <v>615</v>
      </c>
      <c r="E4636">
        <v>12</v>
      </c>
      <c r="F4636" t="s">
        <v>651</v>
      </c>
      <c r="G4636">
        <v>160</v>
      </c>
      <c r="H4636" t="s">
        <v>658</v>
      </c>
      <c r="I4636">
        <v>13755</v>
      </c>
      <c r="J4636" t="s">
        <v>693</v>
      </c>
      <c r="K4636">
        <v>56</v>
      </c>
      <c r="L4636" t="s">
        <v>3581</v>
      </c>
      <c r="M4636">
        <v>642</v>
      </c>
      <c r="N4636" t="s">
        <v>654</v>
      </c>
      <c r="O4636">
        <v>3</v>
      </c>
      <c r="P4636" t="s">
        <v>655</v>
      </c>
      <c r="Q4636">
        <v>1</v>
      </c>
      <c r="R4636" t="s">
        <v>656</v>
      </c>
      <c r="S4636">
        <v>2</v>
      </c>
      <c r="T4636" t="s">
        <v>769</v>
      </c>
      <c r="U4636">
        <v>3</v>
      </c>
      <c r="V4636">
        <v>2</v>
      </c>
      <c r="W4636">
        <v>120</v>
      </c>
      <c r="X4636">
        <v>2020</v>
      </c>
    </row>
    <row r="4637" spans="1:24" x14ac:dyDescent="0.25">
      <c r="A4637">
        <v>5996</v>
      </c>
      <c r="B4637" t="s">
        <v>226</v>
      </c>
      <c r="C4637">
        <v>1</v>
      </c>
      <c r="D4637" t="s">
        <v>628</v>
      </c>
      <c r="E4637">
        <v>6</v>
      </c>
      <c r="F4637" t="s">
        <v>651</v>
      </c>
      <c r="G4637">
        <v>160</v>
      </c>
      <c r="H4637" t="s">
        <v>658</v>
      </c>
      <c r="I4637">
        <v>13755</v>
      </c>
      <c r="J4637" t="s">
        <v>693</v>
      </c>
      <c r="K4637">
        <v>56</v>
      </c>
      <c r="L4637" t="s">
        <v>3582</v>
      </c>
      <c r="M4637">
        <v>641</v>
      </c>
      <c r="N4637" t="s">
        <v>654</v>
      </c>
      <c r="O4637">
        <v>3</v>
      </c>
      <c r="P4637" t="s">
        <v>655</v>
      </c>
      <c r="Q4637">
        <v>1</v>
      </c>
      <c r="R4637" t="s">
        <v>656</v>
      </c>
      <c r="S4637">
        <v>2</v>
      </c>
      <c r="T4637" t="s">
        <v>661</v>
      </c>
      <c r="U4637">
        <v>8</v>
      </c>
      <c r="V4637">
        <v>2</v>
      </c>
      <c r="W4637">
        <v>120</v>
      </c>
      <c r="X4637">
        <v>2020</v>
      </c>
    </row>
    <row r="4638" spans="1:24" x14ac:dyDescent="0.25">
      <c r="A4638">
        <v>5995</v>
      </c>
      <c r="B4638" t="s">
        <v>226</v>
      </c>
      <c r="C4638">
        <v>1</v>
      </c>
      <c r="D4638" t="s">
        <v>628</v>
      </c>
      <c r="E4638">
        <v>6</v>
      </c>
      <c r="F4638" t="s">
        <v>651</v>
      </c>
      <c r="G4638">
        <v>160</v>
      </c>
      <c r="H4638" t="s">
        <v>658</v>
      </c>
      <c r="I4638">
        <v>13755</v>
      </c>
      <c r="J4638" t="s">
        <v>693</v>
      </c>
      <c r="K4638">
        <v>56</v>
      </c>
      <c r="L4638" t="s">
        <v>3583</v>
      </c>
      <c r="M4638">
        <v>640</v>
      </c>
      <c r="N4638" t="s">
        <v>654</v>
      </c>
      <c r="O4638">
        <v>3</v>
      </c>
      <c r="P4638" t="s">
        <v>655</v>
      </c>
      <c r="Q4638">
        <v>1</v>
      </c>
      <c r="R4638" t="s">
        <v>656</v>
      </c>
      <c r="S4638">
        <v>2</v>
      </c>
      <c r="T4638" t="s">
        <v>661</v>
      </c>
      <c r="U4638">
        <v>8</v>
      </c>
      <c r="V4638">
        <v>2</v>
      </c>
      <c r="W4638">
        <v>120</v>
      </c>
      <c r="X4638">
        <v>2020</v>
      </c>
    </row>
    <row r="4639" spans="1:24" x14ac:dyDescent="0.25">
      <c r="A4639">
        <v>5994</v>
      </c>
      <c r="B4639" t="s">
        <v>226</v>
      </c>
      <c r="C4639">
        <v>1</v>
      </c>
      <c r="D4639" t="s">
        <v>628</v>
      </c>
      <c r="E4639">
        <v>6</v>
      </c>
      <c r="F4639" t="s">
        <v>651</v>
      </c>
      <c r="G4639">
        <v>160</v>
      </c>
      <c r="H4639" t="s">
        <v>658</v>
      </c>
      <c r="I4639">
        <v>13755</v>
      </c>
      <c r="J4639" t="s">
        <v>693</v>
      </c>
      <c r="K4639">
        <v>56</v>
      </c>
      <c r="L4639" t="s">
        <v>3584</v>
      </c>
      <c r="M4639">
        <v>639</v>
      </c>
      <c r="N4639" t="s">
        <v>654</v>
      </c>
      <c r="O4639">
        <v>3</v>
      </c>
      <c r="P4639" t="s">
        <v>655</v>
      </c>
      <c r="Q4639">
        <v>1</v>
      </c>
      <c r="R4639" t="s">
        <v>656</v>
      </c>
      <c r="S4639">
        <v>2</v>
      </c>
      <c r="T4639" t="s">
        <v>661</v>
      </c>
      <c r="U4639">
        <v>8</v>
      </c>
      <c r="V4639">
        <v>2</v>
      </c>
      <c r="W4639">
        <v>120</v>
      </c>
      <c r="X4639">
        <v>2020</v>
      </c>
    </row>
    <row r="4640" spans="1:24" x14ac:dyDescent="0.25">
      <c r="A4640">
        <v>5993</v>
      </c>
      <c r="B4640" t="s">
        <v>226</v>
      </c>
      <c r="C4640">
        <v>1</v>
      </c>
      <c r="D4640" t="s">
        <v>628</v>
      </c>
      <c r="E4640">
        <v>6</v>
      </c>
      <c r="F4640" t="s">
        <v>651</v>
      </c>
      <c r="G4640">
        <v>160</v>
      </c>
      <c r="H4640" t="s">
        <v>658</v>
      </c>
      <c r="I4640">
        <v>13755</v>
      </c>
      <c r="J4640" t="s">
        <v>693</v>
      </c>
      <c r="K4640">
        <v>56</v>
      </c>
      <c r="L4640" t="s">
        <v>3585</v>
      </c>
      <c r="M4640">
        <v>638</v>
      </c>
      <c r="N4640" t="s">
        <v>654</v>
      </c>
      <c r="O4640">
        <v>3</v>
      </c>
      <c r="P4640" t="s">
        <v>655</v>
      </c>
      <c r="Q4640">
        <v>1</v>
      </c>
      <c r="R4640" t="s">
        <v>656</v>
      </c>
      <c r="S4640">
        <v>2</v>
      </c>
      <c r="T4640" t="s">
        <v>661</v>
      </c>
      <c r="U4640">
        <v>8</v>
      </c>
      <c r="V4640">
        <v>2</v>
      </c>
      <c r="W4640">
        <v>120</v>
      </c>
      <c r="X4640">
        <v>2020</v>
      </c>
    </row>
    <row r="4641" spans="1:24" x14ac:dyDescent="0.25">
      <c r="A4641">
        <v>5992</v>
      </c>
      <c r="B4641" t="s">
        <v>226</v>
      </c>
      <c r="C4641">
        <v>1</v>
      </c>
      <c r="D4641" t="s">
        <v>628</v>
      </c>
      <c r="E4641">
        <v>6</v>
      </c>
      <c r="F4641" t="s">
        <v>651</v>
      </c>
      <c r="G4641">
        <v>160</v>
      </c>
      <c r="H4641" t="s">
        <v>658</v>
      </c>
      <c r="I4641">
        <v>13755</v>
      </c>
      <c r="J4641" t="s">
        <v>693</v>
      </c>
      <c r="K4641">
        <v>56</v>
      </c>
      <c r="L4641" t="s">
        <v>3586</v>
      </c>
      <c r="M4641">
        <v>637</v>
      </c>
      <c r="N4641" t="s">
        <v>654</v>
      </c>
      <c r="O4641">
        <v>3</v>
      </c>
      <c r="P4641" t="s">
        <v>655</v>
      </c>
      <c r="Q4641">
        <v>1</v>
      </c>
      <c r="R4641" t="s">
        <v>656</v>
      </c>
      <c r="S4641">
        <v>2</v>
      </c>
      <c r="T4641" t="s">
        <v>661</v>
      </c>
      <c r="U4641">
        <v>8</v>
      </c>
      <c r="V4641">
        <v>2</v>
      </c>
      <c r="W4641">
        <v>120</v>
      </c>
      <c r="X4641">
        <v>2020</v>
      </c>
    </row>
    <row r="4642" spans="1:24" x14ac:dyDescent="0.25">
      <c r="A4642">
        <v>5991</v>
      </c>
      <c r="B4642" t="s">
        <v>226</v>
      </c>
      <c r="C4642">
        <v>1</v>
      </c>
      <c r="D4642" t="s">
        <v>628</v>
      </c>
      <c r="E4642">
        <v>6</v>
      </c>
      <c r="F4642" t="s">
        <v>651</v>
      </c>
      <c r="G4642">
        <v>160</v>
      </c>
      <c r="H4642" t="s">
        <v>658</v>
      </c>
      <c r="I4642">
        <v>13755</v>
      </c>
      <c r="J4642" t="s">
        <v>693</v>
      </c>
      <c r="K4642">
        <v>56</v>
      </c>
      <c r="L4642" t="s">
        <v>3587</v>
      </c>
      <c r="M4642">
        <v>636</v>
      </c>
      <c r="N4642" t="s">
        <v>654</v>
      </c>
      <c r="O4642">
        <v>3</v>
      </c>
      <c r="P4642" t="s">
        <v>655</v>
      </c>
      <c r="Q4642">
        <v>1</v>
      </c>
      <c r="R4642" t="s">
        <v>656</v>
      </c>
      <c r="S4642">
        <v>2</v>
      </c>
      <c r="T4642" t="s">
        <v>661</v>
      </c>
      <c r="U4642">
        <v>8</v>
      </c>
      <c r="V4642">
        <v>2</v>
      </c>
      <c r="W4642">
        <v>120</v>
      </c>
      <c r="X4642">
        <v>2020</v>
      </c>
    </row>
    <row r="4643" spans="1:24" x14ac:dyDescent="0.25">
      <c r="A4643">
        <v>5990</v>
      </c>
      <c r="B4643" t="s">
        <v>226</v>
      </c>
      <c r="C4643">
        <v>1</v>
      </c>
      <c r="D4643" t="s">
        <v>628</v>
      </c>
      <c r="E4643">
        <v>6</v>
      </c>
      <c r="F4643" t="s">
        <v>651</v>
      </c>
      <c r="G4643">
        <v>160</v>
      </c>
      <c r="H4643" t="s">
        <v>658</v>
      </c>
      <c r="I4643">
        <v>13755</v>
      </c>
      <c r="J4643" t="s">
        <v>693</v>
      </c>
      <c r="K4643">
        <v>56</v>
      </c>
      <c r="L4643" t="s">
        <v>3588</v>
      </c>
      <c r="M4643">
        <v>635</v>
      </c>
      <c r="N4643" t="s">
        <v>654</v>
      </c>
      <c r="O4643">
        <v>3</v>
      </c>
      <c r="P4643" t="s">
        <v>655</v>
      </c>
      <c r="Q4643">
        <v>1</v>
      </c>
      <c r="R4643" t="s">
        <v>656</v>
      </c>
      <c r="S4643">
        <v>2</v>
      </c>
      <c r="T4643" t="s">
        <v>769</v>
      </c>
      <c r="U4643">
        <v>3</v>
      </c>
      <c r="V4643">
        <v>2</v>
      </c>
      <c r="W4643">
        <v>120</v>
      </c>
      <c r="X4643">
        <v>2020</v>
      </c>
    </row>
    <row r="4644" spans="1:24" x14ac:dyDescent="0.25">
      <c r="A4644">
        <v>5989</v>
      </c>
      <c r="B4644" t="s">
        <v>226</v>
      </c>
      <c r="C4644">
        <v>1</v>
      </c>
      <c r="D4644" t="s">
        <v>628</v>
      </c>
      <c r="E4644">
        <v>6</v>
      </c>
      <c r="F4644" t="s">
        <v>651</v>
      </c>
      <c r="G4644">
        <v>160</v>
      </c>
      <c r="H4644" t="s">
        <v>658</v>
      </c>
      <c r="I4644">
        <v>13755</v>
      </c>
      <c r="J4644" t="s">
        <v>693</v>
      </c>
      <c r="K4644">
        <v>56</v>
      </c>
      <c r="L4644" t="s">
        <v>3589</v>
      </c>
      <c r="M4644">
        <v>634</v>
      </c>
      <c r="N4644" t="s">
        <v>654</v>
      </c>
      <c r="O4644">
        <v>3</v>
      </c>
      <c r="P4644" t="s">
        <v>655</v>
      </c>
      <c r="Q4644">
        <v>1</v>
      </c>
      <c r="R4644" t="s">
        <v>656</v>
      </c>
      <c r="S4644">
        <v>2</v>
      </c>
      <c r="T4644" t="s">
        <v>661</v>
      </c>
      <c r="U4644">
        <v>8</v>
      </c>
      <c r="V4644">
        <v>2</v>
      </c>
      <c r="W4644">
        <v>120</v>
      </c>
      <c r="X4644">
        <v>2020</v>
      </c>
    </row>
    <row r="4645" spans="1:24" x14ac:dyDescent="0.25">
      <c r="A4645">
        <v>5988</v>
      </c>
      <c r="B4645" t="s">
        <v>226</v>
      </c>
      <c r="C4645">
        <v>1</v>
      </c>
      <c r="D4645" t="s">
        <v>628</v>
      </c>
      <c r="E4645">
        <v>6</v>
      </c>
      <c r="F4645" t="s">
        <v>651</v>
      </c>
      <c r="G4645">
        <v>160</v>
      </c>
      <c r="H4645" t="s">
        <v>658</v>
      </c>
      <c r="I4645">
        <v>13755</v>
      </c>
      <c r="J4645" t="s">
        <v>693</v>
      </c>
      <c r="K4645">
        <v>56</v>
      </c>
      <c r="L4645" t="s">
        <v>3590</v>
      </c>
      <c r="M4645">
        <v>633</v>
      </c>
      <c r="N4645" t="s">
        <v>654</v>
      </c>
      <c r="O4645">
        <v>3</v>
      </c>
      <c r="P4645" t="s">
        <v>655</v>
      </c>
      <c r="Q4645">
        <v>1</v>
      </c>
      <c r="R4645" t="s">
        <v>656</v>
      </c>
      <c r="S4645">
        <v>2</v>
      </c>
      <c r="T4645" t="s">
        <v>661</v>
      </c>
      <c r="U4645">
        <v>8</v>
      </c>
      <c r="V4645">
        <v>2</v>
      </c>
      <c r="W4645">
        <v>120</v>
      </c>
      <c r="X4645">
        <v>2020</v>
      </c>
    </row>
    <row r="4646" spans="1:24" x14ac:dyDescent="0.25">
      <c r="A4646">
        <v>5987</v>
      </c>
      <c r="B4646" t="s">
        <v>226</v>
      </c>
      <c r="C4646">
        <v>1</v>
      </c>
      <c r="D4646" t="s">
        <v>628</v>
      </c>
      <c r="E4646">
        <v>6</v>
      </c>
      <c r="F4646" t="s">
        <v>651</v>
      </c>
      <c r="G4646">
        <v>160</v>
      </c>
      <c r="H4646" t="s">
        <v>658</v>
      </c>
      <c r="I4646">
        <v>13755</v>
      </c>
      <c r="J4646" t="s">
        <v>693</v>
      </c>
      <c r="K4646">
        <v>56</v>
      </c>
      <c r="L4646" t="s">
        <v>1884</v>
      </c>
      <c r="M4646">
        <v>632</v>
      </c>
      <c r="N4646" t="s">
        <v>654</v>
      </c>
      <c r="O4646">
        <v>3</v>
      </c>
      <c r="P4646" t="s">
        <v>655</v>
      </c>
      <c r="Q4646">
        <v>1</v>
      </c>
      <c r="R4646" t="s">
        <v>656</v>
      </c>
      <c r="S4646">
        <v>2</v>
      </c>
      <c r="T4646" t="s">
        <v>661</v>
      </c>
      <c r="U4646">
        <v>8</v>
      </c>
      <c r="V4646">
        <v>2</v>
      </c>
      <c r="W4646">
        <v>120</v>
      </c>
      <c r="X4646">
        <v>2020</v>
      </c>
    </row>
    <row r="4647" spans="1:24" x14ac:dyDescent="0.25">
      <c r="A4647">
        <v>5986</v>
      </c>
      <c r="B4647" t="s">
        <v>226</v>
      </c>
      <c r="C4647">
        <v>1</v>
      </c>
      <c r="D4647" t="s">
        <v>628</v>
      </c>
      <c r="E4647">
        <v>6</v>
      </c>
      <c r="F4647" t="s">
        <v>651</v>
      </c>
      <c r="G4647">
        <v>160</v>
      </c>
      <c r="H4647" t="s">
        <v>658</v>
      </c>
      <c r="I4647">
        <v>13755</v>
      </c>
      <c r="J4647" t="s">
        <v>693</v>
      </c>
      <c r="K4647">
        <v>56</v>
      </c>
      <c r="L4647" t="s">
        <v>3591</v>
      </c>
      <c r="M4647">
        <v>631</v>
      </c>
      <c r="N4647" t="s">
        <v>654</v>
      </c>
      <c r="O4647">
        <v>3</v>
      </c>
      <c r="P4647" t="s">
        <v>655</v>
      </c>
      <c r="Q4647">
        <v>1</v>
      </c>
      <c r="R4647" t="s">
        <v>656</v>
      </c>
      <c r="S4647">
        <v>2</v>
      </c>
      <c r="T4647" t="s">
        <v>661</v>
      </c>
      <c r="U4647">
        <v>8</v>
      </c>
      <c r="V4647">
        <v>2</v>
      </c>
      <c r="W4647">
        <v>120</v>
      </c>
      <c r="X4647">
        <v>2020</v>
      </c>
    </row>
    <row r="4648" spans="1:24" x14ac:dyDescent="0.25">
      <c r="A4648">
        <v>5985</v>
      </c>
      <c r="B4648" t="s">
        <v>226</v>
      </c>
      <c r="C4648">
        <v>1</v>
      </c>
      <c r="D4648" t="s">
        <v>630</v>
      </c>
      <c r="E4648">
        <v>2</v>
      </c>
      <c r="F4648" t="s">
        <v>651</v>
      </c>
      <c r="G4648">
        <v>160</v>
      </c>
      <c r="H4648" t="s">
        <v>658</v>
      </c>
      <c r="I4648">
        <v>13755</v>
      </c>
      <c r="J4648" t="s">
        <v>695</v>
      </c>
      <c r="K4648">
        <v>54</v>
      </c>
      <c r="L4648" t="s">
        <v>3592</v>
      </c>
      <c r="M4648">
        <v>630</v>
      </c>
      <c r="N4648" t="s">
        <v>654</v>
      </c>
      <c r="O4648">
        <v>3</v>
      </c>
      <c r="P4648" t="s">
        <v>655</v>
      </c>
      <c r="Q4648">
        <v>1</v>
      </c>
      <c r="R4648" t="s">
        <v>656</v>
      </c>
      <c r="S4648">
        <v>2</v>
      </c>
      <c r="T4648" t="s">
        <v>661</v>
      </c>
      <c r="U4648">
        <v>8</v>
      </c>
      <c r="V4648">
        <v>2</v>
      </c>
      <c r="W4648">
        <v>120</v>
      </c>
      <c r="X4648">
        <v>2020</v>
      </c>
    </row>
    <row r="4649" spans="1:24" x14ac:dyDescent="0.25">
      <c r="A4649">
        <v>5983</v>
      </c>
      <c r="B4649" t="s">
        <v>226</v>
      </c>
      <c r="C4649">
        <v>1</v>
      </c>
      <c r="D4649" t="s">
        <v>630</v>
      </c>
      <c r="E4649">
        <v>2</v>
      </c>
      <c r="F4649" t="s">
        <v>651</v>
      </c>
      <c r="G4649">
        <v>160</v>
      </c>
      <c r="H4649" t="s">
        <v>658</v>
      </c>
      <c r="I4649">
        <v>13755</v>
      </c>
      <c r="J4649" t="s">
        <v>695</v>
      </c>
      <c r="K4649">
        <v>54</v>
      </c>
      <c r="L4649" t="s">
        <v>3593</v>
      </c>
      <c r="M4649">
        <v>628</v>
      </c>
      <c r="N4649" t="s">
        <v>654</v>
      </c>
      <c r="O4649">
        <v>3</v>
      </c>
      <c r="P4649" t="s">
        <v>655</v>
      </c>
      <c r="Q4649">
        <v>1</v>
      </c>
      <c r="R4649" t="s">
        <v>656</v>
      </c>
      <c r="S4649">
        <v>2</v>
      </c>
      <c r="T4649" t="s">
        <v>661</v>
      </c>
      <c r="U4649">
        <v>8</v>
      </c>
      <c r="V4649">
        <v>2</v>
      </c>
      <c r="W4649">
        <v>120</v>
      </c>
      <c r="X4649">
        <v>2020</v>
      </c>
    </row>
    <row r="4650" spans="1:24" x14ac:dyDescent="0.25">
      <c r="A4650">
        <v>5982</v>
      </c>
      <c r="B4650" t="s">
        <v>226</v>
      </c>
      <c r="C4650">
        <v>1</v>
      </c>
      <c r="D4650" t="s">
        <v>630</v>
      </c>
      <c r="E4650">
        <v>2</v>
      </c>
      <c r="F4650" t="s">
        <v>651</v>
      </c>
      <c r="G4650">
        <v>160</v>
      </c>
      <c r="H4650" t="s">
        <v>658</v>
      </c>
      <c r="I4650">
        <v>13755</v>
      </c>
      <c r="J4650" t="s">
        <v>695</v>
      </c>
      <c r="K4650">
        <v>54</v>
      </c>
      <c r="L4650" t="s">
        <v>3594</v>
      </c>
      <c r="M4650">
        <v>627</v>
      </c>
      <c r="N4650" t="s">
        <v>654</v>
      </c>
      <c r="O4650">
        <v>3</v>
      </c>
      <c r="P4650" t="s">
        <v>655</v>
      </c>
      <c r="Q4650">
        <v>1</v>
      </c>
      <c r="R4650" t="s">
        <v>656</v>
      </c>
      <c r="S4650">
        <v>2</v>
      </c>
      <c r="T4650" t="s">
        <v>661</v>
      </c>
      <c r="U4650">
        <v>8</v>
      </c>
      <c r="V4650">
        <v>2</v>
      </c>
      <c r="W4650">
        <v>120</v>
      </c>
      <c r="X4650">
        <v>2020</v>
      </c>
    </row>
    <row r="4651" spans="1:24" x14ac:dyDescent="0.25">
      <c r="A4651">
        <v>5979</v>
      </c>
      <c r="B4651" t="s">
        <v>226</v>
      </c>
      <c r="C4651">
        <v>1</v>
      </c>
      <c r="D4651" t="s">
        <v>630</v>
      </c>
      <c r="E4651">
        <v>2</v>
      </c>
      <c r="F4651" t="s">
        <v>651</v>
      </c>
      <c r="G4651">
        <v>160</v>
      </c>
      <c r="H4651" t="s">
        <v>658</v>
      </c>
      <c r="I4651">
        <v>13755</v>
      </c>
      <c r="J4651" t="s">
        <v>695</v>
      </c>
      <c r="K4651">
        <v>54</v>
      </c>
      <c r="L4651" t="s">
        <v>3595</v>
      </c>
      <c r="M4651">
        <v>624</v>
      </c>
      <c r="N4651" t="s">
        <v>654</v>
      </c>
      <c r="O4651">
        <v>3</v>
      </c>
      <c r="P4651" t="s">
        <v>655</v>
      </c>
      <c r="Q4651">
        <v>1</v>
      </c>
      <c r="R4651" t="s">
        <v>656</v>
      </c>
      <c r="S4651">
        <v>2</v>
      </c>
      <c r="T4651" t="s">
        <v>661</v>
      </c>
      <c r="U4651">
        <v>8</v>
      </c>
      <c r="V4651">
        <v>2</v>
      </c>
      <c r="W4651">
        <v>120</v>
      </c>
      <c r="X4651">
        <v>2020</v>
      </c>
    </row>
    <row r="4652" spans="1:24" x14ac:dyDescent="0.25">
      <c r="A4652">
        <v>5978</v>
      </c>
      <c r="B4652" t="s">
        <v>226</v>
      </c>
      <c r="C4652">
        <v>1</v>
      </c>
      <c r="D4652" t="s">
        <v>522</v>
      </c>
      <c r="E4652">
        <v>4</v>
      </c>
      <c r="F4652" t="s">
        <v>651</v>
      </c>
      <c r="G4652">
        <v>160</v>
      </c>
      <c r="H4652" t="s">
        <v>658</v>
      </c>
      <c r="I4652">
        <v>13755</v>
      </c>
      <c r="J4652" t="s">
        <v>710</v>
      </c>
      <c r="K4652">
        <v>53</v>
      </c>
      <c r="L4652" t="s">
        <v>3596</v>
      </c>
      <c r="M4652">
        <v>623</v>
      </c>
      <c r="N4652" t="s">
        <v>654</v>
      </c>
      <c r="O4652">
        <v>3</v>
      </c>
      <c r="P4652" t="s">
        <v>655</v>
      </c>
      <c r="Q4652">
        <v>1</v>
      </c>
      <c r="R4652" t="s">
        <v>656</v>
      </c>
      <c r="S4652">
        <v>2</v>
      </c>
      <c r="T4652" t="s">
        <v>661</v>
      </c>
      <c r="U4652">
        <v>8</v>
      </c>
      <c r="V4652">
        <v>2</v>
      </c>
      <c r="W4652">
        <v>120</v>
      </c>
      <c r="X4652">
        <v>2020</v>
      </c>
    </row>
    <row r="4653" spans="1:24" x14ac:dyDescent="0.25">
      <c r="A4653">
        <v>5977</v>
      </c>
      <c r="B4653" t="s">
        <v>226</v>
      </c>
      <c r="C4653">
        <v>1</v>
      </c>
      <c r="D4653" t="s">
        <v>522</v>
      </c>
      <c r="E4653">
        <v>4</v>
      </c>
      <c r="F4653" t="s">
        <v>651</v>
      </c>
      <c r="G4653">
        <v>160</v>
      </c>
      <c r="H4653" t="s">
        <v>658</v>
      </c>
      <c r="I4653">
        <v>13755</v>
      </c>
      <c r="J4653" t="s">
        <v>710</v>
      </c>
      <c r="K4653">
        <v>53</v>
      </c>
      <c r="L4653" t="s">
        <v>3114</v>
      </c>
      <c r="M4653">
        <v>622</v>
      </c>
      <c r="N4653" t="s">
        <v>654</v>
      </c>
      <c r="O4653">
        <v>3</v>
      </c>
      <c r="P4653" t="s">
        <v>655</v>
      </c>
      <c r="Q4653">
        <v>1</v>
      </c>
      <c r="R4653" t="s">
        <v>656</v>
      </c>
      <c r="S4653">
        <v>2</v>
      </c>
      <c r="T4653" t="s">
        <v>661</v>
      </c>
      <c r="U4653">
        <v>8</v>
      </c>
      <c r="V4653">
        <v>2</v>
      </c>
      <c r="W4653">
        <v>120</v>
      </c>
      <c r="X4653">
        <v>2020</v>
      </c>
    </row>
    <row r="4654" spans="1:24" x14ac:dyDescent="0.25">
      <c r="A4654">
        <v>5976</v>
      </c>
      <c r="B4654" t="s">
        <v>226</v>
      </c>
      <c r="C4654">
        <v>1</v>
      </c>
      <c r="D4654" t="s">
        <v>522</v>
      </c>
      <c r="E4654">
        <v>4</v>
      </c>
      <c r="F4654" t="s">
        <v>651</v>
      </c>
      <c r="G4654">
        <v>160</v>
      </c>
      <c r="H4654" t="s">
        <v>658</v>
      </c>
      <c r="I4654">
        <v>13755</v>
      </c>
      <c r="J4654" t="s">
        <v>710</v>
      </c>
      <c r="K4654">
        <v>53</v>
      </c>
      <c r="L4654" t="s">
        <v>3597</v>
      </c>
      <c r="M4654">
        <v>621</v>
      </c>
      <c r="N4654" t="s">
        <v>654</v>
      </c>
      <c r="O4654">
        <v>3</v>
      </c>
      <c r="P4654" t="s">
        <v>655</v>
      </c>
      <c r="Q4654">
        <v>1</v>
      </c>
      <c r="R4654" t="s">
        <v>656</v>
      </c>
      <c r="S4654">
        <v>2</v>
      </c>
      <c r="T4654" t="s">
        <v>661</v>
      </c>
      <c r="U4654">
        <v>8</v>
      </c>
      <c r="V4654">
        <v>2</v>
      </c>
      <c r="W4654">
        <v>120</v>
      </c>
      <c r="X4654">
        <v>2020</v>
      </c>
    </row>
    <row r="4655" spans="1:24" x14ac:dyDescent="0.25">
      <c r="A4655">
        <v>5975</v>
      </c>
      <c r="B4655" t="s">
        <v>226</v>
      </c>
      <c r="C4655">
        <v>1</v>
      </c>
      <c r="D4655" t="s">
        <v>522</v>
      </c>
      <c r="E4655">
        <v>4</v>
      </c>
      <c r="F4655" t="s">
        <v>651</v>
      </c>
      <c r="G4655">
        <v>160</v>
      </c>
      <c r="H4655" t="s">
        <v>658</v>
      </c>
      <c r="I4655">
        <v>13755</v>
      </c>
      <c r="J4655" t="s">
        <v>710</v>
      </c>
      <c r="K4655">
        <v>53</v>
      </c>
      <c r="L4655" t="s">
        <v>996</v>
      </c>
      <c r="M4655">
        <v>620</v>
      </c>
      <c r="N4655" t="s">
        <v>654</v>
      </c>
      <c r="O4655">
        <v>3</v>
      </c>
      <c r="P4655" t="s">
        <v>655</v>
      </c>
      <c r="Q4655">
        <v>1</v>
      </c>
      <c r="R4655" t="s">
        <v>656</v>
      </c>
      <c r="S4655">
        <v>2</v>
      </c>
      <c r="T4655" t="s">
        <v>661</v>
      </c>
      <c r="U4655">
        <v>8</v>
      </c>
      <c r="V4655">
        <v>2</v>
      </c>
      <c r="W4655">
        <v>120</v>
      </c>
      <c r="X4655">
        <v>2020</v>
      </c>
    </row>
    <row r="4656" spans="1:24" x14ac:dyDescent="0.25">
      <c r="A4656">
        <v>5974</v>
      </c>
      <c r="B4656" t="s">
        <v>226</v>
      </c>
      <c r="C4656">
        <v>1</v>
      </c>
      <c r="D4656" t="s">
        <v>522</v>
      </c>
      <c r="E4656">
        <v>4</v>
      </c>
      <c r="F4656" t="s">
        <v>651</v>
      </c>
      <c r="G4656">
        <v>160</v>
      </c>
      <c r="H4656" t="s">
        <v>658</v>
      </c>
      <c r="I4656">
        <v>13755</v>
      </c>
      <c r="J4656" t="s">
        <v>710</v>
      </c>
      <c r="K4656">
        <v>53</v>
      </c>
      <c r="L4656" t="s">
        <v>3598</v>
      </c>
      <c r="M4656">
        <v>619</v>
      </c>
      <c r="N4656" t="s">
        <v>654</v>
      </c>
      <c r="O4656">
        <v>3</v>
      </c>
      <c r="P4656" t="s">
        <v>655</v>
      </c>
      <c r="Q4656">
        <v>1</v>
      </c>
      <c r="R4656" t="s">
        <v>656</v>
      </c>
      <c r="S4656">
        <v>2</v>
      </c>
      <c r="T4656" t="s">
        <v>661</v>
      </c>
      <c r="U4656">
        <v>8</v>
      </c>
      <c r="V4656">
        <v>2</v>
      </c>
      <c r="W4656">
        <v>120</v>
      </c>
      <c r="X4656">
        <v>2020</v>
      </c>
    </row>
    <row r="4657" spans="1:24" x14ac:dyDescent="0.25">
      <c r="A4657">
        <v>5973</v>
      </c>
      <c r="B4657" t="s">
        <v>226</v>
      </c>
      <c r="C4657">
        <v>1</v>
      </c>
      <c r="D4657" t="s">
        <v>522</v>
      </c>
      <c r="E4657">
        <v>4</v>
      </c>
      <c r="F4657" t="s">
        <v>651</v>
      </c>
      <c r="G4657">
        <v>160</v>
      </c>
      <c r="H4657" t="s">
        <v>658</v>
      </c>
      <c r="I4657">
        <v>13755</v>
      </c>
      <c r="J4657" t="s">
        <v>710</v>
      </c>
      <c r="K4657">
        <v>53</v>
      </c>
      <c r="L4657" t="s">
        <v>3599</v>
      </c>
      <c r="M4657">
        <v>618</v>
      </c>
      <c r="N4657" t="s">
        <v>654</v>
      </c>
      <c r="O4657">
        <v>3</v>
      </c>
      <c r="P4657" t="s">
        <v>655</v>
      </c>
      <c r="Q4657">
        <v>1</v>
      </c>
      <c r="R4657" t="s">
        <v>656</v>
      </c>
      <c r="S4657">
        <v>2</v>
      </c>
      <c r="T4657" t="s">
        <v>661</v>
      </c>
      <c r="U4657">
        <v>8</v>
      </c>
      <c r="V4657">
        <v>2</v>
      </c>
      <c r="W4657">
        <v>120</v>
      </c>
      <c r="X4657">
        <v>2020</v>
      </c>
    </row>
    <row r="4658" spans="1:24" x14ac:dyDescent="0.25">
      <c r="A4658">
        <v>5972</v>
      </c>
      <c r="B4658" t="s">
        <v>226</v>
      </c>
      <c r="C4658">
        <v>1</v>
      </c>
      <c r="D4658" t="s">
        <v>522</v>
      </c>
      <c r="E4658">
        <v>4</v>
      </c>
      <c r="F4658" t="s">
        <v>651</v>
      </c>
      <c r="G4658">
        <v>160</v>
      </c>
      <c r="H4658" t="s">
        <v>658</v>
      </c>
      <c r="I4658">
        <v>13755</v>
      </c>
      <c r="J4658" t="s">
        <v>710</v>
      </c>
      <c r="K4658">
        <v>53</v>
      </c>
      <c r="L4658" t="s">
        <v>3600</v>
      </c>
      <c r="M4658">
        <v>617</v>
      </c>
      <c r="N4658" t="s">
        <v>654</v>
      </c>
      <c r="O4658">
        <v>3</v>
      </c>
      <c r="P4658" t="s">
        <v>655</v>
      </c>
      <c r="Q4658">
        <v>1</v>
      </c>
      <c r="R4658" t="s">
        <v>656</v>
      </c>
      <c r="S4658">
        <v>2</v>
      </c>
      <c r="T4658" t="s">
        <v>661</v>
      </c>
      <c r="U4658">
        <v>8</v>
      </c>
      <c r="V4658">
        <v>2</v>
      </c>
      <c r="W4658">
        <v>120</v>
      </c>
      <c r="X4658">
        <v>2020</v>
      </c>
    </row>
    <row r="4659" spans="1:24" x14ac:dyDescent="0.25">
      <c r="A4659">
        <v>5971</v>
      </c>
      <c r="B4659" t="s">
        <v>226</v>
      </c>
      <c r="C4659">
        <v>1</v>
      </c>
      <c r="D4659" t="s">
        <v>522</v>
      </c>
      <c r="E4659">
        <v>4</v>
      </c>
      <c r="F4659" t="s">
        <v>651</v>
      </c>
      <c r="G4659">
        <v>160</v>
      </c>
      <c r="H4659" t="s">
        <v>658</v>
      </c>
      <c r="I4659">
        <v>13755</v>
      </c>
      <c r="J4659" t="s">
        <v>710</v>
      </c>
      <c r="K4659">
        <v>53</v>
      </c>
      <c r="L4659" t="s">
        <v>3601</v>
      </c>
      <c r="M4659">
        <v>616</v>
      </c>
      <c r="N4659" t="s">
        <v>654</v>
      </c>
      <c r="O4659">
        <v>3</v>
      </c>
      <c r="P4659" t="s">
        <v>655</v>
      </c>
      <c r="Q4659">
        <v>1</v>
      </c>
      <c r="R4659" t="s">
        <v>656</v>
      </c>
      <c r="S4659">
        <v>2</v>
      </c>
      <c r="T4659" t="s">
        <v>661</v>
      </c>
      <c r="U4659">
        <v>8</v>
      </c>
      <c r="V4659">
        <v>2</v>
      </c>
      <c r="W4659">
        <v>120</v>
      </c>
      <c r="X4659">
        <v>2020</v>
      </c>
    </row>
    <row r="4660" spans="1:24" x14ac:dyDescent="0.25">
      <c r="A4660">
        <v>5970</v>
      </c>
      <c r="B4660" t="s">
        <v>226</v>
      </c>
      <c r="C4660">
        <v>1</v>
      </c>
      <c r="D4660" t="s">
        <v>522</v>
      </c>
      <c r="E4660">
        <v>4</v>
      </c>
      <c r="F4660" t="s">
        <v>651</v>
      </c>
      <c r="G4660">
        <v>160</v>
      </c>
      <c r="H4660" t="s">
        <v>658</v>
      </c>
      <c r="I4660">
        <v>13755</v>
      </c>
      <c r="J4660" t="s">
        <v>710</v>
      </c>
      <c r="K4660">
        <v>53</v>
      </c>
      <c r="L4660" t="s">
        <v>3602</v>
      </c>
      <c r="M4660">
        <v>615</v>
      </c>
      <c r="N4660" t="s">
        <v>654</v>
      </c>
      <c r="O4660">
        <v>3</v>
      </c>
      <c r="P4660" t="s">
        <v>655</v>
      </c>
      <c r="Q4660">
        <v>1</v>
      </c>
      <c r="R4660" t="s">
        <v>656</v>
      </c>
      <c r="S4660">
        <v>2</v>
      </c>
      <c r="T4660" t="s">
        <v>661</v>
      </c>
      <c r="U4660">
        <v>8</v>
      </c>
      <c r="V4660">
        <v>2</v>
      </c>
      <c r="W4660">
        <v>120</v>
      </c>
      <c r="X4660">
        <v>2020</v>
      </c>
    </row>
    <row r="4661" spans="1:24" x14ac:dyDescent="0.25">
      <c r="A4661">
        <v>5969</v>
      </c>
      <c r="B4661" t="s">
        <v>226</v>
      </c>
      <c r="C4661">
        <v>1</v>
      </c>
      <c r="D4661" t="s">
        <v>522</v>
      </c>
      <c r="E4661">
        <v>4</v>
      </c>
      <c r="F4661" t="s">
        <v>651</v>
      </c>
      <c r="G4661">
        <v>160</v>
      </c>
      <c r="H4661" t="s">
        <v>658</v>
      </c>
      <c r="I4661">
        <v>13755</v>
      </c>
      <c r="J4661" t="s">
        <v>710</v>
      </c>
      <c r="K4661">
        <v>53</v>
      </c>
      <c r="L4661" t="s">
        <v>3603</v>
      </c>
      <c r="M4661">
        <v>614</v>
      </c>
      <c r="N4661" t="s">
        <v>654</v>
      </c>
      <c r="O4661">
        <v>3</v>
      </c>
      <c r="P4661" t="s">
        <v>655</v>
      </c>
      <c r="Q4661">
        <v>1</v>
      </c>
      <c r="R4661" t="s">
        <v>656</v>
      </c>
      <c r="S4661">
        <v>2</v>
      </c>
      <c r="T4661" t="s">
        <v>661</v>
      </c>
      <c r="U4661">
        <v>8</v>
      </c>
      <c r="V4661">
        <v>2</v>
      </c>
      <c r="W4661">
        <v>120</v>
      </c>
      <c r="X4661">
        <v>2020</v>
      </c>
    </row>
    <row r="4662" spans="1:24" x14ac:dyDescent="0.25">
      <c r="A4662">
        <v>5968</v>
      </c>
      <c r="B4662" t="s">
        <v>226</v>
      </c>
      <c r="C4662">
        <v>1</v>
      </c>
      <c r="D4662" t="s">
        <v>522</v>
      </c>
      <c r="E4662">
        <v>4</v>
      </c>
      <c r="F4662" t="s">
        <v>651</v>
      </c>
      <c r="G4662">
        <v>160</v>
      </c>
      <c r="H4662" t="s">
        <v>658</v>
      </c>
      <c r="I4662">
        <v>13755</v>
      </c>
      <c r="J4662" t="s">
        <v>710</v>
      </c>
      <c r="K4662">
        <v>53</v>
      </c>
      <c r="L4662" t="s">
        <v>3604</v>
      </c>
      <c r="M4662">
        <v>613</v>
      </c>
      <c r="N4662" t="s">
        <v>654</v>
      </c>
      <c r="O4662">
        <v>3</v>
      </c>
      <c r="P4662" t="s">
        <v>655</v>
      </c>
      <c r="Q4662">
        <v>1</v>
      </c>
      <c r="R4662" t="s">
        <v>656</v>
      </c>
      <c r="S4662">
        <v>2</v>
      </c>
      <c r="T4662" t="s">
        <v>661</v>
      </c>
      <c r="U4662">
        <v>8</v>
      </c>
      <c r="V4662">
        <v>2</v>
      </c>
      <c r="W4662">
        <v>120</v>
      </c>
      <c r="X4662">
        <v>2020</v>
      </c>
    </row>
    <row r="4663" spans="1:24" x14ac:dyDescent="0.25">
      <c r="A4663">
        <v>5967</v>
      </c>
      <c r="B4663" t="s">
        <v>226</v>
      </c>
      <c r="C4663">
        <v>1</v>
      </c>
      <c r="D4663" t="s">
        <v>522</v>
      </c>
      <c r="E4663">
        <v>4</v>
      </c>
      <c r="F4663" t="s">
        <v>651</v>
      </c>
      <c r="G4663">
        <v>160</v>
      </c>
      <c r="H4663" t="s">
        <v>658</v>
      </c>
      <c r="I4663">
        <v>13755</v>
      </c>
      <c r="J4663" t="s">
        <v>710</v>
      </c>
      <c r="K4663">
        <v>53</v>
      </c>
      <c r="L4663" t="s">
        <v>3605</v>
      </c>
      <c r="M4663">
        <v>612</v>
      </c>
      <c r="N4663" t="s">
        <v>654</v>
      </c>
      <c r="O4663">
        <v>3</v>
      </c>
      <c r="P4663" t="s">
        <v>655</v>
      </c>
      <c r="Q4663">
        <v>1</v>
      </c>
      <c r="R4663" t="s">
        <v>656</v>
      </c>
      <c r="S4663">
        <v>2</v>
      </c>
      <c r="T4663" t="s">
        <v>661</v>
      </c>
      <c r="U4663">
        <v>8</v>
      </c>
      <c r="V4663">
        <v>2</v>
      </c>
      <c r="W4663">
        <v>120</v>
      </c>
      <c r="X4663">
        <v>2020</v>
      </c>
    </row>
    <row r="4664" spans="1:24" x14ac:dyDescent="0.25">
      <c r="A4664">
        <v>5966</v>
      </c>
      <c r="B4664" t="s">
        <v>226</v>
      </c>
      <c r="C4664">
        <v>1</v>
      </c>
      <c r="D4664" t="s">
        <v>522</v>
      </c>
      <c r="E4664">
        <v>4</v>
      </c>
      <c r="F4664" t="s">
        <v>651</v>
      </c>
      <c r="G4664">
        <v>160</v>
      </c>
      <c r="H4664" t="s">
        <v>658</v>
      </c>
      <c r="I4664">
        <v>13755</v>
      </c>
      <c r="J4664" t="s">
        <v>710</v>
      </c>
      <c r="K4664">
        <v>53</v>
      </c>
      <c r="L4664" t="s">
        <v>3606</v>
      </c>
      <c r="M4664">
        <v>611</v>
      </c>
      <c r="N4664" t="s">
        <v>654</v>
      </c>
      <c r="O4664">
        <v>3</v>
      </c>
      <c r="P4664" t="s">
        <v>655</v>
      </c>
      <c r="Q4664">
        <v>1</v>
      </c>
      <c r="R4664" t="s">
        <v>656</v>
      </c>
      <c r="S4664">
        <v>2</v>
      </c>
      <c r="T4664" t="s">
        <v>661</v>
      </c>
      <c r="U4664">
        <v>8</v>
      </c>
      <c r="V4664">
        <v>2</v>
      </c>
      <c r="W4664">
        <v>120</v>
      </c>
      <c r="X4664">
        <v>2020</v>
      </c>
    </row>
    <row r="4665" spans="1:24" x14ac:dyDescent="0.25">
      <c r="A4665">
        <v>5965</v>
      </c>
      <c r="B4665" t="s">
        <v>226</v>
      </c>
      <c r="C4665">
        <v>1</v>
      </c>
      <c r="D4665" t="s">
        <v>522</v>
      </c>
      <c r="E4665">
        <v>4</v>
      </c>
      <c r="F4665" t="s">
        <v>651</v>
      </c>
      <c r="G4665">
        <v>160</v>
      </c>
      <c r="H4665" t="s">
        <v>658</v>
      </c>
      <c r="I4665">
        <v>13755</v>
      </c>
      <c r="J4665" t="s">
        <v>710</v>
      </c>
      <c r="K4665">
        <v>53</v>
      </c>
      <c r="L4665" t="s">
        <v>3607</v>
      </c>
      <c r="M4665">
        <v>610</v>
      </c>
      <c r="N4665" t="s">
        <v>654</v>
      </c>
      <c r="O4665">
        <v>3</v>
      </c>
      <c r="P4665" t="s">
        <v>655</v>
      </c>
      <c r="Q4665">
        <v>1</v>
      </c>
      <c r="R4665" t="s">
        <v>656</v>
      </c>
      <c r="S4665">
        <v>2</v>
      </c>
      <c r="T4665" t="s">
        <v>718</v>
      </c>
      <c r="U4665">
        <v>2</v>
      </c>
      <c r="V4665">
        <v>2</v>
      </c>
      <c r="W4665">
        <v>120</v>
      </c>
      <c r="X4665">
        <v>2020</v>
      </c>
    </row>
    <row r="4666" spans="1:24" x14ac:dyDescent="0.25">
      <c r="A4666">
        <v>5964</v>
      </c>
      <c r="B4666" t="s">
        <v>226</v>
      </c>
      <c r="C4666">
        <v>1</v>
      </c>
      <c r="D4666" t="s">
        <v>522</v>
      </c>
      <c r="E4666">
        <v>4</v>
      </c>
      <c r="F4666" t="s">
        <v>651</v>
      </c>
      <c r="G4666">
        <v>160</v>
      </c>
      <c r="H4666" t="s">
        <v>658</v>
      </c>
      <c r="I4666">
        <v>13755</v>
      </c>
      <c r="J4666" t="s">
        <v>710</v>
      </c>
      <c r="K4666">
        <v>53</v>
      </c>
      <c r="L4666" t="s">
        <v>3608</v>
      </c>
      <c r="M4666">
        <v>609</v>
      </c>
      <c r="N4666" t="s">
        <v>654</v>
      </c>
      <c r="O4666">
        <v>3</v>
      </c>
      <c r="P4666" t="s">
        <v>655</v>
      </c>
      <c r="Q4666">
        <v>1</v>
      </c>
      <c r="R4666" t="s">
        <v>656</v>
      </c>
      <c r="S4666">
        <v>2</v>
      </c>
      <c r="T4666" t="s">
        <v>661</v>
      </c>
      <c r="U4666">
        <v>8</v>
      </c>
      <c r="V4666">
        <v>2</v>
      </c>
      <c r="W4666">
        <v>120</v>
      </c>
      <c r="X4666">
        <v>2020</v>
      </c>
    </row>
    <row r="4667" spans="1:24" x14ac:dyDescent="0.25">
      <c r="A4667">
        <v>5962</v>
      </c>
      <c r="B4667" t="s">
        <v>226</v>
      </c>
      <c r="C4667">
        <v>1</v>
      </c>
      <c r="D4667" t="s">
        <v>522</v>
      </c>
      <c r="E4667">
        <v>4</v>
      </c>
      <c r="F4667" t="s">
        <v>651</v>
      </c>
      <c r="G4667">
        <v>160</v>
      </c>
      <c r="H4667" t="s">
        <v>658</v>
      </c>
      <c r="I4667">
        <v>13755</v>
      </c>
      <c r="J4667" t="s">
        <v>710</v>
      </c>
      <c r="K4667">
        <v>53</v>
      </c>
      <c r="L4667" t="s">
        <v>3609</v>
      </c>
      <c r="M4667">
        <v>607</v>
      </c>
      <c r="N4667" t="s">
        <v>654</v>
      </c>
      <c r="O4667">
        <v>3</v>
      </c>
      <c r="P4667" t="s">
        <v>655</v>
      </c>
      <c r="Q4667">
        <v>1</v>
      </c>
      <c r="R4667" t="s">
        <v>656</v>
      </c>
      <c r="S4667">
        <v>2</v>
      </c>
      <c r="T4667" t="s">
        <v>661</v>
      </c>
      <c r="U4667">
        <v>8</v>
      </c>
      <c r="V4667">
        <v>2</v>
      </c>
      <c r="W4667">
        <v>120</v>
      </c>
      <c r="X4667">
        <v>2020</v>
      </c>
    </row>
    <row r="4668" spans="1:24" x14ac:dyDescent="0.25">
      <c r="A4668">
        <v>5961</v>
      </c>
      <c r="B4668" t="s">
        <v>226</v>
      </c>
      <c r="C4668">
        <v>1</v>
      </c>
      <c r="D4668" t="s">
        <v>522</v>
      </c>
      <c r="E4668">
        <v>4</v>
      </c>
      <c r="F4668" t="s">
        <v>651</v>
      </c>
      <c r="G4668">
        <v>160</v>
      </c>
      <c r="H4668" t="s">
        <v>658</v>
      </c>
      <c r="I4668">
        <v>13755</v>
      </c>
      <c r="J4668" t="s">
        <v>710</v>
      </c>
      <c r="K4668">
        <v>53</v>
      </c>
      <c r="L4668" t="s">
        <v>3610</v>
      </c>
      <c r="M4668">
        <v>606</v>
      </c>
      <c r="N4668" t="s">
        <v>654</v>
      </c>
      <c r="O4668">
        <v>3</v>
      </c>
      <c r="P4668" t="s">
        <v>655</v>
      </c>
      <c r="Q4668">
        <v>1</v>
      </c>
      <c r="R4668" t="s">
        <v>656</v>
      </c>
      <c r="S4668">
        <v>2</v>
      </c>
      <c r="T4668" t="s">
        <v>661</v>
      </c>
      <c r="U4668">
        <v>8</v>
      </c>
      <c r="V4668">
        <v>2</v>
      </c>
      <c r="W4668">
        <v>120</v>
      </c>
      <c r="X4668">
        <v>2020</v>
      </c>
    </row>
    <row r="4669" spans="1:24" x14ac:dyDescent="0.25">
      <c r="A4669">
        <v>5960</v>
      </c>
      <c r="B4669" t="s">
        <v>226</v>
      </c>
      <c r="C4669">
        <v>1</v>
      </c>
      <c r="D4669" t="s">
        <v>522</v>
      </c>
      <c r="E4669">
        <v>4</v>
      </c>
      <c r="F4669" t="s">
        <v>651</v>
      </c>
      <c r="G4669">
        <v>160</v>
      </c>
      <c r="H4669" t="s">
        <v>658</v>
      </c>
      <c r="I4669">
        <v>13755</v>
      </c>
      <c r="J4669" t="s">
        <v>710</v>
      </c>
      <c r="K4669">
        <v>53</v>
      </c>
      <c r="L4669" t="s">
        <v>3611</v>
      </c>
      <c r="M4669">
        <v>605</v>
      </c>
      <c r="N4669" t="s">
        <v>654</v>
      </c>
      <c r="O4669">
        <v>3</v>
      </c>
      <c r="P4669" t="s">
        <v>655</v>
      </c>
      <c r="Q4669">
        <v>1</v>
      </c>
      <c r="R4669" t="s">
        <v>656</v>
      </c>
      <c r="S4669">
        <v>2</v>
      </c>
      <c r="T4669" t="s">
        <v>661</v>
      </c>
      <c r="U4669">
        <v>8</v>
      </c>
      <c r="V4669">
        <v>2</v>
      </c>
      <c r="W4669">
        <v>120</v>
      </c>
      <c r="X4669">
        <v>2020</v>
      </c>
    </row>
    <row r="4670" spans="1:24" x14ac:dyDescent="0.25">
      <c r="A4670">
        <v>5959</v>
      </c>
      <c r="B4670" t="s">
        <v>226</v>
      </c>
      <c r="C4670">
        <v>1</v>
      </c>
      <c r="D4670" t="s">
        <v>626</v>
      </c>
      <c r="E4670">
        <v>8</v>
      </c>
      <c r="F4670" t="s">
        <v>651</v>
      </c>
      <c r="G4670">
        <v>160</v>
      </c>
      <c r="H4670" t="s">
        <v>658</v>
      </c>
      <c r="I4670">
        <v>13755</v>
      </c>
      <c r="J4670" t="s">
        <v>710</v>
      </c>
      <c r="K4670">
        <v>53</v>
      </c>
      <c r="L4670" t="s">
        <v>3612</v>
      </c>
      <c r="M4670">
        <v>604</v>
      </c>
      <c r="N4670" t="s">
        <v>654</v>
      </c>
      <c r="O4670">
        <v>3</v>
      </c>
      <c r="P4670" t="s">
        <v>655</v>
      </c>
      <c r="Q4670">
        <v>1</v>
      </c>
      <c r="R4670" t="s">
        <v>656</v>
      </c>
      <c r="S4670">
        <v>2</v>
      </c>
      <c r="T4670" t="s">
        <v>661</v>
      </c>
      <c r="U4670">
        <v>8</v>
      </c>
      <c r="V4670">
        <v>2</v>
      </c>
      <c r="W4670">
        <v>120</v>
      </c>
      <c r="X4670">
        <v>2020</v>
      </c>
    </row>
    <row r="4671" spans="1:24" x14ac:dyDescent="0.25">
      <c r="A4671">
        <v>5958</v>
      </c>
      <c r="B4671" t="s">
        <v>226</v>
      </c>
      <c r="C4671">
        <v>1</v>
      </c>
      <c r="D4671" t="s">
        <v>626</v>
      </c>
      <c r="E4671">
        <v>8</v>
      </c>
      <c r="F4671" t="s">
        <v>651</v>
      </c>
      <c r="G4671">
        <v>160</v>
      </c>
      <c r="H4671" t="s">
        <v>658</v>
      </c>
      <c r="I4671">
        <v>13755</v>
      </c>
      <c r="J4671" t="s">
        <v>710</v>
      </c>
      <c r="K4671">
        <v>53</v>
      </c>
      <c r="L4671" t="s">
        <v>3613</v>
      </c>
      <c r="M4671">
        <v>603</v>
      </c>
      <c r="N4671" t="s">
        <v>654</v>
      </c>
      <c r="O4671">
        <v>3</v>
      </c>
      <c r="P4671" t="s">
        <v>655</v>
      </c>
      <c r="Q4671">
        <v>1</v>
      </c>
      <c r="R4671" t="s">
        <v>656</v>
      </c>
      <c r="S4671">
        <v>2</v>
      </c>
      <c r="T4671" t="s">
        <v>661</v>
      </c>
      <c r="U4671">
        <v>8</v>
      </c>
      <c r="V4671">
        <v>2</v>
      </c>
      <c r="W4671">
        <v>120</v>
      </c>
      <c r="X4671">
        <v>2020</v>
      </c>
    </row>
    <row r="4672" spans="1:24" x14ac:dyDescent="0.25">
      <c r="A4672">
        <v>5957</v>
      </c>
      <c r="B4672" t="s">
        <v>226</v>
      </c>
      <c r="C4672">
        <v>1</v>
      </c>
      <c r="D4672" t="s">
        <v>522</v>
      </c>
      <c r="E4672">
        <v>4</v>
      </c>
      <c r="F4672" t="s">
        <v>651</v>
      </c>
      <c r="G4672">
        <v>160</v>
      </c>
      <c r="H4672" t="s">
        <v>658</v>
      </c>
      <c r="I4672">
        <v>13755</v>
      </c>
      <c r="J4672" t="s">
        <v>710</v>
      </c>
      <c r="K4672">
        <v>53</v>
      </c>
      <c r="L4672" t="s">
        <v>3614</v>
      </c>
      <c r="M4672">
        <v>602</v>
      </c>
      <c r="N4672" t="s">
        <v>654</v>
      </c>
      <c r="O4672">
        <v>3</v>
      </c>
      <c r="P4672" t="s">
        <v>655</v>
      </c>
      <c r="Q4672">
        <v>1</v>
      </c>
      <c r="R4672" t="s">
        <v>656</v>
      </c>
      <c r="S4672">
        <v>2</v>
      </c>
      <c r="T4672" t="s">
        <v>661</v>
      </c>
      <c r="U4672">
        <v>8</v>
      </c>
      <c r="V4672">
        <v>2</v>
      </c>
      <c r="W4672">
        <v>120</v>
      </c>
      <c r="X4672">
        <v>2020</v>
      </c>
    </row>
    <row r="4673" spans="1:24" x14ac:dyDescent="0.25">
      <c r="A4673">
        <v>5956</v>
      </c>
      <c r="B4673" t="s">
        <v>226</v>
      </c>
      <c r="C4673">
        <v>1</v>
      </c>
      <c r="D4673" t="s">
        <v>522</v>
      </c>
      <c r="E4673">
        <v>4</v>
      </c>
      <c r="F4673" t="s">
        <v>651</v>
      </c>
      <c r="G4673">
        <v>160</v>
      </c>
      <c r="H4673" t="s">
        <v>658</v>
      </c>
      <c r="I4673">
        <v>13755</v>
      </c>
      <c r="J4673" t="s">
        <v>710</v>
      </c>
      <c r="K4673">
        <v>53</v>
      </c>
      <c r="L4673" t="s">
        <v>3615</v>
      </c>
      <c r="M4673">
        <v>601</v>
      </c>
      <c r="N4673" t="s">
        <v>654</v>
      </c>
      <c r="O4673">
        <v>3</v>
      </c>
      <c r="P4673" t="s">
        <v>655</v>
      </c>
      <c r="Q4673">
        <v>1</v>
      </c>
      <c r="R4673" t="s">
        <v>656</v>
      </c>
      <c r="S4673">
        <v>2</v>
      </c>
      <c r="T4673" t="s">
        <v>718</v>
      </c>
      <c r="U4673">
        <v>2</v>
      </c>
      <c r="V4673">
        <v>2</v>
      </c>
      <c r="W4673">
        <v>120</v>
      </c>
      <c r="X4673">
        <v>2020</v>
      </c>
    </row>
    <row r="4674" spans="1:24" x14ac:dyDescent="0.25">
      <c r="A4674">
        <v>5955</v>
      </c>
      <c r="B4674" t="s">
        <v>226</v>
      </c>
      <c r="C4674">
        <v>1</v>
      </c>
      <c r="D4674" t="s">
        <v>361</v>
      </c>
      <c r="E4674">
        <v>1</v>
      </c>
      <c r="F4674" t="s">
        <v>651</v>
      </c>
      <c r="G4674">
        <v>160</v>
      </c>
      <c r="H4674" t="s">
        <v>658</v>
      </c>
      <c r="I4674">
        <v>13755</v>
      </c>
      <c r="J4674" t="s">
        <v>714</v>
      </c>
      <c r="K4674">
        <v>52</v>
      </c>
      <c r="L4674" t="s">
        <v>3616</v>
      </c>
      <c r="M4674">
        <v>600</v>
      </c>
      <c r="N4674" t="s">
        <v>654</v>
      </c>
      <c r="O4674">
        <v>3</v>
      </c>
      <c r="P4674" t="s">
        <v>655</v>
      </c>
      <c r="Q4674">
        <v>1</v>
      </c>
      <c r="R4674" t="s">
        <v>656</v>
      </c>
      <c r="S4674">
        <v>2</v>
      </c>
      <c r="T4674" t="s">
        <v>661</v>
      </c>
      <c r="U4674">
        <v>8</v>
      </c>
      <c r="V4674">
        <v>2</v>
      </c>
      <c r="W4674">
        <v>120</v>
      </c>
      <c r="X4674">
        <v>2020</v>
      </c>
    </row>
    <row r="4675" spans="1:24" x14ac:dyDescent="0.25">
      <c r="A4675">
        <v>5953</v>
      </c>
      <c r="B4675" t="s">
        <v>226</v>
      </c>
      <c r="C4675">
        <v>1</v>
      </c>
      <c r="D4675" t="s">
        <v>361</v>
      </c>
      <c r="E4675">
        <v>1</v>
      </c>
      <c r="F4675" t="s">
        <v>651</v>
      </c>
      <c r="G4675">
        <v>160</v>
      </c>
      <c r="H4675" t="s">
        <v>658</v>
      </c>
      <c r="I4675">
        <v>13755</v>
      </c>
      <c r="J4675" t="s">
        <v>714</v>
      </c>
      <c r="K4675">
        <v>52</v>
      </c>
      <c r="L4675" t="s">
        <v>3617</v>
      </c>
      <c r="M4675">
        <v>598</v>
      </c>
      <c r="N4675" t="s">
        <v>654</v>
      </c>
      <c r="O4675">
        <v>3</v>
      </c>
      <c r="P4675" t="s">
        <v>655</v>
      </c>
      <c r="Q4675">
        <v>1</v>
      </c>
      <c r="R4675" t="s">
        <v>656</v>
      </c>
      <c r="S4675">
        <v>2</v>
      </c>
      <c r="T4675" t="s">
        <v>661</v>
      </c>
      <c r="U4675">
        <v>8</v>
      </c>
      <c r="V4675">
        <v>2</v>
      </c>
      <c r="W4675">
        <v>120</v>
      </c>
      <c r="X4675">
        <v>2020</v>
      </c>
    </row>
    <row r="4676" spans="1:24" x14ac:dyDescent="0.25">
      <c r="A4676">
        <v>5952</v>
      </c>
      <c r="B4676" t="s">
        <v>226</v>
      </c>
      <c r="C4676">
        <v>1</v>
      </c>
      <c r="D4676" t="s">
        <v>361</v>
      </c>
      <c r="E4676">
        <v>1</v>
      </c>
      <c r="F4676" t="s">
        <v>651</v>
      </c>
      <c r="G4676">
        <v>160</v>
      </c>
      <c r="H4676" t="s">
        <v>658</v>
      </c>
      <c r="I4676">
        <v>13755</v>
      </c>
      <c r="J4676" t="s">
        <v>714</v>
      </c>
      <c r="K4676">
        <v>52</v>
      </c>
      <c r="L4676" t="s">
        <v>3618</v>
      </c>
      <c r="M4676">
        <v>597</v>
      </c>
      <c r="N4676" t="s">
        <v>654</v>
      </c>
      <c r="O4676">
        <v>3</v>
      </c>
      <c r="P4676" t="s">
        <v>655</v>
      </c>
      <c r="Q4676">
        <v>1</v>
      </c>
      <c r="R4676" t="s">
        <v>656</v>
      </c>
      <c r="S4676">
        <v>2</v>
      </c>
      <c r="T4676" t="s">
        <v>661</v>
      </c>
      <c r="U4676">
        <v>8</v>
      </c>
      <c r="V4676">
        <v>2</v>
      </c>
      <c r="W4676">
        <v>120</v>
      </c>
      <c r="X4676">
        <v>2020</v>
      </c>
    </row>
    <row r="4677" spans="1:24" x14ac:dyDescent="0.25">
      <c r="A4677">
        <v>5951</v>
      </c>
      <c r="B4677" t="s">
        <v>226</v>
      </c>
      <c r="C4677">
        <v>1</v>
      </c>
      <c r="D4677" t="s">
        <v>361</v>
      </c>
      <c r="E4677">
        <v>1</v>
      </c>
      <c r="F4677" t="s">
        <v>651</v>
      </c>
      <c r="G4677">
        <v>160</v>
      </c>
      <c r="H4677" t="s">
        <v>658</v>
      </c>
      <c r="I4677">
        <v>13755</v>
      </c>
      <c r="J4677" t="s">
        <v>714</v>
      </c>
      <c r="K4677">
        <v>52</v>
      </c>
      <c r="L4677" t="s">
        <v>3619</v>
      </c>
      <c r="M4677">
        <v>596</v>
      </c>
      <c r="N4677" t="s">
        <v>654</v>
      </c>
      <c r="O4677">
        <v>3</v>
      </c>
      <c r="P4677" t="s">
        <v>655</v>
      </c>
      <c r="Q4677">
        <v>1</v>
      </c>
      <c r="R4677" t="s">
        <v>656</v>
      </c>
      <c r="S4677">
        <v>2</v>
      </c>
      <c r="T4677" t="s">
        <v>661</v>
      </c>
      <c r="U4677">
        <v>8</v>
      </c>
      <c r="V4677">
        <v>2</v>
      </c>
      <c r="W4677">
        <v>120</v>
      </c>
      <c r="X4677">
        <v>2020</v>
      </c>
    </row>
    <row r="4678" spans="1:24" x14ac:dyDescent="0.25">
      <c r="A4678">
        <v>5950</v>
      </c>
      <c r="B4678" t="s">
        <v>226</v>
      </c>
      <c r="C4678">
        <v>1</v>
      </c>
      <c r="D4678" t="s">
        <v>361</v>
      </c>
      <c r="E4678">
        <v>1</v>
      </c>
      <c r="F4678" t="s">
        <v>651</v>
      </c>
      <c r="G4678">
        <v>160</v>
      </c>
      <c r="H4678" t="s">
        <v>658</v>
      </c>
      <c r="I4678">
        <v>13755</v>
      </c>
      <c r="J4678" t="s">
        <v>714</v>
      </c>
      <c r="K4678">
        <v>52</v>
      </c>
      <c r="L4678" t="s">
        <v>2707</v>
      </c>
      <c r="M4678">
        <v>595</v>
      </c>
      <c r="N4678" t="s">
        <v>654</v>
      </c>
      <c r="O4678">
        <v>3</v>
      </c>
      <c r="P4678" t="s">
        <v>655</v>
      </c>
      <c r="Q4678">
        <v>1</v>
      </c>
      <c r="R4678" t="s">
        <v>656</v>
      </c>
      <c r="S4678">
        <v>2</v>
      </c>
      <c r="T4678" t="s">
        <v>661</v>
      </c>
      <c r="U4678">
        <v>8</v>
      </c>
      <c r="V4678">
        <v>2</v>
      </c>
      <c r="W4678">
        <v>120</v>
      </c>
      <c r="X4678">
        <v>2020</v>
      </c>
    </row>
    <row r="4679" spans="1:24" x14ac:dyDescent="0.25">
      <c r="A4679">
        <v>5949</v>
      </c>
      <c r="B4679" t="s">
        <v>226</v>
      </c>
      <c r="C4679">
        <v>1</v>
      </c>
      <c r="D4679" t="s">
        <v>624</v>
      </c>
      <c r="E4679">
        <v>11</v>
      </c>
      <c r="F4679" t="s">
        <v>651</v>
      </c>
      <c r="G4679">
        <v>160</v>
      </c>
      <c r="H4679" t="s">
        <v>658</v>
      </c>
      <c r="I4679">
        <v>13755</v>
      </c>
      <c r="J4679" t="s">
        <v>742</v>
      </c>
      <c r="K4679">
        <v>48</v>
      </c>
      <c r="L4679" t="s">
        <v>3620</v>
      </c>
      <c r="M4679">
        <v>594</v>
      </c>
      <c r="N4679" t="s">
        <v>654</v>
      </c>
      <c r="O4679">
        <v>3</v>
      </c>
      <c r="P4679" t="s">
        <v>655</v>
      </c>
      <c r="Q4679">
        <v>1</v>
      </c>
      <c r="R4679" t="s">
        <v>656</v>
      </c>
      <c r="S4679">
        <v>2</v>
      </c>
      <c r="T4679" t="s">
        <v>661</v>
      </c>
      <c r="U4679">
        <v>8</v>
      </c>
      <c r="V4679">
        <v>2</v>
      </c>
      <c r="W4679">
        <v>120</v>
      </c>
      <c r="X4679">
        <v>2020</v>
      </c>
    </row>
    <row r="4680" spans="1:24" x14ac:dyDescent="0.25">
      <c r="A4680">
        <v>5948</v>
      </c>
      <c r="B4680" t="s">
        <v>226</v>
      </c>
      <c r="C4680">
        <v>1</v>
      </c>
      <c r="D4680" t="s">
        <v>624</v>
      </c>
      <c r="E4680">
        <v>11</v>
      </c>
      <c r="F4680" t="s">
        <v>651</v>
      </c>
      <c r="G4680">
        <v>160</v>
      </c>
      <c r="H4680" t="s">
        <v>658</v>
      </c>
      <c r="I4680">
        <v>13755</v>
      </c>
      <c r="J4680" t="s">
        <v>742</v>
      </c>
      <c r="K4680">
        <v>48</v>
      </c>
      <c r="L4680" t="s">
        <v>3621</v>
      </c>
      <c r="M4680">
        <v>593</v>
      </c>
      <c r="N4680" t="s">
        <v>654</v>
      </c>
      <c r="O4680">
        <v>3</v>
      </c>
      <c r="P4680" t="s">
        <v>655</v>
      </c>
      <c r="Q4680">
        <v>1</v>
      </c>
      <c r="R4680" t="s">
        <v>656</v>
      </c>
      <c r="S4680">
        <v>2</v>
      </c>
      <c r="T4680" t="s">
        <v>661</v>
      </c>
      <c r="U4680">
        <v>8</v>
      </c>
      <c r="V4680">
        <v>2</v>
      </c>
      <c r="W4680">
        <v>120</v>
      </c>
      <c r="X4680">
        <v>2020</v>
      </c>
    </row>
    <row r="4681" spans="1:24" x14ac:dyDescent="0.25">
      <c r="A4681">
        <v>5947</v>
      </c>
      <c r="B4681" t="s">
        <v>226</v>
      </c>
      <c r="C4681">
        <v>1</v>
      </c>
      <c r="D4681" t="s">
        <v>624</v>
      </c>
      <c r="E4681">
        <v>11</v>
      </c>
      <c r="F4681" t="s">
        <v>651</v>
      </c>
      <c r="G4681">
        <v>160</v>
      </c>
      <c r="H4681" t="s">
        <v>658</v>
      </c>
      <c r="I4681">
        <v>13755</v>
      </c>
      <c r="J4681" t="s">
        <v>742</v>
      </c>
      <c r="K4681">
        <v>48</v>
      </c>
      <c r="L4681" t="s">
        <v>3622</v>
      </c>
      <c r="M4681">
        <v>592</v>
      </c>
      <c r="N4681" t="s">
        <v>654</v>
      </c>
      <c r="O4681">
        <v>3</v>
      </c>
      <c r="P4681" t="s">
        <v>655</v>
      </c>
      <c r="Q4681">
        <v>1</v>
      </c>
      <c r="R4681" t="s">
        <v>656</v>
      </c>
      <c r="S4681">
        <v>2</v>
      </c>
      <c r="T4681" t="s">
        <v>661</v>
      </c>
      <c r="U4681">
        <v>8</v>
      </c>
      <c r="V4681">
        <v>2</v>
      </c>
      <c r="W4681">
        <v>120</v>
      </c>
      <c r="X4681">
        <v>2020</v>
      </c>
    </row>
    <row r="4682" spans="1:24" x14ac:dyDescent="0.25">
      <c r="A4682">
        <v>5946</v>
      </c>
      <c r="B4682" t="s">
        <v>226</v>
      </c>
      <c r="C4682">
        <v>1</v>
      </c>
      <c r="D4682" t="s">
        <v>624</v>
      </c>
      <c r="E4682">
        <v>11</v>
      </c>
      <c r="F4682" t="s">
        <v>651</v>
      </c>
      <c r="G4682">
        <v>160</v>
      </c>
      <c r="H4682" t="s">
        <v>658</v>
      </c>
      <c r="I4682">
        <v>13755</v>
      </c>
      <c r="J4682" t="s">
        <v>742</v>
      </c>
      <c r="K4682">
        <v>48</v>
      </c>
      <c r="L4682" t="s">
        <v>3623</v>
      </c>
      <c r="M4682">
        <v>591</v>
      </c>
      <c r="N4682" t="s">
        <v>654</v>
      </c>
      <c r="O4682">
        <v>3</v>
      </c>
      <c r="P4682" t="s">
        <v>655</v>
      </c>
      <c r="Q4682">
        <v>1</v>
      </c>
      <c r="R4682" t="s">
        <v>656</v>
      </c>
      <c r="S4682">
        <v>2</v>
      </c>
      <c r="T4682" t="s">
        <v>661</v>
      </c>
      <c r="U4682">
        <v>8</v>
      </c>
      <c r="V4682">
        <v>2</v>
      </c>
      <c r="W4682">
        <v>120</v>
      </c>
      <c r="X4682">
        <v>2020</v>
      </c>
    </row>
    <row r="4683" spans="1:24" x14ac:dyDescent="0.25">
      <c r="A4683">
        <v>5945</v>
      </c>
      <c r="B4683" t="s">
        <v>226</v>
      </c>
      <c r="C4683">
        <v>1</v>
      </c>
      <c r="D4683" t="s">
        <v>624</v>
      </c>
      <c r="E4683">
        <v>11</v>
      </c>
      <c r="F4683" t="s">
        <v>651</v>
      </c>
      <c r="G4683">
        <v>160</v>
      </c>
      <c r="H4683" t="s">
        <v>658</v>
      </c>
      <c r="I4683">
        <v>13755</v>
      </c>
      <c r="J4683" t="s">
        <v>742</v>
      </c>
      <c r="K4683">
        <v>48</v>
      </c>
      <c r="L4683" t="s">
        <v>3624</v>
      </c>
      <c r="M4683">
        <v>590</v>
      </c>
      <c r="N4683" t="s">
        <v>654</v>
      </c>
      <c r="O4683">
        <v>3</v>
      </c>
      <c r="P4683" t="s">
        <v>655</v>
      </c>
      <c r="Q4683">
        <v>1</v>
      </c>
      <c r="R4683" t="s">
        <v>656</v>
      </c>
      <c r="S4683">
        <v>2</v>
      </c>
      <c r="T4683" t="s">
        <v>661</v>
      </c>
      <c r="U4683">
        <v>8</v>
      </c>
      <c r="V4683">
        <v>2</v>
      </c>
      <c r="W4683">
        <v>120</v>
      </c>
      <c r="X4683">
        <v>2020</v>
      </c>
    </row>
    <row r="4684" spans="1:24" x14ac:dyDescent="0.25">
      <c r="A4684">
        <v>5944</v>
      </c>
      <c r="B4684" t="s">
        <v>226</v>
      </c>
      <c r="C4684">
        <v>1</v>
      </c>
      <c r="D4684" t="s">
        <v>624</v>
      </c>
      <c r="E4684">
        <v>11</v>
      </c>
      <c r="F4684" t="s">
        <v>651</v>
      </c>
      <c r="G4684">
        <v>160</v>
      </c>
      <c r="H4684" t="s">
        <v>658</v>
      </c>
      <c r="I4684">
        <v>13755</v>
      </c>
      <c r="J4684" t="s">
        <v>742</v>
      </c>
      <c r="K4684">
        <v>48</v>
      </c>
      <c r="L4684" t="s">
        <v>3625</v>
      </c>
      <c r="M4684">
        <v>589</v>
      </c>
      <c r="N4684" t="s">
        <v>654</v>
      </c>
      <c r="O4684">
        <v>3</v>
      </c>
      <c r="P4684" t="s">
        <v>655</v>
      </c>
      <c r="Q4684">
        <v>1</v>
      </c>
      <c r="R4684" t="s">
        <v>656</v>
      </c>
      <c r="S4684">
        <v>2</v>
      </c>
      <c r="T4684" t="s">
        <v>661</v>
      </c>
      <c r="U4684">
        <v>8</v>
      </c>
      <c r="V4684">
        <v>2</v>
      </c>
      <c r="W4684">
        <v>120</v>
      </c>
      <c r="X4684">
        <v>2020</v>
      </c>
    </row>
    <row r="4685" spans="1:24" x14ac:dyDescent="0.25">
      <c r="A4685">
        <v>5942</v>
      </c>
      <c r="B4685" t="s">
        <v>226</v>
      </c>
      <c r="C4685">
        <v>1</v>
      </c>
      <c r="D4685" t="s">
        <v>624</v>
      </c>
      <c r="E4685">
        <v>11</v>
      </c>
      <c r="F4685" t="s">
        <v>651</v>
      </c>
      <c r="G4685">
        <v>160</v>
      </c>
      <c r="H4685" t="s">
        <v>658</v>
      </c>
      <c r="I4685">
        <v>13755</v>
      </c>
      <c r="J4685" t="s">
        <v>742</v>
      </c>
      <c r="K4685">
        <v>48</v>
      </c>
      <c r="L4685" t="s">
        <v>2749</v>
      </c>
      <c r="M4685">
        <v>587</v>
      </c>
      <c r="N4685" t="s">
        <v>654</v>
      </c>
      <c r="O4685">
        <v>3</v>
      </c>
      <c r="P4685" t="s">
        <v>655</v>
      </c>
      <c r="Q4685">
        <v>1</v>
      </c>
      <c r="R4685" t="s">
        <v>656</v>
      </c>
      <c r="S4685">
        <v>2</v>
      </c>
      <c r="T4685" t="s">
        <v>661</v>
      </c>
      <c r="U4685">
        <v>8</v>
      </c>
      <c r="V4685">
        <v>2</v>
      </c>
      <c r="W4685">
        <v>120</v>
      </c>
      <c r="X4685">
        <v>2020</v>
      </c>
    </row>
    <row r="4686" spans="1:24" x14ac:dyDescent="0.25">
      <c r="A4686">
        <v>5941</v>
      </c>
      <c r="B4686" t="s">
        <v>226</v>
      </c>
      <c r="C4686">
        <v>1</v>
      </c>
      <c r="D4686" t="s">
        <v>624</v>
      </c>
      <c r="E4686">
        <v>11</v>
      </c>
      <c r="F4686" t="s">
        <v>651</v>
      </c>
      <c r="G4686">
        <v>160</v>
      </c>
      <c r="H4686" t="s">
        <v>658</v>
      </c>
      <c r="I4686">
        <v>13755</v>
      </c>
      <c r="J4686" t="s">
        <v>742</v>
      </c>
      <c r="K4686">
        <v>48</v>
      </c>
      <c r="L4686" t="s">
        <v>3626</v>
      </c>
      <c r="M4686">
        <v>586</v>
      </c>
      <c r="N4686" t="s">
        <v>654</v>
      </c>
      <c r="O4686">
        <v>3</v>
      </c>
      <c r="P4686" t="s">
        <v>655</v>
      </c>
      <c r="Q4686">
        <v>1</v>
      </c>
      <c r="R4686" t="s">
        <v>656</v>
      </c>
      <c r="S4686">
        <v>2</v>
      </c>
      <c r="T4686" t="s">
        <v>661</v>
      </c>
      <c r="U4686">
        <v>8</v>
      </c>
      <c r="V4686">
        <v>2</v>
      </c>
      <c r="W4686">
        <v>120</v>
      </c>
      <c r="X4686">
        <v>2020</v>
      </c>
    </row>
    <row r="4687" spans="1:24" x14ac:dyDescent="0.25">
      <c r="A4687">
        <v>5940</v>
      </c>
      <c r="B4687" t="s">
        <v>226</v>
      </c>
      <c r="C4687">
        <v>1</v>
      </c>
      <c r="D4687" t="s">
        <v>625</v>
      </c>
      <c r="E4687">
        <v>9</v>
      </c>
      <c r="F4687" t="s">
        <v>651</v>
      </c>
      <c r="G4687">
        <v>160</v>
      </c>
      <c r="H4687" t="s">
        <v>658</v>
      </c>
      <c r="I4687">
        <v>13755</v>
      </c>
      <c r="J4687" t="s">
        <v>1514</v>
      </c>
      <c r="K4687">
        <v>47</v>
      </c>
      <c r="L4687" t="s">
        <v>3627</v>
      </c>
      <c r="M4687">
        <v>585</v>
      </c>
      <c r="N4687" t="s">
        <v>654</v>
      </c>
      <c r="O4687">
        <v>3</v>
      </c>
      <c r="P4687" t="s">
        <v>655</v>
      </c>
      <c r="Q4687">
        <v>1</v>
      </c>
      <c r="R4687" t="s">
        <v>656</v>
      </c>
      <c r="S4687">
        <v>2</v>
      </c>
      <c r="T4687" t="s">
        <v>661</v>
      </c>
      <c r="U4687">
        <v>8</v>
      </c>
      <c r="V4687">
        <v>2</v>
      </c>
      <c r="W4687">
        <v>120</v>
      </c>
      <c r="X4687">
        <v>2020</v>
      </c>
    </row>
    <row r="4688" spans="1:24" x14ac:dyDescent="0.25">
      <c r="A4688">
        <v>5939</v>
      </c>
      <c r="B4688" t="s">
        <v>226</v>
      </c>
      <c r="C4688">
        <v>1</v>
      </c>
      <c r="D4688" t="s">
        <v>625</v>
      </c>
      <c r="E4688">
        <v>9</v>
      </c>
      <c r="F4688" t="s">
        <v>651</v>
      </c>
      <c r="G4688">
        <v>160</v>
      </c>
      <c r="H4688" t="s">
        <v>658</v>
      </c>
      <c r="I4688">
        <v>13755</v>
      </c>
      <c r="J4688" t="s">
        <v>1514</v>
      </c>
      <c r="K4688">
        <v>47</v>
      </c>
      <c r="L4688" t="s">
        <v>3628</v>
      </c>
      <c r="M4688">
        <v>584</v>
      </c>
      <c r="N4688" t="s">
        <v>654</v>
      </c>
      <c r="O4688">
        <v>3</v>
      </c>
      <c r="P4688" t="s">
        <v>655</v>
      </c>
      <c r="Q4688">
        <v>1</v>
      </c>
      <c r="R4688" t="s">
        <v>656</v>
      </c>
      <c r="S4688">
        <v>2</v>
      </c>
      <c r="T4688" t="s">
        <v>661</v>
      </c>
      <c r="U4688">
        <v>8</v>
      </c>
      <c r="V4688">
        <v>2</v>
      </c>
      <c r="W4688">
        <v>120</v>
      </c>
      <c r="X4688">
        <v>2020</v>
      </c>
    </row>
    <row r="4689" spans="1:24" x14ac:dyDescent="0.25">
      <c r="A4689">
        <v>5938</v>
      </c>
      <c r="B4689" t="s">
        <v>226</v>
      </c>
      <c r="C4689">
        <v>1</v>
      </c>
      <c r="D4689" t="s">
        <v>625</v>
      </c>
      <c r="E4689">
        <v>9</v>
      </c>
      <c r="F4689" t="s">
        <v>651</v>
      </c>
      <c r="G4689">
        <v>160</v>
      </c>
      <c r="H4689" t="s">
        <v>658</v>
      </c>
      <c r="I4689">
        <v>13755</v>
      </c>
      <c r="J4689" t="s">
        <v>1514</v>
      </c>
      <c r="K4689">
        <v>47</v>
      </c>
      <c r="L4689" t="s">
        <v>3629</v>
      </c>
      <c r="M4689">
        <v>583</v>
      </c>
      <c r="N4689" t="s">
        <v>654</v>
      </c>
      <c r="O4689">
        <v>3</v>
      </c>
      <c r="P4689" t="s">
        <v>655</v>
      </c>
      <c r="Q4689">
        <v>1</v>
      </c>
      <c r="R4689" t="s">
        <v>656</v>
      </c>
      <c r="S4689">
        <v>2</v>
      </c>
      <c r="T4689" t="s">
        <v>661</v>
      </c>
      <c r="U4689">
        <v>8</v>
      </c>
      <c r="V4689">
        <v>2</v>
      </c>
      <c r="W4689">
        <v>120</v>
      </c>
      <c r="X4689">
        <v>2020</v>
      </c>
    </row>
    <row r="4690" spans="1:24" x14ac:dyDescent="0.25">
      <c r="A4690">
        <v>5937</v>
      </c>
      <c r="B4690" t="s">
        <v>226</v>
      </c>
      <c r="C4690">
        <v>1</v>
      </c>
      <c r="D4690" t="s">
        <v>625</v>
      </c>
      <c r="E4690">
        <v>9</v>
      </c>
      <c r="F4690" t="s">
        <v>651</v>
      </c>
      <c r="G4690">
        <v>160</v>
      </c>
      <c r="H4690" t="s">
        <v>658</v>
      </c>
      <c r="I4690">
        <v>13755</v>
      </c>
      <c r="J4690" t="s">
        <v>1514</v>
      </c>
      <c r="K4690">
        <v>47</v>
      </c>
      <c r="L4690" t="s">
        <v>3630</v>
      </c>
      <c r="M4690">
        <v>582</v>
      </c>
      <c r="N4690" t="s">
        <v>654</v>
      </c>
      <c r="O4690">
        <v>3</v>
      </c>
      <c r="P4690" t="s">
        <v>655</v>
      </c>
      <c r="Q4690">
        <v>1</v>
      </c>
      <c r="R4690" t="s">
        <v>656</v>
      </c>
      <c r="S4690">
        <v>2</v>
      </c>
      <c r="T4690" t="s">
        <v>661</v>
      </c>
      <c r="U4690">
        <v>8</v>
      </c>
      <c r="V4690">
        <v>2</v>
      </c>
      <c r="W4690">
        <v>120</v>
      </c>
      <c r="X4690">
        <v>2020</v>
      </c>
    </row>
    <row r="4691" spans="1:24" x14ac:dyDescent="0.25">
      <c r="A4691">
        <v>5936</v>
      </c>
      <c r="B4691" t="s">
        <v>226</v>
      </c>
      <c r="C4691">
        <v>1</v>
      </c>
      <c r="D4691" t="s">
        <v>625</v>
      </c>
      <c r="E4691">
        <v>9</v>
      </c>
      <c r="F4691" t="s">
        <v>651</v>
      </c>
      <c r="G4691">
        <v>160</v>
      </c>
      <c r="H4691" t="s">
        <v>658</v>
      </c>
      <c r="I4691">
        <v>13755</v>
      </c>
      <c r="J4691" t="s">
        <v>1514</v>
      </c>
      <c r="K4691">
        <v>47</v>
      </c>
      <c r="L4691" t="s">
        <v>3631</v>
      </c>
      <c r="M4691">
        <v>581</v>
      </c>
      <c r="N4691" t="s">
        <v>654</v>
      </c>
      <c r="O4691">
        <v>3</v>
      </c>
      <c r="P4691" t="s">
        <v>655</v>
      </c>
      <c r="Q4691">
        <v>1</v>
      </c>
      <c r="R4691" t="s">
        <v>656</v>
      </c>
      <c r="S4691">
        <v>2</v>
      </c>
      <c r="T4691" t="s">
        <v>661</v>
      </c>
      <c r="U4691">
        <v>8</v>
      </c>
      <c r="V4691">
        <v>2</v>
      </c>
      <c r="W4691">
        <v>120</v>
      </c>
      <c r="X4691">
        <v>2020</v>
      </c>
    </row>
    <row r="4692" spans="1:24" x14ac:dyDescent="0.25">
      <c r="A4692">
        <v>5935</v>
      </c>
      <c r="B4692" t="s">
        <v>226</v>
      </c>
      <c r="C4692">
        <v>1</v>
      </c>
      <c r="D4692" t="s">
        <v>625</v>
      </c>
      <c r="E4692">
        <v>9</v>
      </c>
      <c r="F4692" t="s">
        <v>651</v>
      </c>
      <c r="G4692">
        <v>160</v>
      </c>
      <c r="H4692" t="s">
        <v>658</v>
      </c>
      <c r="I4692">
        <v>13755</v>
      </c>
      <c r="J4692" t="s">
        <v>1514</v>
      </c>
      <c r="K4692">
        <v>47</v>
      </c>
      <c r="L4692" t="s">
        <v>3632</v>
      </c>
      <c r="M4692">
        <v>580</v>
      </c>
      <c r="N4692" t="s">
        <v>654</v>
      </c>
      <c r="O4692">
        <v>3</v>
      </c>
      <c r="P4692" t="s">
        <v>655</v>
      </c>
      <c r="Q4692">
        <v>1</v>
      </c>
      <c r="R4692" t="s">
        <v>656</v>
      </c>
      <c r="S4692">
        <v>2</v>
      </c>
      <c r="T4692" t="s">
        <v>718</v>
      </c>
      <c r="U4692">
        <v>2</v>
      </c>
      <c r="V4692">
        <v>2</v>
      </c>
      <c r="W4692">
        <v>120</v>
      </c>
      <c r="X4692">
        <v>2020</v>
      </c>
    </row>
    <row r="4693" spans="1:24" x14ac:dyDescent="0.25">
      <c r="A4693">
        <v>5934</v>
      </c>
      <c r="B4693" t="s">
        <v>226</v>
      </c>
      <c r="C4693">
        <v>1</v>
      </c>
      <c r="D4693" t="s">
        <v>626</v>
      </c>
      <c r="E4693">
        <v>8</v>
      </c>
      <c r="F4693" t="s">
        <v>651</v>
      </c>
      <c r="G4693">
        <v>160</v>
      </c>
      <c r="H4693" t="s">
        <v>658</v>
      </c>
      <c r="I4693">
        <v>13755</v>
      </c>
      <c r="J4693" t="s">
        <v>980</v>
      </c>
      <c r="K4693">
        <v>67</v>
      </c>
      <c r="L4693" t="s">
        <v>3633</v>
      </c>
      <c r="M4693">
        <v>579</v>
      </c>
      <c r="N4693" t="s">
        <v>654</v>
      </c>
      <c r="O4693">
        <v>3</v>
      </c>
      <c r="P4693" t="s">
        <v>655</v>
      </c>
      <c r="Q4693">
        <v>1</v>
      </c>
      <c r="R4693" t="s">
        <v>656</v>
      </c>
      <c r="S4693">
        <v>2</v>
      </c>
      <c r="T4693" t="s">
        <v>661</v>
      </c>
      <c r="U4693">
        <v>8</v>
      </c>
      <c r="V4693">
        <v>2</v>
      </c>
      <c r="W4693">
        <v>120</v>
      </c>
      <c r="X4693">
        <v>2020</v>
      </c>
    </row>
    <row r="4694" spans="1:24" x14ac:dyDescent="0.25">
      <c r="A4694">
        <v>5933</v>
      </c>
      <c r="B4694" t="s">
        <v>226</v>
      </c>
      <c r="C4694">
        <v>1</v>
      </c>
      <c r="D4694" t="s">
        <v>626</v>
      </c>
      <c r="E4694">
        <v>8</v>
      </c>
      <c r="F4694" t="s">
        <v>651</v>
      </c>
      <c r="G4694">
        <v>160</v>
      </c>
      <c r="H4694" t="s">
        <v>658</v>
      </c>
      <c r="I4694">
        <v>13755</v>
      </c>
      <c r="J4694" t="s">
        <v>980</v>
      </c>
      <c r="K4694">
        <v>67</v>
      </c>
      <c r="L4694" t="s">
        <v>3634</v>
      </c>
      <c r="M4694">
        <v>578</v>
      </c>
      <c r="N4694" t="s">
        <v>654</v>
      </c>
      <c r="O4694">
        <v>3</v>
      </c>
      <c r="P4694" t="s">
        <v>655</v>
      </c>
      <c r="Q4694">
        <v>1</v>
      </c>
      <c r="R4694" t="s">
        <v>656</v>
      </c>
      <c r="S4694">
        <v>2</v>
      </c>
      <c r="T4694" t="s">
        <v>661</v>
      </c>
      <c r="U4694">
        <v>8</v>
      </c>
      <c r="V4694">
        <v>2</v>
      </c>
      <c r="W4694">
        <v>120</v>
      </c>
      <c r="X4694">
        <v>2020</v>
      </c>
    </row>
    <row r="4695" spans="1:24" x14ac:dyDescent="0.25">
      <c r="A4695">
        <v>5932</v>
      </c>
      <c r="B4695" t="s">
        <v>226</v>
      </c>
      <c r="C4695">
        <v>1</v>
      </c>
      <c r="D4695" t="s">
        <v>626</v>
      </c>
      <c r="E4695">
        <v>8</v>
      </c>
      <c r="F4695" t="s">
        <v>651</v>
      </c>
      <c r="G4695">
        <v>160</v>
      </c>
      <c r="H4695" t="s">
        <v>658</v>
      </c>
      <c r="I4695">
        <v>13755</v>
      </c>
      <c r="J4695" t="s">
        <v>980</v>
      </c>
      <c r="K4695">
        <v>67</v>
      </c>
      <c r="L4695" t="s">
        <v>3635</v>
      </c>
      <c r="M4695">
        <v>577</v>
      </c>
      <c r="N4695" t="s">
        <v>654</v>
      </c>
      <c r="O4695">
        <v>3</v>
      </c>
      <c r="P4695" t="s">
        <v>655</v>
      </c>
      <c r="Q4695">
        <v>1</v>
      </c>
      <c r="R4695" t="s">
        <v>656</v>
      </c>
      <c r="S4695">
        <v>2</v>
      </c>
      <c r="T4695" t="s">
        <v>661</v>
      </c>
      <c r="U4695">
        <v>8</v>
      </c>
      <c r="V4695">
        <v>2</v>
      </c>
      <c r="W4695">
        <v>120</v>
      </c>
      <c r="X4695">
        <v>2020</v>
      </c>
    </row>
    <row r="4696" spans="1:24" x14ac:dyDescent="0.25">
      <c r="A4696">
        <v>5931</v>
      </c>
      <c r="B4696" t="s">
        <v>226</v>
      </c>
      <c r="C4696">
        <v>1</v>
      </c>
      <c r="D4696" t="s">
        <v>472</v>
      </c>
      <c r="E4696">
        <v>3</v>
      </c>
      <c r="F4696" t="s">
        <v>651</v>
      </c>
      <c r="G4696">
        <v>160</v>
      </c>
      <c r="H4696" t="s">
        <v>658</v>
      </c>
      <c r="I4696">
        <v>13755</v>
      </c>
      <c r="J4696" t="s">
        <v>797</v>
      </c>
      <c r="K4696">
        <v>65</v>
      </c>
      <c r="L4696" t="s">
        <v>3636</v>
      </c>
      <c r="M4696">
        <v>576</v>
      </c>
      <c r="N4696" t="s">
        <v>654</v>
      </c>
      <c r="O4696">
        <v>3</v>
      </c>
      <c r="P4696" t="s">
        <v>655</v>
      </c>
      <c r="Q4696">
        <v>1</v>
      </c>
      <c r="R4696" t="s">
        <v>656</v>
      </c>
      <c r="S4696">
        <v>2</v>
      </c>
      <c r="T4696" t="s">
        <v>718</v>
      </c>
      <c r="U4696">
        <v>2</v>
      </c>
      <c r="V4696">
        <v>2</v>
      </c>
      <c r="W4696">
        <v>120</v>
      </c>
      <c r="X4696">
        <v>2020</v>
      </c>
    </row>
    <row r="4697" spans="1:24" x14ac:dyDescent="0.25">
      <c r="A4697">
        <v>5929</v>
      </c>
      <c r="B4697" t="s">
        <v>226</v>
      </c>
      <c r="C4697">
        <v>1</v>
      </c>
      <c r="D4697" t="s">
        <v>472</v>
      </c>
      <c r="E4697">
        <v>3</v>
      </c>
      <c r="F4697" t="s">
        <v>651</v>
      </c>
      <c r="G4697">
        <v>160</v>
      </c>
      <c r="H4697" t="s">
        <v>658</v>
      </c>
      <c r="I4697">
        <v>13755</v>
      </c>
      <c r="J4697" t="s">
        <v>797</v>
      </c>
      <c r="K4697">
        <v>65</v>
      </c>
      <c r="L4697" t="s">
        <v>3637</v>
      </c>
      <c r="M4697">
        <v>574</v>
      </c>
      <c r="N4697" t="s">
        <v>654</v>
      </c>
      <c r="O4697">
        <v>3</v>
      </c>
      <c r="P4697" t="s">
        <v>655</v>
      </c>
      <c r="Q4697">
        <v>1</v>
      </c>
      <c r="R4697" t="s">
        <v>656</v>
      </c>
      <c r="S4697">
        <v>2</v>
      </c>
      <c r="T4697" t="s">
        <v>661</v>
      </c>
      <c r="U4697">
        <v>8</v>
      </c>
      <c r="V4697">
        <v>2</v>
      </c>
      <c r="W4697">
        <v>120</v>
      </c>
      <c r="X4697">
        <v>2020</v>
      </c>
    </row>
    <row r="4698" spans="1:24" x14ac:dyDescent="0.25">
      <c r="A4698">
        <v>5928</v>
      </c>
      <c r="B4698" t="s">
        <v>226</v>
      </c>
      <c r="C4698">
        <v>1</v>
      </c>
      <c r="D4698" t="s">
        <v>472</v>
      </c>
      <c r="E4698">
        <v>3</v>
      </c>
      <c r="F4698" t="s">
        <v>651</v>
      </c>
      <c r="G4698">
        <v>160</v>
      </c>
      <c r="H4698" t="s">
        <v>658</v>
      </c>
      <c r="I4698">
        <v>13755</v>
      </c>
      <c r="J4698" t="s">
        <v>797</v>
      </c>
      <c r="K4698">
        <v>65</v>
      </c>
      <c r="L4698" t="s">
        <v>3638</v>
      </c>
      <c r="M4698">
        <v>573</v>
      </c>
      <c r="N4698" t="s">
        <v>654</v>
      </c>
      <c r="O4698">
        <v>3</v>
      </c>
      <c r="P4698" t="s">
        <v>655</v>
      </c>
      <c r="Q4698">
        <v>1</v>
      </c>
      <c r="R4698" t="s">
        <v>656</v>
      </c>
      <c r="S4698">
        <v>2</v>
      </c>
      <c r="T4698" t="s">
        <v>661</v>
      </c>
      <c r="U4698">
        <v>8</v>
      </c>
      <c r="V4698">
        <v>2</v>
      </c>
      <c r="W4698">
        <v>120</v>
      </c>
      <c r="X4698">
        <v>2020</v>
      </c>
    </row>
    <row r="4699" spans="1:24" x14ac:dyDescent="0.25">
      <c r="A4699">
        <v>5927</v>
      </c>
      <c r="B4699" t="s">
        <v>226</v>
      </c>
      <c r="C4699">
        <v>1</v>
      </c>
      <c r="D4699" t="s">
        <v>472</v>
      </c>
      <c r="E4699">
        <v>3</v>
      </c>
      <c r="F4699" t="s">
        <v>651</v>
      </c>
      <c r="G4699">
        <v>160</v>
      </c>
      <c r="H4699" t="s">
        <v>658</v>
      </c>
      <c r="I4699">
        <v>13755</v>
      </c>
      <c r="J4699" t="s">
        <v>797</v>
      </c>
      <c r="K4699">
        <v>65</v>
      </c>
      <c r="L4699" t="s">
        <v>3639</v>
      </c>
      <c r="M4699">
        <v>572</v>
      </c>
      <c r="N4699" t="s">
        <v>654</v>
      </c>
      <c r="O4699">
        <v>3</v>
      </c>
      <c r="P4699" t="s">
        <v>655</v>
      </c>
      <c r="Q4699">
        <v>1</v>
      </c>
      <c r="R4699" t="s">
        <v>656</v>
      </c>
      <c r="S4699">
        <v>2</v>
      </c>
      <c r="T4699" t="s">
        <v>661</v>
      </c>
      <c r="U4699">
        <v>8</v>
      </c>
      <c r="V4699">
        <v>2</v>
      </c>
      <c r="W4699">
        <v>120</v>
      </c>
      <c r="X4699">
        <v>2020</v>
      </c>
    </row>
    <row r="4700" spans="1:24" x14ac:dyDescent="0.25">
      <c r="A4700">
        <v>5926</v>
      </c>
      <c r="B4700" t="s">
        <v>226</v>
      </c>
      <c r="C4700">
        <v>1</v>
      </c>
      <c r="D4700" t="s">
        <v>472</v>
      </c>
      <c r="E4700">
        <v>3</v>
      </c>
      <c r="F4700" t="s">
        <v>651</v>
      </c>
      <c r="G4700">
        <v>160</v>
      </c>
      <c r="H4700" t="s">
        <v>658</v>
      </c>
      <c r="I4700">
        <v>13755</v>
      </c>
      <c r="J4700" t="s">
        <v>797</v>
      </c>
      <c r="K4700">
        <v>65</v>
      </c>
      <c r="L4700" t="s">
        <v>3640</v>
      </c>
      <c r="M4700">
        <v>571</v>
      </c>
      <c r="N4700" t="s">
        <v>654</v>
      </c>
      <c r="O4700">
        <v>3</v>
      </c>
      <c r="P4700" t="s">
        <v>655</v>
      </c>
      <c r="Q4700">
        <v>1</v>
      </c>
      <c r="R4700" t="s">
        <v>656</v>
      </c>
      <c r="S4700">
        <v>2</v>
      </c>
      <c r="T4700" t="s">
        <v>661</v>
      </c>
      <c r="U4700">
        <v>8</v>
      </c>
      <c r="V4700">
        <v>2</v>
      </c>
      <c r="W4700">
        <v>120</v>
      </c>
      <c r="X4700">
        <v>2020</v>
      </c>
    </row>
    <row r="4701" spans="1:24" x14ac:dyDescent="0.25">
      <c r="A4701">
        <v>5925</v>
      </c>
      <c r="B4701" t="s">
        <v>226</v>
      </c>
      <c r="C4701">
        <v>1</v>
      </c>
      <c r="D4701" t="s">
        <v>472</v>
      </c>
      <c r="E4701">
        <v>3</v>
      </c>
      <c r="F4701" t="s">
        <v>651</v>
      </c>
      <c r="G4701">
        <v>160</v>
      </c>
      <c r="H4701" t="s">
        <v>658</v>
      </c>
      <c r="I4701">
        <v>13755</v>
      </c>
      <c r="J4701" t="s">
        <v>797</v>
      </c>
      <c r="K4701">
        <v>65</v>
      </c>
      <c r="L4701" t="s">
        <v>3641</v>
      </c>
      <c r="M4701">
        <v>570</v>
      </c>
      <c r="N4701" t="s">
        <v>654</v>
      </c>
      <c r="O4701">
        <v>3</v>
      </c>
      <c r="P4701" t="s">
        <v>655</v>
      </c>
      <c r="Q4701">
        <v>1</v>
      </c>
      <c r="R4701" t="s">
        <v>656</v>
      </c>
      <c r="S4701">
        <v>2</v>
      </c>
      <c r="T4701" t="s">
        <v>661</v>
      </c>
      <c r="U4701">
        <v>8</v>
      </c>
      <c r="V4701">
        <v>2</v>
      </c>
      <c r="W4701">
        <v>120</v>
      </c>
      <c r="X4701">
        <v>2020</v>
      </c>
    </row>
    <row r="4702" spans="1:24" x14ac:dyDescent="0.25">
      <c r="A4702">
        <v>5924</v>
      </c>
      <c r="B4702" t="s">
        <v>226</v>
      </c>
      <c r="C4702">
        <v>1</v>
      </c>
      <c r="D4702" t="s">
        <v>472</v>
      </c>
      <c r="E4702">
        <v>3</v>
      </c>
      <c r="F4702" t="s">
        <v>651</v>
      </c>
      <c r="G4702">
        <v>160</v>
      </c>
      <c r="H4702" t="s">
        <v>658</v>
      </c>
      <c r="I4702">
        <v>13755</v>
      </c>
      <c r="J4702" t="s">
        <v>797</v>
      </c>
      <c r="K4702">
        <v>65</v>
      </c>
      <c r="L4702" t="s">
        <v>3642</v>
      </c>
      <c r="M4702">
        <v>569</v>
      </c>
      <c r="N4702" t="s">
        <v>654</v>
      </c>
      <c r="O4702">
        <v>3</v>
      </c>
      <c r="P4702" t="s">
        <v>655</v>
      </c>
      <c r="Q4702">
        <v>1</v>
      </c>
      <c r="R4702" t="s">
        <v>656</v>
      </c>
      <c r="S4702">
        <v>2</v>
      </c>
      <c r="T4702" t="s">
        <v>661</v>
      </c>
      <c r="U4702">
        <v>8</v>
      </c>
      <c r="V4702">
        <v>2</v>
      </c>
      <c r="W4702">
        <v>120</v>
      </c>
      <c r="X4702">
        <v>2020</v>
      </c>
    </row>
    <row r="4703" spans="1:24" x14ac:dyDescent="0.25">
      <c r="A4703">
        <v>5923</v>
      </c>
      <c r="B4703" t="s">
        <v>226</v>
      </c>
      <c r="C4703">
        <v>1</v>
      </c>
      <c r="D4703" t="s">
        <v>472</v>
      </c>
      <c r="E4703">
        <v>3</v>
      </c>
      <c r="F4703" t="s">
        <v>651</v>
      </c>
      <c r="G4703">
        <v>160</v>
      </c>
      <c r="H4703" t="s">
        <v>658</v>
      </c>
      <c r="I4703">
        <v>13755</v>
      </c>
      <c r="J4703" t="s">
        <v>797</v>
      </c>
      <c r="K4703">
        <v>65</v>
      </c>
      <c r="L4703" t="s">
        <v>3643</v>
      </c>
      <c r="M4703">
        <v>568</v>
      </c>
      <c r="N4703" t="s">
        <v>654</v>
      </c>
      <c r="O4703">
        <v>3</v>
      </c>
      <c r="P4703" t="s">
        <v>655</v>
      </c>
      <c r="Q4703">
        <v>1</v>
      </c>
      <c r="R4703" t="s">
        <v>656</v>
      </c>
      <c r="S4703">
        <v>2</v>
      </c>
      <c r="T4703" t="s">
        <v>661</v>
      </c>
      <c r="U4703">
        <v>8</v>
      </c>
      <c r="V4703">
        <v>2</v>
      </c>
      <c r="W4703">
        <v>120</v>
      </c>
      <c r="X4703">
        <v>2020</v>
      </c>
    </row>
    <row r="4704" spans="1:24" x14ac:dyDescent="0.25">
      <c r="A4704">
        <v>5922</v>
      </c>
      <c r="B4704" t="s">
        <v>226</v>
      </c>
      <c r="C4704">
        <v>1</v>
      </c>
      <c r="D4704" t="s">
        <v>472</v>
      </c>
      <c r="E4704">
        <v>3</v>
      </c>
      <c r="F4704" t="s">
        <v>651</v>
      </c>
      <c r="G4704">
        <v>160</v>
      </c>
      <c r="H4704" t="s">
        <v>658</v>
      </c>
      <c r="I4704">
        <v>13755</v>
      </c>
      <c r="J4704" t="s">
        <v>797</v>
      </c>
      <c r="K4704">
        <v>65</v>
      </c>
      <c r="L4704" t="s">
        <v>3644</v>
      </c>
      <c r="M4704">
        <v>567</v>
      </c>
      <c r="N4704" t="s">
        <v>654</v>
      </c>
      <c r="O4704">
        <v>3</v>
      </c>
      <c r="P4704" t="s">
        <v>655</v>
      </c>
      <c r="Q4704">
        <v>1</v>
      </c>
      <c r="R4704" t="s">
        <v>656</v>
      </c>
      <c r="S4704">
        <v>2</v>
      </c>
      <c r="T4704" t="s">
        <v>661</v>
      </c>
      <c r="U4704">
        <v>8</v>
      </c>
      <c r="V4704">
        <v>2</v>
      </c>
      <c r="W4704">
        <v>120</v>
      </c>
      <c r="X4704">
        <v>2020</v>
      </c>
    </row>
    <row r="4705" spans="1:24" x14ac:dyDescent="0.25">
      <c r="A4705">
        <v>5921</v>
      </c>
      <c r="B4705" t="s">
        <v>226</v>
      </c>
      <c r="C4705">
        <v>1</v>
      </c>
      <c r="D4705" t="s">
        <v>627</v>
      </c>
      <c r="E4705">
        <v>7</v>
      </c>
      <c r="F4705" t="s">
        <v>651</v>
      </c>
      <c r="G4705">
        <v>160</v>
      </c>
      <c r="H4705" t="s">
        <v>658</v>
      </c>
      <c r="I4705">
        <v>13755</v>
      </c>
      <c r="J4705" t="s">
        <v>880</v>
      </c>
      <c r="K4705">
        <v>58</v>
      </c>
      <c r="L4705" t="s">
        <v>881</v>
      </c>
      <c r="M4705">
        <v>566</v>
      </c>
      <c r="N4705" t="s">
        <v>654</v>
      </c>
      <c r="O4705">
        <v>3</v>
      </c>
      <c r="P4705" t="s">
        <v>655</v>
      </c>
      <c r="Q4705">
        <v>1</v>
      </c>
      <c r="R4705" t="s">
        <v>656</v>
      </c>
      <c r="S4705">
        <v>2</v>
      </c>
      <c r="T4705" t="s">
        <v>661</v>
      </c>
      <c r="U4705">
        <v>8</v>
      </c>
      <c r="V4705">
        <v>2</v>
      </c>
      <c r="W4705">
        <v>120</v>
      </c>
      <c r="X4705">
        <v>2020</v>
      </c>
    </row>
    <row r="4706" spans="1:24" x14ac:dyDescent="0.25">
      <c r="A4706">
        <v>5920</v>
      </c>
      <c r="B4706" t="s">
        <v>226</v>
      </c>
      <c r="C4706">
        <v>1</v>
      </c>
      <c r="D4706" t="s">
        <v>627</v>
      </c>
      <c r="E4706">
        <v>7</v>
      </c>
      <c r="F4706" t="s">
        <v>651</v>
      </c>
      <c r="G4706">
        <v>160</v>
      </c>
      <c r="H4706" t="s">
        <v>658</v>
      </c>
      <c r="I4706">
        <v>13755</v>
      </c>
      <c r="J4706" t="s">
        <v>880</v>
      </c>
      <c r="K4706">
        <v>58</v>
      </c>
      <c r="L4706" t="s">
        <v>3645</v>
      </c>
      <c r="M4706">
        <v>565</v>
      </c>
      <c r="N4706" t="s">
        <v>654</v>
      </c>
      <c r="O4706">
        <v>3</v>
      </c>
      <c r="P4706" t="s">
        <v>655</v>
      </c>
      <c r="Q4706">
        <v>1</v>
      </c>
      <c r="R4706" t="s">
        <v>656</v>
      </c>
      <c r="S4706">
        <v>2</v>
      </c>
      <c r="T4706" t="s">
        <v>661</v>
      </c>
      <c r="U4706">
        <v>8</v>
      </c>
      <c r="V4706">
        <v>2</v>
      </c>
      <c r="W4706">
        <v>120</v>
      </c>
      <c r="X4706">
        <v>2020</v>
      </c>
    </row>
    <row r="4707" spans="1:24" x14ac:dyDescent="0.25">
      <c r="A4707">
        <v>5919</v>
      </c>
      <c r="B4707" t="s">
        <v>226</v>
      </c>
      <c r="C4707">
        <v>1</v>
      </c>
      <c r="D4707" t="s">
        <v>519</v>
      </c>
      <c r="E4707">
        <v>10</v>
      </c>
      <c r="F4707" t="s">
        <v>651</v>
      </c>
      <c r="G4707">
        <v>160</v>
      </c>
      <c r="H4707" t="s">
        <v>658</v>
      </c>
      <c r="I4707">
        <v>13755</v>
      </c>
      <c r="J4707" t="s">
        <v>848</v>
      </c>
      <c r="K4707">
        <v>62</v>
      </c>
      <c r="L4707" t="s">
        <v>3646</v>
      </c>
      <c r="M4707">
        <v>564</v>
      </c>
      <c r="N4707" t="s">
        <v>654</v>
      </c>
      <c r="O4707">
        <v>3</v>
      </c>
      <c r="P4707" t="s">
        <v>655</v>
      </c>
      <c r="Q4707">
        <v>1</v>
      </c>
      <c r="R4707" t="s">
        <v>656</v>
      </c>
      <c r="S4707">
        <v>2</v>
      </c>
      <c r="T4707" t="s">
        <v>661</v>
      </c>
      <c r="U4707">
        <v>8</v>
      </c>
      <c r="V4707">
        <v>2</v>
      </c>
      <c r="W4707">
        <v>120</v>
      </c>
      <c r="X4707">
        <v>2020</v>
      </c>
    </row>
    <row r="4708" spans="1:24" x14ac:dyDescent="0.25">
      <c r="A4708">
        <v>5918</v>
      </c>
      <c r="B4708" t="s">
        <v>226</v>
      </c>
      <c r="C4708">
        <v>1</v>
      </c>
      <c r="D4708" t="s">
        <v>626</v>
      </c>
      <c r="E4708">
        <v>8</v>
      </c>
      <c r="F4708" t="s">
        <v>651</v>
      </c>
      <c r="G4708">
        <v>160</v>
      </c>
      <c r="H4708" t="s">
        <v>658</v>
      </c>
      <c r="I4708">
        <v>13755</v>
      </c>
      <c r="J4708" t="s">
        <v>848</v>
      </c>
      <c r="K4708">
        <v>62</v>
      </c>
      <c r="L4708" t="s">
        <v>3647</v>
      </c>
      <c r="M4708">
        <v>563</v>
      </c>
      <c r="N4708" t="s">
        <v>654</v>
      </c>
      <c r="O4708">
        <v>3</v>
      </c>
      <c r="P4708" t="s">
        <v>655</v>
      </c>
      <c r="Q4708">
        <v>1</v>
      </c>
      <c r="R4708" t="s">
        <v>656</v>
      </c>
      <c r="S4708">
        <v>2</v>
      </c>
      <c r="T4708" t="s">
        <v>661</v>
      </c>
      <c r="U4708">
        <v>8</v>
      </c>
      <c r="V4708">
        <v>2</v>
      </c>
      <c r="W4708">
        <v>120</v>
      </c>
      <c r="X4708">
        <v>2020</v>
      </c>
    </row>
    <row r="4709" spans="1:24" x14ac:dyDescent="0.25">
      <c r="A4709">
        <v>5917</v>
      </c>
      <c r="B4709" t="s">
        <v>226</v>
      </c>
      <c r="C4709">
        <v>1</v>
      </c>
      <c r="D4709" t="s">
        <v>627</v>
      </c>
      <c r="E4709">
        <v>7</v>
      </c>
      <c r="F4709" t="s">
        <v>651</v>
      </c>
      <c r="G4709">
        <v>160</v>
      </c>
      <c r="H4709" t="s">
        <v>658</v>
      </c>
      <c r="I4709">
        <v>13755</v>
      </c>
      <c r="J4709" t="s">
        <v>848</v>
      </c>
      <c r="K4709">
        <v>62</v>
      </c>
      <c r="L4709" t="s">
        <v>3648</v>
      </c>
      <c r="M4709">
        <v>562</v>
      </c>
      <c r="N4709" t="s">
        <v>654</v>
      </c>
      <c r="O4709">
        <v>3</v>
      </c>
      <c r="P4709" t="s">
        <v>655</v>
      </c>
      <c r="Q4709">
        <v>1</v>
      </c>
      <c r="R4709" t="s">
        <v>656</v>
      </c>
      <c r="S4709">
        <v>2</v>
      </c>
      <c r="T4709" t="s">
        <v>661</v>
      </c>
      <c r="U4709">
        <v>8</v>
      </c>
      <c r="V4709">
        <v>2</v>
      </c>
      <c r="W4709">
        <v>120</v>
      </c>
      <c r="X4709">
        <v>2020</v>
      </c>
    </row>
    <row r="4710" spans="1:24" x14ac:dyDescent="0.25">
      <c r="A4710">
        <v>5916</v>
      </c>
      <c r="B4710" t="s">
        <v>226</v>
      </c>
      <c r="C4710">
        <v>1</v>
      </c>
      <c r="D4710" t="s">
        <v>627</v>
      </c>
      <c r="E4710">
        <v>7</v>
      </c>
      <c r="F4710" t="s">
        <v>651</v>
      </c>
      <c r="G4710">
        <v>160</v>
      </c>
      <c r="H4710" t="s">
        <v>658</v>
      </c>
      <c r="I4710">
        <v>13755</v>
      </c>
      <c r="J4710" t="s">
        <v>848</v>
      </c>
      <c r="K4710">
        <v>62</v>
      </c>
      <c r="L4710" t="s">
        <v>3649</v>
      </c>
      <c r="M4710">
        <v>561</v>
      </c>
      <c r="N4710" t="s">
        <v>654</v>
      </c>
      <c r="O4710">
        <v>3</v>
      </c>
      <c r="P4710" t="s">
        <v>655</v>
      </c>
      <c r="Q4710">
        <v>1</v>
      </c>
      <c r="R4710" t="s">
        <v>656</v>
      </c>
      <c r="S4710">
        <v>2</v>
      </c>
      <c r="T4710" t="s">
        <v>661</v>
      </c>
      <c r="U4710">
        <v>8</v>
      </c>
      <c r="V4710">
        <v>2</v>
      </c>
      <c r="W4710">
        <v>120</v>
      </c>
      <c r="X4710">
        <v>2020</v>
      </c>
    </row>
    <row r="4711" spans="1:24" x14ac:dyDescent="0.25">
      <c r="A4711">
        <v>5915</v>
      </c>
      <c r="B4711" t="s">
        <v>226</v>
      </c>
      <c r="C4711">
        <v>1</v>
      </c>
      <c r="D4711" t="s">
        <v>630</v>
      </c>
      <c r="E4711">
        <v>2</v>
      </c>
      <c r="F4711" t="s">
        <v>651</v>
      </c>
      <c r="G4711">
        <v>160</v>
      </c>
      <c r="H4711" t="s">
        <v>658</v>
      </c>
      <c r="I4711">
        <v>13755</v>
      </c>
      <c r="J4711" t="s">
        <v>848</v>
      </c>
      <c r="K4711">
        <v>62</v>
      </c>
      <c r="L4711" t="s">
        <v>3650</v>
      </c>
      <c r="M4711">
        <v>560</v>
      </c>
      <c r="N4711" t="s">
        <v>654</v>
      </c>
      <c r="O4711">
        <v>3</v>
      </c>
      <c r="P4711" t="s">
        <v>655</v>
      </c>
      <c r="Q4711">
        <v>1</v>
      </c>
      <c r="R4711" t="s">
        <v>656</v>
      </c>
      <c r="S4711">
        <v>2</v>
      </c>
      <c r="T4711" t="s">
        <v>661</v>
      </c>
      <c r="U4711">
        <v>8</v>
      </c>
      <c r="V4711">
        <v>2</v>
      </c>
      <c r="W4711">
        <v>120</v>
      </c>
      <c r="X4711">
        <v>2020</v>
      </c>
    </row>
    <row r="4712" spans="1:24" x14ac:dyDescent="0.25">
      <c r="A4712">
        <v>5913</v>
      </c>
      <c r="B4712" t="s">
        <v>226</v>
      </c>
      <c r="C4712">
        <v>1</v>
      </c>
      <c r="D4712" t="s">
        <v>624</v>
      </c>
      <c r="E4712">
        <v>11</v>
      </c>
      <c r="F4712" t="s">
        <v>651</v>
      </c>
      <c r="G4712">
        <v>160</v>
      </c>
      <c r="H4712" t="s">
        <v>658</v>
      </c>
      <c r="I4712">
        <v>13755</v>
      </c>
      <c r="J4712" t="s">
        <v>848</v>
      </c>
      <c r="K4712">
        <v>62</v>
      </c>
      <c r="L4712" t="s">
        <v>3651</v>
      </c>
      <c r="M4712">
        <v>558</v>
      </c>
      <c r="N4712" t="s">
        <v>654</v>
      </c>
      <c r="O4712">
        <v>3</v>
      </c>
      <c r="P4712" t="s">
        <v>655</v>
      </c>
      <c r="Q4712">
        <v>1</v>
      </c>
      <c r="R4712" t="s">
        <v>656</v>
      </c>
      <c r="S4712">
        <v>2</v>
      </c>
      <c r="T4712" t="s">
        <v>661</v>
      </c>
      <c r="U4712">
        <v>8</v>
      </c>
      <c r="V4712">
        <v>2</v>
      </c>
      <c r="W4712">
        <v>120</v>
      </c>
      <c r="X4712">
        <v>2020</v>
      </c>
    </row>
    <row r="4713" spans="1:24" x14ac:dyDescent="0.25">
      <c r="A4713">
        <v>5912</v>
      </c>
      <c r="B4713" t="s">
        <v>226</v>
      </c>
      <c r="C4713">
        <v>1</v>
      </c>
      <c r="D4713" t="s">
        <v>624</v>
      </c>
      <c r="E4713">
        <v>11</v>
      </c>
      <c r="F4713" t="s">
        <v>651</v>
      </c>
      <c r="G4713">
        <v>160</v>
      </c>
      <c r="H4713" t="s">
        <v>658</v>
      </c>
      <c r="I4713">
        <v>13755</v>
      </c>
      <c r="J4713" t="s">
        <v>848</v>
      </c>
      <c r="K4713">
        <v>62</v>
      </c>
      <c r="L4713" t="s">
        <v>848</v>
      </c>
      <c r="M4713">
        <v>557</v>
      </c>
      <c r="N4713" t="s">
        <v>654</v>
      </c>
      <c r="O4713">
        <v>3</v>
      </c>
      <c r="P4713" t="s">
        <v>655</v>
      </c>
      <c r="Q4713">
        <v>1</v>
      </c>
      <c r="R4713" t="s">
        <v>656</v>
      </c>
      <c r="S4713">
        <v>2</v>
      </c>
      <c r="T4713" t="s">
        <v>661</v>
      </c>
      <c r="U4713">
        <v>8</v>
      </c>
      <c r="V4713">
        <v>2</v>
      </c>
      <c r="W4713">
        <v>120</v>
      </c>
      <c r="X4713">
        <v>2020</v>
      </c>
    </row>
    <row r="4714" spans="1:24" x14ac:dyDescent="0.25">
      <c r="A4714">
        <v>5911</v>
      </c>
      <c r="B4714" t="s">
        <v>226</v>
      </c>
      <c r="C4714">
        <v>1</v>
      </c>
      <c r="D4714" t="s">
        <v>519</v>
      </c>
      <c r="E4714">
        <v>10</v>
      </c>
      <c r="F4714" t="s">
        <v>651</v>
      </c>
      <c r="G4714">
        <v>160</v>
      </c>
      <c r="H4714" t="s">
        <v>658</v>
      </c>
      <c r="I4714">
        <v>13755</v>
      </c>
      <c r="J4714" t="s">
        <v>1236</v>
      </c>
      <c r="K4714">
        <v>60</v>
      </c>
      <c r="L4714" t="s">
        <v>3652</v>
      </c>
      <c r="M4714">
        <v>556</v>
      </c>
      <c r="N4714" t="s">
        <v>654</v>
      </c>
      <c r="O4714">
        <v>3</v>
      </c>
      <c r="P4714" t="s">
        <v>655</v>
      </c>
      <c r="Q4714">
        <v>1</v>
      </c>
      <c r="R4714" t="s">
        <v>656</v>
      </c>
      <c r="S4714">
        <v>2</v>
      </c>
      <c r="T4714" t="s">
        <v>661</v>
      </c>
      <c r="U4714">
        <v>8</v>
      </c>
      <c r="V4714">
        <v>2</v>
      </c>
      <c r="W4714">
        <v>120</v>
      </c>
      <c r="X4714">
        <v>2020</v>
      </c>
    </row>
    <row r="4715" spans="1:24" x14ac:dyDescent="0.25">
      <c r="A4715">
        <v>5909</v>
      </c>
      <c r="B4715" t="s">
        <v>226</v>
      </c>
      <c r="C4715">
        <v>1</v>
      </c>
      <c r="D4715" t="s">
        <v>519</v>
      </c>
      <c r="E4715">
        <v>10</v>
      </c>
      <c r="F4715" t="s">
        <v>651</v>
      </c>
      <c r="G4715">
        <v>160</v>
      </c>
      <c r="H4715" t="s">
        <v>658</v>
      </c>
      <c r="I4715">
        <v>13755</v>
      </c>
      <c r="J4715" t="s">
        <v>1236</v>
      </c>
      <c r="K4715">
        <v>60</v>
      </c>
      <c r="L4715" t="s">
        <v>3653</v>
      </c>
      <c r="M4715">
        <v>554</v>
      </c>
      <c r="N4715" t="s">
        <v>654</v>
      </c>
      <c r="O4715">
        <v>3</v>
      </c>
      <c r="P4715" t="s">
        <v>655</v>
      </c>
      <c r="Q4715">
        <v>1</v>
      </c>
      <c r="R4715" t="s">
        <v>656</v>
      </c>
      <c r="S4715">
        <v>2</v>
      </c>
      <c r="T4715" t="s">
        <v>661</v>
      </c>
      <c r="U4715">
        <v>8</v>
      </c>
      <c r="V4715">
        <v>2</v>
      </c>
      <c r="W4715">
        <v>120</v>
      </c>
      <c r="X4715">
        <v>2020</v>
      </c>
    </row>
    <row r="4716" spans="1:24" x14ac:dyDescent="0.25">
      <c r="A4716">
        <v>5908</v>
      </c>
      <c r="B4716" t="s">
        <v>226</v>
      </c>
      <c r="C4716">
        <v>1</v>
      </c>
      <c r="D4716" t="s">
        <v>519</v>
      </c>
      <c r="E4716">
        <v>10</v>
      </c>
      <c r="F4716" t="s">
        <v>651</v>
      </c>
      <c r="G4716">
        <v>160</v>
      </c>
      <c r="H4716" t="s">
        <v>658</v>
      </c>
      <c r="I4716">
        <v>13755</v>
      </c>
      <c r="J4716" t="s">
        <v>1236</v>
      </c>
      <c r="K4716">
        <v>60</v>
      </c>
      <c r="L4716" t="s">
        <v>3654</v>
      </c>
      <c r="M4716">
        <v>553</v>
      </c>
      <c r="N4716" t="s">
        <v>654</v>
      </c>
      <c r="O4716">
        <v>3</v>
      </c>
      <c r="P4716" t="s">
        <v>655</v>
      </c>
      <c r="Q4716">
        <v>1</v>
      </c>
      <c r="R4716" t="s">
        <v>656</v>
      </c>
      <c r="S4716">
        <v>2</v>
      </c>
      <c r="T4716" t="s">
        <v>661</v>
      </c>
      <c r="U4716">
        <v>8</v>
      </c>
      <c r="V4716">
        <v>2</v>
      </c>
      <c r="W4716">
        <v>120</v>
      </c>
      <c r="X4716">
        <v>2020</v>
      </c>
    </row>
    <row r="4717" spans="1:24" x14ac:dyDescent="0.25">
      <c r="A4717">
        <v>5907</v>
      </c>
      <c r="B4717" t="s">
        <v>226</v>
      </c>
      <c r="C4717">
        <v>1</v>
      </c>
      <c r="D4717" t="s">
        <v>519</v>
      </c>
      <c r="E4717">
        <v>10</v>
      </c>
      <c r="F4717" t="s">
        <v>651</v>
      </c>
      <c r="G4717">
        <v>160</v>
      </c>
      <c r="H4717" t="s">
        <v>658</v>
      </c>
      <c r="I4717">
        <v>13755</v>
      </c>
      <c r="J4717" t="s">
        <v>1236</v>
      </c>
      <c r="K4717">
        <v>60</v>
      </c>
      <c r="L4717" t="s">
        <v>3655</v>
      </c>
      <c r="M4717">
        <v>552</v>
      </c>
      <c r="N4717" t="s">
        <v>654</v>
      </c>
      <c r="O4717">
        <v>3</v>
      </c>
      <c r="P4717" t="s">
        <v>655</v>
      </c>
      <c r="Q4717">
        <v>1</v>
      </c>
      <c r="R4717" t="s">
        <v>656</v>
      </c>
      <c r="S4717">
        <v>2</v>
      </c>
      <c r="T4717" t="s">
        <v>661</v>
      </c>
      <c r="U4717">
        <v>8</v>
      </c>
      <c r="V4717">
        <v>2</v>
      </c>
      <c r="W4717">
        <v>120</v>
      </c>
      <c r="X4717">
        <v>2020</v>
      </c>
    </row>
    <row r="4718" spans="1:24" x14ac:dyDescent="0.25">
      <c r="A4718">
        <v>5906</v>
      </c>
      <c r="B4718" t="s">
        <v>226</v>
      </c>
      <c r="C4718">
        <v>1</v>
      </c>
      <c r="D4718" t="s">
        <v>622</v>
      </c>
      <c r="E4718">
        <v>14</v>
      </c>
      <c r="F4718" t="s">
        <v>651</v>
      </c>
      <c r="G4718">
        <v>160</v>
      </c>
      <c r="H4718" t="s">
        <v>658</v>
      </c>
      <c r="I4718">
        <v>13755</v>
      </c>
      <c r="J4718" t="s">
        <v>1236</v>
      </c>
      <c r="K4718">
        <v>60</v>
      </c>
      <c r="L4718" t="s">
        <v>3656</v>
      </c>
      <c r="M4718">
        <v>551</v>
      </c>
      <c r="N4718" t="s">
        <v>654</v>
      </c>
      <c r="O4718">
        <v>3</v>
      </c>
      <c r="P4718" t="s">
        <v>655</v>
      </c>
      <c r="Q4718">
        <v>1</v>
      </c>
      <c r="R4718" t="s">
        <v>656</v>
      </c>
      <c r="S4718">
        <v>2</v>
      </c>
      <c r="T4718" t="s">
        <v>661</v>
      </c>
      <c r="U4718">
        <v>8</v>
      </c>
      <c r="V4718">
        <v>2</v>
      </c>
      <c r="W4718">
        <v>120</v>
      </c>
      <c r="X4718">
        <v>2020</v>
      </c>
    </row>
    <row r="4719" spans="1:24" x14ac:dyDescent="0.25">
      <c r="A4719">
        <v>5905</v>
      </c>
      <c r="B4719" t="s">
        <v>226</v>
      </c>
      <c r="C4719">
        <v>1</v>
      </c>
      <c r="D4719" t="s">
        <v>626</v>
      </c>
      <c r="E4719">
        <v>8</v>
      </c>
      <c r="F4719" t="s">
        <v>651</v>
      </c>
      <c r="G4719">
        <v>160</v>
      </c>
      <c r="H4719" t="s">
        <v>658</v>
      </c>
      <c r="I4719">
        <v>13755</v>
      </c>
      <c r="J4719" t="s">
        <v>707</v>
      </c>
      <c r="K4719">
        <v>59</v>
      </c>
      <c r="L4719" t="s">
        <v>3657</v>
      </c>
      <c r="M4719">
        <v>550</v>
      </c>
      <c r="N4719" t="s">
        <v>654</v>
      </c>
      <c r="O4719">
        <v>3</v>
      </c>
      <c r="P4719" t="s">
        <v>655</v>
      </c>
      <c r="Q4719">
        <v>1</v>
      </c>
      <c r="R4719" t="s">
        <v>656</v>
      </c>
      <c r="S4719">
        <v>2</v>
      </c>
      <c r="T4719" t="s">
        <v>661</v>
      </c>
      <c r="U4719">
        <v>8</v>
      </c>
      <c r="V4719">
        <v>2</v>
      </c>
      <c r="W4719">
        <v>120</v>
      </c>
      <c r="X4719">
        <v>2020</v>
      </c>
    </row>
    <row r="4720" spans="1:24" x14ac:dyDescent="0.25">
      <c r="A4720">
        <v>5904</v>
      </c>
      <c r="B4720" t="s">
        <v>226</v>
      </c>
      <c r="C4720">
        <v>1</v>
      </c>
      <c r="D4720" t="s">
        <v>626</v>
      </c>
      <c r="E4720">
        <v>8</v>
      </c>
      <c r="F4720" t="s">
        <v>651</v>
      </c>
      <c r="G4720">
        <v>160</v>
      </c>
      <c r="H4720" t="s">
        <v>658</v>
      </c>
      <c r="I4720">
        <v>13755</v>
      </c>
      <c r="J4720" t="s">
        <v>707</v>
      </c>
      <c r="K4720">
        <v>59</v>
      </c>
      <c r="L4720" t="s">
        <v>3658</v>
      </c>
      <c r="M4720">
        <v>549</v>
      </c>
      <c r="N4720" t="s">
        <v>654</v>
      </c>
      <c r="O4720">
        <v>3</v>
      </c>
      <c r="P4720" t="s">
        <v>655</v>
      </c>
      <c r="Q4720">
        <v>1</v>
      </c>
      <c r="R4720" t="s">
        <v>656</v>
      </c>
      <c r="S4720">
        <v>2</v>
      </c>
      <c r="T4720" t="s">
        <v>661</v>
      </c>
      <c r="U4720">
        <v>8</v>
      </c>
      <c r="V4720">
        <v>2</v>
      </c>
      <c r="W4720">
        <v>120</v>
      </c>
      <c r="X4720">
        <v>2020</v>
      </c>
    </row>
    <row r="4721" spans="1:24" x14ac:dyDescent="0.25">
      <c r="A4721">
        <v>5903</v>
      </c>
      <c r="B4721" t="s">
        <v>226</v>
      </c>
      <c r="C4721">
        <v>1</v>
      </c>
      <c r="D4721" t="s">
        <v>626</v>
      </c>
      <c r="E4721">
        <v>8</v>
      </c>
      <c r="F4721" t="s">
        <v>651</v>
      </c>
      <c r="G4721">
        <v>160</v>
      </c>
      <c r="H4721" t="s">
        <v>658</v>
      </c>
      <c r="I4721">
        <v>13755</v>
      </c>
      <c r="J4721" t="s">
        <v>707</v>
      </c>
      <c r="K4721">
        <v>59</v>
      </c>
      <c r="L4721" t="s">
        <v>3659</v>
      </c>
      <c r="M4721">
        <v>548</v>
      </c>
      <c r="N4721" t="s">
        <v>654</v>
      </c>
      <c r="O4721">
        <v>3</v>
      </c>
      <c r="P4721" t="s">
        <v>655</v>
      </c>
      <c r="Q4721">
        <v>1</v>
      </c>
      <c r="R4721" t="s">
        <v>656</v>
      </c>
      <c r="S4721">
        <v>2</v>
      </c>
      <c r="T4721" t="s">
        <v>661</v>
      </c>
      <c r="U4721">
        <v>8</v>
      </c>
      <c r="V4721">
        <v>2</v>
      </c>
      <c r="W4721">
        <v>120</v>
      </c>
      <c r="X4721">
        <v>2020</v>
      </c>
    </row>
    <row r="4722" spans="1:24" x14ac:dyDescent="0.25">
      <c r="A4722">
        <v>5902</v>
      </c>
      <c r="B4722" t="s">
        <v>226</v>
      </c>
      <c r="C4722">
        <v>1</v>
      </c>
      <c r="D4722" t="s">
        <v>621</v>
      </c>
      <c r="E4722">
        <v>15</v>
      </c>
      <c r="F4722" t="s">
        <v>651</v>
      </c>
      <c r="G4722">
        <v>160</v>
      </c>
      <c r="H4722" t="s">
        <v>658</v>
      </c>
      <c r="I4722">
        <v>13755</v>
      </c>
      <c r="J4722" t="s">
        <v>813</v>
      </c>
      <c r="K4722">
        <v>24</v>
      </c>
      <c r="L4722" t="s">
        <v>3660</v>
      </c>
      <c r="M4722">
        <v>547</v>
      </c>
      <c r="N4722" t="s">
        <v>654</v>
      </c>
      <c r="O4722">
        <v>3</v>
      </c>
      <c r="P4722" t="s">
        <v>655</v>
      </c>
      <c r="Q4722">
        <v>1</v>
      </c>
      <c r="R4722" t="s">
        <v>656</v>
      </c>
      <c r="S4722">
        <v>2</v>
      </c>
      <c r="T4722" t="s">
        <v>661</v>
      </c>
      <c r="U4722">
        <v>8</v>
      </c>
      <c r="V4722">
        <v>2</v>
      </c>
      <c r="W4722">
        <v>120</v>
      </c>
      <c r="X4722">
        <v>2020</v>
      </c>
    </row>
    <row r="4723" spans="1:24" x14ac:dyDescent="0.25">
      <c r="A4723">
        <v>5897</v>
      </c>
      <c r="B4723" t="s">
        <v>226</v>
      </c>
      <c r="C4723">
        <v>1</v>
      </c>
      <c r="D4723" t="s">
        <v>472</v>
      </c>
      <c r="E4723">
        <v>3</v>
      </c>
      <c r="F4723" t="s">
        <v>651</v>
      </c>
      <c r="G4723">
        <v>160</v>
      </c>
      <c r="H4723" t="s">
        <v>658</v>
      </c>
      <c r="I4723">
        <v>13755</v>
      </c>
      <c r="J4723" t="s">
        <v>767</v>
      </c>
      <c r="K4723">
        <v>44</v>
      </c>
      <c r="L4723" t="s">
        <v>3661</v>
      </c>
      <c r="M4723">
        <v>542</v>
      </c>
      <c r="N4723" t="s">
        <v>654</v>
      </c>
      <c r="O4723">
        <v>3</v>
      </c>
      <c r="P4723" t="s">
        <v>655</v>
      </c>
      <c r="Q4723">
        <v>1</v>
      </c>
      <c r="R4723" t="s">
        <v>656</v>
      </c>
      <c r="S4723">
        <v>2</v>
      </c>
      <c r="T4723" t="s">
        <v>661</v>
      </c>
      <c r="U4723">
        <v>8</v>
      </c>
      <c r="V4723">
        <v>2</v>
      </c>
      <c r="W4723">
        <v>120</v>
      </c>
      <c r="X4723">
        <v>2020</v>
      </c>
    </row>
    <row r="4724" spans="1:24" x14ac:dyDescent="0.25">
      <c r="A4724">
        <v>5896</v>
      </c>
      <c r="B4724" t="s">
        <v>226</v>
      </c>
      <c r="C4724">
        <v>1</v>
      </c>
      <c r="D4724" t="s">
        <v>472</v>
      </c>
      <c r="E4724">
        <v>3</v>
      </c>
      <c r="F4724" t="s">
        <v>651</v>
      </c>
      <c r="G4724">
        <v>160</v>
      </c>
      <c r="H4724" t="s">
        <v>658</v>
      </c>
      <c r="I4724">
        <v>13755</v>
      </c>
      <c r="J4724" t="s">
        <v>767</v>
      </c>
      <c r="K4724">
        <v>44</v>
      </c>
      <c r="L4724" t="s">
        <v>3662</v>
      </c>
      <c r="M4724">
        <v>541</v>
      </c>
      <c r="N4724" t="s">
        <v>654</v>
      </c>
      <c r="O4724">
        <v>3</v>
      </c>
      <c r="P4724" t="s">
        <v>655</v>
      </c>
      <c r="Q4724">
        <v>1</v>
      </c>
      <c r="R4724" t="s">
        <v>656</v>
      </c>
      <c r="S4724">
        <v>2</v>
      </c>
      <c r="T4724" t="s">
        <v>661</v>
      </c>
      <c r="U4724">
        <v>8</v>
      </c>
      <c r="V4724">
        <v>2</v>
      </c>
      <c r="W4724">
        <v>120</v>
      </c>
      <c r="X4724">
        <v>2020</v>
      </c>
    </row>
    <row r="4725" spans="1:24" x14ac:dyDescent="0.25">
      <c r="A4725">
        <v>5894</v>
      </c>
      <c r="B4725" t="s">
        <v>226</v>
      </c>
      <c r="C4725">
        <v>1</v>
      </c>
      <c r="D4725" t="s">
        <v>472</v>
      </c>
      <c r="E4725">
        <v>3</v>
      </c>
      <c r="F4725" t="s">
        <v>651</v>
      </c>
      <c r="G4725">
        <v>160</v>
      </c>
      <c r="H4725" t="s">
        <v>658</v>
      </c>
      <c r="I4725">
        <v>13755</v>
      </c>
      <c r="J4725" t="s">
        <v>767</v>
      </c>
      <c r="K4725">
        <v>44</v>
      </c>
      <c r="L4725" t="s">
        <v>3663</v>
      </c>
      <c r="M4725">
        <v>539</v>
      </c>
      <c r="N4725" t="s">
        <v>654</v>
      </c>
      <c r="O4725">
        <v>3</v>
      </c>
      <c r="P4725" t="s">
        <v>655</v>
      </c>
      <c r="Q4725">
        <v>1</v>
      </c>
      <c r="R4725" t="s">
        <v>656</v>
      </c>
      <c r="S4725">
        <v>2</v>
      </c>
      <c r="T4725" t="s">
        <v>661</v>
      </c>
      <c r="U4725">
        <v>8</v>
      </c>
      <c r="V4725">
        <v>2</v>
      </c>
      <c r="W4725">
        <v>120</v>
      </c>
      <c r="X4725">
        <v>2020</v>
      </c>
    </row>
    <row r="4726" spans="1:24" x14ac:dyDescent="0.25">
      <c r="A4726">
        <v>5893</v>
      </c>
      <c r="B4726" t="s">
        <v>226</v>
      </c>
      <c r="C4726">
        <v>1</v>
      </c>
      <c r="D4726" t="s">
        <v>472</v>
      </c>
      <c r="E4726">
        <v>3</v>
      </c>
      <c r="F4726" t="s">
        <v>651</v>
      </c>
      <c r="G4726">
        <v>160</v>
      </c>
      <c r="H4726" t="s">
        <v>658</v>
      </c>
      <c r="I4726">
        <v>13755</v>
      </c>
      <c r="J4726" t="s">
        <v>767</v>
      </c>
      <c r="K4726">
        <v>44</v>
      </c>
      <c r="L4726" t="s">
        <v>3664</v>
      </c>
      <c r="M4726">
        <v>538</v>
      </c>
      <c r="N4726" t="s">
        <v>654</v>
      </c>
      <c r="O4726">
        <v>3</v>
      </c>
      <c r="P4726" t="s">
        <v>655</v>
      </c>
      <c r="Q4726">
        <v>1</v>
      </c>
      <c r="R4726" t="s">
        <v>656</v>
      </c>
      <c r="S4726">
        <v>2</v>
      </c>
      <c r="T4726" t="s">
        <v>661</v>
      </c>
      <c r="U4726">
        <v>8</v>
      </c>
      <c r="V4726">
        <v>2</v>
      </c>
      <c r="W4726">
        <v>120</v>
      </c>
      <c r="X4726">
        <v>2020</v>
      </c>
    </row>
    <row r="4727" spans="1:24" x14ac:dyDescent="0.25">
      <c r="A4727">
        <v>5890</v>
      </c>
      <c r="B4727" t="s">
        <v>226</v>
      </c>
      <c r="C4727">
        <v>1</v>
      </c>
      <c r="D4727" t="s">
        <v>472</v>
      </c>
      <c r="E4727">
        <v>3</v>
      </c>
      <c r="F4727" t="s">
        <v>651</v>
      </c>
      <c r="G4727">
        <v>160</v>
      </c>
      <c r="H4727" t="s">
        <v>658</v>
      </c>
      <c r="I4727">
        <v>13755</v>
      </c>
      <c r="J4727" t="s">
        <v>767</v>
      </c>
      <c r="K4727">
        <v>44</v>
      </c>
      <c r="L4727" t="s">
        <v>3665</v>
      </c>
      <c r="M4727">
        <v>535</v>
      </c>
      <c r="N4727" t="s">
        <v>654</v>
      </c>
      <c r="O4727">
        <v>3</v>
      </c>
      <c r="P4727" t="s">
        <v>655</v>
      </c>
      <c r="Q4727">
        <v>1</v>
      </c>
      <c r="R4727" t="s">
        <v>656</v>
      </c>
      <c r="S4727">
        <v>2</v>
      </c>
      <c r="T4727" t="s">
        <v>661</v>
      </c>
      <c r="U4727">
        <v>8</v>
      </c>
      <c r="V4727">
        <v>2</v>
      </c>
      <c r="W4727">
        <v>120</v>
      </c>
      <c r="X4727">
        <v>2020</v>
      </c>
    </row>
    <row r="4728" spans="1:24" x14ac:dyDescent="0.25">
      <c r="A4728">
        <v>5889</v>
      </c>
      <c r="B4728" t="s">
        <v>226</v>
      </c>
      <c r="C4728">
        <v>1</v>
      </c>
      <c r="D4728" t="s">
        <v>472</v>
      </c>
      <c r="E4728">
        <v>3</v>
      </c>
      <c r="F4728" t="s">
        <v>651</v>
      </c>
      <c r="G4728">
        <v>160</v>
      </c>
      <c r="H4728" t="s">
        <v>658</v>
      </c>
      <c r="I4728">
        <v>13755</v>
      </c>
      <c r="J4728" t="s">
        <v>767</v>
      </c>
      <c r="K4728">
        <v>44</v>
      </c>
      <c r="L4728" t="s">
        <v>3666</v>
      </c>
      <c r="M4728">
        <v>534</v>
      </c>
      <c r="N4728" t="s">
        <v>654</v>
      </c>
      <c r="O4728">
        <v>3</v>
      </c>
      <c r="P4728" t="s">
        <v>655</v>
      </c>
      <c r="Q4728">
        <v>1</v>
      </c>
      <c r="R4728" t="s">
        <v>656</v>
      </c>
      <c r="S4728">
        <v>2</v>
      </c>
      <c r="T4728" t="s">
        <v>661</v>
      </c>
      <c r="U4728">
        <v>8</v>
      </c>
      <c r="V4728">
        <v>2</v>
      </c>
      <c r="W4728">
        <v>120</v>
      </c>
      <c r="X4728">
        <v>2020</v>
      </c>
    </row>
    <row r="4729" spans="1:24" x14ac:dyDescent="0.25">
      <c r="A4729">
        <v>5886</v>
      </c>
      <c r="B4729" t="s">
        <v>226</v>
      </c>
      <c r="C4729">
        <v>1</v>
      </c>
      <c r="D4729" t="s">
        <v>624</v>
      </c>
      <c r="E4729">
        <v>11</v>
      </c>
      <c r="F4729" t="s">
        <v>651</v>
      </c>
      <c r="G4729">
        <v>160</v>
      </c>
      <c r="H4729" t="s">
        <v>658</v>
      </c>
      <c r="I4729">
        <v>13755</v>
      </c>
      <c r="J4729" t="s">
        <v>851</v>
      </c>
      <c r="K4729">
        <v>43</v>
      </c>
      <c r="L4729" t="s">
        <v>3667</v>
      </c>
      <c r="M4729">
        <v>531</v>
      </c>
      <c r="N4729" t="s">
        <v>654</v>
      </c>
      <c r="O4729">
        <v>3</v>
      </c>
      <c r="P4729" t="s">
        <v>655</v>
      </c>
      <c r="Q4729">
        <v>1</v>
      </c>
      <c r="R4729" t="s">
        <v>656</v>
      </c>
      <c r="S4729">
        <v>2</v>
      </c>
      <c r="T4729" t="s">
        <v>661</v>
      </c>
      <c r="U4729">
        <v>8</v>
      </c>
      <c r="V4729">
        <v>2</v>
      </c>
      <c r="W4729">
        <v>120</v>
      </c>
      <c r="X4729">
        <v>2020</v>
      </c>
    </row>
    <row r="4730" spans="1:24" x14ac:dyDescent="0.25">
      <c r="A4730">
        <v>5885</v>
      </c>
      <c r="B4730" t="s">
        <v>226</v>
      </c>
      <c r="C4730">
        <v>1</v>
      </c>
      <c r="D4730" t="s">
        <v>622</v>
      </c>
      <c r="E4730">
        <v>14</v>
      </c>
      <c r="F4730" t="s">
        <v>651</v>
      </c>
      <c r="G4730">
        <v>160</v>
      </c>
      <c r="H4730" t="s">
        <v>658</v>
      </c>
      <c r="I4730">
        <v>13755</v>
      </c>
      <c r="J4730" t="s">
        <v>851</v>
      </c>
      <c r="K4730">
        <v>43</v>
      </c>
      <c r="L4730" t="s">
        <v>851</v>
      </c>
      <c r="M4730">
        <v>530</v>
      </c>
      <c r="N4730" t="s">
        <v>654</v>
      </c>
      <c r="O4730">
        <v>3</v>
      </c>
      <c r="P4730" t="s">
        <v>655</v>
      </c>
      <c r="Q4730">
        <v>1</v>
      </c>
      <c r="R4730" t="s">
        <v>656</v>
      </c>
      <c r="S4730">
        <v>2</v>
      </c>
      <c r="T4730" t="s">
        <v>661</v>
      </c>
      <c r="U4730">
        <v>8</v>
      </c>
      <c r="V4730">
        <v>2</v>
      </c>
      <c r="W4730">
        <v>120</v>
      </c>
      <c r="X4730">
        <v>2020</v>
      </c>
    </row>
    <row r="4731" spans="1:24" x14ac:dyDescent="0.25">
      <c r="A4731">
        <v>5884</v>
      </c>
      <c r="B4731" t="s">
        <v>364</v>
      </c>
      <c r="C4731">
        <v>112</v>
      </c>
      <c r="D4731" t="s">
        <v>363</v>
      </c>
      <c r="E4731">
        <v>568</v>
      </c>
      <c r="F4731" t="s">
        <v>651</v>
      </c>
      <c r="G4731">
        <v>160</v>
      </c>
      <c r="H4731" t="s">
        <v>658</v>
      </c>
      <c r="I4731">
        <v>13755</v>
      </c>
      <c r="J4731" t="s">
        <v>684</v>
      </c>
      <c r="K4731">
        <v>22</v>
      </c>
      <c r="L4731" t="s">
        <v>1943</v>
      </c>
      <c r="M4731">
        <v>70</v>
      </c>
      <c r="N4731" t="s">
        <v>668</v>
      </c>
      <c r="O4731">
        <v>4</v>
      </c>
      <c r="P4731" t="s">
        <v>655</v>
      </c>
      <c r="Q4731">
        <v>1</v>
      </c>
      <c r="R4731" t="s">
        <v>669</v>
      </c>
      <c r="S4731">
        <v>1</v>
      </c>
      <c r="T4731" t="s">
        <v>661</v>
      </c>
      <c r="U4731">
        <v>8</v>
      </c>
      <c r="V4731">
        <v>3</v>
      </c>
      <c r="W4731">
        <v>180</v>
      </c>
      <c r="X4731">
        <v>2020</v>
      </c>
    </row>
    <row r="4732" spans="1:24" x14ac:dyDescent="0.25">
      <c r="A4732">
        <v>5882</v>
      </c>
      <c r="B4732" t="s">
        <v>91</v>
      </c>
      <c r="C4732">
        <v>91</v>
      </c>
      <c r="D4732" t="s">
        <v>374</v>
      </c>
      <c r="E4732">
        <v>547</v>
      </c>
      <c r="F4732" t="s">
        <v>651</v>
      </c>
      <c r="G4732">
        <v>160</v>
      </c>
      <c r="H4732" t="s">
        <v>739</v>
      </c>
      <c r="I4732">
        <v>4413</v>
      </c>
      <c r="J4732" t="s">
        <v>864</v>
      </c>
      <c r="K4732">
        <v>14</v>
      </c>
      <c r="L4732" t="s">
        <v>1095</v>
      </c>
      <c r="M4732">
        <v>359</v>
      </c>
      <c r="N4732" t="s">
        <v>654</v>
      </c>
      <c r="O4732">
        <v>3</v>
      </c>
      <c r="P4732" t="s">
        <v>655</v>
      </c>
      <c r="Q4732">
        <v>1</v>
      </c>
      <c r="R4732" t="s">
        <v>669</v>
      </c>
      <c r="S4732">
        <v>1</v>
      </c>
      <c r="T4732" t="s">
        <v>657</v>
      </c>
      <c r="U4732">
        <v>7</v>
      </c>
      <c r="V4732">
        <v>4</v>
      </c>
      <c r="W4732">
        <v>240</v>
      </c>
      <c r="X4732">
        <v>2020</v>
      </c>
    </row>
    <row r="4733" spans="1:24" x14ac:dyDescent="0.25">
      <c r="A4733">
        <v>5881</v>
      </c>
      <c r="B4733" t="s">
        <v>61</v>
      </c>
      <c r="C4733">
        <v>87</v>
      </c>
      <c r="D4733" t="s">
        <v>378</v>
      </c>
      <c r="E4733">
        <v>541</v>
      </c>
      <c r="F4733" t="s">
        <v>651</v>
      </c>
      <c r="G4733">
        <v>160</v>
      </c>
      <c r="H4733" t="s">
        <v>719</v>
      </c>
      <c r="I4733">
        <v>7630</v>
      </c>
      <c r="J4733" t="s">
        <v>294</v>
      </c>
      <c r="K4733">
        <v>31</v>
      </c>
      <c r="L4733" t="s">
        <v>294</v>
      </c>
      <c r="M4733">
        <v>98</v>
      </c>
      <c r="N4733" t="s">
        <v>654</v>
      </c>
      <c r="O4733">
        <v>3</v>
      </c>
      <c r="P4733" t="s">
        <v>655</v>
      </c>
      <c r="Q4733">
        <v>1</v>
      </c>
      <c r="R4733" t="s">
        <v>669</v>
      </c>
      <c r="S4733">
        <v>1</v>
      </c>
      <c r="T4733" t="s">
        <v>661</v>
      </c>
      <c r="U4733">
        <v>8</v>
      </c>
      <c r="V4733">
        <v>3</v>
      </c>
      <c r="W4733">
        <v>180</v>
      </c>
      <c r="X4733">
        <v>2020</v>
      </c>
    </row>
    <row r="4734" spans="1:24" x14ac:dyDescent="0.25">
      <c r="A4734">
        <v>5875</v>
      </c>
      <c r="B4734" t="s">
        <v>67</v>
      </c>
      <c r="C4734">
        <v>62</v>
      </c>
      <c r="D4734" t="s">
        <v>402</v>
      </c>
      <c r="E4734">
        <v>446</v>
      </c>
      <c r="F4734" t="s">
        <v>651</v>
      </c>
      <c r="G4734">
        <v>160</v>
      </c>
      <c r="H4734" t="s">
        <v>658</v>
      </c>
      <c r="I4734">
        <v>13755</v>
      </c>
      <c r="J4734" t="s">
        <v>765</v>
      </c>
      <c r="K4734">
        <v>76</v>
      </c>
      <c r="L4734" t="s">
        <v>766</v>
      </c>
      <c r="M4734">
        <v>137</v>
      </c>
      <c r="N4734" t="s">
        <v>668</v>
      </c>
      <c r="O4734">
        <v>4</v>
      </c>
      <c r="P4734" t="s">
        <v>746</v>
      </c>
      <c r="Q4734">
        <v>2</v>
      </c>
      <c r="R4734" t="s">
        <v>669</v>
      </c>
      <c r="S4734">
        <v>1</v>
      </c>
      <c r="T4734" t="s">
        <v>661</v>
      </c>
      <c r="U4734">
        <v>8</v>
      </c>
      <c r="V4734">
        <v>3</v>
      </c>
      <c r="W4734">
        <v>180</v>
      </c>
      <c r="X4734">
        <v>2020</v>
      </c>
    </row>
    <row r="4735" spans="1:24" x14ac:dyDescent="0.25">
      <c r="A4735">
        <v>5870</v>
      </c>
      <c r="B4735" t="s">
        <v>67</v>
      </c>
      <c r="C4735">
        <v>62</v>
      </c>
      <c r="D4735" t="s">
        <v>424</v>
      </c>
      <c r="E4735">
        <v>433</v>
      </c>
      <c r="F4735" t="s">
        <v>651</v>
      </c>
      <c r="G4735">
        <v>160</v>
      </c>
      <c r="H4735" t="s">
        <v>744</v>
      </c>
      <c r="I4735">
        <v>3143</v>
      </c>
      <c r="J4735" t="s">
        <v>684</v>
      </c>
      <c r="K4735">
        <v>22</v>
      </c>
      <c r="L4735" t="s">
        <v>685</v>
      </c>
      <c r="M4735">
        <v>72</v>
      </c>
      <c r="N4735" t="s">
        <v>668</v>
      </c>
      <c r="O4735">
        <v>4</v>
      </c>
      <c r="P4735" t="s">
        <v>655</v>
      </c>
      <c r="Q4735">
        <v>1</v>
      </c>
      <c r="R4735" t="s">
        <v>669</v>
      </c>
      <c r="S4735">
        <v>1</v>
      </c>
      <c r="T4735" t="s">
        <v>661</v>
      </c>
      <c r="U4735">
        <v>8</v>
      </c>
      <c r="V4735">
        <v>3</v>
      </c>
      <c r="W4735">
        <v>180</v>
      </c>
      <c r="X4735">
        <v>2020</v>
      </c>
    </row>
    <row r="4736" spans="1:24" x14ac:dyDescent="0.25">
      <c r="A4736">
        <v>5869</v>
      </c>
      <c r="B4736" t="s">
        <v>67</v>
      </c>
      <c r="C4736">
        <v>62</v>
      </c>
      <c r="D4736" t="s">
        <v>425</v>
      </c>
      <c r="E4736">
        <v>432</v>
      </c>
      <c r="F4736" t="s">
        <v>651</v>
      </c>
      <c r="G4736">
        <v>160</v>
      </c>
      <c r="H4736" t="s">
        <v>658</v>
      </c>
      <c r="I4736">
        <v>13755</v>
      </c>
      <c r="J4736" t="s">
        <v>868</v>
      </c>
      <c r="K4736">
        <v>23</v>
      </c>
      <c r="L4736" t="s">
        <v>868</v>
      </c>
      <c r="M4736">
        <v>73</v>
      </c>
      <c r="N4736" t="s">
        <v>668</v>
      </c>
      <c r="O4736">
        <v>4</v>
      </c>
      <c r="P4736" t="s">
        <v>689</v>
      </c>
      <c r="Q4736">
        <v>4</v>
      </c>
      <c r="R4736" t="s">
        <v>669</v>
      </c>
      <c r="S4736">
        <v>1</v>
      </c>
      <c r="T4736" t="s">
        <v>661</v>
      </c>
      <c r="U4736">
        <v>8</v>
      </c>
      <c r="V4736">
        <v>3</v>
      </c>
      <c r="W4736">
        <v>180</v>
      </c>
      <c r="X4736">
        <v>2020</v>
      </c>
    </row>
    <row r="4737" spans="1:24" x14ac:dyDescent="0.25">
      <c r="A4737">
        <v>5868</v>
      </c>
      <c r="B4737" t="s">
        <v>67</v>
      </c>
      <c r="C4737">
        <v>62</v>
      </c>
      <c r="D4737" t="s">
        <v>425</v>
      </c>
      <c r="E4737">
        <v>432</v>
      </c>
      <c r="F4737" t="s">
        <v>651</v>
      </c>
      <c r="G4737">
        <v>160</v>
      </c>
      <c r="H4737" t="s">
        <v>658</v>
      </c>
      <c r="I4737">
        <v>13755</v>
      </c>
      <c r="J4737" t="s">
        <v>684</v>
      </c>
      <c r="K4737">
        <v>22</v>
      </c>
      <c r="L4737" t="s">
        <v>685</v>
      </c>
      <c r="M4737">
        <v>72</v>
      </c>
      <c r="N4737" t="s">
        <v>654</v>
      </c>
      <c r="O4737">
        <v>3</v>
      </c>
      <c r="P4737" t="s">
        <v>655</v>
      </c>
      <c r="Q4737">
        <v>1</v>
      </c>
      <c r="R4737" t="s">
        <v>669</v>
      </c>
      <c r="S4737">
        <v>1</v>
      </c>
      <c r="T4737" t="s">
        <v>661</v>
      </c>
      <c r="U4737">
        <v>8</v>
      </c>
      <c r="V4737">
        <v>3</v>
      </c>
      <c r="W4737">
        <v>180</v>
      </c>
      <c r="X4737">
        <v>2020</v>
      </c>
    </row>
    <row r="4738" spans="1:24" x14ac:dyDescent="0.25">
      <c r="A4738">
        <v>5859</v>
      </c>
      <c r="B4738" t="s">
        <v>76</v>
      </c>
      <c r="C4738">
        <v>61</v>
      </c>
      <c r="D4738" t="s">
        <v>332</v>
      </c>
      <c r="E4738">
        <v>648</v>
      </c>
      <c r="F4738" t="s">
        <v>651</v>
      </c>
      <c r="G4738">
        <v>160</v>
      </c>
      <c r="H4738" t="s">
        <v>658</v>
      </c>
      <c r="I4738">
        <v>13755</v>
      </c>
      <c r="J4738" t="s">
        <v>65</v>
      </c>
      <c r="K4738">
        <v>15</v>
      </c>
      <c r="L4738" t="s">
        <v>65</v>
      </c>
      <c r="M4738">
        <v>51</v>
      </c>
      <c r="N4738" t="s">
        <v>668</v>
      </c>
      <c r="O4738">
        <v>4</v>
      </c>
      <c r="P4738" t="s">
        <v>689</v>
      </c>
      <c r="Q4738">
        <v>4</v>
      </c>
      <c r="R4738" t="s">
        <v>669</v>
      </c>
      <c r="S4738">
        <v>1</v>
      </c>
      <c r="T4738" t="s">
        <v>661</v>
      </c>
      <c r="U4738">
        <v>8</v>
      </c>
      <c r="V4738">
        <v>4</v>
      </c>
      <c r="W4738">
        <v>240</v>
      </c>
      <c r="X4738">
        <v>2020</v>
      </c>
    </row>
    <row r="4739" spans="1:24" x14ac:dyDescent="0.25">
      <c r="A4739">
        <v>5858</v>
      </c>
      <c r="B4739" t="s">
        <v>76</v>
      </c>
      <c r="C4739">
        <v>61</v>
      </c>
      <c r="D4739" t="s">
        <v>332</v>
      </c>
      <c r="E4739">
        <v>648</v>
      </c>
      <c r="F4739" t="s">
        <v>651</v>
      </c>
      <c r="G4739">
        <v>160</v>
      </c>
      <c r="H4739" t="s">
        <v>658</v>
      </c>
      <c r="I4739">
        <v>13755</v>
      </c>
      <c r="J4739" t="s">
        <v>65</v>
      </c>
      <c r="K4739">
        <v>15</v>
      </c>
      <c r="L4739" t="s">
        <v>65</v>
      </c>
      <c r="M4739">
        <v>51</v>
      </c>
      <c r="N4739" t="s">
        <v>654</v>
      </c>
      <c r="O4739">
        <v>3</v>
      </c>
      <c r="P4739" t="s">
        <v>655</v>
      </c>
      <c r="Q4739">
        <v>1</v>
      </c>
      <c r="R4739" t="s">
        <v>669</v>
      </c>
      <c r="S4739">
        <v>1</v>
      </c>
      <c r="T4739" t="s">
        <v>661</v>
      </c>
      <c r="U4739">
        <v>8</v>
      </c>
      <c r="V4739">
        <v>4</v>
      </c>
      <c r="W4739">
        <v>240</v>
      </c>
      <c r="X4739">
        <v>2020</v>
      </c>
    </row>
    <row r="4740" spans="1:24" x14ac:dyDescent="0.25">
      <c r="A4740">
        <v>5857</v>
      </c>
      <c r="B4740" t="s">
        <v>48</v>
      </c>
      <c r="C4740">
        <v>54</v>
      </c>
      <c r="D4740" t="s">
        <v>47</v>
      </c>
      <c r="E4740">
        <v>1307</v>
      </c>
      <c r="F4740" t="s">
        <v>651</v>
      </c>
      <c r="G4740">
        <v>160</v>
      </c>
      <c r="H4740" t="s">
        <v>744</v>
      </c>
      <c r="I4740">
        <v>3143</v>
      </c>
      <c r="J4740" t="s">
        <v>1614</v>
      </c>
      <c r="K4740">
        <v>71</v>
      </c>
      <c r="L4740" t="s">
        <v>3668</v>
      </c>
      <c r="M4740">
        <v>527</v>
      </c>
      <c r="N4740" t="s">
        <v>654</v>
      </c>
      <c r="O4740">
        <v>3</v>
      </c>
      <c r="P4740" t="s">
        <v>655</v>
      </c>
      <c r="Q4740">
        <v>1</v>
      </c>
      <c r="R4740" t="s">
        <v>669</v>
      </c>
      <c r="S4740">
        <v>1</v>
      </c>
      <c r="T4740" t="s">
        <v>661</v>
      </c>
      <c r="U4740">
        <v>8</v>
      </c>
      <c r="V4740">
        <v>3</v>
      </c>
      <c r="W4740">
        <v>180</v>
      </c>
      <c r="X4740">
        <v>2020</v>
      </c>
    </row>
    <row r="4741" spans="1:24" x14ac:dyDescent="0.25">
      <c r="A4741">
        <v>5856</v>
      </c>
      <c r="B4741" t="s">
        <v>28</v>
      </c>
      <c r="C4741">
        <v>49</v>
      </c>
      <c r="D4741" t="s">
        <v>322</v>
      </c>
      <c r="E4741">
        <v>367</v>
      </c>
      <c r="F4741" t="s">
        <v>651</v>
      </c>
      <c r="G4741">
        <v>160</v>
      </c>
      <c r="H4741" t="s">
        <v>1935</v>
      </c>
      <c r="I4741">
        <v>11847</v>
      </c>
      <c r="J4741" t="s">
        <v>932</v>
      </c>
      <c r="K4741">
        <v>77</v>
      </c>
      <c r="L4741" t="s">
        <v>933</v>
      </c>
      <c r="M4741">
        <v>330</v>
      </c>
      <c r="N4741" t="s">
        <v>668</v>
      </c>
      <c r="O4741">
        <v>4</v>
      </c>
      <c r="P4741" t="s">
        <v>655</v>
      </c>
      <c r="Q4741">
        <v>1</v>
      </c>
      <c r="R4741" t="s">
        <v>669</v>
      </c>
      <c r="S4741">
        <v>1</v>
      </c>
      <c r="T4741" t="s">
        <v>661</v>
      </c>
      <c r="U4741">
        <v>8</v>
      </c>
      <c r="V4741">
        <v>4</v>
      </c>
      <c r="W4741">
        <v>240</v>
      </c>
      <c r="X4741">
        <v>2020</v>
      </c>
    </row>
    <row r="4742" spans="1:24" x14ac:dyDescent="0.25">
      <c r="A4742">
        <v>5855</v>
      </c>
      <c r="B4742" t="s">
        <v>186</v>
      </c>
      <c r="C4742">
        <v>47</v>
      </c>
      <c r="D4742" t="s">
        <v>463</v>
      </c>
      <c r="E4742">
        <v>350</v>
      </c>
      <c r="F4742" t="s">
        <v>651</v>
      </c>
      <c r="G4742">
        <v>160</v>
      </c>
      <c r="H4742" t="s">
        <v>773</v>
      </c>
      <c r="I4742">
        <v>11846</v>
      </c>
      <c r="J4742" t="s">
        <v>909</v>
      </c>
      <c r="K4742">
        <v>39</v>
      </c>
      <c r="L4742" t="s">
        <v>1942</v>
      </c>
      <c r="M4742">
        <v>142</v>
      </c>
      <c r="N4742" t="s">
        <v>668</v>
      </c>
      <c r="O4742">
        <v>4</v>
      </c>
      <c r="P4742" t="s">
        <v>655</v>
      </c>
      <c r="Q4742">
        <v>1</v>
      </c>
      <c r="R4742" t="s">
        <v>669</v>
      </c>
      <c r="S4742">
        <v>1</v>
      </c>
      <c r="T4742" t="s">
        <v>661</v>
      </c>
      <c r="U4742">
        <v>8</v>
      </c>
      <c r="V4742">
        <v>4</v>
      </c>
      <c r="W4742">
        <v>240</v>
      </c>
      <c r="X4742">
        <v>2020</v>
      </c>
    </row>
    <row r="4743" spans="1:24" x14ac:dyDescent="0.25">
      <c r="A4743">
        <v>5854</v>
      </c>
      <c r="B4743" t="s">
        <v>186</v>
      </c>
      <c r="C4743">
        <v>47</v>
      </c>
      <c r="D4743" t="s">
        <v>463</v>
      </c>
      <c r="E4743">
        <v>350</v>
      </c>
      <c r="F4743" t="s">
        <v>651</v>
      </c>
      <c r="G4743">
        <v>160</v>
      </c>
      <c r="H4743" t="s">
        <v>773</v>
      </c>
      <c r="I4743">
        <v>11846</v>
      </c>
      <c r="J4743" t="s">
        <v>909</v>
      </c>
      <c r="K4743">
        <v>39</v>
      </c>
      <c r="L4743" t="s">
        <v>1925</v>
      </c>
      <c r="M4743">
        <v>138</v>
      </c>
      <c r="N4743" t="s">
        <v>668</v>
      </c>
      <c r="O4743">
        <v>4</v>
      </c>
      <c r="P4743" t="s">
        <v>655</v>
      </c>
      <c r="Q4743">
        <v>1</v>
      </c>
      <c r="R4743" t="s">
        <v>669</v>
      </c>
      <c r="S4743">
        <v>1</v>
      </c>
      <c r="T4743" t="s">
        <v>718</v>
      </c>
      <c r="U4743">
        <v>2</v>
      </c>
      <c r="V4743">
        <v>4</v>
      </c>
      <c r="W4743">
        <v>240</v>
      </c>
      <c r="X4743">
        <v>2020</v>
      </c>
    </row>
    <row r="4744" spans="1:24" x14ac:dyDescent="0.25">
      <c r="A4744">
        <v>5853</v>
      </c>
      <c r="B4744" t="s">
        <v>224</v>
      </c>
      <c r="C4744">
        <v>46</v>
      </c>
      <c r="D4744" t="s">
        <v>440</v>
      </c>
      <c r="E4744">
        <v>348</v>
      </c>
      <c r="F4744" t="s">
        <v>651</v>
      </c>
      <c r="G4744">
        <v>160</v>
      </c>
      <c r="H4744" t="s">
        <v>773</v>
      </c>
      <c r="I4744">
        <v>11846</v>
      </c>
      <c r="J4744" t="s">
        <v>691</v>
      </c>
      <c r="K4744">
        <v>21</v>
      </c>
      <c r="L4744" t="s">
        <v>1923</v>
      </c>
      <c r="M4744">
        <v>67</v>
      </c>
      <c r="N4744" t="s">
        <v>668</v>
      </c>
      <c r="O4744">
        <v>4</v>
      </c>
      <c r="P4744" t="s">
        <v>689</v>
      </c>
      <c r="Q4744">
        <v>4</v>
      </c>
      <c r="R4744" t="s">
        <v>669</v>
      </c>
      <c r="S4744">
        <v>1</v>
      </c>
      <c r="T4744" t="s">
        <v>661</v>
      </c>
      <c r="U4744">
        <v>8</v>
      </c>
      <c r="V4744">
        <v>3</v>
      </c>
      <c r="W4744">
        <v>180</v>
      </c>
      <c r="X4744">
        <v>2020</v>
      </c>
    </row>
    <row r="4745" spans="1:24" x14ac:dyDescent="0.25">
      <c r="A4745">
        <v>5852</v>
      </c>
      <c r="B4745" t="s">
        <v>224</v>
      </c>
      <c r="C4745">
        <v>46</v>
      </c>
      <c r="D4745" t="s">
        <v>465</v>
      </c>
      <c r="E4745">
        <v>347</v>
      </c>
      <c r="F4745" t="s">
        <v>651</v>
      </c>
      <c r="G4745">
        <v>160</v>
      </c>
      <c r="H4745" t="s">
        <v>773</v>
      </c>
      <c r="I4745">
        <v>11846</v>
      </c>
      <c r="J4745" t="s">
        <v>693</v>
      </c>
      <c r="K4745">
        <v>56</v>
      </c>
      <c r="L4745" t="s">
        <v>3669</v>
      </c>
      <c r="M4745">
        <v>221</v>
      </c>
      <c r="N4745" t="s">
        <v>668</v>
      </c>
      <c r="O4745">
        <v>4</v>
      </c>
      <c r="P4745" t="s">
        <v>746</v>
      </c>
      <c r="Q4745">
        <v>2</v>
      </c>
      <c r="R4745" t="s">
        <v>669</v>
      </c>
      <c r="S4745">
        <v>1</v>
      </c>
      <c r="T4745" t="s">
        <v>661</v>
      </c>
      <c r="U4745">
        <v>8</v>
      </c>
      <c r="V4745">
        <v>4</v>
      </c>
      <c r="W4745">
        <v>240</v>
      </c>
      <c r="X4745">
        <v>2020</v>
      </c>
    </row>
    <row r="4746" spans="1:24" x14ac:dyDescent="0.25">
      <c r="A4746">
        <v>5851</v>
      </c>
      <c r="B4746" t="s">
        <v>26</v>
      </c>
      <c r="C4746">
        <v>44</v>
      </c>
      <c r="D4746" t="s">
        <v>54</v>
      </c>
      <c r="E4746">
        <v>335</v>
      </c>
      <c r="F4746" t="s">
        <v>651</v>
      </c>
      <c r="G4746">
        <v>160</v>
      </c>
      <c r="H4746" t="s">
        <v>666</v>
      </c>
      <c r="I4746">
        <v>8767</v>
      </c>
      <c r="J4746" t="s">
        <v>751</v>
      </c>
      <c r="K4746">
        <v>79</v>
      </c>
      <c r="L4746" t="s">
        <v>752</v>
      </c>
      <c r="M4746">
        <v>328</v>
      </c>
      <c r="N4746" t="s">
        <v>668</v>
      </c>
      <c r="O4746">
        <v>4</v>
      </c>
      <c r="P4746" t="s">
        <v>655</v>
      </c>
      <c r="Q4746">
        <v>1</v>
      </c>
      <c r="R4746" t="s">
        <v>669</v>
      </c>
      <c r="S4746">
        <v>1</v>
      </c>
      <c r="T4746" t="s">
        <v>718</v>
      </c>
      <c r="U4746">
        <v>2</v>
      </c>
      <c r="V4746">
        <v>6</v>
      </c>
      <c r="W4746">
        <v>360</v>
      </c>
      <c r="X4746">
        <v>2020</v>
      </c>
    </row>
    <row r="4747" spans="1:24" x14ac:dyDescent="0.25">
      <c r="A4747">
        <v>5850</v>
      </c>
      <c r="B4747" t="s">
        <v>215</v>
      </c>
      <c r="C4747">
        <v>41</v>
      </c>
      <c r="D4747" t="s">
        <v>335</v>
      </c>
      <c r="E4747">
        <v>645</v>
      </c>
      <c r="F4747" t="s">
        <v>651</v>
      </c>
      <c r="G4747">
        <v>160</v>
      </c>
      <c r="H4747" t="s">
        <v>1525</v>
      </c>
      <c r="I4747">
        <v>11610</v>
      </c>
      <c r="J4747" t="s">
        <v>909</v>
      </c>
      <c r="K4747">
        <v>39</v>
      </c>
      <c r="L4747" t="s">
        <v>1925</v>
      </c>
      <c r="M4747">
        <v>138</v>
      </c>
      <c r="N4747" t="s">
        <v>668</v>
      </c>
      <c r="O4747">
        <v>4</v>
      </c>
      <c r="P4747" t="s">
        <v>655</v>
      </c>
      <c r="Q4747">
        <v>1</v>
      </c>
      <c r="R4747" t="s">
        <v>669</v>
      </c>
      <c r="S4747">
        <v>1</v>
      </c>
      <c r="T4747" t="s">
        <v>661</v>
      </c>
      <c r="U4747">
        <v>8</v>
      </c>
      <c r="V4747">
        <v>4</v>
      </c>
      <c r="W4747">
        <v>240</v>
      </c>
      <c r="X4747">
        <v>2020</v>
      </c>
    </row>
    <row r="4748" spans="1:24" x14ac:dyDescent="0.25">
      <c r="A4748">
        <v>5849</v>
      </c>
      <c r="B4748" t="s">
        <v>215</v>
      </c>
      <c r="C4748">
        <v>41</v>
      </c>
      <c r="D4748" t="s">
        <v>335</v>
      </c>
      <c r="E4748">
        <v>645</v>
      </c>
      <c r="F4748" t="s">
        <v>651</v>
      </c>
      <c r="G4748">
        <v>160</v>
      </c>
      <c r="H4748" t="s">
        <v>1525</v>
      </c>
      <c r="I4748">
        <v>11610</v>
      </c>
      <c r="J4748" t="s">
        <v>301</v>
      </c>
      <c r="K4748">
        <v>26</v>
      </c>
      <c r="L4748" t="s">
        <v>930</v>
      </c>
      <c r="M4748">
        <v>84</v>
      </c>
      <c r="N4748" t="s">
        <v>654</v>
      </c>
      <c r="O4748">
        <v>3</v>
      </c>
      <c r="P4748" t="s">
        <v>655</v>
      </c>
      <c r="Q4748">
        <v>1</v>
      </c>
      <c r="R4748" t="s">
        <v>669</v>
      </c>
      <c r="S4748">
        <v>1</v>
      </c>
      <c r="T4748" t="s">
        <v>661</v>
      </c>
      <c r="U4748">
        <v>8</v>
      </c>
      <c r="V4748">
        <v>3</v>
      </c>
      <c r="W4748">
        <v>180</v>
      </c>
      <c r="X4748">
        <v>2020</v>
      </c>
    </row>
    <row r="4749" spans="1:24" x14ac:dyDescent="0.25">
      <c r="A4749">
        <v>5848</v>
      </c>
      <c r="B4749" t="s">
        <v>215</v>
      </c>
      <c r="C4749">
        <v>41</v>
      </c>
      <c r="D4749" t="s">
        <v>335</v>
      </c>
      <c r="E4749">
        <v>645</v>
      </c>
      <c r="F4749" t="s">
        <v>651</v>
      </c>
      <c r="G4749">
        <v>160</v>
      </c>
      <c r="H4749" t="s">
        <v>1525</v>
      </c>
      <c r="I4749">
        <v>11610</v>
      </c>
      <c r="J4749" t="s">
        <v>682</v>
      </c>
      <c r="K4749">
        <v>20</v>
      </c>
      <c r="L4749" t="s">
        <v>904</v>
      </c>
      <c r="M4749">
        <v>61</v>
      </c>
      <c r="N4749" t="s">
        <v>654</v>
      </c>
      <c r="O4749">
        <v>3</v>
      </c>
      <c r="P4749" t="s">
        <v>655</v>
      </c>
      <c r="Q4749">
        <v>1</v>
      </c>
      <c r="R4749" t="s">
        <v>669</v>
      </c>
      <c r="S4749">
        <v>1</v>
      </c>
      <c r="T4749" t="s">
        <v>661</v>
      </c>
      <c r="U4749">
        <v>8</v>
      </c>
      <c r="V4749">
        <v>3</v>
      </c>
      <c r="W4749">
        <v>180</v>
      </c>
      <c r="X4749">
        <v>2020</v>
      </c>
    </row>
    <row r="4750" spans="1:24" x14ac:dyDescent="0.25">
      <c r="A4750">
        <v>5847</v>
      </c>
      <c r="B4750" t="s">
        <v>215</v>
      </c>
      <c r="C4750">
        <v>41</v>
      </c>
      <c r="D4750" t="s">
        <v>482</v>
      </c>
      <c r="E4750">
        <v>320</v>
      </c>
      <c r="F4750" t="s">
        <v>651</v>
      </c>
      <c r="G4750">
        <v>160</v>
      </c>
      <c r="H4750" t="s">
        <v>1207</v>
      </c>
      <c r="I4750">
        <v>5188</v>
      </c>
      <c r="J4750" t="s">
        <v>792</v>
      </c>
      <c r="K4750">
        <v>6</v>
      </c>
      <c r="L4750" t="s">
        <v>1927</v>
      </c>
      <c r="M4750">
        <v>17</v>
      </c>
      <c r="N4750" t="s">
        <v>654</v>
      </c>
      <c r="O4750">
        <v>3</v>
      </c>
      <c r="P4750" t="s">
        <v>655</v>
      </c>
      <c r="Q4750">
        <v>1</v>
      </c>
      <c r="R4750" t="s">
        <v>669</v>
      </c>
      <c r="S4750">
        <v>1</v>
      </c>
      <c r="T4750" t="s">
        <v>661</v>
      </c>
      <c r="U4750">
        <v>8</v>
      </c>
      <c r="V4750">
        <v>3</v>
      </c>
      <c r="W4750">
        <v>180</v>
      </c>
      <c r="X4750">
        <v>2020</v>
      </c>
    </row>
    <row r="4751" spans="1:24" x14ac:dyDescent="0.25">
      <c r="A4751">
        <v>5846</v>
      </c>
      <c r="B4751" t="s">
        <v>247</v>
      </c>
      <c r="C4751">
        <v>39</v>
      </c>
      <c r="D4751" t="s">
        <v>316</v>
      </c>
      <c r="E4751">
        <v>305</v>
      </c>
      <c r="F4751" t="s">
        <v>651</v>
      </c>
      <c r="G4751">
        <v>160</v>
      </c>
      <c r="H4751" t="s">
        <v>817</v>
      </c>
      <c r="I4751">
        <v>11010</v>
      </c>
      <c r="J4751" t="s">
        <v>294</v>
      </c>
      <c r="K4751">
        <v>31</v>
      </c>
      <c r="L4751" t="s">
        <v>294</v>
      </c>
      <c r="M4751">
        <v>98</v>
      </c>
      <c r="N4751" t="s">
        <v>668</v>
      </c>
      <c r="O4751">
        <v>4</v>
      </c>
      <c r="P4751" t="s">
        <v>689</v>
      </c>
      <c r="Q4751">
        <v>4</v>
      </c>
      <c r="R4751" t="s">
        <v>669</v>
      </c>
      <c r="S4751">
        <v>1</v>
      </c>
      <c r="T4751" t="s">
        <v>661</v>
      </c>
      <c r="U4751">
        <v>8</v>
      </c>
      <c r="V4751">
        <v>3</v>
      </c>
      <c r="W4751">
        <v>180</v>
      </c>
      <c r="X4751">
        <v>2020</v>
      </c>
    </row>
    <row r="4752" spans="1:24" x14ac:dyDescent="0.25">
      <c r="A4752">
        <v>5843</v>
      </c>
      <c r="B4752" t="s">
        <v>140</v>
      </c>
      <c r="C4752">
        <v>34</v>
      </c>
      <c r="D4752" t="s">
        <v>360</v>
      </c>
      <c r="E4752">
        <v>592</v>
      </c>
      <c r="F4752" t="s">
        <v>651</v>
      </c>
      <c r="G4752">
        <v>160</v>
      </c>
      <c r="H4752" t="s">
        <v>652</v>
      </c>
      <c r="I4752">
        <v>2094</v>
      </c>
      <c r="J4752" t="s">
        <v>659</v>
      </c>
      <c r="K4752">
        <v>35</v>
      </c>
      <c r="L4752" t="s">
        <v>1604</v>
      </c>
      <c r="M4752">
        <v>379</v>
      </c>
      <c r="N4752" t="s">
        <v>654</v>
      </c>
      <c r="O4752">
        <v>3</v>
      </c>
      <c r="P4752" t="s">
        <v>655</v>
      </c>
      <c r="Q4752">
        <v>1</v>
      </c>
      <c r="R4752" t="s">
        <v>669</v>
      </c>
      <c r="S4752">
        <v>1</v>
      </c>
      <c r="T4752" t="s">
        <v>661</v>
      </c>
      <c r="U4752">
        <v>8</v>
      </c>
      <c r="V4752">
        <v>3</v>
      </c>
      <c r="W4752">
        <v>180</v>
      </c>
      <c r="X4752">
        <v>2020</v>
      </c>
    </row>
    <row r="4753" spans="1:24" x14ac:dyDescent="0.25">
      <c r="A4753">
        <v>5842</v>
      </c>
      <c r="B4753" t="s">
        <v>18</v>
      </c>
      <c r="C4753">
        <v>31</v>
      </c>
      <c r="D4753" t="s">
        <v>513</v>
      </c>
      <c r="E4753">
        <v>239</v>
      </c>
      <c r="F4753" t="s">
        <v>651</v>
      </c>
      <c r="G4753">
        <v>160</v>
      </c>
      <c r="H4753" t="s">
        <v>719</v>
      </c>
      <c r="I4753">
        <v>7630</v>
      </c>
      <c r="J4753" t="s">
        <v>813</v>
      </c>
      <c r="K4753">
        <v>24</v>
      </c>
      <c r="L4753" t="s">
        <v>3670</v>
      </c>
      <c r="M4753">
        <v>528</v>
      </c>
      <c r="N4753" t="s">
        <v>668</v>
      </c>
      <c r="O4753">
        <v>4</v>
      </c>
      <c r="P4753" t="s">
        <v>655</v>
      </c>
      <c r="Q4753">
        <v>1</v>
      </c>
      <c r="R4753" t="s">
        <v>669</v>
      </c>
      <c r="S4753">
        <v>1</v>
      </c>
      <c r="T4753" t="s">
        <v>718</v>
      </c>
      <c r="U4753">
        <v>2</v>
      </c>
      <c r="V4753">
        <v>3</v>
      </c>
      <c r="W4753">
        <v>180</v>
      </c>
      <c r="X4753">
        <v>2020</v>
      </c>
    </row>
    <row r="4754" spans="1:24" x14ac:dyDescent="0.25">
      <c r="A4754">
        <v>5841</v>
      </c>
      <c r="B4754" t="s">
        <v>189</v>
      </c>
      <c r="C4754">
        <v>30</v>
      </c>
      <c r="D4754" t="s">
        <v>421</v>
      </c>
      <c r="E4754">
        <v>235</v>
      </c>
      <c r="F4754" t="s">
        <v>651</v>
      </c>
      <c r="G4754">
        <v>160</v>
      </c>
      <c r="H4754" t="s">
        <v>719</v>
      </c>
      <c r="I4754">
        <v>7630</v>
      </c>
      <c r="J4754" t="s">
        <v>1005</v>
      </c>
      <c r="K4754">
        <v>72</v>
      </c>
      <c r="L4754" t="s">
        <v>1005</v>
      </c>
      <c r="M4754">
        <v>326</v>
      </c>
      <c r="N4754" t="s">
        <v>668</v>
      </c>
      <c r="O4754">
        <v>4</v>
      </c>
      <c r="P4754" t="s">
        <v>655</v>
      </c>
      <c r="Q4754">
        <v>1</v>
      </c>
      <c r="R4754" t="s">
        <v>669</v>
      </c>
      <c r="S4754">
        <v>1</v>
      </c>
      <c r="T4754" t="s">
        <v>718</v>
      </c>
      <c r="U4754">
        <v>2</v>
      </c>
      <c r="V4754">
        <v>6</v>
      </c>
      <c r="W4754">
        <v>360</v>
      </c>
      <c r="X4754">
        <v>2020</v>
      </c>
    </row>
    <row r="4755" spans="1:24" x14ac:dyDescent="0.25">
      <c r="A4755">
        <v>5840</v>
      </c>
      <c r="B4755" t="s">
        <v>112</v>
      </c>
      <c r="C4755">
        <v>29</v>
      </c>
      <c r="D4755" t="s">
        <v>518</v>
      </c>
      <c r="E4755">
        <v>230</v>
      </c>
      <c r="F4755" t="s">
        <v>651</v>
      </c>
      <c r="G4755">
        <v>160</v>
      </c>
      <c r="H4755" t="s">
        <v>719</v>
      </c>
      <c r="I4755">
        <v>7630</v>
      </c>
      <c r="J4755" t="s">
        <v>693</v>
      </c>
      <c r="K4755">
        <v>56</v>
      </c>
      <c r="L4755" t="s">
        <v>3125</v>
      </c>
      <c r="M4755">
        <v>224</v>
      </c>
      <c r="N4755" t="s">
        <v>668</v>
      </c>
      <c r="O4755">
        <v>4</v>
      </c>
      <c r="P4755" t="s">
        <v>655</v>
      </c>
      <c r="Q4755">
        <v>1</v>
      </c>
      <c r="R4755" t="s">
        <v>669</v>
      </c>
      <c r="S4755">
        <v>1</v>
      </c>
      <c r="T4755" t="s">
        <v>718</v>
      </c>
      <c r="U4755">
        <v>2</v>
      </c>
      <c r="V4755">
        <v>4</v>
      </c>
      <c r="W4755">
        <v>240</v>
      </c>
      <c r="X4755">
        <v>2020</v>
      </c>
    </row>
    <row r="4756" spans="1:24" x14ac:dyDescent="0.25">
      <c r="A4756">
        <v>5839</v>
      </c>
      <c r="B4756" t="s">
        <v>22</v>
      </c>
      <c r="C4756">
        <v>28</v>
      </c>
      <c r="D4756" t="s">
        <v>526</v>
      </c>
      <c r="E4756">
        <v>220</v>
      </c>
      <c r="F4756" t="s">
        <v>734</v>
      </c>
      <c r="G4756">
        <v>122</v>
      </c>
      <c r="H4756" t="s">
        <v>735</v>
      </c>
      <c r="I4756">
        <v>13756</v>
      </c>
      <c r="J4756" t="s">
        <v>1236</v>
      </c>
      <c r="K4756">
        <v>60</v>
      </c>
      <c r="L4756" t="s">
        <v>3671</v>
      </c>
      <c r="M4756">
        <v>247</v>
      </c>
      <c r="N4756" t="s">
        <v>668</v>
      </c>
      <c r="O4756">
        <v>4</v>
      </c>
      <c r="P4756" t="s">
        <v>655</v>
      </c>
      <c r="Q4756">
        <v>1</v>
      </c>
      <c r="R4756" t="s">
        <v>669</v>
      </c>
      <c r="S4756">
        <v>1</v>
      </c>
      <c r="T4756" t="s">
        <v>661</v>
      </c>
      <c r="U4756">
        <v>8</v>
      </c>
      <c r="V4756">
        <v>4</v>
      </c>
      <c r="W4756">
        <v>240</v>
      </c>
      <c r="X4756">
        <v>2020</v>
      </c>
    </row>
    <row r="4757" spans="1:24" x14ac:dyDescent="0.25">
      <c r="A4757">
        <v>5838</v>
      </c>
      <c r="B4757" t="s">
        <v>22</v>
      </c>
      <c r="C4757">
        <v>28</v>
      </c>
      <c r="D4757" t="s">
        <v>526</v>
      </c>
      <c r="E4757">
        <v>220</v>
      </c>
      <c r="F4757" t="s">
        <v>734</v>
      </c>
      <c r="G4757">
        <v>122</v>
      </c>
      <c r="H4757" t="s">
        <v>735</v>
      </c>
      <c r="I4757">
        <v>13756</v>
      </c>
      <c r="J4757" t="s">
        <v>955</v>
      </c>
      <c r="K4757">
        <v>29</v>
      </c>
      <c r="L4757" t="s">
        <v>2089</v>
      </c>
      <c r="M4757">
        <v>94</v>
      </c>
      <c r="N4757" t="s">
        <v>668</v>
      </c>
      <c r="O4757">
        <v>4</v>
      </c>
      <c r="P4757" t="s">
        <v>655</v>
      </c>
      <c r="Q4757">
        <v>1</v>
      </c>
      <c r="R4757" t="s">
        <v>669</v>
      </c>
      <c r="S4757">
        <v>1</v>
      </c>
      <c r="T4757" t="s">
        <v>661</v>
      </c>
      <c r="U4757">
        <v>8</v>
      </c>
      <c r="V4757">
        <v>3</v>
      </c>
      <c r="W4757">
        <v>180</v>
      </c>
      <c r="X4757">
        <v>2020</v>
      </c>
    </row>
    <row r="4758" spans="1:24" x14ac:dyDescent="0.25">
      <c r="A4758">
        <v>5836</v>
      </c>
      <c r="B4758" t="s">
        <v>22</v>
      </c>
      <c r="C4758">
        <v>28</v>
      </c>
      <c r="D4758" t="s">
        <v>477</v>
      </c>
      <c r="E4758">
        <v>206</v>
      </c>
      <c r="F4758" t="s">
        <v>651</v>
      </c>
      <c r="G4758">
        <v>160</v>
      </c>
      <c r="H4758" t="s">
        <v>675</v>
      </c>
      <c r="I4758">
        <v>5952</v>
      </c>
      <c r="J4758" t="s">
        <v>1236</v>
      </c>
      <c r="K4758">
        <v>60</v>
      </c>
      <c r="L4758" t="s">
        <v>3672</v>
      </c>
      <c r="M4758">
        <v>307</v>
      </c>
      <c r="N4758" t="s">
        <v>654</v>
      </c>
      <c r="O4758">
        <v>3</v>
      </c>
      <c r="P4758" t="s">
        <v>655</v>
      </c>
      <c r="Q4758">
        <v>1</v>
      </c>
      <c r="R4758" t="s">
        <v>669</v>
      </c>
      <c r="S4758">
        <v>1</v>
      </c>
      <c r="T4758" t="s">
        <v>661</v>
      </c>
      <c r="U4758">
        <v>8</v>
      </c>
      <c r="V4758">
        <v>4</v>
      </c>
      <c r="W4758">
        <v>240</v>
      </c>
      <c r="X4758">
        <v>2020</v>
      </c>
    </row>
    <row r="4759" spans="1:24" x14ac:dyDescent="0.25">
      <c r="A4759">
        <v>5835</v>
      </c>
      <c r="B4759" t="s">
        <v>22</v>
      </c>
      <c r="C4759">
        <v>28</v>
      </c>
      <c r="D4759" t="s">
        <v>477</v>
      </c>
      <c r="E4759">
        <v>206</v>
      </c>
      <c r="F4759" t="s">
        <v>651</v>
      </c>
      <c r="G4759">
        <v>160</v>
      </c>
      <c r="H4759" t="s">
        <v>675</v>
      </c>
      <c r="I4759">
        <v>5952</v>
      </c>
      <c r="J4759" t="s">
        <v>1236</v>
      </c>
      <c r="K4759">
        <v>60</v>
      </c>
      <c r="L4759" t="s">
        <v>3673</v>
      </c>
      <c r="M4759">
        <v>245</v>
      </c>
      <c r="N4759" t="s">
        <v>654</v>
      </c>
      <c r="O4759">
        <v>3</v>
      </c>
      <c r="P4759" t="s">
        <v>655</v>
      </c>
      <c r="Q4759">
        <v>1</v>
      </c>
      <c r="R4759" t="s">
        <v>669</v>
      </c>
      <c r="S4759">
        <v>1</v>
      </c>
      <c r="T4759" t="s">
        <v>661</v>
      </c>
      <c r="U4759">
        <v>8</v>
      </c>
      <c r="V4759">
        <v>4</v>
      </c>
      <c r="W4759">
        <v>240</v>
      </c>
      <c r="X4759">
        <v>2020</v>
      </c>
    </row>
    <row r="4760" spans="1:24" x14ac:dyDescent="0.25">
      <c r="A4760">
        <v>5834</v>
      </c>
      <c r="B4760" t="s">
        <v>22</v>
      </c>
      <c r="C4760">
        <v>28</v>
      </c>
      <c r="D4760" t="s">
        <v>477</v>
      </c>
      <c r="E4760">
        <v>206</v>
      </c>
      <c r="F4760" t="s">
        <v>651</v>
      </c>
      <c r="G4760">
        <v>160</v>
      </c>
      <c r="H4760" t="s">
        <v>675</v>
      </c>
      <c r="I4760">
        <v>5952</v>
      </c>
      <c r="J4760" t="s">
        <v>693</v>
      </c>
      <c r="K4760">
        <v>56</v>
      </c>
      <c r="L4760" t="s">
        <v>3674</v>
      </c>
      <c r="M4760">
        <v>226</v>
      </c>
      <c r="N4760" t="s">
        <v>668</v>
      </c>
      <c r="O4760">
        <v>4</v>
      </c>
      <c r="P4760" t="s">
        <v>655</v>
      </c>
      <c r="Q4760">
        <v>1</v>
      </c>
      <c r="R4760" t="s">
        <v>669</v>
      </c>
      <c r="S4760">
        <v>1</v>
      </c>
      <c r="T4760" t="s">
        <v>661</v>
      </c>
      <c r="U4760">
        <v>8</v>
      </c>
      <c r="V4760">
        <v>4</v>
      </c>
      <c r="W4760">
        <v>240</v>
      </c>
      <c r="X4760">
        <v>2020</v>
      </c>
    </row>
    <row r="4761" spans="1:24" x14ac:dyDescent="0.25">
      <c r="A4761">
        <v>5832</v>
      </c>
      <c r="B4761" t="s">
        <v>14</v>
      </c>
      <c r="C4761">
        <v>20</v>
      </c>
      <c r="D4761" t="s">
        <v>551</v>
      </c>
      <c r="E4761">
        <v>152</v>
      </c>
      <c r="F4761" t="s">
        <v>651</v>
      </c>
      <c r="G4761">
        <v>160</v>
      </c>
      <c r="H4761" t="s">
        <v>739</v>
      </c>
      <c r="I4761">
        <v>4413</v>
      </c>
      <c r="J4761" t="s">
        <v>682</v>
      </c>
      <c r="K4761">
        <v>20</v>
      </c>
      <c r="L4761" t="s">
        <v>3675</v>
      </c>
      <c r="M4761">
        <v>65</v>
      </c>
      <c r="N4761" t="s">
        <v>654</v>
      </c>
      <c r="O4761">
        <v>3</v>
      </c>
      <c r="P4761" t="s">
        <v>655</v>
      </c>
      <c r="Q4761">
        <v>1</v>
      </c>
      <c r="R4761" t="s">
        <v>669</v>
      </c>
      <c r="S4761">
        <v>1</v>
      </c>
      <c r="T4761" t="s">
        <v>718</v>
      </c>
      <c r="U4761">
        <v>2</v>
      </c>
      <c r="V4761">
        <v>3</v>
      </c>
      <c r="W4761">
        <v>180</v>
      </c>
      <c r="X4761">
        <v>2020</v>
      </c>
    </row>
    <row r="4762" spans="1:24" x14ac:dyDescent="0.25">
      <c r="A4762">
        <v>5831</v>
      </c>
      <c r="B4762" t="s">
        <v>14</v>
      </c>
      <c r="C4762">
        <v>20</v>
      </c>
      <c r="D4762" t="s">
        <v>552</v>
      </c>
      <c r="E4762">
        <v>151</v>
      </c>
      <c r="F4762" t="s">
        <v>651</v>
      </c>
      <c r="G4762">
        <v>160</v>
      </c>
      <c r="H4762" t="s">
        <v>739</v>
      </c>
      <c r="I4762">
        <v>4413</v>
      </c>
      <c r="J4762" t="s">
        <v>301</v>
      </c>
      <c r="K4762">
        <v>26</v>
      </c>
      <c r="L4762" t="s">
        <v>3676</v>
      </c>
      <c r="M4762">
        <v>87</v>
      </c>
      <c r="N4762" t="s">
        <v>654</v>
      </c>
      <c r="O4762">
        <v>3</v>
      </c>
      <c r="P4762" t="s">
        <v>655</v>
      </c>
      <c r="Q4762">
        <v>1</v>
      </c>
      <c r="R4762" t="s">
        <v>669</v>
      </c>
      <c r="S4762">
        <v>1</v>
      </c>
      <c r="T4762" t="s">
        <v>718</v>
      </c>
      <c r="U4762">
        <v>2</v>
      </c>
      <c r="V4762">
        <v>3</v>
      </c>
      <c r="W4762">
        <v>180</v>
      </c>
      <c r="X4762">
        <v>2020</v>
      </c>
    </row>
    <row r="4763" spans="1:24" x14ac:dyDescent="0.25">
      <c r="A4763">
        <v>5829</v>
      </c>
      <c r="B4763" t="s">
        <v>14</v>
      </c>
      <c r="C4763">
        <v>20</v>
      </c>
      <c r="D4763" t="s">
        <v>426</v>
      </c>
      <c r="E4763">
        <v>145</v>
      </c>
      <c r="F4763" t="s">
        <v>651</v>
      </c>
      <c r="G4763">
        <v>160</v>
      </c>
      <c r="H4763" t="s">
        <v>739</v>
      </c>
      <c r="I4763">
        <v>4413</v>
      </c>
      <c r="J4763" t="s">
        <v>699</v>
      </c>
      <c r="K4763">
        <v>10</v>
      </c>
      <c r="L4763" t="s">
        <v>1692</v>
      </c>
      <c r="M4763">
        <v>502</v>
      </c>
      <c r="N4763" t="s">
        <v>654</v>
      </c>
      <c r="O4763">
        <v>3</v>
      </c>
      <c r="P4763" t="s">
        <v>655</v>
      </c>
      <c r="Q4763">
        <v>1</v>
      </c>
      <c r="R4763" t="s">
        <v>669</v>
      </c>
      <c r="S4763">
        <v>1</v>
      </c>
      <c r="T4763" t="s">
        <v>3677</v>
      </c>
      <c r="U4763">
        <v>333</v>
      </c>
      <c r="V4763">
        <v>3</v>
      </c>
      <c r="W4763">
        <v>180</v>
      </c>
      <c r="X4763">
        <v>2020</v>
      </c>
    </row>
    <row r="4764" spans="1:24" x14ac:dyDescent="0.25">
      <c r="A4764">
        <v>5828</v>
      </c>
      <c r="B4764" t="s">
        <v>14</v>
      </c>
      <c r="C4764">
        <v>20</v>
      </c>
      <c r="D4764" t="s">
        <v>426</v>
      </c>
      <c r="E4764">
        <v>145</v>
      </c>
      <c r="F4764" t="s">
        <v>651</v>
      </c>
      <c r="G4764">
        <v>160</v>
      </c>
      <c r="H4764" t="s">
        <v>739</v>
      </c>
      <c r="I4764">
        <v>4413</v>
      </c>
      <c r="J4764" t="s">
        <v>699</v>
      </c>
      <c r="K4764">
        <v>10</v>
      </c>
      <c r="L4764" t="s">
        <v>1692</v>
      </c>
      <c r="M4764">
        <v>502</v>
      </c>
      <c r="N4764" t="s">
        <v>654</v>
      </c>
      <c r="O4764">
        <v>3</v>
      </c>
      <c r="P4764" t="s">
        <v>655</v>
      </c>
      <c r="Q4764">
        <v>1</v>
      </c>
      <c r="R4764" t="s">
        <v>669</v>
      </c>
      <c r="S4764">
        <v>1</v>
      </c>
      <c r="T4764" t="s">
        <v>3678</v>
      </c>
      <c r="U4764">
        <v>312</v>
      </c>
      <c r="V4764">
        <v>3</v>
      </c>
      <c r="W4764">
        <v>180</v>
      </c>
      <c r="X4764">
        <v>2020</v>
      </c>
    </row>
    <row r="4765" spans="1:24" x14ac:dyDescent="0.25">
      <c r="A4765">
        <v>5827</v>
      </c>
      <c r="B4765" t="s">
        <v>14</v>
      </c>
      <c r="C4765">
        <v>20</v>
      </c>
      <c r="D4765" t="s">
        <v>426</v>
      </c>
      <c r="E4765">
        <v>145</v>
      </c>
      <c r="F4765" t="s">
        <v>651</v>
      </c>
      <c r="G4765">
        <v>160</v>
      </c>
      <c r="H4765" t="s">
        <v>739</v>
      </c>
      <c r="I4765">
        <v>4413</v>
      </c>
      <c r="J4765" t="s">
        <v>699</v>
      </c>
      <c r="K4765">
        <v>10</v>
      </c>
      <c r="L4765" t="s">
        <v>1692</v>
      </c>
      <c r="M4765">
        <v>502</v>
      </c>
      <c r="N4765" t="s">
        <v>654</v>
      </c>
      <c r="O4765">
        <v>3</v>
      </c>
      <c r="P4765" t="s">
        <v>655</v>
      </c>
      <c r="Q4765">
        <v>1</v>
      </c>
      <c r="R4765" t="s">
        <v>669</v>
      </c>
      <c r="S4765">
        <v>1</v>
      </c>
      <c r="T4765" t="s">
        <v>3679</v>
      </c>
      <c r="U4765">
        <v>163</v>
      </c>
      <c r="V4765">
        <v>3</v>
      </c>
      <c r="W4765">
        <v>180</v>
      </c>
      <c r="X4765">
        <v>2020</v>
      </c>
    </row>
    <row r="4766" spans="1:24" x14ac:dyDescent="0.25">
      <c r="A4766">
        <v>5826</v>
      </c>
      <c r="B4766" t="s">
        <v>14</v>
      </c>
      <c r="C4766">
        <v>20</v>
      </c>
      <c r="D4766" t="s">
        <v>426</v>
      </c>
      <c r="E4766">
        <v>145</v>
      </c>
      <c r="F4766" t="s">
        <v>651</v>
      </c>
      <c r="G4766">
        <v>160</v>
      </c>
      <c r="H4766" t="s">
        <v>739</v>
      </c>
      <c r="I4766">
        <v>4413</v>
      </c>
      <c r="J4766" t="s">
        <v>699</v>
      </c>
      <c r="K4766">
        <v>10</v>
      </c>
      <c r="L4766" t="s">
        <v>1692</v>
      </c>
      <c r="M4766">
        <v>502</v>
      </c>
      <c r="N4766" t="s">
        <v>654</v>
      </c>
      <c r="O4766">
        <v>3</v>
      </c>
      <c r="P4766" t="s">
        <v>655</v>
      </c>
      <c r="Q4766">
        <v>1</v>
      </c>
      <c r="R4766" t="s">
        <v>669</v>
      </c>
      <c r="S4766">
        <v>1</v>
      </c>
      <c r="T4766" t="s">
        <v>3680</v>
      </c>
      <c r="U4766">
        <v>162</v>
      </c>
      <c r="V4766">
        <v>3</v>
      </c>
      <c r="W4766">
        <v>180</v>
      </c>
      <c r="X4766">
        <v>2020</v>
      </c>
    </row>
    <row r="4767" spans="1:24" x14ac:dyDescent="0.25">
      <c r="A4767">
        <v>5825</v>
      </c>
      <c r="B4767" t="s">
        <v>14</v>
      </c>
      <c r="C4767">
        <v>20</v>
      </c>
      <c r="D4767" t="s">
        <v>426</v>
      </c>
      <c r="E4767">
        <v>145</v>
      </c>
      <c r="F4767" t="s">
        <v>651</v>
      </c>
      <c r="G4767">
        <v>160</v>
      </c>
      <c r="H4767" t="s">
        <v>739</v>
      </c>
      <c r="I4767">
        <v>4413</v>
      </c>
      <c r="J4767" t="s">
        <v>699</v>
      </c>
      <c r="K4767">
        <v>10</v>
      </c>
      <c r="L4767" t="s">
        <v>1692</v>
      </c>
      <c r="M4767">
        <v>502</v>
      </c>
      <c r="N4767" t="s">
        <v>654</v>
      </c>
      <c r="O4767">
        <v>3</v>
      </c>
      <c r="P4767" t="s">
        <v>655</v>
      </c>
      <c r="Q4767">
        <v>1</v>
      </c>
      <c r="R4767" t="s">
        <v>669</v>
      </c>
      <c r="S4767">
        <v>1</v>
      </c>
      <c r="T4767" t="s">
        <v>3681</v>
      </c>
      <c r="U4767">
        <v>332</v>
      </c>
      <c r="V4767">
        <v>3</v>
      </c>
      <c r="W4767">
        <v>180</v>
      </c>
      <c r="X4767">
        <v>2020</v>
      </c>
    </row>
    <row r="4768" spans="1:24" x14ac:dyDescent="0.25">
      <c r="A4768">
        <v>5824</v>
      </c>
      <c r="B4768" t="s">
        <v>14</v>
      </c>
      <c r="C4768">
        <v>20</v>
      </c>
      <c r="D4768" t="s">
        <v>426</v>
      </c>
      <c r="E4768">
        <v>145</v>
      </c>
      <c r="F4768" t="s">
        <v>651</v>
      </c>
      <c r="G4768">
        <v>160</v>
      </c>
      <c r="H4768" t="s">
        <v>739</v>
      </c>
      <c r="I4768">
        <v>4413</v>
      </c>
      <c r="J4768" t="s">
        <v>699</v>
      </c>
      <c r="K4768">
        <v>10</v>
      </c>
      <c r="L4768" t="s">
        <v>1692</v>
      </c>
      <c r="M4768">
        <v>502</v>
      </c>
      <c r="N4768" t="s">
        <v>654</v>
      </c>
      <c r="O4768">
        <v>3</v>
      </c>
      <c r="P4768" t="s">
        <v>655</v>
      </c>
      <c r="Q4768">
        <v>1</v>
      </c>
      <c r="R4768" t="s">
        <v>669</v>
      </c>
      <c r="S4768">
        <v>1</v>
      </c>
      <c r="T4768" t="s">
        <v>3682</v>
      </c>
      <c r="U4768">
        <v>331</v>
      </c>
      <c r="V4768">
        <v>3</v>
      </c>
      <c r="W4768">
        <v>180</v>
      </c>
      <c r="X4768">
        <v>2020</v>
      </c>
    </row>
    <row r="4769" spans="1:24" x14ac:dyDescent="0.25">
      <c r="A4769">
        <v>5823</v>
      </c>
      <c r="B4769" t="s">
        <v>14</v>
      </c>
      <c r="C4769">
        <v>20</v>
      </c>
      <c r="D4769" t="s">
        <v>426</v>
      </c>
      <c r="E4769">
        <v>145</v>
      </c>
      <c r="F4769" t="s">
        <v>651</v>
      </c>
      <c r="G4769">
        <v>160</v>
      </c>
      <c r="H4769" t="s">
        <v>739</v>
      </c>
      <c r="I4769">
        <v>4413</v>
      </c>
      <c r="J4769" t="s">
        <v>699</v>
      </c>
      <c r="K4769">
        <v>10</v>
      </c>
      <c r="L4769" t="s">
        <v>1692</v>
      </c>
      <c r="M4769">
        <v>502</v>
      </c>
      <c r="N4769" t="s">
        <v>654</v>
      </c>
      <c r="O4769">
        <v>3</v>
      </c>
      <c r="P4769" t="s">
        <v>655</v>
      </c>
      <c r="Q4769">
        <v>1</v>
      </c>
      <c r="R4769" t="s">
        <v>669</v>
      </c>
      <c r="S4769">
        <v>1</v>
      </c>
      <c r="T4769" t="s">
        <v>3683</v>
      </c>
      <c r="U4769">
        <v>330</v>
      </c>
      <c r="V4769">
        <v>3</v>
      </c>
      <c r="W4769">
        <v>180</v>
      </c>
      <c r="X4769">
        <v>2020</v>
      </c>
    </row>
    <row r="4770" spans="1:24" x14ac:dyDescent="0.25">
      <c r="A4770">
        <v>5822</v>
      </c>
      <c r="B4770" t="s">
        <v>14</v>
      </c>
      <c r="C4770">
        <v>20</v>
      </c>
      <c r="D4770" t="s">
        <v>426</v>
      </c>
      <c r="E4770">
        <v>145</v>
      </c>
      <c r="F4770" t="s">
        <v>651</v>
      </c>
      <c r="G4770">
        <v>160</v>
      </c>
      <c r="H4770" t="s">
        <v>739</v>
      </c>
      <c r="I4770">
        <v>4413</v>
      </c>
      <c r="J4770" t="s">
        <v>699</v>
      </c>
      <c r="K4770">
        <v>10</v>
      </c>
      <c r="L4770" t="s">
        <v>1692</v>
      </c>
      <c r="M4770">
        <v>502</v>
      </c>
      <c r="N4770" t="s">
        <v>654</v>
      </c>
      <c r="O4770">
        <v>3</v>
      </c>
      <c r="P4770" t="s">
        <v>655</v>
      </c>
      <c r="Q4770">
        <v>1</v>
      </c>
      <c r="R4770" t="s">
        <v>669</v>
      </c>
      <c r="S4770">
        <v>1</v>
      </c>
      <c r="T4770" t="s">
        <v>3684</v>
      </c>
      <c r="U4770">
        <v>329</v>
      </c>
      <c r="V4770">
        <v>3</v>
      </c>
      <c r="W4770">
        <v>180</v>
      </c>
      <c r="X4770">
        <v>2020</v>
      </c>
    </row>
    <row r="4771" spans="1:24" x14ac:dyDescent="0.25">
      <c r="A4771">
        <v>5821</v>
      </c>
      <c r="B4771" t="s">
        <v>14</v>
      </c>
      <c r="C4771">
        <v>20</v>
      </c>
      <c r="D4771" t="s">
        <v>426</v>
      </c>
      <c r="E4771">
        <v>145</v>
      </c>
      <c r="F4771" t="s">
        <v>651</v>
      </c>
      <c r="G4771">
        <v>160</v>
      </c>
      <c r="H4771" t="s">
        <v>739</v>
      </c>
      <c r="I4771">
        <v>4413</v>
      </c>
      <c r="J4771" t="s">
        <v>699</v>
      </c>
      <c r="K4771">
        <v>10</v>
      </c>
      <c r="L4771" t="s">
        <v>1692</v>
      </c>
      <c r="M4771">
        <v>502</v>
      </c>
      <c r="N4771" t="s">
        <v>654</v>
      </c>
      <c r="O4771">
        <v>3</v>
      </c>
      <c r="P4771" t="s">
        <v>655</v>
      </c>
      <c r="Q4771">
        <v>1</v>
      </c>
      <c r="R4771" t="s">
        <v>669</v>
      </c>
      <c r="S4771">
        <v>1</v>
      </c>
      <c r="T4771" t="s">
        <v>3685</v>
      </c>
      <c r="U4771">
        <v>328</v>
      </c>
      <c r="V4771">
        <v>3</v>
      </c>
      <c r="W4771">
        <v>180</v>
      </c>
      <c r="X4771">
        <v>2020</v>
      </c>
    </row>
    <row r="4772" spans="1:24" x14ac:dyDescent="0.25">
      <c r="A4772">
        <v>5820</v>
      </c>
      <c r="B4772" t="s">
        <v>14</v>
      </c>
      <c r="C4772">
        <v>20</v>
      </c>
      <c r="D4772" t="s">
        <v>426</v>
      </c>
      <c r="E4772">
        <v>145</v>
      </c>
      <c r="F4772" t="s">
        <v>651</v>
      </c>
      <c r="G4772">
        <v>160</v>
      </c>
      <c r="H4772" t="s">
        <v>739</v>
      </c>
      <c r="I4772">
        <v>4413</v>
      </c>
      <c r="J4772" t="s">
        <v>699</v>
      </c>
      <c r="K4772">
        <v>10</v>
      </c>
      <c r="L4772" t="s">
        <v>1692</v>
      </c>
      <c r="M4772">
        <v>502</v>
      </c>
      <c r="N4772" t="s">
        <v>654</v>
      </c>
      <c r="O4772">
        <v>3</v>
      </c>
      <c r="P4772" t="s">
        <v>655</v>
      </c>
      <c r="Q4772">
        <v>1</v>
      </c>
      <c r="R4772" t="s">
        <v>669</v>
      </c>
      <c r="S4772">
        <v>1</v>
      </c>
      <c r="T4772" t="s">
        <v>3686</v>
      </c>
      <c r="U4772">
        <v>327</v>
      </c>
      <c r="V4772">
        <v>3</v>
      </c>
      <c r="W4772">
        <v>180</v>
      </c>
      <c r="X4772">
        <v>2020</v>
      </c>
    </row>
    <row r="4773" spans="1:24" x14ac:dyDescent="0.25">
      <c r="A4773">
        <v>5819</v>
      </c>
      <c r="B4773" t="s">
        <v>14</v>
      </c>
      <c r="C4773">
        <v>20</v>
      </c>
      <c r="D4773" t="s">
        <v>557</v>
      </c>
      <c r="E4773">
        <v>143</v>
      </c>
      <c r="F4773" t="s">
        <v>651</v>
      </c>
      <c r="G4773">
        <v>160</v>
      </c>
      <c r="H4773" t="s">
        <v>677</v>
      </c>
      <c r="I4773">
        <v>5060</v>
      </c>
      <c r="J4773" t="s">
        <v>736</v>
      </c>
      <c r="K4773">
        <v>8</v>
      </c>
      <c r="L4773" t="s">
        <v>736</v>
      </c>
      <c r="M4773">
        <v>27</v>
      </c>
      <c r="N4773" t="s">
        <v>668</v>
      </c>
      <c r="O4773">
        <v>4</v>
      </c>
      <c r="P4773" t="s">
        <v>655</v>
      </c>
      <c r="Q4773">
        <v>1</v>
      </c>
      <c r="R4773" t="s">
        <v>669</v>
      </c>
      <c r="S4773">
        <v>1</v>
      </c>
      <c r="T4773" t="s">
        <v>657</v>
      </c>
      <c r="U4773">
        <v>7</v>
      </c>
      <c r="V4773">
        <v>3</v>
      </c>
      <c r="W4773">
        <v>180</v>
      </c>
      <c r="X4773">
        <v>2020</v>
      </c>
    </row>
    <row r="4774" spans="1:24" x14ac:dyDescent="0.25">
      <c r="A4774">
        <v>5818</v>
      </c>
      <c r="B4774" t="s">
        <v>14</v>
      </c>
      <c r="C4774">
        <v>20</v>
      </c>
      <c r="D4774" t="s">
        <v>458</v>
      </c>
      <c r="E4774">
        <v>138</v>
      </c>
      <c r="F4774" t="s">
        <v>651</v>
      </c>
      <c r="G4774">
        <v>160</v>
      </c>
      <c r="H4774" t="s">
        <v>739</v>
      </c>
      <c r="I4774">
        <v>4413</v>
      </c>
      <c r="J4774" t="s">
        <v>676</v>
      </c>
      <c r="K4774">
        <v>4</v>
      </c>
      <c r="L4774" t="s">
        <v>676</v>
      </c>
      <c r="M4774">
        <v>12</v>
      </c>
      <c r="N4774" t="s">
        <v>654</v>
      </c>
      <c r="O4774">
        <v>3</v>
      </c>
      <c r="P4774" t="s">
        <v>655</v>
      </c>
      <c r="Q4774">
        <v>1</v>
      </c>
      <c r="R4774" t="s">
        <v>669</v>
      </c>
      <c r="S4774">
        <v>1</v>
      </c>
      <c r="T4774" t="s">
        <v>729</v>
      </c>
      <c r="U4774">
        <v>4</v>
      </c>
      <c r="V4774">
        <v>3</v>
      </c>
      <c r="W4774">
        <v>180</v>
      </c>
      <c r="X4774">
        <v>2020</v>
      </c>
    </row>
    <row r="4775" spans="1:24" x14ac:dyDescent="0.25">
      <c r="A4775">
        <v>5817</v>
      </c>
      <c r="B4775" t="s">
        <v>30</v>
      </c>
      <c r="C4775">
        <v>18</v>
      </c>
      <c r="D4775" t="s">
        <v>470</v>
      </c>
      <c r="E4775">
        <v>127</v>
      </c>
      <c r="F4775" t="s">
        <v>651</v>
      </c>
      <c r="G4775">
        <v>160</v>
      </c>
      <c r="H4775" t="s">
        <v>922</v>
      </c>
      <c r="I4775">
        <v>8163</v>
      </c>
      <c r="J4775" t="s">
        <v>1080</v>
      </c>
      <c r="K4775">
        <v>49</v>
      </c>
      <c r="L4775" t="s">
        <v>3687</v>
      </c>
      <c r="M4775">
        <v>181</v>
      </c>
      <c r="N4775" t="s">
        <v>654</v>
      </c>
      <c r="O4775">
        <v>3</v>
      </c>
      <c r="P4775" t="s">
        <v>655</v>
      </c>
      <c r="Q4775">
        <v>1</v>
      </c>
      <c r="R4775" t="s">
        <v>669</v>
      </c>
      <c r="S4775">
        <v>1</v>
      </c>
      <c r="T4775" t="s">
        <v>661</v>
      </c>
      <c r="U4775">
        <v>8</v>
      </c>
      <c r="V4775">
        <v>4</v>
      </c>
      <c r="W4775">
        <v>240</v>
      </c>
      <c r="X4775">
        <v>2020</v>
      </c>
    </row>
    <row r="4776" spans="1:24" x14ac:dyDescent="0.25">
      <c r="A4776">
        <v>5813</v>
      </c>
      <c r="B4776" t="s">
        <v>30</v>
      </c>
      <c r="C4776">
        <v>18</v>
      </c>
      <c r="D4776" t="s">
        <v>477</v>
      </c>
      <c r="E4776">
        <v>103</v>
      </c>
      <c r="F4776" t="s">
        <v>651</v>
      </c>
      <c r="G4776">
        <v>160</v>
      </c>
      <c r="H4776" t="s">
        <v>922</v>
      </c>
      <c r="I4776">
        <v>8163</v>
      </c>
      <c r="J4776" t="s">
        <v>1055</v>
      </c>
      <c r="K4776">
        <v>69</v>
      </c>
      <c r="L4776" t="s">
        <v>3688</v>
      </c>
      <c r="M4776">
        <v>296</v>
      </c>
      <c r="N4776" t="s">
        <v>654</v>
      </c>
      <c r="O4776">
        <v>3</v>
      </c>
      <c r="P4776" t="s">
        <v>655</v>
      </c>
      <c r="Q4776">
        <v>1</v>
      </c>
      <c r="R4776" t="s">
        <v>669</v>
      </c>
      <c r="S4776">
        <v>1</v>
      </c>
      <c r="T4776" t="s">
        <v>661</v>
      </c>
      <c r="U4776">
        <v>8</v>
      </c>
      <c r="V4776">
        <v>4</v>
      </c>
      <c r="W4776">
        <v>240</v>
      </c>
      <c r="X4776">
        <v>2020</v>
      </c>
    </row>
    <row r="4777" spans="1:24" x14ac:dyDescent="0.25">
      <c r="A4777">
        <v>5811</v>
      </c>
      <c r="B4777" t="s">
        <v>30</v>
      </c>
      <c r="C4777">
        <v>18</v>
      </c>
      <c r="D4777" t="s">
        <v>477</v>
      </c>
      <c r="E4777">
        <v>103</v>
      </c>
      <c r="F4777" t="s">
        <v>651</v>
      </c>
      <c r="G4777">
        <v>160</v>
      </c>
      <c r="H4777" t="s">
        <v>922</v>
      </c>
      <c r="I4777">
        <v>8163</v>
      </c>
      <c r="J4777" t="s">
        <v>848</v>
      </c>
      <c r="K4777">
        <v>62</v>
      </c>
      <c r="L4777" t="s">
        <v>1924</v>
      </c>
      <c r="M4777">
        <v>263</v>
      </c>
      <c r="N4777" t="s">
        <v>654</v>
      </c>
      <c r="O4777">
        <v>3</v>
      </c>
      <c r="P4777" t="s">
        <v>655</v>
      </c>
      <c r="Q4777">
        <v>1</v>
      </c>
      <c r="R4777" t="s">
        <v>669</v>
      </c>
      <c r="S4777">
        <v>1</v>
      </c>
      <c r="T4777" t="s">
        <v>661</v>
      </c>
      <c r="U4777">
        <v>8</v>
      </c>
      <c r="V4777">
        <v>4</v>
      </c>
      <c r="W4777">
        <v>240</v>
      </c>
      <c r="X4777">
        <v>2020</v>
      </c>
    </row>
    <row r="4778" spans="1:24" x14ac:dyDescent="0.25">
      <c r="A4778">
        <v>5810</v>
      </c>
      <c r="B4778" t="s">
        <v>30</v>
      </c>
      <c r="C4778">
        <v>18</v>
      </c>
      <c r="D4778" t="s">
        <v>477</v>
      </c>
      <c r="E4778">
        <v>103</v>
      </c>
      <c r="F4778" t="s">
        <v>651</v>
      </c>
      <c r="G4778">
        <v>160</v>
      </c>
      <c r="H4778" t="s">
        <v>922</v>
      </c>
      <c r="I4778">
        <v>8163</v>
      </c>
      <c r="J4778" t="s">
        <v>1236</v>
      </c>
      <c r="K4778">
        <v>60</v>
      </c>
      <c r="L4778" t="s">
        <v>3671</v>
      </c>
      <c r="M4778">
        <v>247</v>
      </c>
      <c r="N4778" t="s">
        <v>654</v>
      </c>
      <c r="O4778">
        <v>3</v>
      </c>
      <c r="P4778" t="s">
        <v>655</v>
      </c>
      <c r="Q4778">
        <v>1</v>
      </c>
      <c r="R4778" t="s">
        <v>669</v>
      </c>
      <c r="S4778">
        <v>1</v>
      </c>
      <c r="T4778" t="s">
        <v>661</v>
      </c>
      <c r="U4778">
        <v>8</v>
      </c>
      <c r="V4778">
        <v>4</v>
      </c>
      <c r="W4778">
        <v>240</v>
      </c>
      <c r="X4778">
        <v>2020</v>
      </c>
    </row>
    <row r="4779" spans="1:24" x14ac:dyDescent="0.25">
      <c r="A4779">
        <v>5804</v>
      </c>
      <c r="B4779" t="s">
        <v>108</v>
      </c>
      <c r="C4779">
        <v>13</v>
      </c>
      <c r="D4779" t="s">
        <v>509</v>
      </c>
      <c r="E4779">
        <v>87</v>
      </c>
      <c r="F4779" t="s">
        <v>651</v>
      </c>
      <c r="G4779">
        <v>160</v>
      </c>
      <c r="H4779" t="s">
        <v>854</v>
      </c>
      <c r="I4779">
        <v>1</v>
      </c>
      <c r="J4779" t="s">
        <v>673</v>
      </c>
      <c r="K4779">
        <v>34</v>
      </c>
      <c r="L4779" t="s">
        <v>1618</v>
      </c>
      <c r="M4779">
        <v>105</v>
      </c>
      <c r="N4779" t="s">
        <v>654</v>
      </c>
      <c r="O4779">
        <v>3</v>
      </c>
      <c r="P4779" t="s">
        <v>655</v>
      </c>
      <c r="Q4779">
        <v>1</v>
      </c>
      <c r="R4779" t="s">
        <v>669</v>
      </c>
      <c r="S4779">
        <v>1</v>
      </c>
      <c r="T4779" t="s">
        <v>661</v>
      </c>
      <c r="U4779">
        <v>8</v>
      </c>
      <c r="V4779">
        <v>3</v>
      </c>
      <c r="W4779">
        <v>180</v>
      </c>
      <c r="X4779">
        <v>2020</v>
      </c>
    </row>
    <row r="4780" spans="1:24" x14ac:dyDescent="0.25">
      <c r="A4780">
        <v>5803</v>
      </c>
      <c r="B4780" t="s">
        <v>12</v>
      </c>
      <c r="C4780">
        <v>7</v>
      </c>
      <c r="D4780" t="s">
        <v>590</v>
      </c>
      <c r="E4780">
        <v>70</v>
      </c>
      <c r="F4780" t="s">
        <v>651</v>
      </c>
      <c r="G4780">
        <v>160</v>
      </c>
      <c r="H4780" t="s">
        <v>658</v>
      </c>
      <c r="I4780">
        <v>13755</v>
      </c>
      <c r="J4780" t="s">
        <v>703</v>
      </c>
      <c r="K4780">
        <v>16</v>
      </c>
      <c r="L4780" t="s">
        <v>704</v>
      </c>
      <c r="M4780">
        <v>56</v>
      </c>
      <c r="N4780" t="s">
        <v>654</v>
      </c>
      <c r="O4780">
        <v>3</v>
      </c>
      <c r="P4780" t="s">
        <v>655</v>
      </c>
      <c r="Q4780">
        <v>1</v>
      </c>
      <c r="R4780" t="s">
        <v>669</v>
      </c>
      <c r="S4780">
        <v>1</v>
      </c>
      <c r="T4780" t="s">
        <v>661</v>
      </c>
      <c r="U4780">
        <v>8</v>
      </c>
      <c r="V4780">
        <v>3</v>
      </c>
      <c r="W4780">
        <v>180</v>
      </c>
      <c r="X4780">
        <v>2020</v>
      </c>
    </row>
    <row r="4781" spans="1:24" x14ac:dyDescent="0.25">
      <c r="A4781">
        <v>5802</v>
      </c>
      <c r="B4781" t="s">
        <v>16</v>
      </c>
      <c r="C4781">
        <v>5</v>
      </c>
      <c r="D4781" t="s">
        <v>585</v>
      </c>
      <c r="E4781">
        <v>51</v>
      </c>
      <c r="F4781" t="s">
        <v>651</v>
      </c>
      <c r="G4781">
        <v>160</v>
      </c>
      <c r="H4781" t="s">
        <v>658</v>
      </c>
      <c r="I4781">
        <v>13755</v>
      </c>
      <c r="J4781" t="s">
        <v>756</v>
      </c>
      <c r="K4781">
        <v>19</v>
      </c>
      <c r="L4781" t="s">
        <v>756</v>
      </c>
      <c r="M4781">
        <v>60</v>
      </c>
      <c r="N4781" t="s">
        <v>668</v>
      </c>
      <c r="O4781">
        <v>4</v>
      </c>
      <c r="P4781" t="s">
        <v>655</v>
      </c>
      <c r="Q4781">
        <v>1</v>
      </c>
      <c r="R4781" t="s">
        <v>669</v>
      </c>
      <c r="S4781">
        <v>1</v>
      </c>
      <c r="T4781" t="s">
        <v>718</v>
      </c>
      <c r="U4781">
        <v>2</v>
      </c>
      <c r="V4781">
        <v>3</v>
      </c>
      <c r="W4781">
        <v>180</v>
      </c>
      <c r="X4781">
        <v>2020</v>
      </c>
    </row>
    <row r="4782" spans="1:24" x14ac:dyDescent="0.25">
      <c r="A4782">
        <v>5801</v>
      </c>
      <c r="B4782" t="s">
        <v>16</v>
      </c>
      <c r="C4782">
        <v>5</v>
      </c>
      <c r="D4782" t="s">
        <v>605</v>
      </c>
      <c r="E4782">
        <v>36</v>
      </c>
      <c r="F4782" t="s">
        <v>651</v>
      </c>
      <c r="G4782">
        <v>160</v>
      </c>
      <c r="H4782" t="s">
        <v>658</v>
      </c>
      <c r="I4782">
        <v>13755</v>
      </c>
      <c r="J4782" t="s">
        <v>301</v>
      </c>
      <c r="K4782">
        <v>26</v>
      </c>
      <c r="L4782" t="s">
        <v>301</v>
      </c>
      <c r="M4782">
        <v>82</v>
      </c>
      <c r="N4782" t="s">
        <v>668</v>
      </c>
      <c r="O4782">
        <v>4</v>
      </c>
      <c r="P4782" t="s">
        <v>655</v>
      </c>
      <c r="Q4782">
        <v>1</v>
      </c>
      <c r="R4782" t="s">
        <v>669</v>
      </c>
      <c r="S4782">
        <v>1</v>
      </c>
      <c r="T4782" t="s">
        <v>718</v>
      </c>
      <c r="U4782">
        <v>2</v>
      </c>
      <c r="V4782">
        <v>3</v>
      </c>
      <c r="W4782">
        <v>180</v>
      </c>
      <c r="X4782">
        <v>2020</v>
      </c>
    </row>
    <row r="4783" spans="1:24" x14ac:dyDescent="0.25">
      <c r="A4783">
        <v>5800</v>
      </c>
      <c r="B4783" t="s">
        <v>183</v>
      </c>
      <c r="C4783">
        <v>4</v>
      </c>
      <c r="D4783" t="s">
        <v>608</v>
      </c>
      <c r="E4783">
        <v>33</v>
      </c>
      <c r="F4783" t="s">
        <v>651</v>
      </c>
      <c r="G4783">
        <v>160</v>
      </c>
      <c r="H4783" t="s">
        <v>658</v>
      </c>
      <c r="I4783">
        <v>13755</v>
      </c>
      <c r="J4783" t="s">
        <v>1182</v>
      </c>
      <c r="K4783">
        <v>46</v>
      </c>
      <c r="L4783" t="s">
        <v>3689</v>
      </c>
      <c r="M4783">
        <v>158</v>
      </c>
      <c r="N4783" t="s">
        <v>668</v>
      </c>
      <c r="O4783">
        <v>4</v>
      </c>
      <c r="P4783" t="s">
        <v>746</v>
      </c>
      <c r="Q4783">
        <v>2</v>
      </c>
      <c r="R4783" t="s">
        <v>669</v>
      </c>
      <c r="S4783">
        <v>1</v>
      </c>
      <c r="T4783" t="s">
        <v>661</v>
      </c>
      <c r="U4783">
        <v>8</v>
      </c>
      <c r="V4783">
        <v>4</v>
      </c>
      <c r="W4783">
        <v>240</v>
      </c>
      <c r="X4783">
        <v>2020</v>
      </c>
    </row>
    <row r="4784" spans="1:24" x14ac:dyDescent="0.25">
      <c r="A4784">
        <v>5799</v>
      </c>
      <c r="B4784" t="s">
        <v>110</v>
      </c>
      <c r="C4784">
        <v>2</v>
      </c>
      <c r="D4784" t="s">
        <v>616</v>
      </c>
      <c r="E4784">
        <v>21</v>
      </c>
      <c r="F4784" t="s">
        <v>651</v>
      </c>
      <c r="G4784">
        <v>160</v>
      </c>
      <c r="H4784" t="s">
        <v>658</v>
      </c>
      <c r="I4784">
        <v>13755</v>
      </c>
      <c r="J4784" t="s">
        <v>1182</v>
      </c>
      <c r="K4784">
        <v>46</v>
      </c>
      <c r="L4784" t="s">
        <v>3690</v>
      </c>
      <c r="M4784">
        <v>526</v>
      </c>
      <c r="N4784" t="s">
        <v>668</v>
      </c>
      <c r="O4784">
        <v>4</v>
      </c>
      <c r="P4784" t="s">
        <v>655</v>
      </c>
      <c r="Q4784">
        <v>1</v>
      </c>
      <c r="R4784" t="s">
        <v>669</v>
      </c>
      <c r="S4784">
        <v>1</v>
      </c>
      <c r="T4784" t="s">
        <v>661</v>
      </c>
      <c r="U4784">
        <v>8</v>
      </c>
      <c r="V4784">
        <v>4</v>
      </c>
      <c r="W4784">
        <v>240</v>
      </c>
      <c r="X4784">
        <v>2020</v>
      </c>
    </row>
    <row r="4785" spans="1:24" x14ac:dyDescent="0.25">
      <c r="A4785">
        <v>5798</v>
      </c>
      <c r="B4785" t="s">
        <v>110</v>
      </c>
      <c r="C4785">
        <v>2</v>
      </c>
      <c r="D4785" t="s">
        <v>616</v>
      </c>
      <c r="E4785">
        <v>21</v>
      </c>
      <c r="F4785" t="s">
        <v>651</v>
      </c>
      <c r="G4785">
        <v>160</v>
      </c>
      <c r="H4785" t="s">
        <v>658</v>
      </c>
      <c r="I4785">
        <v>13755</v>
      </c>
      <c r="J4785" t="s">
        <v>1182</v>
      </c>
      <c r="K4785">
        <v>46</v>
      </c>
      <c r="L4785" t="s">
        <v>3691</v>
      </c>
      <c r="M4785">
        <v>525</v>
      </c>
      <c r="N4785" t="s">
        <v>668</v>
      </c>
      <c r="O4785">
        <v>4</v>
      </c>
      <c r="P4785" t="s">
        <v>655</v>
      </c>
      <c r="Q4785">
        <v>1</v>
      </c>
      <c r="R4785" t="s">
        <v>669</v>
      </c>
      <c r="S4785">
        <v>1</v>
      </c>
      <c r="T4785" t="s">
        <v>661</v>
      </c>
      <c r="U4785">
        <v>8</v>
      </c>
      <c r="V4785">
        <v>4</v>
      </c>
      <c r="W4785">
        <v>240</v>
      </c>
      <c r="X4785">
        <v>2020</v>
      </c>
    </row>
    <row r="4786" spans="1:24" x14ac:dyDescent="0.25">
      <c r="A4786">
        <v>5790</v>
      </c>
      <c r="B4786" t="s">
        <v>55</v>
      </c>
      <c r="C4786">
        <v>81</v>
      </c>
      <c r="D4786" t="s">
        <v>316</v>
      </c>
      <c r="E4786">
        <v>517</v>
      </c>
      <c r="F4786" t="s">
        <v>651</v>
      </c>
      <c r="G4786">
        <v>160</v>
      </c>
      <c r="H4786" t="s">
        <v>666</v>
      </c>
      <c r="I4786">
        <v>8767</v>
      </c>
      <c r="J4786" t="s">
        <v>301</v>
      </c>
      <c r="K4786">
        <v>26</v>
      </c>
      <c r="L4786" t="s">
        <v>930</v>
      </c>
      <c r="M4786">
        <v>84</v>
      </c>
      <c r="N4786" t="s">
        <v>668</v>
      </c>
      <c r="O4786">
        <v>4</v>
      </c>
      <c r="P4786" t="s">
        <v>655</v>
      </c>
      <c r="Q4786">
        <v>1</v>
      </c>
      <c r="R4786" t="s">
        <v>669</v>
      </c>
      <c r="S4786">
        <v>1</v>
      </c>
      <c r="T4786" t="s">
        <v>718</v>
      </c>
      <c r="U4786">
        <v>2</v>
      </c>
      <c r="V4786">
        <v>3</v>
      </c>
      <c r="W4786">
        <v>180</v>
      </c>
      <c r="X4786">
        <v>2020</v>
      </c>
    </row>
    <row r="4787" spans="1:24" x14ac:dyDescent="0.25">
      <c r="A4787">
        <v>5787</v>
      </c>
      <c r="B4787" t="s">
        <v>67</v>
      </c>
      <c r="C4787">
        <v>62</v>
      </c>
      <c r="D4787" t="s">
        <v>402</v>
      </c>
      <c r="E4787">
        <v>446</v>
      </c>
      <c r="F4787" t="s">
        <v>651</v>
      </c>
      <c r="G4787">
        <v>160</v>
      </c>
      <c r="H4787" t="s">
        <v>658</v>
      </c>
      <c r="I4787">
        <v>13755</v>
      </c>
      <c r="J4787" t="s">
        <v>1088</v>
      </c>
      <c r="K4787">
        <v>38</v>
      </c>
      <c r="L4787" t="s">
        <v>1265</v>
      </c>
      <c r="M4787">
        <v>136</v>
      </c>
      <c r="N4787" t="s">
        <v>654</v>
      </c>
      <c r="O4787">
        <v>3</v>
      </c>
      <c r="P4787" t="s">
        <v>655</v>
      </c>
      <c r="Q4787">
        <v>1</v>
      </c>
      <c r="R4787" t="s">
        <v>669</v>
      </c>
      <c r="S4787">
        <v>1</v>
      </c>
      <c r="T4787" t="s">
        <v>661</v>
      </c>
      <c r="U4787">
        <v>8</v>
      </c>
      <c r="V4787">
        <v>3</v>
      </c>
      <c r="W4787">
        <v>180</v>
      </c>
      <c r="X4787">
        <v>2020</v>
      </c>
    </row>
    <row r="4788" spans="1:24" x14ac:dyDescent="0.25">
      <c r="A4788">
        <v>5785</v>
      </c>
      <c r="B4788" t="s">
        <v>67</v>
      </c>
      <c r="C4788">
        <v>62</v>
      </c>
      <c r="D4788" t="s">
        <v>425</v>
      </c>
      <c r="E4788">
        <v>432</v>
      </c>
      <c r="F4788" t="s">
        <v>651</v>
      </c>
      <c r="G4788">
        <v>160</v>
      </c>
      <c r="H4788" t="s">
        <v>658</v>
      </c>
      <c r="I4788">
        <v>13755</v>
      </c>
      <c r="J4788" t="s">
        <v>868</v>
      </c>
      <c r="K4788">
        <v>23</v>
      </c>
      <c r="L4788" t="s">
        <v>868</v>
      </c>
      <c r="M4788">
        <v>73</v>
      </c>
      <c r="N4788" t="s">
        <v>654</v>
      </c>
      <c r="O4788">
        <v>3</v>
      </c>
      <c r="P4788" t="s">
        <v>746</v>
      </c>
      <c r="Q4788">
        <v>2</v>
      </c>
      <c r="R4788" t="s">
        <v>669</v>
      </c>
      <c r="S4788">
        <v>1</v>
      </c>
      <c r="T4788" t="s">
        <v>661</v>
      </c>
      <c r="U4788">
        <v>8</v>
      </c>
      <c r="V4788">
        <v>3</v>
      </c>
      <c r="W4788">
        <v>180</v>
      </c>
      <c r="X4788">
        <v>2020</v>
      </c>
    </row>
    <row r="4789" spans="1:24" x14ac:dyDescent="0.25">
      <c r="A4789">
        <v>5782</v>
      </c>
      <c r="B4789" t="s">
        <v>63</v>
      </c>
      <c r="C4789">
        <v>58</v>
      </c>
      <c r="D4789" t="s">
        <v>321</v>
      </c>
      <c r="E4789">
        <v>642</v>
      </c>
      <c r="F4789" t="s">
        <v>651</v>
      </c>
      <c r="G4789">
        <v>160</v>
      </c>
      <c r="H4789" t="s">
        <v>658</v>
      </c>
      <c r="I4789">
        <v>13755</v>
      </c>
      <c r="J4789" t="s">
        <v>1931</v>
      </c>
      <c r="K4789">
        <v>80</v>
      </c>
      <c r="L4789" t="s">
        <v>878</v>
      </c>
      <c r="M4789">
        <v>329</v>
      </c>
      <c r="N4789" t="s">
        <v>668</v>
      </c>
      <c r="O4789">
        <v>4</v>
      </c>
      <c r="P4789" t="s">
        <v>655</v>
      </c>
      <c r="Q4789">
        <v>1</v>
      </c>
      <c r="R4789" t="s">
        <v>669</v>
      </c>
      <c r="S4789">
        <v>1</v>
      </c>
      <c r="T4789" t="s">
        <v>661</v>
      </c>
      <c r="U4789">
        <v>8</v>
      </c>
      <c r="V4789">
        <v>5</v>
      </c>
      <c r="W4789">
        <v>300</v>
      </c>
      <c r="X4789">
        <v>2020</v>
      </c>
    </row>
    <row r="4790" spans="1:24" x14ac:dyDescent="0.25">
      <c r="A4790">
        <v>5780</v>
      </c>
      <c r="B4790" t="s">
        <v>224</v>
      </c>
      <c r="C4790">
        <v>46</v>
      </c>
      <c r="D4790" t="s">
        <v>464</v>
      </c>
      <c r="E4790">
        <v>349</v>
      </c>
      <c r="F4790" t="s">
        <v>651</v>
      </c>
      <c r="G4790">
        <v>160</v>
      </c>
      <c r="H4790" t="s">
        <v>929</v>
      </c>
      <c r="I4790">
        <v>7015</v>
      </c>
      <c r="J4790" t="s">
        <v>848</v>
      </c>
      <c r="K4790">
        <v>62</v>
      </c>
      <c r="L4790" t="s">
        <v>1228</v>
      </c>
      <c r="M4790">
        <v>269</v>
      </c>
      <c r="N4790" t="s">
        <v>668</v>
      </c>
      <c r="O4790">
        <v>4</v>
      </c>
      <c r="P4790" t="s">
        <v>655</v>
      </c>
      <c r="Q4790">
        <v>1</v>
      </c>
      <c r="R4790" t="s">
        <v>669</v>
      </c>
      <c r="S4790">
        <v>1</v>
      </c>
      <c r="T4790" t="s">
        <v>661</v>
      </c>
      <c r="U4790">
        <v>8</v>
      </c>
      <c r="V4790">
        <v>4</v>
      </c>
      <c r="W4790">
        <v>240</v>
      </c>
      <c r="X4790">
        <v>2020</v>
      </c>
    </row>
    <row r="4791" spans="1:24" x14ac:dyDescent="0.25">
      <c r="A4791">
        <v>5779</v>
      </c>
      <c r="B4791" t="s">
        <v>224</v>
      </c>
      <c r="C4791">
        <v>46</v>
      </c>
      <c r="D4791" t="s">
        <v>464</v>
      </c>
      <c r="E4791">
        <v>349</v>
      </c>
      <c r="F4791" t="s">
        <v>651</v>
      </c>
      <c r="G4791">
        <v>160</v>
      </c>
      <c r="H4791" t="s">
        <v>929</v>
      </c>
      <c r="I4791">
        <v>7015</v>
      </c>
      <c r="J4791" t="s">
        <v>714</v>
      </c>
      <c r="K4791">
        <v>52</v>
      </c>
      <c r="L4791" t="s">
        <v>926</v>
      </c>
      <c r="M4791">
        <v>203</v>
      </c>
      <c r="N4791" t="s">
        <v>668</v>
      </c>
      <c r="O4791">
        <v>4</v>
      </c>
      <c r="P4791" t="s">
        <v>655</v>
      </c>
      <c r="Q4791">
        <v>1</v>
      </c>
      <c r="R4791" t="s">
        <v>669</v>
      </c>
      <c r="S4791">
        <v>1</v>
      </c>
      <c r="T4791" t="s">
        <v>661</v>
      </c>
      <c r="U4791">
        <v>8</v>
      </c>
      <c r="V4791">
        <v>4</v>
      </c>
      <c r="W4791">
        <v>240</v>
      </c>
      <c r="X4791">
        <v>2020</v>
      </c>
    </row>
    <row r="4792" spans="1:24" x14ac:dyDescent="0.25">
      <c r="A4792">
        <v>5778</v>
      </c>
      <c r="B4792" t="s">
        <v>224</v>
      </c>
      <c r="C4792">
        <v>46</v>
      </c>
      <c r="D4792" t="s">
        <v>471</v>
      </c>
      <c r="E4792">
        <v>340</v>
      </c>
      <c r="F4792" t="s">
        <v>651</v>
      </c>
      <c r="G4792">
        <v>160</v>
      </c>
      <c r="H4792" t="s">
        <v>773</v>
      </c>
      <c r="I4792">
        <v>11846</v>
      </c>
      <c r="J4792" t="s">
        <v>880</v>
      </c>
      <c r="K4792">
        <v>58</v>
      </c>
      <c r="L4792" t="s">
        <v>1086</v>
      </c>
      <c r="M4792">
        <v>238</v>
      </c>
      <c r="N4792" t="s">
        <v>654</v>
      </c>
      <c r="O4792">
        <v>3</v>
      </c>
      <c r="P4792" t="s">
        <v>655</v>
      </c>
      <c r="Q4792">
        <v>1</v>
      </c>
      <c r="R4792" t="s">
        <v>669</v>
      </c>
      <c r="S4792">
        <v>1</v>
      </c>
      <c r="T4792" t="s">
        <v>661</v>
      </c>
      <c r="U4792">
        <v>8</v>
      </c>
      <c r="V4792">
        <v>4</v>
      </c>
      <c r="W4792">
        <v>240</v>
      </c>
      <c r="X4792">
        <v>2020</v>
      </c>
    </row>
    <row r="4793" spans="1:24" x14ac:dyDescent="0.25">
      <c r="A4793">
        <v>5777</v>
      </c>
      <c r="B4793" t="s">
        <v>59</v>
      </c>
      <c r="C4793">
        <v>42</v>
      </c>
      <c r="D4793" t="s">
        <v>58</v>
      </c>
      <c r="E4793">
        <v>1283</v>
      </c>
      <c r="F4793" t="s">
        <v>651</v>
      </c>
      <c r="G4793">
        <v>160</v>
      </c>
      <c r="H4793" t="s">
        <v>1060</v>
      </c>
      <c r="I4793">
        <v>6305</v>
      </c>
      <c r="J4793" t="s">
        <v>684</v>
      </c>
      <c r="K4793">
        <v>22</v>
      </c>
      <c r="L4793" t="s">
        <v>685</v>
      </c>
      <c r="M4793">
        <v>72</v>
      </c>
      <c r="N4793" t="s">
        <v>668</v>
      </c>
      <c r="O4793">
        <v>4</v>
      </c>
      <c r="P4793" t="s">
        <v>655</v>
      </c>
      <c r="Q4793">
        <v>1</v>
      </c>
      <c r="R4793" t="s">
        <v>669</v>
      </c>
      <c r="S4793">
        <v>1</v>
      </c>
      <c r="T4793" t="s">
        <v>661</v>
      </c>
      <c r="U4793">
        <v>8</v>
      </c>
      <c r="V4793">
        <v>3</v>
      </c>
      <c r="W4793">
        <v>180</v>
      </c>
      <c r="X4793">
        <v>2020</v>
      </c>
    </row>
    <row r="4794" spans="1:24" x14ac:dyDescent="0.25">
      <c r="A4794">
        <v>5776</v>
      </c>
      <c r="B4794" t="s">
        <v>215</v>
      </c>
      <c r="C4794">
        <v>41</v>
      </c>
      <c r="D4794" t="s">
        <v>342</v>
      </c>
      <c r="E4794">
        <v>636</v>
      </c>
      <c r="F4794" t="s">
        <v>651</v>
      </c>
      <c r="G4794">
        <v>160</v>
      </c>
      <c r="H4794" t="s">
        <v>1207</v>
      </c>
      <c r="I4794">
        <v>5188</v>
      </c>
      <c r="J4794" t="s">
        <v>894</v>
      </c>
      <c r="K4794">
        <v>18</v>
      </c>
      <c r="L4794" t="s">
        <v>894</v>
      </c>
      <c r="M4794">
        <v>58</v>
      </c>
      <c r="N4794" t="s">
        <v>654</v>
      </c>
      <c r="O4794">
        <v>3</v>
      </c>
      <c r="P4794" t="s">
        <v>655</v>
      </c>
      <c r="Q4794">
        <v>1</v>
      </c>
      <c r="R4794" t="s">
        <v>669</v>
      </c>
      <c r="S4794">
        <v>1</v>
      </c>
      <c r="T4794" t="s">
        <v>661</v>
      </c>
      <c r="U4794">
        <v>8</v>
      </c>
      <c r="V4794">
        <v>3</v>
      </c>
      <c r="W4794">
        <v>180</v>
      </c>
      <c r="X4794">
        <v>2020</v>
      </c>
    </row>
    <row r="4795" spans="1:24" x14ac:dyDescent="0.25">
      <c r="A4795">
        <v>5775</v>
      </c>
      <c r="B4795" t="s">
        <v>215</v>
      </c>
      <c r="C4795">
        <v>41</v>
      </c>
      <c r="D4795" t="s">
        <v>478</v>
      </c>
      <c r="E4795">
        <v>325</v>
      </c>
      <c r="F4795" t="s">
        <v>651</v>
      </c>
      <c r="G4795">
        <v>160</v>
      </c>
      <c r="H4795" t="s">
        <v>1207</v>
      </c>
      <c r="I4795">
        <v>5188</v>
      </c>
      <c r="J4795" t="s">
        <v>742</v>
      </c>
      <c r="K4795">
        <v>48</v>
      </c>
      <c r="L4795" t="s">
        <v>1091</v>
      </c>
      <c r="M4795">
        <v>172</v>
      </c>
      <c r="N4795" t="s">
        <v>654</v>
      </c>
      <c r="O4795">
        <v>3</v>
      </c>
      <c r="P4795" t="s">
        <v>655</v>
      </c>
      <c r="Q4795">
        <v>1</v>
      </c>
      <c r="R4795" t="s">
        <v>669</v>
      </c>
      <c r="S4795">
        <v>1</v>
      </c>
      <c r="T4795" t="s">
        <v>661</v>
      </c>
      <c r="U4795">
        <v>8</v>
      </c>
      <c r="V4795">
        <v>4</v>
      </c>
      <c r="W4795">
        <v>240</v>
      </c>
      <c r="X4795">
        <v>2020</v>
      </c>
    </row>
    <row r="4796" spans="1:24" x14ac:dyDescent="0.25">
      <c r="A4796">
        <v>5774</v>
      </c>
      <c r="B4796" t="s">
        <v>215</v>
      </c>
      <c r="C4796">
        <v>41</v>
      </c>
      <c r="D4796" t="s">
        <v>478</v>
      </c>
      <c r="E4796">
        <v>325</v>
      </c>
      <c r="F4796" t="s">
        <v>651</v>
      </c>
      <c r="G4796">
        <v>160</v>
      </c>
      <c r="H4796" t="s">
        <v>1207</v>
      </c>
      <c r="I4796">
        <v>5188</v>
      </c>
      <c r="J4796" t="s">
        <v>909</v>
      </c>
      <c r="K4796">
        <v>39</v>
      </c>
      <c r="L4796" t="s">
        <v>3692</v>
      </c>
      <c r="M4796">
        <v>140</v>
      </c>
      <c r="N4796" t="s">
        <v>654</v>
      </c>
      <c r="O4796">
        <v>3</v>
      </c>
      <c r="P4796" t="s">
        <v>655</v>
      </c>
      <c r="Q4796">
        <v>1</v>
      </c>
      <c r="R4796" t="s">
        <v>669</v>
      </c>
      <c r="S4796">
        <v>1</v>
      </c>
      <c r="T4796" t="s">
        <v>661</v>
      </c>
      <c r="U4796">
        <v>8</v>
      </c>
      <c r="V4796">
        <v>4</v>
      </c>
      <c r="W4796">
        <v>240</v>
      </c>
      <c r="X4796">
        <v>2020</v>
      </c>
    </row>
    <row r="4797" spans="1:24" x14ac:dyDescent="0.25">
      <c r="A4797">
        <v>5765</v>
      </c>
      <c r="B4797" t="s">
        <v>138</v>
      </c>
      <c r="C4797">
        <v>35</v>
      </c>
      <c r="D4797" t="s">
        <v>497</v>
      </c>
      <c r="E4797">
        <v>276</v>
      </c>
      <c r="F4797" t="s">
        <v>651</v>
      </c>
      <c r="G4797">
        <v>160</v>
      </c>
      <c r="H4797" t="s">
        <v>1054</v>
      </c>
      <c r="I4797">
        <v>7022</v>
      </c>
      <c r="J4797" t="s">
        <v>693</v>
      </c>
      <c r="K4797">
        <v>56</v>
      </c>
      <c r="L4797" t="s">
        <v>3674</v>
      </c>
      <c r="M4797">
        <v>226</v>
      </c>
      <c r="N4797" t="s">
        <v>668</v>
      </c>
      <c r="O4797">
        <v>4</v>
      </c>
      <c r="P4797" t="s">
        <v>655</v>
      </c>
      <c r="Q4797">
        <v>1</v>
      </c>
      <c r="R4797" t="s">
        <v>669</v>
      </c>
      <c r="S4797">
        <v>1</v>
      </c>
      <c r="T4797" t="s">
        <v>661</v>
      </c>
      <c r="U4797">
        <v>8</v>
      </c>
      <c r="V4797">
        <v>4</v>
      </c>
      <c r="W4797">
        <v>240</v>
      </c>
      <c r="X4797">
        <v>2020</v>
      </c>
    </row>
    <row r="4798" spans="1:24" x14ac:dyDescent="0.25">
      <c r="A4798">
        <v>5764</v>
      </c>
      <c r="B4798" t="s">
        <v>140</v>
      </c>
      <c r="C4798">
        <v>34</v>
      </c>
      <c r="D4798" t="s">
        <v>499</v>
      </c>
      <c r="E4798">
        <v>273</v>
      </c>
      <c r="F4798" t="s">
        <v>651</v>
      </c>
      <c r="G4798">
        <v>160</v>
      </c>
      <c r="H4798" t="s">
        <v>652</v>
      </c>
      <c r="I4798">
        <v>2094</v>
      </c>
      <c r="J4798" t="s">
        <v>703</v>
      </c>
      <c r="K4798">
        <v>16</v>
      </c>
      <c r="L4798" t="s">
        <v>704</v>
      </c>
      <c r="M4798">
        <v>56</v>
      </c>
      <c r="N4798" t="s">
        <v>668</v>
      </c>
      <c r="O4798">
        <v>4</v>
      </c>
      <c r="P4798" t="s">
        <v>655</v>
      </c>
      <c r="Q4798">
        <v>1</v>
      </c>
      <c r="R4798" t="s">
        <v>669</v>
      </c>
      <c r="S4798">
        <v>1</v>
      </c>
      <c r="T4798" t="s">
        <v>661</v>
      </c>
      <c r="U4798">
        <v>8</v>
      </c>
      <c r="V4798">
        <v>3</v>
      </c>
      <c r="W4798">
        <v>180</v>
      </c>
      <c r="X4798">
        <v>2020</v>
      </c>
    </row>
    <row r="4799" spans="1:24" x14ac:dyDescent="0.25">
      <c r="A4799">
        <v>5763</v>
      </c>
      <c r="B4799" t="s">
        <v>140</v>
      </c>
      <c r="C4799">
        <v>34</v>
      </c>
      <c r="D4799" t="s">
        <v>316</v>
      </c>
      <c r="E4799">
        <v>270</v>
      </c>
      <c r="F4799" t="s">
        <v>651</v>
      </c>
      <c r="G4799">
        <v>160</v>
      </c>
      <c r="H4799" t="s">
        <v>652</v>
      </c>
      <c r="I4799">
        <v>2094</v>
      </c>
      <c r="J4799" t="s">
        <v>955</v>
      </c>
      <c r="K4799">
        <v>29</v>
      </c>
      <c r="L4799" t="s">
        <v>2089</v>
      </c>
      <c r="M4799">
        <v>94</v>
      </c>
      <c r="N4799" t="s">
        <v>668</v>
      </c>
      <c r="O4799">
        <v>4</v>
      </c>
      <c r="P4799" t="s">
        <v>655</v>
      </c>
      <c r="Q4799">
        <v>1</v>
      </c>
      <c r="R4799" t="s">
        <v>669</v>
      </c>
      <c r="S4799">
        <v>1</v>
      </c>
      <c r="T4799" t="s">
        <v>718</v>
      </c>
      <c r="U4799">
        <v>2</v>
      </c>
      <c r="V4799">
        <v>3</v>
      </c>
      <c r="W4799">
        <v>180</v>
      </c>
      <c r="X4799">
        <v>2020</v>
      </c>
    </row>
    <row r="4800" spans="1:24" x14ac:dyDescent="0.25">
      <c r="A4800">
        <v>5761</v>
      </c>
      <c r="B4800" t="s">
        <v>140</v>
      </c>
      <c r="C4800">
        <v>34</v>
      </c>
      <c r="D4800" t="s">
        <v>505</v>
      </c>
      <c r="E4800">
        <v>258</v>
      </c>
      <c r="F4800" t="s">
        <v>651</v>
      </c>
      <c r="G4800">
        <v>160</v>
      </c>
      <c r="H4800" t="s">
        <v>652</v>
      </c>
      <c r="I4800">
        <v>2094</v>
      </c>
      <c r="J4800" t="s">
        <v>1538</v>
      </c>
      <c r="K4800">
        <v>36</v>
      </c>
      <c r="L4800" t="s">
        <v>1538</v>
      </c>
      <c r="M4800">
        <v>125</v>
      </c>
      <c r="N4800" t="s">
        <v>668</v>
      </c>
      <c r="O4800">
        <v>4</v>
      </c>
      <c r="P4800" t="s">
        <v>655</v>
      </c>
      <c r="Q4800">
        <v>1</v>
      </c>
      <c r="R4800" t="s">
        <v>669</v>
      </c>
      <c r="S4800">
        <v>1</v>
      </c>
      <c r="T4800" t="s">
        <v>661</v>
      </c>
      <c r="U4800">
        <v>8</v>
      </c>
      <c r="V4800">
        <v>6</v>
      </c>
      <c r="W4800">
        <v>360</v>
      </c>
      <c r="X4800">
        <v>2020</v>
      </c>
    </row>
    <row r="4801" spans="1:24" x14ac:dyDescent="0.25">
      <c r="A4801">
        <v>5760</v>
      </c>
      <c r="B4801" t="s">
        <v>18</v>
      </c>
      <c r="C4801">
        <v>31</v>
      </c>
      <c r="D4801" t="s">
        <v>426</v>
      </c>
      <c r="E4801">
        <v>246</v>
      </c>
      <c r="F4801" t="s">
        <v>651</v>
      </c>
      <c r="G4801">
        <v>160</v>
      </c>
      <c r="H4801" t="s">
        <v>719</v>
      </c>
      <c r="I4801">
        <v>7630</v>
      </c>
      <c r="J4801" t="s">
        <v>699</v>
      </c>
      <c r="K4801">
        <v>10</v>
      </c>
      <c r="L4801" t="s">
        <v>700</v>
      </c>
      <c r="M4801">
        <v>348</v>
      </c>
      <c r="N4801" t="s">
        <v>654</v>
      </c>
      <c r="O4801">
        <v>3</v>
      </c>
      <c r="P4801" t="s">
        <v>655</v>
      </c>
      <c r="Q4801">
        <v>1</v>
      </c>
      <c r="R4801" t="s">
        <v>669</v>
      </c>
      <c r="S4801">
        <v>1</v>
      </c>
      <c r="T4801" t="s">
        <v>3693</v>
      </c>
      <c r="U4801">
        <v>98</v>
      </c>
      <c r="V4801">
        <v>3</v>
      </c>
      <c r="W4801">
        <v>180</v>
      </c>
      <c r="X4801">
        <v>2020</v>
      </c>
    </row>
    <row r="4802" spans="1:24" x14ac:dyDescent="0.25">
      <c r="A4802">
        <v>5759</v>
      </c>
      <c r="B4802" t="s">
        <v>18</v>
      </c>
      <c r="C4802">
        <v>31</v>
      </c>
      <c r="D4802" t="s">
        <v>426</v>
      </c>
      <c r="E4802">
        <v>246</v>
      </c>
      <c r="F4802" t="s">
        <v>651</v>
      </c>
      <c r="G4802">
        <v>160</v>
      </c>
      <c r="H4802" t="s">
        <v>719</v>
      </c>
      <c r="I4802">
        <v>7630</v>
      </c>
      <c r="J4802" t="s">
        <v>699</v>
      </c>
      <c r="K4802">
        <v>10</v>
      </c>
      <c r="L4802" t="s">
        <v>700</v>
      </c>
      <c r="M4802">
        <v>348</v>
      </c>
      <c r="N4802" t="s">
        <v>654</v>
      </c>
      <c r="O4802">
        <v>3</v>
      </c>
      <c r="P4802" t="s">
        <v>655</v>
      </c>
      <c r="Q4802">
        <v>1</v>
      </c>
      <c r="R4802" t="s">
        <v>669</v>
      </c>
      <c r="S4802">
        <v>1</v>
      </c>
      <c r="T4802" t="s">
        <v>1816</v>
      </c>
      <c r="U4802">
        <v>97</v>
      </c>
      <c r="V4802">
        <v>3</v>
      </c>
      <c r="W4802">
        <v>180</v>
      </c>
      <c r="X4802">
        <v>2020</v>
      </c>
    </row>
    <row r="4803" spans="1:24" x14ac:dyDescent="0.25">
      <c r="A4803">
        <v>5758</v>
      </c>
      <c r="B4803" t="s">
        <v>18</v>
      </c>
      <c r="C4803">
        <v>31</v>
      </c>
      <c r="D4803" t="s">
        <v>426</v>
      </c>
      <c r="E4803">
        <v>246</v>
      </c>
      <c r="F4803" t="s">
        <v>651</v>
      </c>
      <c r="G4803">
        <v>160</v>
      </c>
      <c r="H4803" t="s">
        <v>719</v>
      </c>
      <c r="I4803">
        <v>7630</v>
      </c>
      <c r="J4803" t="s">
        <v>699</v>
      </c>
      <c r="K4803">
        <v>10</v>
      </c>
      <c r="L4803" t="s">
        <v>700</v>
      </c>
      <c r="M4803">
        <v>348</v>
      </c>
      <c r="N4803" t="s">
        <v>654</v>
      </c>
      <c r="O4803">
        <v>3</v>
      </c>
      <c r="P4803" t="s">
        <v>655</v>
      </c>
      <c r="Q4803">
        <v>1</v>
      </c>
      <c r="R4803" t="s">
        <v>669</v>
      </c>
      <c r="S4803">
        <v>1</v>
      </c>
      <c r="T4803" t="s">
        <v>1814</v>
      </c>
      <c r="U4803">
        <v>96</v>
      </c>
      <c r="V4803">
        <v>3</v>
      </c>
      <c r="W4803">
        <v>180</v>
      </c>
      <c r="X4803">
        <v>2020</v>
      </c>
    </row>
    <row r="4804" spans="1:24" x14ac:dyDescent="0.25">
      <c r="A4804">
        <v>5757</v>
      </c>
      <c r="B4804" t="s">
        <v>18</v>
      </c>
      <c r="C4804">
        <v>31</v>
      </c>
      <c r="D4804" t="s">
        <v>426</v>
      </c>
      <c r="E4804">
        <v>246</v>
      </c>
      <c r="F4804" t="s">
        <v>651</v>
      </c>
      <c r="G4804">
        <v>160</v>
      </c>
      <c r="H4804" t="s">
        <v>719</v>
      </c>
      <c r="I4804">
        <v>7630</v>
      </c>
      <c r="J4804" t="s">
        <v>699</v>
      </c>
      <c r="K4804">
        <v>10</v>
      </c>
      <c r="L4804" t="s">
        <v>700</v>
      </c>
      <c r="M4804">
        <v>348</v>
      </c>
      <c r="N4804" t="s">
        <v>654</v>
      </c>
      <c r="O4804">
        <v>3</v>
      </c>
      <c r="P4804" t="s">
        <v>655</v>
      </c>
      <c r="Q4804">
        <v>1</v>
      </c>
      <c r="R4804" t="s">
        <v>669</v>
      </c>
      <c r="S4804">
        <v>1</v>
      </c>
      <c r="T4804" t="s">
        <v>1817</v>
      </c>
      <c r="U4804">
        <v>95</v>
      </c>
      <c r="V4804">
        <v>3</v>
      </c>
      <c r="W4804">
        <v>180</v>
      </c>
      <c r="X4804">
        <v>2020</v>
      </c>
    </row>
    <row r="4805" spans="1:24" x14ac:dyDescent="0.25">
      <c r="A4805">
        <v>5756</v>
      </c>
      <c r="B4805" t="s">
        <v>18</v>
      </c>
      <c r="C4805">
        <v>31</v>
      </c>
      <c r="D4805" t="s">
        <v>426</v>
      </c>
      <c r="E4805">
        <v>246</v>
      </c>
      <c r="F4805" t="s">
        <v>651</v>
      </c>
      <c r="G4805">
        <v>160</v>
      </c>
      <c r="H4805" t="s">
        <v>719</v>
      </c>
      <c r="I4805">
        <v>7630</v>
      </c>
      <c r="J4805" t="s">
        <v>699</v>
      </c>
      <c r="K4805">
        <v>10</v>
      </c>
      <c r="L4805" t="s">
        <v>700</v>
      </c>
      <c r="M4805">
        <v>348</v>
      </c>
      <c r="N4805" t="s">
        <v>654</v>
      </c>
      <c r="O4805">
        <v>3</v>
      </c>
      <c r="P4805" t="s">
        <v>655</v>
      </c>
      <c r="Q4805">
        <v>1</v>
      </c>
      <c r="R4805" t="s">
        <v>669</v>
      </c>
      <c r="S4805">
        <v>1</v>
      </c>
      <c r="T4805" t="s">
        <v>1813</v>
      </c>
      <c r="U4805">
        <v>94</v>
      </c>
      <c r="V4805">
        <v>3</v>
      </c>
      <c r="W4805">
        <v>180</v>
      </c>
      <c r="X4805">
        <v>2020</v>
      </c>
    </row>
    <row r="4806" spans="1:24" x14ac:dyDescent="0.25">
      <c r="A4806">
        <v>5755</v>
      </c>
      <c r="B4806" t="s">
        <v>18</v>
      </c>
      <c r="C4806">
        <v>31</v>
      </c>
      <c r="D4806" t="s">
        <v>426</v>
      </c>
      <c r="E4806">
        <v>246</v>
      </c>
      <c r="F4806" t="s">
        <v>651</v>
      </c>
      <c r="G4806">
        <v>160</v>
      </c>
      <c r="H4806" t="s">
        <v>719</v>
      </c>
      <c r="I4806">
        <v>7630</v>
      </c>
      <c r="J4806" t="s">
        <v>699</v>
      </c>
      <c r="K4806">
        <v>10</v>
      </c>
      <c r="L4806" t="s">
        <v>700</v>
      </c>
      <c r="M4806">
        <v>348</v>
      </c>
      <c r="N4806" t="s">
        <v>654</v>
      </c>
      <c r="O4806">
        <v>3</v>
      </c>
      <c r="P4806" t="s">
        <v>655</v>
      </c>
      <c r="Q4806">
        <v>1</v>
      </c>
      <c r="R4806" t="s">
        <v>669</v>
      </c>
      <c r="S4806">
        <v>1</v>
      </c>
      <c r="T4806" t="s">
        <v>1365</v>
      </c>
      <c r="U4806">
        <v>87</v>
      </c>
      <c r="V4806">
        <v>3</v>
      </c>
      <c r="W4806">
        <v>180</v>
      </c>
      <c r="X4806">
        <v>2020</v>
      </c>
    </row>
    <row r="4807" spans="1:24" x14ac:dyDescent="0.25">
      <c r="A4807">
        <v>5754</v>
      </c>
      <c r="B4807" t="s">
        <v>18</v>
      </c>
      <c r="C4807">
        <v>31</v>
      </c>
      <c r="D4807" t="s">
        <v>426</v>
      </c>
      <c r="E4807">
        <v>246</v>
      </c>
      <c r="F4807" t="s">
        <v>651</v>
      </c>
      <c r="G4807">
        <v>160</v>
      </c>
      <c r="H4807" t="s">
        <v>719</v>
      </c>
      <c r="I4807">
        <v>7630</v>
      </c>
      <c r="J4807" t="s">
        <v>699</v>
      </c>
      <c r="K4807">
        <v>10</v>
      </c>
      <c r="L4807" t="s">
        <v>700</v>
      </c>
      <c r="M4807">
        <v>348</v>
      </c>
      <c r="N4807" t="s">
        <v>654</v>
      </c>
      <c r="O4807">
        <v>3</v>
      </c>
      <c r="P4807" t="s">
        <v>655</v>
      </c>
      <c r="Q4807">
        <v>1</v>
      </c>
      <c r="R4807" t="s">
        <v>669</v>
      </c>
      <c r="S4807">
        <v>1</v>
      </c>
      <c r="T4807" t="s">
        <v>1820</v>
      </c>
      <c r="U4807">
        <v>85</v>
      </c>
      <c r="V4807">
        <v>3</v>
      </c>
      <c r="W4807">
        <v>180</v>
      </c>
      <c r="X4807">
        <v>2020</v>
      </c>
    </row>
    <row r="4808" spans="1:24" x14ac:dyDescent="0.25">
      <c r="A4808">
        <v>5753</v>
      </c>
      <c r="B4808" t="s">
        <v>18</v>
      </c>
      <c r="C4808">
        <v>31</v>
      </c>
      <c r="D4808" t="s">
        <v>426</v>
      </c>
      <c r="E4808">
        <v>246</v>
      </c>
      <c r="F4808" t="s">
        <v>651</v>
      </c>
      <c r="G4808">
        <v>160</v>
      </c>
      <c r="H4808" t="s">
        <v>719</v>
      </c>
      <c r="I4808">
        <v>7630</v>
      </c>
      <c r="J4808" t="s">
        <v>699</v>
      </c>
      <c r="K4808">
        <v>10</v>
      </c>
      <c r="L4808" t="s">
        <v>700</v>
      </c>
      <c r="M4808">
        <v>348</v>
      </c>
      <c r="N4808" t="s">
        <v>654</v>
      </c>
      <c r="O4808">
        <v>3</v>
      </c>
      <c r="P4808" t="s">
        <v>655</v>
      </c>
      <c r="Q4808">
        <v>1</v>
      </c>
      <c r="R4808" t="s">
        <v>669</v>
      </c>
      <c r="S4808">
        <v>1</v>
      </c>
      <c r="T4808" t="s">
        <v>1823</v>
      </c>
      <c r="U4808">
        <v>84</v>
      </c>
      <c r="V4808">
        <v>3</v>
      </c>
      <c r="W4808">
        <v>180</v>
      </c>
      <c r="X4808">
        <v>2020</v>
      </c>
    </row>
    <row r="4809" spans="1:24" x14ac:dyDescent="0.25">
      <c r="A4809">
        <v>5752</v>
      </c>
      <c r="B4809" t="s">
        <v>18</v>
      </c>
      <c r="C4809">
        <v>31</v>
      </c>
      <c r="D4809" t="s">
        <v>426</v>
      </c>
      <c r="E4809">
        <v>246</v>
      </c>
      <c r="F4809" t="s">
        <v>651</v>
      </c>
      <c r="G4809">
        <v>160</v>
      </c>
      <c r="H4809" t="s">
        <v>719</v>
      </c>
      <c r="I4809">
        <v>7630</v>
      </c>
      <c r="J4809" t="s">
        <v>699</v>
      </c>
      <c r="K4809">
        <v>10</v>
      </c>
      <c r="L4809" t="s">
        <v>700</v>
      </c>
      <c r="M4809">
        <v>348</v>
      </c>
      <c r="N4809" t="s">
        <v>654</v>
      </c>
      <c r="O4809">
        <v>3</v>
      </c>
      <c r="P4809" t="s">
        <v>655</v>
      </c>
      <c r="Q4809">
        <v>1</v>
      </c>
      <c r="R4809" t="s">
        <v>669</v>
      </c>
      <c r="S4809">
        <v>1</v>
      </c>
      <c r="T4809" t="s">
        <v>1822</v>
      </c>
      <c r="U4809">
        <v>83</v>
      </c>
      <c r="V4809">
        <v>3</v>
      </c>
      <c r="W4809">
        <v>180</v>
      </c>
      <c r="X4809">
        <v>2020</v>
      </c>
    </row>
    <row r="4810" spans="1:24" x14ac:dyDescent="0.25">
      <c r="A4810">
        <v>5751</v>
      </c>
      <c r="B4810" t="s">
        <v>18</v>
      </c>
      <c r="C4810">
        <v>31</v>
      </c>
      <c r="D4810" t="s">
        <v>426</v>
      </c>
      <c r="E4810">
        <v>246</v>
      </c>
      <c r="F4810" t="s">
        <v>651</v>
      </c>
      <c r="G4810">
        <v>160</v>
      </c>
      <c r="H4810" t="s">
        <v>719</v>
      </c>
      <c r="I4810">
        <v>7630</v>
      </c>
      <c r="J4810" t="s">
        <v>699</v>
      </c>
      <c r="K4810">
        <v>10</v>
      </c>
      <c r="L4810" t="s">
        <v>700</v>
      </c>
      <c r="M4810">
        <v>348</v>
      </c>
      <c r="N4810" t="s">
        <v>654</v>
      </c>
      <c r="O4810">
        <v>3</v>
      </c>
      <c r="P4810" t="s">
        <v>655</v>
      </c>
      <c r="Q4810">
        <v>1</v>
      </c>
      <c r="R4810" t="s">
        <v>669</v>
      </c>
      <c r="S4810">
        <v>1</v>
      </c>
      <c r="T4810" t="s">
        <v>1818</v>
      </c>
      <c r="U4810">
        <v>82</v>
      </c>
      <c r="V4810">
        <v>3</v>
      </c>
      <c r="W4810">
        <v>180</v>
      </c>
      <c r="X4810">
        <v>2020</v>
      </c>
    </row>
    <row r="4811" spans="1:24" x14ac:dyDescent="0.25">
      <c r="A4811">
        <v>5750</v>
      </c>
      <c r="B4811" t="s">
        <v>18</v>
      </c>
      <c r="C4811">
        <v>31</v>
      </c>
      <c r="D4811" t="s">
        <v>426</v>
      </c>
      <c r="E4811">
        <v>246</v>
      </c>
      <c r="F4811" t="s">
        <v>651</v>
      </c>
      <c r="G4811">
        <v>160</v>
      </c>
      <c r="H4811" t="s">
        <v>719</v>
      </c>
      <c r="I4811">
        <v>7630</v>
      </c>
      <c r="J4811" t="s">
        <v>699</v>
      </c>
      <c r="K4811">
        <v>10</v>
      </c>
      <c r="L4811" t="s">
        <v>700</v>
      </c>
      <c r="M4811">
        <v>348</v>
      </c>
      <c r="N4811" t="s">
        <v>654</v>
      </c>
      <c r="O4811">
        <v>3</v>
      </c>
      <c r="P4811" t="s">
        <v>655</v>
      </c>
      <c r="Q4811">
        <v>1</v>
      </c>
      <c r="R4811" t="s">
        <v>669</v>
      </c>
      <c r="S4811">
        <v>1</v>
      </c>
      <c r="T4811" t="s">
        <v>1840</v>
      </c>
      <c r="U4811">
        <v>75</v>
      </c>
      <c r="V4811">
        <v>3</v>
      </c>
      <c r="W4811">
        <v>180</v>
      </c>
      <c r="X4811">
        <v>2020</v>
      </c>
    </row>
    <row r="4812" spans="1:24" x14ac:dyDescent="0.25">
      <c r="A4812">
        <v>5749</v>
      </c>
      <c r="B4812" t="s">
        <v>18</v>
      </c>
      <c r="C4812">
        <v>31</v>
      </c>
      <c r="D4812" t="s">
        <v>426</v>
      </c>
      <c r="E4812">
        <v>246</v>
      </c>
      <c r="F4812" t="s">
        <v>651</v>
      </c>
      <c r="G4812">
        <v>160</v>
      </c>
      <c r="H4812" t="s">
        <v>719</v>
      </c>
      <c r="I4812">
        <v>7630</v>
      </c>
      <c r="J4812" t="s">
        <v>699</v>
      </c>
      <c r="K4812">
        <v>10</v>
      </c>
      <c r="L4812" t="s">
        <v>700</v>
      </c>
      <c r="M4812">
        <v>348</v>
      </c>
      <c r="N4812" t="s">
        <v>654</v>
      </c>
      <c r="O4812">
        <v>3</v>
      </c>
      <c r="P4812" t="s">
        <v>655</v>
      </c>
      <c r="Q4812">
        <v>1</v>
      </c>
      <c r="R4812" t="s">
        <v>669</v>
      </c>
      <c r="S4812">
        <v>1</v>
      </c>
      <c r="T4812" t="s">
        <v>1839</v>
      </c>
      <c r="U4812">
        <v>74</v>
      </c>
      <c r="V4812">
        <v>3</v>
      </c>
      <c r="W4812">
        <v>180</v>
      </c>
      <c r="X4812">
        <v>2020</v>
      </c>
    </row>
    <row r="4813" spans="1:24" x14ac:dyDescent="0.25">
      <c r="A4813">
        <v>5748</v>
      </c>
      <c r="B4813" t="s">
        <v>18</v>
      </c>
      <c r="C4813">
        <v>31</v>
      </c>
      <c r="D4813" t="s">
        <v>426</v>
      </c>
      <c r="E4813">
        <v>246</v>
      </c>
      <c r="F4813" t="s">
        <v>651</v>
      </c>
      <c r="G4813">
        <v>160</v>
      </c>
      <c r="H4813" t="s">
        <v>719</v>
      </c>
      <c r="I4813">
        <v>7630</v>
      </c>
      <c r="J4813" t="s">
        <v>699</v>
      </c>
      <c r="K4813">
        <v>10</v>
      </c>
      <c r="L4813" t="s">
        <v>700</v>
      </c>
      <c r="M4813">
        <v>348</v>
      </c>
      <c r="N4813" t="s">
        <v>654</v>
      </c>
      <c r="O4813">
        <v>3</v>
      </c>
      <c r="P4813" t="s">
        <v>655</v>
      </c>
      <c r="Q4813">
        <v>1</v>
      </c>
      <c r="R4813" t="s">
        <v>669</v>
      </c>
      <c r="S4813">
        <v>1</v>
      </c>
      <c r="T4813" t="s">
        <v>1838</v>
      </c>
      <c r="U4813">
        <v>72</v>
      </c>
      <c r="V4813">
        <v>3</v>
      </c>
      <c r="W4813">
        <v>180</v>
      </c>
      <c r="X4813">
        <v>2020</v>
      </c>
    </row>
    <row r="4814" spans="1:24" x14ac:dyDescent="0.25">
      <c r="A4814">
        <v>5747</v>
      </c>
      <c r="B4814" t="s">
        <v>18</v>
      </c>
      <c r="C4814">
        <v>31</v>
      </c>
      <c r="D4814" t="s">
        <v>426</v>
      </c>
      <c r="E4814">
        <v>246</v>
      </c>
      <c r="F4814" t="s">
        <v>651</v>
      </c>
      <c r="G4814">
        <v>160</v>
      </c>
      <c r="H4814" t="s">
        <v>719</v>
      </c>
      <c r="I4814">
        <v>7630</v>
      </c>
      <c r="J4814" t="s">
        <v>699</v>
      </c>
      <c r="K4814">
        <v>10</v>
      </c>
      <c r="L4814" t="s">
        <v>700</v>
      </c>
      <c r="M4814">
        <v>348</v>
      </c>
      <c r="N4814" t="s">
        <v>654</v>
      </c>
      <c r="O4814">
        <v>3</v>
      </c>
      <c r="P4814" t="s">
        <v>655</v>
      </c>
      <c r="Q4814">
        <v>1</v>
      </c>
      <c r="R4814" t="s">
        <v>669</v>
      </c>
      <c r="S4814">
        <v>1</v>
      </c>
      <c r="T4814" t="s">
        <v>1422</v>
      </c>
      <c r="U4814">
        <v>71</v>
      </c>
      <c r="V4814">
        <v>3</v>
      </c>
      <c r="W4814">
        <v>180</v>
      </c>
      <c r="X4814">
        <v>2020</v>
      </c>
    </row>
    <row r="4815" spans="1:24" x14ac:dyDescent="0.25">
      <c r="A4815">
        <v>5746</v>
      </c>
      <c r="B4815" t="s">
        <v>18</v>
      </c>
      <c r="C4815">
        <v>31</v>
      </c>
      <c r="D4815" t="s">
        <v>426</v>
      </c>
      <c r="E4815">
        <v>246</v>
      </c>
      <c r="F4815" t="s">
        <v>651</v>
      </c>
      <c r="G4815">
        <v>160</v>
      </c>
      <c r="H4815" t="s">
        <v>719</v>
      </c>
      <c r="I4815">
        <v>7630</v>
      </c>
      <c r="J4815" t="s">
        <v>699</v>
      </c>
      <c r="K4815">
        <v>10</v>
      </c>
      <c r="L4815" t="s">
        <v>700</v>
      </c>
      <c r="M4815">
        <v>348</v>
      </c>
      <c r="N4815" t="s">
        <v>654</v>
      </c>
      <c r="O4815">
        <v>3</v>
      </c>
      <c r="P4815" t="s">
        <v>655</v>
      </c>
      <c r="Q4815">
        <v>1</v>
      </c>
      <c r="R4815" t="s">
        <v>669</v>
      </c>
      <c r="S4815">
        <v>1</v>
      </c>
      <c r="T4815" t="s">
        <v>1837</v>
      </c>
      <c r="U4815">
        <v>70</v>
      </c>
      <c r="V4815">
        <v>3</v>
      </c>
      <c r="W4815">
        <v>180</v>
      </c>
      <c r="X4815">
        <v>2020</v>
      </c>
    </row>
    <row r="4816" spans="1:24" x14ac:dyDescent="0.25">
      <c r="A4816">
        <v>5745</v>
      </c>
      <c r="B4816" t="s">
        <v>18</v>
      </c>
      <c r="C4816">
        <v>31</v>
      </c>
      <c r="D4816" t="s">
        <v>426</v>
      </c>
      <c r="E4816">
        <v>246</v>
      </c>
      <c r="F4816" t="s">
        <v>651</v>
      </c>
      <c r="G4816">
        <v>160</v>
      </c>
      <c r="H4816" t="s">
        <v>719</v>
      </c>
      <c r="I4816">
        <v>7630</v>
      </c>
      <c r="J4816" t="s">
        <v>699</v>
      </c>
      <c r="K4816">
        <v>10</v>
      </c>
      <c r="L4816" t="s">
        <v>700</v>
      </c>
      <c r="M4816">
        <v>348</v>
      </c>
      <c r="N4816" t="s">
        <v>654</v>
      </c>
      <c r="O4816">
        <v>3</v>
      </c>
      <c r="P4816" t="s">
        <v>655</v>
      </c>
      <c r="Q4816">
        <v>1</v>
      </c>
      <c r="R4816" t="s">
        <v>669</v>
      </c>
      <c r="S4816">
        <v>1</v>
      </c>
      <c r="T4816" t="s">
        <v>1421</v>
      </c>
      <c r="U4816">
        <v>51</v>
      </c>
      <c r="V4816">
        <v>3</v>
      </c>
      <c r="W4816">
        <v>180</v>
      </c>
      <c r="X4816">
        <v>2020</v>
      </c>
    </row>
    <row r="4817" spans="1:24" x14ac:dyDescent="0.25">
      <c r="A4817">
        <v>5744</v>
      </c>
      <c r="B4817" t="s">
        <v>18</v>
      </c>
      <c r="C4817">
        <v>31</v>
      </c>
      <c r="D4817" t="s">
        <v>426</v>
      </c>
      <c r="E4817">
        <v>246</v>
      </c>
      <c r="F4817" t="s">
        <v>651</v>
      </c>
      <c r="G4817">
        <v>160</v>
      </c>
      <c r="H4817" t="s">
        <v>719</v>
      </c>
      <c r="I4817">
        <v>7630</v>
      </c>
      <c r="J4817" t="s">
        <v>699</v>
      </c>
      <c r="K4817">
        <v>10</v>
      </c>
      <c r="L4817" t="s">
        <v>700</v>
      </c>
      <c r="M4817">
        <v>348</v>
      </c>
      <c r="N4817" t="s">
        <v>654</v>
      </c>
      <c r="O4817">
        <v>3</v>
      </c>
      <c r="P4817" t="s">
        <v>655</v>
      </c>
      <c r="Q4817">
        <v>1</v>
      </c>
      <c r="R4817" t="s">
        <v>669</v>
      </c>
      <c r="S4817">
        <v>1</v>
      </c>
      <c r="T4817" t="s">
        <v>1486</v>
      </c>
      <c r="U4817">
        <v>50</v>
      </c>
      <c r="V4817">
        <v>3</v>
      </c>
      <c r="W4817">
        <v>180</v>
      </c>
      <c r="X4817">
        <v>2020</v>
      </c>
    </row>
    <row r="4818" spans="1:24" x14ac:dyDescent="0.25">
      <c r="A4818">
        <v>5743</v>
      </c>
      <c r="B4818" t="s">
        <v>18</v>
      </c>
      <c r="C4818">
        <v>31</v>
      </c>
      <c r="D4818" t="s">
        <v>426</v>
      </c>
      <c r="E4818">
        <v>246</v>
      </c>
      <c r="F4818" t="s">
        <v>651</v>
      </c>
      <c r="G4818">
        <v>160</v>
      </c>
      <c r="H4818" t="s">
        <v>719</v>
      </c>
      <c r="I4818">
        <v>7630</v>
      </c>
      <c r="J4818" t="s">
        <v>699</v>
      </c>
      <c r="K4818">
        <v>10</v>
      </c>
      <c r="L4818" t="s">
        <v>700</v>
      </c>
      <c r="M4818">
        <v>348</v>
      </c>
      <c r="N4818" t="s">
        <v>654</v>
      </c>
      <c r="O4818">
        <v>3</v>
      </c>
      <c r="P4818" t="s">
        <v>655</v>
      </c>
      <c r="Q4818">
        <v>1</v>
      </c>
      <c r="R4818" t="s">
        <v>669</v>
      </c>
      <c r="S4818">
        <v>1</v>
      </c>
      <c r="T4818" t="s">
        <v>1793</v>
      </c>
      <c r="U4818">
        <v>49</v>
      </c>
      <c r="V4818">
        <v>3</v>
      </c>
      <c r="W4818">
        <v>180</v>
      </c>
      <c r="X4818">
        <v>2020</v>
      </c>
    </row>
    <row r="4819" spans="1:24" x14ac:dyDescent="0.25">
      <c r="A4819">
        <v>5742</v>
      </c>
      <c r="B4819" t="s">
        <v>18</v>
      </c>
      <c r="C4819">
        <v>31</v>
      </c>
      <c r="D4819" t="s">
        <v>426</v>
      </c>
      <c r="E4819">
        <v>246</v>
      </c>
      <c r="F4819" t="s">
        <v>651</v>
      </c>
      <c r="G4819">
        <v>160</v>
      </c>
      <c r="H4819" t="s">
        <v>719</v>
      </c>
      <c r="I4819">
        <v>7630</v>
      </c>
      <c r="J4819" t="s">
        <v>699</v>
      </c>
      <c r="K4819">
        <v>10</v>
      </c>
      <c r="L4819" t="s">
        <v>700</v>
      </c>
      <c r="M4819">
        <v>348</v>
      </c>
      <c r="N4819" t="s">
        <v>654</v>
      </c>
      <c r="O4819">
        <v>3</v>
      </c>
      <c r="P4819" t="s">
        <v>655</v>
      </c>
      <c r="Q4819">
        <v>1</v>
      </c>
      <c r="R4819" t="s">
        <v>669</v>
      </c>
      <c r="S4819">
        <v>1</v>
      </c>
      <c r="T4819" t="s">
        <v>1423</v>
      </c>
      <c r="U4819">
        <v>47</v>
      </c>
      <c r="V4819">
        <v>3</v>
      </c>
      <c r="W4819">
        <v>180</v>
      </c>
      <c r="X4819">
        <v>2020</v>
      </c>
    </row>
    <row r="4820" spans="1:24" x14ac:dyDescent="0.25">
      <c r="A4820">
        <v>5741</v>
      </c>
      <c r="B4820" t="s">
        <v>18</v>
      </c>
      <c r="C4820">
        <v>31</v>
      </c>
      <c r="D4820" t="s">
        <v>426</v>
      </c>
      <c r="E4820">
        <v>246</v>
      </c>
      <c r="F4820" t="s">
        <v>651</v>
      </c>
      <c r="G4820">
        <v>160</v>
      </c>
      <c r="H4820" t="s">
        <v>719</v>
      </c>
      <c r="I4820">
        <v>7630</v>
      </c>
      <c r="J4820" t="s">
        <v>699</v>
      </c>
      <c r="K4820">
        <v>10</v>
      </c>
      <c r="L4820" t="s">
        <v>700</v>
      </c>
      <c r="M4820">
        <v>348</v>
      </c>
      <c r="N4820" t="s">
        <v>654</v>
      </c>
      <c r="O4820">
        <v>3</v>
      </c>
      <c r="P4820" t="s">
        <v>655</v>
      </c>
      <c r="Q4820">
        <v>1</v>
      </c>
      <c r="R4820" t="s">
        <v>669</v>
      </c>
      <c r="S4820">
        <v>1</v>
      </c>
      <c r="T4820" t="s">
        <v>1035</v>
      </c>
      <c r="U4820">
        <v>46</v>
      </c>
      <c r="V4820">
        <v>3</v>
      </c>
      <c r="W4820">
        <v>180</v>
      </c>
      <c r="X4820">
        <v>2020</v>
      </c>
    </row>
    <row r="4821" spans="1:24" x14ac:dyDescent="0.25">
      <c r="A4821">
        <v>5740</v>
      </c>
      <c r="B4821" t="s">
        <v>18</v>
      </c>
      <c r="C4821">
        <v>31</v>
      </c>
      <c r="D4821" t="s">
        <v>426</v>
      </c>
      <c r="E4821">
        <v>246</v>
      </c>
      <c r="F4821" t="s">
        <v>651</v>
      </c>
      <c r="G4821">
        <v>160</v>
      </c>
      <c r="H4821" t="s">
        <v>719</v>
      </c>
      <c r="I4821">
        <v>7630</v>
      </c>
      <c r="J4821" t="s">
        <v>699</v>
      </c>
      <c r="K4821">
        <v>10</v>
      </c>
      <c r="L4821" t="s">
        <v>700</v>
      </c>
      <c r="M4821">
        <v>348</v>
      </c>
      <c r="N4821" t="s">
        <v>654</v>
      </c>
      <c r="O4821">
        <v>3</v>
      </c>
      <c r="P4821" t="s">
        <v>655</v>
      </c>
      <c r="Q4821">
        <v>1</v>
      </c>
      <c r="R4821" t="s">
        <v>669</v>
      </c>
      <c r="S4821">
        <v>1</v>
      </c>
      <c r="T4821" t="s">
        <v>1504</v>
      </c>
      <c r="U4821">
        <v>63</v>
      </c>
      <c r="V4821">
        <v>3</v>
      </c>
      <c r="W4821">
        <v>180</v>
      </c>
      <c r="X4821">
        <v>2020</v>
      </c>
    </row>
    <row r="4822" spans="1:24" x14ac:dyDescent="0.25">
      <c r="A4822">
        <v>5739</v>
      </c>
      <c r="B4822" t="s">
        <v>18</v>
      </c>
      <c r="C4822">
        <v>31</v>
      </c>
      <c r="D4822" t="s">
        <v>426</v>
      </c>
      <c r="E4822">
        <v>246</v>
      </c>
      <c r="F4822" t="s">
        <v>651</v>
      </c>
      <c r="G4822">
        <v>160</v>
      </c>
      <c r="H4822" t="s">
        <v>719</v>
      </c>
      <c r="I4822">
        <v>7630</v>
      </c>
      <c r="J4822" t="s">
        <v>699</v>
      </c>
      <c r="K4822">
        <v>10</v>
      </c>
      <c r="L4822" t="s">
        <v>700</v>
      </c>
      <c r="M4822">
        <v>348</v>
      </c>
      <c r="N4822" t="s">
        <v>654</v>
      </c>
      <c r="O4822">
        <v>3</v>
      </c>
      <c r="P4822" t="s">
        <v>655</v>
      </c>
      <c r="Q4822">
        <v>1</v>
      </c>
      <c r="R4822" t="s">
        <v>669</v>
      </c>
      <c r="S4822">
        <v>1</v>
      </c>
      <c r="T4822" t="s">
        <v>1424</v>
      </c>
      <c r="U4822">
        <v>62</v>
      </c>
      <c r="V4822">
        <v>3</v>
      </c>
      <c r="W4822">
        <v>180</v>
      </c>
      <c r="X4822">
        <v>2020</v>
      </c>
    </row>
    <row r="4823" spans="1:24" x14ac:dyDescent="0.25">
      <c r="A4823">
        <v>5738</v>
      </c>
      <c r="B4823" t="s">
        <v>18</v>
      </c>
      <c r="C4823">
        <v>31</v>
      </c>
      <c r="D4823" t="s">
        <v>426</v>
      </c>
      <c r="E4823">
        <v>246</v>
      </c>
      <c r="F4823" t="s">
        <v>651</v>
      </c>
      <c r="G4823">
        <v>160</v>
      </c>
      <c r="H4823" t="s">
        <v>719</v>
      </c>
      <c r="I4823">
        <v>7630</v>
      </c>
      <c r="J4823" t="s">
        <v>699</v>
      </c>
      <c r="K4823">
        <v>10</v>
      </c>
      <c r="L4823" t="s">
        <v>700</v>
      </c>
      <c r="M4823">
        <v>348</v>
      </c>
      <c r="N4823" t="s">
        <v>654</v>
      </c>
      <c r="O4823">
        <v>3</v>
      </c>
      <c r="P4823" t="s">
        <v>655</v>
      </c>
      <c r="Q4823">
        <v>1</v>
      </c>
      <c r="R4823" t="s">
        <v>669</v>
      </c>
      <c r="S4823">
        <v>1</v>
      </c>
      <c r="T4823" t="s">
        <v>1472</v>
      </c>
      <c r="U4823">
        <v>61</v>
      </c>
      <c r="V4823">
        <v>3</v>
      </c>
      <c r="W4823">
        <v>180</v>
      </c>
      <c r="X4823">
        <v>2020</v>
      </c>
    </row>
    <row r="4824" spans="1:24" x14ac:dyDescent="0.25">
      <c r="A4824">
        <v>5737</v>
      </c>
      <c r="B4824" t="s">
        <v>18</v>
      </c>
      <c r="C4824">
        <v>31</v>
      </c>
      <c r="D4824" t="s">
        <v>426</v>
      </c>
      <c r="E4824">
        <v>246</v>
      </c>
      <c r="F4824" t="s">
        <v>651</v>
      </c>
      <c r="G4824">
        <v>160</v>
      </c>
      <c r="H4824" t="s">
        <v>719</v>
      </c>
      <c r="I4824">
        <v>7630</v>
      </c>
      <c r="J4824" t="s">
        <v>699</v>
      </c>
      <c r="K4824">
        <v>10</v>
      </c>
      <c r="L4824" t="s">
        <v>700</v>
      </c>
      <c r="M4824">
        <v>348</v>
      </c>
      <c r="N4824" t="s">
        <v>654</v>
      </c>
      <c r="O4824">
        <v>3</v>
      </c>
      <c r="P4824" t="s">
        <v>655</v>
      </c>
      <c r="Q4824">
        <v>1</v>
      </c>
      <c r="R4824" t="s">
        <v>669</v>
      </c>
      <c r="S4824">
        <v>1</v>
      </c>
      <c r="T4824" t="s">
        <v>1000</v>
      </c>
      <c r="U4824">
        <v>60</v>
      </c>
      <c r="V4824">
        <v>3</v>
      </c>
      <c r="W4824">
        <v>180</v>
      </c>
      <c r="X4824">
        <v>2020</v>
      </c>
    </row>
    <row r="4825" spans="1:24" x14ac:dyDescent="0.25">
      <c r="A4825">
        <v>5736</v>
      </c>
      <c r="B4825" t="s">
        <v>18</v>
      </c>
      <c r="C4825">
        <v>31</v>
      </c>
      <c r="D4825" t="s">
        <v>426</v>
      </c>
      <c r="E4825">
        <v>246</v>
      </c>
      <c r="F4825" t="s">
        <v>651</v>
      </c>
      <c r="G4825">
        <v>160</v>
      </c>
      <c r="H4825" t="s">
        <v>719</v>
      </c>
      <c r="I4825">
        <v>7630</v>
      </c>
      <c r="J4825" t="s">
        <v>699</v>
      </c>
      <c r="K4825">
        <v>10</v>
      </c>
      <c r="L4825" t="s">
        <v>700</v>
      </c>
      <c r="M4825">
        <v>348</v>
      </c>
      <c r="N4825" t="s">
        <v>654</v>
      </c>
      <c r="O4825">
        <v>3</v>
      </c>
      <c r="P4825" t="s">
        <v>655</v>
      </c>
      <c r="Q4825">
        <v>1</v>
      </c>
      <c r="R4825" t="s">
        <v>669</v>
      </c>
      <c r="S4825">
        <v>1</v>
      </c>
      <c r="T4825" t="s">
        <v>942</v>
      </c>
      <c r="U4825">
        <v>58</v>
      </c>
      <c r="V4825">
        <v>3</v>
      </c>
      <c r="W4825">
        <v>180</v>
      </c>
      <c r="X4825">
        <v>2020</v>
      </c>
    </row>
    <row r="4826" spans="1:24" x14ac:dyDescent="0.25">
      <c r="A4826">
        <v>5735</v>
      </c>
      <c r="B4826" t="s">
        <v>18</v>
      </c>
      <c r="C4826">
        <v>31</v>
      </c>
      <c r="D4826" t="s">
        <v>426</v>
      </c>
      <c r="E4826">
        <v>246</v>
      </c>
      <c r="F4826" t="s">
        <v>651</v>
      </c>
      <c r="G4826">
        <v>160</v>
      </c>
      <c r="H4826" t="s">
        <v>719</v>
      </c>
      <c r="I4826">
        <v>7630</v>
      </c>
      <c r="J4826" t="s">
        <v>699</v>
      </c>
      <c r="K4826">
        <v>10</v>
      </c>
      <c r="L4826" t="s">
        <v>700</v>
      </c>
      <c r="M4826">
        <v>348</v>
      </c>
      <c r="N4826" t="s">
        <v>654</v>
      </c>
      <c r="O4826">
        <v>3</v>
      </c>
      <c r="P4826" t="s">
        <v>655</v>
      </c>
      <c r="Q4826">
        <v>1</v>
      </c>
      <c r="R4826" t="s">
        <v>669</v>
      </c>
      <c r="S4826">
        <v>1</v>
      </c>
      <c r="T4826" t="s">
        <v>702</v>
      </c>
      <c r="U4826">
        <v>39</v>
      </c>
      <c r="V4826">
        <v>3</v>
      </c>
      <c r="W4826">
        <v>180</v>
      </c>
      <c r="X4826">
        <v>2020</v>
      </c>
    </row>
    <row r="4827" spans="1:24" x14ac:dyDescent="0.25">
      <c r="A4827">
        <v>5734</v>
      </c>
      <c r="B4827" t="s">
        <v>18</v>
      </c>
      <c r="C4827">
        <v>31</v>
      </c>
      <c r="D4827" t="s">
        <v>426</v>
      </c>
      <c r="E4827">
        <v>246</v>
      </c>
      <c r="F4827" t="s">
        <v>651</v>
      </c>
      <c r="G4827">
        <v>160</v>
      </c>
      <c r="H4827" t="s">
        <v>719</v>
      </c>
      <c r="I4827">
        <v>7630</v>
      </c>
      <c r="J4827" t="s">
        <v>699</v>
      </c>
      <c r="K4827">
        <v>10</v>
      </c>
      <c r="L4827" t="s">
        <v>700</v>
      </c>
      <c r="M4827">
        <v>348</v>
      </c>
      <c r="N4827" t="s">
        <v>654</v>
      </c>
      <c r="O4827">
        <v>3</v>
      </c>
      <c r="P4827" t="s">
        <v>655</v>
      </c>
      <c r="Q4827">
        <v>1</v>
      </c>
      <c r="R4827" t="s">
        <v>669</v>
      </c>
      <c r="S4827">
        <v>1</v>
      </c>
      <c r="T4827" t="s">
        <v>701</v>
      </c>
      <c r="U4827">
        <v>38</v>
      </c>
      <c r="V4827">
        <v>3</v>
      </c>
      <c r="W4827">
        <v>180</v>
      </c>
      <c r="X4827">
        <v>2020</v>
      </c>
    </row>
    <row r="4828" spans="1:24" x14ac:dyDescent="0.25">
      <c r="A4828">
        <v>5733</v>
      </c>
      <c r="B4828" t="s">
        <v>18</v>
      </c>
      <c r="C4828">
        <v>31</v>
      </c>
      <c r="D4828" t="s">
        <v>426</v>
      </c>
      <c r="E4828">
        <v>246</v>
      </c>
      <c r="F4828" t="s">
        <v>651</v>
      </c>
      <c r="G4828">
        <v>160</v>
      </c>
      <c r="H4828" t="s">
        <v>719</v>
      </c>
      <c r="I4828">
        <v>7630</v>
      </c>
      <c r="J4828" t="s">
        <v>699</v>
      </c>
      <c r="K4828">
        <v>10</v>
      </c>
      <c r="L4828" t="s">
        <v>700</v>
      </c>
      <c r="M4828">
        <v>348</v>
      </c>
      <c r="N4828" t="s">
        <v>654</v>
      </c>
      <c r="O4828">
        <v>3</v>
      </c>
      <c r="P4828" t="s">
        <v>655</v>
      </c>
      <c r="Q4828">
        <v>1</v>
      </c>
      <c r="R4828" t="s">
        <v>669</v>
      </c>
      <c r="S4828">
        <v>1</v>
      </c>
      <c r="T4828" t="s">
        <v>1667</v>
      </c>
      <c r="U4828">
        <v>37</v>
      </c>
      <c r="V4828">
        <v>3</v>
      </c>
      <c r="W4828">
        <v>180</v>
      </c>
      <c r="X4828">
        <v>2020</v>
      </c>
    </row>
    <row r="4829" spans="1:24" x14ac:dyDescent="0.25">
      <c r="A4829">
        <v>5732</v>
      </c>
      <c r="B4829" t="s">
        <v>18</v>
      </c>
      <c r="C4829">
        <v>31</v>
      </c>
      <c r="D4829" t="s">
        <v>426</v>
      </c>
      <c r="E4829">
        <v>246</v>
      </c>
      <c r="F4829" t="s">
        <v>651</v>
      </c>
      <c r="G4829">
        <v>160</v>
      </c>
      <c r="H4829" t="s">
        <v>719</v>
      </c>
      <c r="I4829">
        <v>7630</v>
      </c>
      <c r="J4829" t="s">
        <v>699</v>
      </c>
      <c r="K4829">
        <v>10</v>
      </c>
      <c r="L4829" t="s">
        <v>700</v>
      </c>
      <c r="M4829">
        <v>348</v>
      </c>
      <c r="N4829" t="s">
        <v>654</v>
      </c>
      <c r="O4829">
        <v>3</v>
      </c>
      <c r="P4829" t="s">
        <v>655</v>
      </c>
      <c r="Q4829">
        <v>1</v>
      </c>
      <c r="R4829" t="s">
        <v>669</v>
      </c>
      <c r="S4829">
        <v>1</v>
      </c>
      <c r="T4829" t="s">
        <v>1010</v>
      </c>
      <c r="U4829">
        <v>36</v>
      </c>
      <c r="V4829">
        <v>3</v>
      </c>
      <c r="W4829">
        <v>180</v>
      </c>
      <c r="X4829">
        <v>2020</v>
      </c>
    </row>
    <row r="4830" spans="1:24" x14ac:dyDescent="0.25">
      <c r="A4830">
        <v>5731</v>
      </c>
      <c r="B4830" t="s">
        <v>18</v>
      </c>
      <c r="C4830">
        <v>31</v>
      </c>
      <c r="D4830" t="s">
        <v>426</v>
      </c>
      <c r="E4830">
        <v>246</v>
      </c>
      <c r="F4830" t="s">
        <v>651</v>
      </c>
      <c r="G4830">
        <v>160</v>
      </c>
      <c r="H4830" t="s">
        <v>719</v>
      </c>
      <c r="I4830">
        <v>7630</v>
      </c>
      <c r="J4830" t="s">
        <v>699</v>
      </c>
      <c r="K4830">
        <v>10</v>
      </c>
      <c r="L4830" t="s">
        <v>700</v>
      </c>
      <c r="M4830">
        <v>348</v>
      </c>
      <c r="N4830" t="s">
        <v>654</v>
      </c>
      <c r="O4830">
        <v>3</v>
      </c>
      <c r="P4830" t="s">
        <v>655</v>
      </c>
      <c r="Q4830">
        <v>1</v>
      </c>
      <c r="R4830" t="s">
        <v>669</v>
      </c>
      <c r="S4830">
        <v>1</v>
      </c>
      <c r="T4830" t="s">
        <v>1009</v>
      </c>
      <c r="U4830">
        <v>35</v>
      </c>
      <c r="V4830">
        <v>3</v>
      </c>
      <c r="W4830">
        <v>180</v>
      </c>
      <c r="X4830">
        <v>2020</v>
      </c>
    </row>
    <row r="4831" spans="1:24" x14ac:dyDescent="0.25">
      <c r="A4831">
        <v>5730</v>
      </c>
      <c r="B4831" t="s">
        <v>18</v>
      </c>
      <c r="C4831">
        <v>31</v>
      </c>
      <c r="D4831" t="s">
        <v>426</v>
      </c>
      <c r="E4831">
        <v>246</v>
      </c>
      <c r="F4831" t="s">
        <v>651</v>
      </c>
      <c r="G4831">
        <v>160</v>
      </c>
      <c r="H4831" t="s">
        <v>719</v>
      </c>
      <c r="I4831">
        <v>7630</v>
      </c>
      <c r="J4831" t="s">
        <v>699</v>
      </c>
      <c r="K4831">
        <v>10</v>
      </c>
      <c r="L4831" t="s">
        <v>1241</v>
      </c>
      <c r="M4831">
        <v>346</v>
      </c>
      <c r="N4831" t="s">
        <v>654</v>
      </c>
      <c r="O4831">
        <v>3</v>
      </c>
      <c r="P4831" t="s">
        <v>655</v>
      </c>
      <c r="Q4831">
        <v>1</v>
      </c>
      <c r="R4831" t="s">
        <v>669</v>
      </c>
      <c r="S4831">
        <v>1</v>
      </c>
      <c r="T4831" t="s">
        <v>1756</v>
      </c>
      <c r="U4831">
        <v>99</v>
      </c>
      <c r="V4831">
        <v>3</v>
      </c>
      <c r="W4831">
        <v>180</v>
      </c>
      <c r="X4831">
        <v>2020</v>
      </c>
    </row>
    <row r="4832" spans="1:24" x14ac:dyDescent="0.25">
      <c r="A4832">
        <v>5729</v>
      </c>
      <c r="B4832" t="s">
        <v>18</v>
      </c>
      <c r="C4832">
        <v>31</v>
      </c>
      <c r="D4832" t="s">
        <v>426</v>
      </c>
      <c r="E4832">
        <v>246</v>
      </c>
      <c r="F4832" t="s">
        <v>651</v>
      </c>
      <c r="G4832">
        <v>160</v>
      </c>
      <c r="H4832" t="s">
        <v>719</v>
      </c>
      <c r="I4832">
        <v>7630</v>
      </c>
      <c r="J4832" t="s">
        <v>699</v>
      </c>
      <c r="K4832">
        <v>10</v>
      </c>
      <c r="L4832" t="s">
        <v>1241</v>
      </c>
      <c r="M4832">
        <v>346</v>
      </c>
      <c r="N4832" t="s">
        <v>654</v>
      </c>
      <c r="O4832">
        <v>3</v>
      </c>
      <c r="P4832" t="s">
        <v>655</v>
      </c>
      <c r="Q4832">
        <v>1</v>
      </c>
      <c r="R4832" t="s">
        <v>669</v>
      </c>
      <c r="S4832">
        <v>1</v>
      </c>
      <c r="T4832" t="s">
        <v>1755</v>
      </c>
      <c r="U4832">
        <v>86</v>
      </c>
      <c r="V4832">
        <v>3</v>
      </c>
      <c r="W4832">
        <v>180</v>
      </c>
      <c r="X4832">
        <v>2020</v>
      </c>
    </row>
    <row r="4833" spans="1:24" x14ac:dyDescent="0.25">
      <c r="A4833">
        <v>5728</v>
      </c>
      <c r="B4833" t="s">
        <v>18</v>
      </c>
      <c r="C4833">
        <v>31</v>
      </c>
      <c r="D4833" t="s">
        <v>426</v>
      </c>
      <c r="E4833">
        <v>246</v>
      </c>
      <c r="F4833" t="s">
        <v>651</v>
      </c>
      <c r="G4833">
        <v>160</v>
      </c>
      <c r="H4833" t="s">
        <v>719</v>
      </c>
      <c r="I4833">
        <v>7630</v>
      </c>
      <c r="J4833" t="s">
        <v>699</v>
      </c>
      <c r="K4833">
        <v>10</v>
      </c>
      <c r="L4833" t="s">
        <v>1241</v>
      </c>
      <c r="M4833">
        <v>346</v>
      </c>
      <c r="N4833" t="s">
        <v>654</v>
      </c>
      <c r="O4833">
        <v>3</v>
      </c>
      <c r="P4833" t="s">
        <v>655</v>
      </c>
      <c r="Q4833">
        <v>1</v>
      </c>
      <c r="R4833" t="s">
        <v>669</v>
      </c>
      <c r="S4833">
        <v>1</v>
      </c>
      <c r="T4833" t="s">
        <v>1443</v>
      </c>
      <c r="U4833">
        <v>73</v>
      </c>
      <c r="V4833">
        <v>3</v>
      </c>
      <c r="W4833">
        <v>180</v>
      </c>
      <c r="X4833">
        <v>2020</v>
      </c>
    </row>
    <row r="4834" spans="1:24" x14ac:dyDescent="0.25">
      <c r="A4834">
        <v>5727</v>
      </c>
      <c r="B4834" t="s">
        <v>18</v>
      </c>
      <c r="C4834">
        <v>31</v>
      </c>
      <c r="D4834" t="s">
        <v>426</v>
      </c>
      <c r="E4834">
        <v>246</v>
      </c>
      <c r="F4834" t="s">
        <v>651</v>
      </c>
      <c r="G4834">
        <v>160</v>
      </c>
      <c r="H4834" t="s">
        <v>719</v>
      </c>
      <c r="I4834">
        <v>7630</v>
      </c>
      <c r="J4834" t="s">
        <v>699</v>
      </c>
      <c r="K4834">
        <v>10</v>
      </c>
      <c r="L4834" t="s">
        <v>1241</v>
      </c>
      <c r="M4834">
        <v>346</v>
      </c>
      <c r="N4834" t="s">
        <v>654</v>
      </c>
      <c r="O4834">
        <v>3</v>
      </c>
      <c r="P4834" t="s">
        <v>655</v>
      </c>
      <c r="Q4834">
        <v>1</v>
      </c>
      <c r="R4834" t="s">
        <v>669</v>
      </c>
      <c r="S4834">
        <v>1</v>
      </c>
      <c r="T4834" t="s">
        <v>1754</v>
      </c>
      <c r="U4834">
        <v>48</v>
      </c>
      <c r="V4834">
        <v>3</v>
      </c>
      <c r="W4834">
        <v>180</v>
      </c>
      <c r="X4834">
        <v>2020</v>
      </c>
    </row>
    <row r="4835" spans="1:24" x14ac:dyDescent="0.25">
      <c r="A4835">
        <v>5726</v>
      </c>
      <c r="B4835" t="s">
        <v>18</v>
      </c>
      <c r="C4835">
        <v>31</v>
      </c>
      <c r="D4835" t="s">
        <v>426</v>
      </c>
      <c r="E4835">
        <v>246</v>
      </c>
      <c r="F4835" t="s">
        <v>651</v>
      </c>
      <c r="G4835">
        <v>160</v>
      </c>
      <c r="H4835" t="s">
        <v>719</v>
      </c>
      <c r="I4835">
        <v>7630</v>
      </c>
      <c r="J4835" t="s">
        <v>699</v>
      </c>
      <c r="K4835">
        <v>10</v>
      </c>
      <c r="L4835" t="s">
        <v>1241</v>
      </c>
      <c r="M4835">
        <v>346</v>
      </c>
      <c r="N4835" t="s">
        <v>654</v>
      </c>
      <c r="O4835">
        <v>3</v>
      </c>
      <c r="P4835" t="s">
        <v>655</v>
      </c>
      <c r="Q4835">
        <v>1</v>
      </c>
      <c r="R4835" t="s">
        <v>669</v>
      </c>
      <c r="S4835">
        <v>1</v>
      </c>
      <c r="T4835" t="s">
        <v>1505</v>
      </c>
      <c r="U4835">
        <v>59</v>
      </c>
      <c r="V4835">
        <v>3</v>
      </c>
      <c r="W4835">
        <v>180</v>
      </c>
      <c r="X4835">
        <v>2020</v>
      </c>
    </row>
    <row r="4836" spans="1:24" x14ac:dyDescent="0.25">
      <c r="A4836">
        <v>5725</v>
      </c>
      <c r="B4836" t="s">
        <v>18</v>
      </c>
      <c r="C4836">
        <v>31</v>
      </c>
      <c r="D4836" t="s">
        <v>426</v>
      </c>
      <c r="E4836">
        <v>246</v>
      </c>
      <c r="F4836" t="s">
        <v>651</v>
      </c>
      <c r="G4836">
        <v>160</v>
      </c>
      <c r="H4836" t="s">
        <v>719</v>
      </c>
      <c r="I4836">
        <v>7630</v>
      </c>
      <c r="J4836" t="s">
        <v>699</v>
      </c>
      <c r="K4836">
        <v>10</v>
      </c>
      <c r="L4836" t="s">
        <v>1241</v>
      </c>
      <c r="M4836">
        <v>346</v>
      </c>
      <c r="N4836" t="s">
        <v>654</v>
      </c>
      <c r="O4836">
        <v>3</v>
      </c>
      <c r="P4836" t="s">
        <v>655</v>
      </c>
      <c r="Q4836">
        <v>1</v>
      </c>
      <c r="R4836" t="s">
        <v>669</v>
      </c>
      <c r="S4836">
        <v>1</v>
      </c>
      <c r="T4836" t="s">
        <v>1419</v>
      </c>
      <c r="U4836">
        <v>34</v>
      </c>
      <c r="V4836">
        <v>3</v>
      </c>
      <c r="W4836">
        <v>180</v>
      </c>
      <c r="X4836">
        <v>2020</v>
      </c>
    </row>
    <row r="4837" spans="1:24" x14ac:dyDescent="0.25">
      <c r="A4837">
        <v>5724</v>
      </c>
      <c r="B4837" t="s">
        <v>112</v>
      </c>
      <c r="C4837">
        <v>29</v>
      </c>
      <c r="D4837" t="s">
        <v>465</v>
      </c>
      <c r="E4837">
        <v>228</v>
      </c>
      <c r="F4837" t="s">
        <v>651</v>
      </c>
      <c r="G4837">
        <v>160</v>
      </c>
      <c r="H4837" t="s">
        <v>719</v>
      </c>
      <c r="I4837">
        <v>7630</v>
      </c>
      <c r="J4837" t="s">
        <v>707</v>
      </c>
      <c r="K4837">
        <v>59</v>
      </c>
      <c r="L4837" t="s">
        <v>3694</v>
      </c>
      <c r="M4837">
        <v>240</v>
      </c>
      <c r="N4837" t="s">
        <v>654</v>
      </c>
      <c r="O4837">
        <v>3</v>
      </c>
      <c r="P4837" t="s">
        <v>655</v>
      </c>
      <c r="Q4837">
        <v>1</v>
      </c>
      <c r="R4837" t="s">
        <v>669</v>
      </c>
      <c r="S4837">
        <v>1</v>
      </c>
      <c r="T4837" t="s">
        <v>661</v>
      </c>
      <c r="U4837">
        <v>8</v>
      </c>
      <c r="V4837">
        <v>4</v>
      </c>
      <c r="W4837">
        <v>240</v>
      </c>
      <c r="X4837">
        <v>2020</v>
      </c>
    </row>
    <row r="4838" spans="1:24" x14ac:dyDescent="0.25">
      <c r="A4838">
        <v>5723</v>
      </c>
      <c r="B4838" t="s">
        <v>22</v>
      </c>
      <c r="C4838">
        <v>28</v>
      </c>
      <c r="D4838" t="s">
        <v>526</v>
      </c>
      <c r="E4838">
        <v>220</v>
      </c>
      <c r="F4838" t="s">
        <v>734</v>
      </c>
      <c r="G4838">
        <v>122</v>
      </c>
      <c r="H4838" t="s">
        <v>735</v>
      </c>
      <c r="I4838">
        <v>13756</v>
      </c>
      <c r="J4838" t="s">
        <v>756</v>
      </c>
      <c r="K4838">
        <v>19</v>
      </c>
      <c r="L4838" t="s">
        <v>756</v>
      </c>
      <c r="M4838">
        <v>60</v>
      </c>
      <c r="N4838" t="s">
        <v>654</v>
      </c>
      <c r="O4838">
        <v>3</v>
      </c>
      <c r="P4838" t="s">
        <v>655</v>
      </c>
      <c r="Q4838">
        <v>1</v>
      </c>
      <c r="R4838" t="s">
        <v>669</v>
      </c>
      <c r="S4838">
        <v>1</v>
      </c>
      <c r="T4838" t="s">
        <v>661</v>
      </c>
      <c r="U4838">
        <v>8</v>
      </c>
      <c r="V4838">
        <v>3</v>
      </c>
      <c r="W4838">
        <v>180</v>
      </c>
      <c r="X4838">
        <v>2020</v>
      </c>
    </row>
    <row r="4839" spans="1:24" x14ac:dyDescent="0.25">
      <c r="A4839">
        <v>5720</v>
      </c>
      <c r="B4839" t="s">
        <v>195</v>
      </c>
      <c r="C4839">
        <v>27</v>
      </c>
      <c r="D4839" t="s">
        <v>321</v>
      </c>
      <c r="E4839">
        <v>205</v>
      </c>
      <c r="F4839" t="s">
        <v>651</v>
      </c>
      <c r="G4839">
        <v>160</v>
      </c>
      <c r="H4839" t="s">
        <v>833</v>
      </c>
      <c r="I4839">
        <v>5562</v>
      </c>
      <c r="J4839" t="s">
        <v>1931</v>
      </c>
      <c r="K4839">
        <v>80</v>
      </c>
      <c r="L4839" t="s">
        <v>878</v>
      </c>
      <c r="M4839">
        <v>329</v>
      </c>
      <c r="N4839" t="s">
        <v>668</v>
      </c>
      <c r="O4839">
        <v>4</v>
      </c>
      <c r="P4839" t="s">
        <v>655</v>
      </c>
      <c r="Q4839">
        <v>1</v>
      </c>
      <c r="R4839" t="s">
        <v>669</v>
      </c>
      <c r="S4839">
        <v>1</v>
      </c>
      <c r="T4839" t="s">
        <v>718</v>
      </c>
      <c r="U4839">
        <v>2</v>
      </c>
      <c r="V4839">
        <v>5</v>
      </c>
      <c r="W4839">
        <v>300</v>
      </c>
      <c r="X4839">
        <v>2020</v>
      </c>
    </row>
    <row r="4840" spans="1:24" x14ac:dyDescent="0.25">
      <c r="A4840">
        <v>5719</v>
      </c>
      <c r="B4840" t="s">
        <v>32</v>
      </c>
      <c r="C4840">
        <v>24</v>
      </c>
      <c r="D4840" t="s">
        <v>458</v>
      </c>
      <c r="E4840">
        <v>175</v>
      </c>
      <c r="F4840" t="s">
        <v>651</v>
      </c>
      <c r="G4840">
        <v>160</v>
      </c>
      <c r="H4840" t="s">
        <v>747</v>
      </c>
      <c r="I4840">
        <v>4847</v>
      </c>
      <c r="J4840" t="s">
        <v>676</v>
      </c>
      <c r="K4840">
        <v>4</v>
      </c>
      <c r="L4840" t="s">
        <v>676</v>
      </c>
      <c r="M4840">
        <v>12</v>
      </c>
      <c r="N4840" t="s">
        <v>654</v>
      </c>
      <c r="O4840">
        <v>3</v>
      </c>
      <c r="P4840" t="s">
        <v>655</v>
      </c>
      <c r="Q4840">
        <v>1</v>
      </c>
      <c r="R4840" t="s">
        <v>669</v>
      </c>
      <c r="S4840">
        <v>1</v>
      </c>
      <c r="T4840" t="s">
        <v>718</v>
      </c>
      <c r="U4840">
        <v>2</v>
      </c>
      <c r="V4840">
        <v>3</v>
      </c>
      <c r="W4840">
        <v>180</v>
      </c>
      <c r="X4840">
        <v>2020</v>
      </c>
    </row>
    <row r="4841" spans="1:24" x14ac:dyDescent="0.25">
      <c r="A4841">
        <v>5717</v>
      </c>
      <c r="B4841" t="s">
        <v>32</v>
      </c>
      <c r="C4841">
        <v>24</v>
      </c>
      <c r="D4841" t="s">
        <v>402</v>
      </c>
      <c r="E4841">
        <v>173</v>
      </c>
      <c r="F4841" t="s">
        <v>651</v>
      </c>
      <c r="G4841">
        <v>160</v>
      </c>
      <c r="H4841" t="s">
        <v>747</v>
      </c>
      <c r="I4841">
        <v>4847</v>
      </c>
      <c r="J4841" t="s">
        <v>1088</v>
      </c>
      <c r="K4841">
        <v>38</v>
      </c>
      <c r="L4841" t="s">
        <v>1265</v>
      </c>
      <c r="M4841">
        <v>136</v>
      </c>
      <c r="N4841" t="s">
        <v>654</v>
      </c>
      <c r="O4841">
        <v>3</v>
      </c>
      <c r="P4841" t="s">
        <v>655</v>
      </c>
      <c r="Q4841">
        <v>1</v>
      </c>
      <c r="R4841" t="s">
        <v>669</v>
      </c>
      <c r="S4841">
        <v>1</v>
      </c>
      <c r="T4841" t="s">
        <v>661</v>
      </c>
      <c r="U4841">
        <v>8</v>
      </c>
      <c r="V4841">
        <v>3</v>
      </c>
      <c r="W4841">
        <v>180</v>
      </c>
      <c r="X4841">
        <v>2020</v>
      </c>
    </row>
    <row r="4842" spans="1:24" x14ac:dyDescent="0.25">
      <c r="A4842">
        <v>5716</v>
      </c>
      <c r="B4842" t="s">
        <v>14</v>
      </c>
      <c r="C4842">
        <v>20</v>
      </c>
      <c r="D4842" t="s">
        <v>552</v>
      </c>
      <c r="E4842">
        <v>151</v>
      </c>
      <c r="F4842" t="s">
        <v>651</v>
      </c>
      <c r="G4842">
        <v>160</v>
      </c>
      <c r="H4842" t="s">
        <v>1875</v>
      </c>
      <c r="I4842">
        <v>2551</v>
      </c>
      <c r="J4842" t="s">
        <v>301</v>
      </c>
      <c r="K4842">
        <v>26</v>
      </c>
      <c r="L4842" t="s">
        <v>301</v>
      </c>
      <c r="M4842">
        <v>82</v>
      </c>
      <c r="N4842" t="s">
        <v>654</v>
      </c>
      <c r="O4842">
        <v>3</v>
      </c>
      <c r="P4842" t="s">
        <v>655</v>
      </c>
      <c r="Q4842">
        <v>1</v>
      </c>
      <c r="R4842" t="s">
        <v>669</v>
      </c>
      <c r="S4842">
        <v>1</v>
      </c>
      <c r="T4842" t="s">
        <v>661</v>
      </c>
      <c r="U4842">
        <v>8</v>
      </c>
      <c r="V4842">
        <v>3</v>
      </c>
      <c r="W4842">
        <v>180</v>
      </c>
      <c r="X4842">
        <v>2020</v>
      </c>
    </row>
    <row r="4843" spans="1:24" x14ac:dyDescent="0.25">
      <c r="A4843">
        <v>5713</v>
      </c>
      <c r="B4843" t="s">
        <v>14</v>
      </c>
      <c r="C4843">
        <v>20</v>
      </c>
      <c r="D4843" t="s">
        <v>426</v>
      </c>
      <c r="E4843">
        <v>145</v>
      </c>
      <c r="F4843" t="s">
        <v>651</v>
      </c>
      <c r="G4843">
        <v>160</v>
      </c>
      <c r="H4843" t="s">
        <v>739</v>
      </c>
      <c r="I4843">
        <v>4413</v>
      </c>
      <c r="J4843" t="s">
        <v>699</v>
      </c>
      <c r="K4843">
        <v>10</v>
      </c>
      <c r="L4843" t="s">
        <v>1753</v>
      </c>
      <c r="M4843">
        <v>458</v>
      </c>
      <c r="N4843" t="s">
        <v>654</v>
      </c>
      <c r="O4843">
        <v>3</v>
      </c>
      <c r="P4843" t="s">
        <v>655</v>
      </c>
      <c r="Q4843">
        <v>1</v>
      </c>
      <c r="R4843" t="s">
        <v>669</v>
      </c>
      <c r="S4843">
        <v>1</v>
      </c>
      <c r="T4843" t="s">
        <v>3695</v>
      </c>
      <c r="U4843">
        <v>154</v>
      </c>
      <c r="V4843">
        <v>3</v>
      </c>
      <c r="W4843">
        <v>180</v>
      </c>
      <c r="X4843">
        <v>2020</v>
      </c>
    </row>
    <row r="4844" spans="1:24" x14ac:dyDescent="0.25">
      <c r="A4844">
        <v>5712</v>
      </c>
      <c r="B4844" t="s">
        <v>14</v>
      </c>
      <c r="C4844">
        <v>20</v>
      </c>
      <c r="D4844" t="s">
        <v>426</v>
      </c>
      <c r="E4844">
        <v>145</v>
      </c>
      <c r="F4844" t="s">
        <v>651</v>
      </c>
      <c r="G4844">
        <v>160</v>
      </c>
      <c r="H4844" t="s">
        <v>739</v>
      </c>
      <c r="I4844">
        <v>4413</v>
      </c>
      <c r="J4844" t="s">
        <v>699</v>
      </c>
      <c r="K4844">
        <v>10</v>
      </c>
      <c r="L4844" t="s">
        <v>1753</v>
      </c>
      <c r="M4844">
        <v>458</v>
      </c>
      <c r="N4844" t="s">
        <v>654</v>
      </c>
      <c r="O4844">
        <v>3</v>
      </c>
      <c r="P4844" t="s">
        <v>655</v>
      </c>
      <c r="Q4844">
        <v>1</v>
      </c>
      <c r="R4844" t="s">
        <v>669</v>
      </c>
      <c r="S4844">
        <v>1</v>
      </c>
      <c r="T4844" t="s">
        <v>3696</v>
      </c>
      <c r="U4844">
        <v>142</v>
      </c>
      <c r="V4844">
        <v>3</v>
      </c>
      <c r="W4844">
        <v>180</v>
      </c>
      <c r="X4844">
        <v>2020</v>
      </c>
    </row>
    <row r="4845" spans="1:24" x14ac:dyDescent="0.25">
      <c r="A4845">
        <v>5711</v>
      </c>
      <c r="B4845" t="s">
        <v>14</v>
      </c>
      <c r="C4845">
        <v>20</v>
      </c>
      <c r="D4845" t="s">
        <v>426</v>
      </c>
      <c r="E4845">
        <v>145</v>
      </c>
      <c r="F4845" t="s">
        <v>651</v>
      </c>
      <c r="G4845">
        <v>160</v>
      </c>
      <c r="H4845" t="s">
        <v>739</v>
      </c>
      <c r="I4845">
        <v>4413</v>
      </c>
      <c r="J4845" t="s">
        <v>699</v>
      </c>
      <c r="K4845">
        <v>10</v>
      </c>
      <c r="L4845" t="s">
        <v>1753</v>
      </c>
      <c r="M4845">
        <v>458</v>
      </c>
      <c r="N4845" t="s">
        <v>654</v>
      </c>
      <c r="O4845">
        <v>3</v>
      </c>
      <c r="P4845" t="s">
        <v>655</v>
      </c>
      <c r="Q4845">
        <v>1</v>
      </c>
      <c r="R4845" t="s">
        <v>669</v>
      </c>
      <c r="S4845">
        <v>1</v>
      </c>
      <c r="T4845" t="s">
        <v>3697</v>
      </c>
      <c r="U4845">
        <v>93</v>
      </c>
      <c r="V4845">
        <v>3</v>
      </c>
      <c r="W4845">
        <v>180</v>
      </c>
      <c r="X4845">
        <v>2020</v>
      </c>
    </row>
    <row r="4846" spans="1:24" x14ac:dyDescent="0.25">
      <c r="A4846">
        <v>5710</v>
      </c>
      <c r="B4846" t="s">
        <v>14</v>
      </c>
      <c r="C4846">
        <v>20</v>
      </c>
      <c r="D4846" t="s">
        <v>426</v>
      </c>
      <c r="E4846">
        <v>145</v>
      </c>
      <c r="F4846" t="s">
        <v>651</v>
      </c>
      <c r="G4846">
        <v>160</v>
      </c>
      <c r="H4846" t="s">
        <v>739</v>
      </c>
      <c r="I4846">
        <v>4413</v>
      </c>
      <c r="J4846" t="s">
        <v>699</v>
      </c>
      <c r="K4846">
        <v>10</v>
      </c>
      <c r="L4846" t="s">
        <v>1753</v>
      </c>
      <c r="M4846">
        <v>458</v>
      </c>
      <c r="N4846" t="s">
        <v>654</v>
      </c>
      <c r="O4846">
        <v>3</v>
      </c>
      <c r="P4846" t="s">
        <v>655</v>
      </c>
      <c r="Q4846">
        <v>1</v>
      </c>
      <c r="R4846" t="s">
        <v>669</v>
      </c>
      <c r="S4846">
        <v>1</v>
      </c>
      <c r="T4846" t="s">
        <v>3698</v>
      </c>
      <c r="U4846">
        <v>81</v>
      </c>
      <c r="V4846">
        <v>3</v>
      </c>
      <c r="W4846">
        <v>180</v>
      </c>
      <c r="X4846">
        <v>2020</v>
      </c>
    </row>
    <row r="4847" spans="1:24" x14ac:dyDescent="0.25">
      <c r="A4847">
        <v>5709</v>
      </c>
      <c r="B4847" t="s">
        <v>14</v>
      </c>
      <c r="C4847">
        <v>20</v>
      </c>
      <c r="D4847" t="s">
        <v>426</v>
      </c>
      <c r="E4847">
        <v>145</v>
      </c>
      <c r="F4847" t="s">
        <v>651</v>
      </c>
      <c r="G4847">
        <v>160</v>
      </c>
      <c r="H4847" t="s">
        <v>739</v>
      </c>
      <c r="I4847">
        <v>4413</v>
      </c>
      <c r="J4847" t="s">
        <v>699</v>
      </c>
      <c r="K4847">
        <v>10</v>
      </c>
      <c r="L4847" t="s">
        <v>1753</v>
      </c>
      <c r="M4847">
        <v>458</v>
      </c>
      <c r="N4847" t="s">
        <v>654</v>
      </c>
      <c r="O4847">
        <v>3</v>
      </c>
      <c r="P4847" t="s">
        <v>655</v>
      </c>
      <c r="Q4847">
        <v>1</v>
      </c>
      <c r="R4847" t="s">
        <v>669</v>
      </c>
      <c r="S4847">
        <v>1</v>
      </c>
      <c r="T4847" t="s">
        <v>3699</v>
      </c>
      <c r="U4847">
        <v>69</v>
      </c>
      <c r="V4847">
        <v>3</v>
      </c>
      <c r="W4847">
        <v>180</v>
      </c>
      <c r="X4847">
        <v>2020</v>
      </c>
    </row>
    <row r="4848" spans="1:24" x14ac:dyDescent="0.25">
      <c r="A4848">
        <v>5708</v>
      </c>
      <c r="B4848" t="s">
        <v>14</v>
      </c>
      <c r="C4848">
        <v>20</v>
      </c>
      <c r="D4848" t="s">
        <v>426</v>
      </c>
      <c r="E4848">
        <v>145</v>
      </c>
      <c r="F4848" t="s">
        <v>651</v>
      </c>
      <c r="G4848">
        <v>160</v>
      </c>
      <c r="H4848" t="s">
        <v>739</v>
      </c>
      <c r="I4848">
        <v>4413</v>
      </c>
      <c r="J4848" t="s">
        <v>699</v>
      </c>
      <c r="K4848">
        <v>10</v>
      </c>
      <c r="L4848" t="s">
        <v>1753</v>
      </c>
      <c r="M4848">
        <v>458</v>
      </c>
      <c r="N4848" t="s">
        <v>654</v>
      </c>
      <c r="O4848">
        <v>3</v>
      </c>
      <c r="P4848" t="s">
        <v>655</v>
      </c>
      <c r="Q4848">
        <v>1</v>
      </c>
      <c r="R4848" t="s">
        <v>669</v>
      </c>
      <c r="S4848">
        <v>1</v>
      </c>
      <c r="T4848" t="s">
        <v>3700</v>
      </c>
      <c r="U4848">
        <v>57</v>
      </c>
      <c r="V4848">
        <v>3</v>
      </c>
      <c r="W4848">
        <v>180</v>
      </c>
      <c r="X4848">
        <v>2020</v>
      </c>
    </row>
    <row r="4849" spans="1:24" x14ac:dyDescent="0.25">
      <c r="A4849">
        <v>5707</v>
      </c>
      <c r="B4849" t="s">
        <v>14</v>
      </c>
      <c r="C4849">
        <v>20</v>
      </c>
      <c r="D4849" t="s">
        <v>426</v>
      </c>
      <c r="E4849">
        <v>145</v>
      </c>
      <c r="F4849" t="s">
        <v>651</v>
      </c>
      <c r="G4849">
        <v>160</v>
      </c>
      <c r="H4849" t="s">
        <v>739</v>
      </c>
      <c r="I4849">
        <v>4413</v>
      </c>
      <c r="J4849" t="s">
        <v>699</v>
      </c>
      <c r="K4849">
        <v>10</v>
      </c>
      <c r="L4849" t="s">
        <v>1753</v>
      </c>
      <c r="M4849">
        <v>458</v>
      </c>
      <c r="N4849" t="s">
        <v>654</v>
      </c>
      <c r="O4849">
        <v>3</v>
      </c>
      <c r="P4849" t="s">
        <v>655</v>
      </c>
      <c r="Q4849">
        <v>1</v>
      </c>
      <c r="R4849" t="s">
        <v>669</v>
      </c>
      <c r="S4849">
        <v>1</v>
      </c>
      <c r="T4849" t="s">
        <v>3701</v>
      </c>
      <c r="U4849">
        <v>45</v>
      </c>
      <c r="V4849">
        <v>3</v>
      </c>
      <c r="W4849">
        <v>180</v>
      </c>
      <c r="X4849">
        <v>2020</v>
      </c>
    </row>
    <row r="4850" spans="1:24" x14ac:dyDescent="0.25">
      <c r="A4850">
        <v>5706</v>
      </c>
      <c r="B4850" t="s">
        <v>14</v>
      </c>
      <c r="C4850">
        <v>20</v>
      </c>
      <c r="D4850" t="s">
        <v>426</v>
      </c>
      <c r="E4850">
        <v>145</v>
      </c>
      <c r="F4850" t="s">
        <v>651</v>
      </c>
      <c r="G4850">
        <v>160</v>
      </c>
      <c r="H4850" t="s">
        <v>739</v>
      </c>
      <c r="I4850">
        <v>4413</v>
      </c>
      <c r="J4850" t="s">
        <v>699</v>
      </c>
      <c r="K4850">
        <v>10</v>
      </c>
      <c r="L4850" t="s">
        <v>1753</v>
      </c>
      <c r="M4850">
        <v>458</v>
      </c>
      <c r="N4850" t="s">
        <v>654</v>
      </c>
      <c r="O4850">
        <v>3</v>
      </c>
      <c r="P4850" t="s">
        <v>655</v>
      </c>
      <c r="Q4850">
        <v>1</v>
      </c>
      <c r="R4850" t="s">
        <v>669</v>
      </c>
      <c r="S4850">
        <v>1</v>
      </c>
      <c r="T4850" t="s">
        <v>1994</v>
      </c>
      <c r="U4850">
        <v>33</v>
      </c>
      <c r="V4850">
        <v>3</v>
      </c>
      <c r="W4850">
        <v>180</v>
      </c>
      <c r="X4850">
        <v>2020</v>
      </c>
    </row>
    <row r="4851" spans="1:24" x14ac:dyDescent="0.25">
      <c r="A4851">
        <v>5705</v>
      </c>
      <c r="B4851" t="s">
        <v>14</v>
      </c>
      <c r="C4851">
        <v>20</v>
      </c>
      <c r="D4851" t="s">
        <v>426</v>
      </c>
      <c r="E4851">
        <v>145</v>
      </c>
      <c r="F4851" t="s">
        <v>651</v>
      </c>
      <c r="G4851">
        <v>160</v>
      </c>
      <c r="H4851" t="s">
        <v>739</v>
      </c>
      <c r="I4851">
        <v>4413</v>
      </c>
      <c r="J4851" t="s">
        <v>699</v>
      </c>
      <c r="K4851">
        <v>10</v>
      </c>
      <c r="L4851" t="s">
        <v>1753</v>
      </c>
      <c r="M4851">
        <v>458</v>
      </c>
      <c r="N4851" t="s">
        <v>654</v>
      </c>
      <c r="O4851">
        <v>3</v>
      </c>
      <c r="P4851" t="s">
        <v>655</v>
      </c>
      <c r="Q4851">
        <v>1</v>
      </c>
      <c r="R4851" t="s">
        <v>669</v>
      </c>
      <c r="S4851">
        <v>1</v>
      </c>
      <c r="T4851" t="s">
        <v>3702</v>
      </c>
      <c r="U4851">
        <v>118</v>
      </c>
      <c r="V4851">
        <v>3</v>
      </c>
      <c r="W4851">
        <v>180</v>
      </c>
      <c r="X4851">
        <v>2020</v>
      </c>
    </row>
    <row r="4852" spans="1:24" x14ac:dyDescent="0.25">
      <c r="A4852">
        <v>5704</v>
      </c>
      <c r="B4852" t="s">
        <v>14</v>
      </c>
      <c r="C4852">
        <v>20</v>
      </c>
      <c r="D4852" t="s">
        <v>426</v>
      </c>
      <c r="E4852">
        <v>145</v>
      </c>
      <c r="F4852" t="s">
        <v>651</v>
      </c>
      <c r="G4852">
        <v>160</v>
      </c>
      <c r="H4852" t="s">
        <v>739</v>
      </c>
      <c r="I4852">
        <v>4413</v>
      </c>
      <c r="J4852" t="s">
        <v>699</v>
      </c>
      <c r="K4852">
        <v>10</v>
      </c>
      <c r="L4852" t="s">
        <v>1753</v>
      </c>
      <c r="M4852">
        <v>458</v>
      </c>
      <c r="N4852" t="s">
        <v>654</v>
      </c>
      <c r="O4852">
        <v>3</v>
      </c>
      <c r="P4852" t="s">
        <v>655</v>
      </c>
      <c r="Q4852">
        <v>1</v>
      </c>
      <c r="R4852" t="s">
        <v>669</v>
      </c>
      <c r="S4852">
        <v>1</v>
      </c>
      <c r="T4852" t="s">
        <v>3703</v>
      </c>
      <c r="U4852">
        <v>106</v>
      </c>
      <c r="V4852">
        <v>3</v>
      </c>
      <c r="W4852">
        <v>180</v>
      </c>
      <c r="X4852">
        <v>2020</v>
      </c>
    </row>
    <row r="4853" spans="1:24" x14ac:dyDescent="0.25">
      <c r="A4853">
        <v>5703</v>
      </c>
      <c r="B4853" t="s">
        <v>14</v>
      </c>
      <c r="C4853">
        <v>20</v>
      </c>
      <c r="D4853" t="s">
        <v>426</v>
      </c>
      <c r="E4853">
        <v>145</v>
      </c>
      <c r="F4853" t="s">
        <v>651</v>
      </c>
      <c r="G4853">
        <v>160</v>
      </c>
      <c r="H4853" t="s">
        <v>739</v>
      </c>
      <c r="I4853">
        <v>4413</v>
      </c>
      <c r="J4853" t="s">
        <v>699</v>
      </c>
      <c r="K4853">
        <v>10</v>
      </c>
      <c r="L4853" t="s">
        <v>1753</v>
      </c>
      <c r="M4853">
        <v>458</v>
      </c>
      <c r="N4853" t="s">
        <v>654</v>
      </c>
      <c r="O4853">
        <v>3</v>
      </c>
      <c r="P4853" t="s">
        <v>655</v>
      </c>
      <c r="Q4853">
        <v>1</v>
      </c>
      <c r="R4853" t="s">
        <v>669</v>
      </c>
      <c r="S4853">
        <v>1</v>
      </c>
      <c r="T4853" t="s">
        <v>3704</v>
      </c>
      <c r="U4853">
        <v>130</v>
      </c>
      <c r="V4853">
        <v>3</v>
      </c>
      <c r="W4853">
        <v>180</v>
      </c>
      <c r="X4853">
        <v>2020</v>
      </c>
    </row>
    <row r="4854" spans="1:24" x14ac:dyDescent="0.25">
      <c r="A4854">
        <v>5702</v>
      </c>
      <c r="B4854" t="s">
        <v>14</v>
      </c>
      <c r="C4854">
        <v>20</v>
      </c>
      <c r="D4854" t="s">
        <v>426</v>
      </c>
      <c r="E4854">
        <v>145</v>
      </c>
      <c r="F4854" t="s">
        <v>651</v>
      </c>
      <c r="G4854">
        <v>160</v>
      </c>
      <c r="H4854" t="s">
        <v>739</v>
      </c>
      <c r="I4854">
        <v>4413</v>
      </c>
      <c r="J4854" t="s">
        <v>699</v>
      </c>
      <c r="K4854">
        <v>10</v>
      </c>
      <c r="L4854" t="s">
        <v>1753</v>
      </c>
      <c r="M4854">
        <v>458</v>
      </c>
      <c r="N4854" t="s">
        <v>654</v>
      </c>
      <c r="O4854">
        <v>3</v>
      </c>
      <c r="P4854" t="s">
        <v>655</v>
      </c>
      <c r="Q4854">
        <v>1</v>
      </c>
      <c r="R4854" t="s">
        <v>669</v>
      </c>
      <c r="S4854">
        <v>1</v>
      </c>
      <c r="T4854" t="s">
        <v>3705</v>
      </c>
      <c r="U4854">
        <v>169</v>
      </c>
      <c r="V4854">
        <v>3</v>
      </c>
      <c r="W4854">
        <v>180</v>
      </c>
      <c r="X4854">
        <v>2020</v>
      </c>
    </row>
    <row r="4855" spans="1:24" x14ac:dyDescent="0.25">
      <c r="A4855">
        <v>5701</v>
      </c>
      <c r="B4855" t="s">
        <v>14</v>
      </c>
      <c r="C4855">
        <v>20</v>
      </c>
      <c r="D4855" t="s">
        <v>426</v>
      </c>
      <c r="E4855">
        <v>145</v>
      </c>
      <c r="F4855" t="s">
        <v>651</v>
      </c>
      <c r="G4855">
        <v>160</v>
      </c>
      <c r="H4855" t="s">
        <v>739</v>
      </c>
      <c r="I4855">
        <v>4413</v>
      </c>
      <c r="J4855" t="s">
        <v>699</v>
      </c>
      <c r="K4855">
        <v>10</v>
      </c>
      <c r="L4855" t="s">
        <v>3706</v>
      </c>
      <c r="M4855">
        <v>457</v>
      </c>
      <c r="N4855" t="s">
        <v>654</v>
      </c>
      <c r="O4855">
        <v>3</v>
      </c>
      <c r="P4855" t="s">
        <v>655</v>
      </c>
      <c r="Q4855">
        <v>1</v>
      </c>
      <c r="R4855" t="s">
        <v>669</v>
      </c>
      <c r="S4855">
        <v>1</v>
      </c>
      <c r="T4855" t="s">
        <v>657</v>
      </c>
      <c r="U4855">
        <v>7</v>
      </c>
      <c r="V4855">
        <v>3</v>
      </c>
      <c r="W4855">
        <v>180</v>
      </c>
      <c r="X4855">
        <v>2020</v>
      </c>
    </row>
    <row r="4856" spans="1:24" x14ac:dyDescent="0.25">
      <c r="A4856">
        <v>5700</v>
      </c>
      <c r="B4856" t="s">
        <v>30</v>
      </c>
      <c r="C4856">
        <v>18</v>
      </c>
      <c r="D4856" t="s">
        <v>564</v>
      </c>
      <c r="E4856">
        <v>128</v>
      </c>
      <c r="F4856" t="s">
        <v>651</v>
      </c>
      <c r="G4856">
        <v>160</v>
      </c>
      <c r="H4856" t="s">
        <v>739</v>
      </c>
      <c r="I4856">
        <v>4413</v>
      </c>
      <c r="J4856" t="s">
        <v>693</v>
      </c>
      <c r="K4856">
        <v>56</v>
      </c>
      <c r="L4856" t="s">
        <v>3669</v>
      </c>
      <c r="M4856">
        <v>221</v>
      </c>
      <c r="N4856" t="s">
        <v>654</v>
      </c>
      <c r="O4856">
        <v>3</v>
      </c>
      <c r="P4856" t="s">
        <v>655</v>
      </c>
      <c r="Q4856">
        <v>1</v>
      </c>
      <c r="R4856" t="s">
        <v>669</v>
      </c>
      <c r="S4856">
        <v>1</v>
      </c>
      <c r="T4856" t="s">
        <v>718</v>
      </c>
      <c r="U4856">
        <v>2</v>
      </c>
      <c r="V4856">
        <v>4</v>
      </c>
      <c r="W4856">
        <v>240</v>
      </c>
      <c r="X4856">
        <v>2020</v>
      </c>
    </row>
    <row r="4857" spans="1:24" x14ac:dyDescent="0.25">
      <c r="A4857">
        <v>5699</v>
      </c>
      <c r="B4857" t="s">
        <v>218</v>
      </c>
      <c r="C4857">
        <v>17</v>
      </c>
      <c r="D4857" t="s">
        <v>565</v>
      </c>
      <c r="E4857">
        <v>124</v>
      </c>
      <c r="F4857" t="s">
        <v>651</v>
      </c>
      <c r="G4857">
        <v>160</v>
      </c>
      <c r="H4857" t="s">
        <v>744</v>
      </c>
      <c r="I4857">
        <v>3143</v>
      </c>
      <c r="J4857" t="s">
        <v>703</v>
      </c>
      <c r="K4857">
        <v>16</v>
      </c>
      <c r="L4857" t="s">
        <v>704</v>
      </c>
      <c r="M4857">
        <v>56</v>
      </c>
      <c r="N4857" t="s">
        <v>654</v>
      </c>
      <c r="O4857">
        <v>3</v>
      </c>
      <c r="P4857" t="s">
        <v>655</v>
      </c>
      <c r="Q4857">
        <v>1</v>
      </c>
      <c r="R4857" t="s">
        <v>669</v>
      </c>
      <c r="S4857">
        <v>1</v>
      </c>
      <c r="T4857" t="s">
        <v>661</v>
      </c>
      <c r="U4857">
        <v>8</v>
      </c>
      <c r="V4857">
        <v>3</v>
      </c>
      <c r="W4857">
        <v>180</v>
      </c>
      <c r="X4857">
        <v>2020</v>
      </c>
    </row>
    <row r="4858" spans="1:24" x14ac:dyDescent="0.25">
      <c r="A4858">
        <v>5698</v>
      </c>
      <c r="B4858" t="s">
        <v>218</v>
      </c>
      <c r="C4858">
        <v>17</v>
      </c>
      <c r="D4858" t="s">
        <v>574</v>
      </c>
      <c r="E4858">
        <v>107</v>
      </c>
      <c r="F4858" t="s">
        <v>651</v>
      </c>
      <c r="G4858">
        <v>160</v>
      </c>
      <c r="H4858" t="s">
        <v>744</v>
      </c>
      <c r="I4858">
        <v>3143</v>
      </c>
      <c r="J4858" t="s">
        <v>738</v>
      </c>
      <c r="K4858">
        <v>61</v>
      </c>
      <c r="L4858" t="s">
        <v>738</v>
      </c>
      <c r="M4858">
        <v>252</v>
      </c>
      <c r="N4858" t="s">
        <v>654</v>
      </c>
      <c r="O4858">
        <v>3</v>
      </c>
      <c r="P4858" t="s">
        <v>746</v>
      </c>
      <c r="Q4858">
        <v>2</v>
      </c>
      <c r="R4858" t="s">
        <v>669</v>
      </c>
      <c r="S4858">
        <v>1</v>
      </c>
      <c r="T4858" t="s">
        <v>661</v>
      </c>
      <c r="U4858">
        <v>8</v>
      </c>
      <c r="V4858">
        <v>4</v>
      </c>
      <c r="W4858">
        <v>240</v>
      </c>
      <c r="X4858">
        <v>2020</v>
      </c>
    </row>
    <row r="4859" spans="1:24" x14ac:dyDescent="0.25">
      <c r="A4859">
        <v>5697</v>
      </c>
      <c r="B4859" t="s">
        <v>213</v>
      </c>
      <c r="C4859">
        <v>15</v>
      </c>
      <c r="D4859" t="s">
        <v>477</v>
      </c>
      <c r="E4859">
        <v>97</v>
      </c>
      <c r="F4859" t="s">
        <v>651</v>
      </c>
      <c r="G4859">
        <v>160</v>
      </c>
      <c r="H4859" t="s">
        <v>741</v>
      </c>
      <c r="I4859">
        <v>1585</v>
      </c>
      <c r="J4859" t="s">
        <v>848</v>
      </c>
      <c r="K4859">
        <v>62</v>
      </c>
      <c r="L4859" t="s">
        <v>3707</v>
      </c>
      <c r="M4859">
        <v>267</v>
      </c>
      <c r="N4859" t="s">
        <v>668</v>
      </c>
      <c r="O4859">
        <v>4</v>
      </c>
      <c r="P4859" t="s">
        <v>655</v>
      </c>
      <c r="Q4859">
        <v>1</v>
      </c>
      <c r="R4859" t="s">
        <v>669</v>
      </c>
      <c r="S4859">
        <v>1</v>
      </c>
      <c r="T4859" t="s">
        <v>661</v>
      </c>
      <c r="U4859">
        <v>8</v>
      </c>
      <c r="V4859">
        <v>4</v>
      </c>
      <c r="W4859">
        <v>240</v>
      </c>
      <c r="X4859">
        <v>2020</v>
      </c>
    </row>
    <row r="4860" spans="1:24" x14ac:dyDescent="0.25">
      <c r="A4860">
        <v>5695</v>
      </c>
      <c r="B4860" t="s">
        <v>108</v>
      </c>
      <c r="C4860">
        <v>13</v>
      </c>
      <c r="D4860" t="s">
        <v>316</v>
      </c>
      <c r="E4860">
        <v>85</v>
      </c>
      <c r="F4860" t="s">
        <v>651</v>
      </c>
      <c r="G4860">
        <v>160</v>
      </c>
      <c r="H4860" t="s">
        <v>854</v>
      </c>
      <c r="I4860">
        <v>1</v>
      </c>
      <c r="J4860" t="s">
        <v>301</v>
      </c>
      <c r="K4860">
        <v>26</v>
      </c>
      <c r="L4860" t="s">
        <v>301</v>
      </c>
      <c r="M4860">
        <v>82</v>
      </c>
      <c r="N4860" t="s">
        <v>668</v>
      </c>
      <c r="O4860">
        <v>4</v>
      </c>
      <c r="P4860" t="s">
        <v>655</v>
      </c>
      <c r="Q4860">
        <v>1</v>
      </c>
      <c r="R4860" t="s">
        <v>669</v>
      </c>
      <c r="S4860">
        <v>1</v>
      </c>
      <c r="T4860" t="s">
        <v>718</v>
      </c>
      <c r="U4860">
        <v>2</v>
      </c>
      <c r="V4860">
        <v>3</v>
      </c>
      <c r="W4860">
        <v>180</v>
      </c>
      <c r="X4860">
        <v>2020</v>
      </c>
    </row>
    <row r="4861" spans="1:24" x14ac:dyDescent="0.25">
      <c r="A4861">
        <v>5694</v>
      </c>
      <c r="B4861" t="s">
        <v>108</v>
      </c>
      <c r="C4861">
        <v>13</v>
      </c>
      <c r="D4861" t="s">
        <v>336</v>
      </c>
      <c r="E4861">
        <v>644</v>
      </c>
      <c r="F4861" t="s">
        <v>651</v>
      </c>
      <c r="G4861">
        <v>160</v>
      </c>
      <c r="H4861" t="s">
        <v>854</v>
      </c>
      <c r="I4861">
        <v>1</v>
      </c>
      <c r="J4861" t="s">
        <v>676</v>
      </c>
      <c r="K4861">
        <v>4</v>
      </c>
      <c r="L4861" t="s">
        <v>676</v>
      </c>
      <c r="M4861">
        <v>12</v>
      </c>
      <c r="N4861" t="s">
        <v>654</v>
      </c>
      <c r="O4861">
        <v>3</v>
      </c>
      <c r="P4861" t="s">
        <v>655</v>
      </c>
      <c r="Q4861">
        <v>1</v>
      </c>
      <c r="R4861" t="s">
        <v>669</v>
      </c>
      <c r="S4861">
        <v>1</v>
      </c>
      <c r="T4861" t="s">
        <v>718</v>
      </c>
      <c r="U4861">
        <v>2</v>
      </c>
      <c r="V4861">
        <v>3</v>
      </c>
      <c r="W4861">
        <v>180</v>
      </c>
      <c r="X4861">
        <v>2020</v>
      </c>
    </row>
    <row r="4862" spans="1:24" x14ac:dyDescent="0.25">
      <c r="A4862">
        <v>5692</v>
      </c>
      <c r="B4862" t="s">
        <v>108</v>
      </c>
      <c r="C4862">
        <v>13</v>
      </c>
      <c r="D4862" t="s">
        <v>583</v>
      </c>
      <c r="E4862">
        <v>84</v>
      </c>
      <c r="F4862" t="s">
        <v>651</v>
      </c>
      <c r="G4862">
        <v>160</v>
      </c>
      <c r="H4862" t="s">
        <v>854</v>
      </c>
      <c r="I4862">
        <v>1</v>
      </c>
      <c r="J4862" t="s">
        <v>667</v>
      </c>
      <c r="K4862">
        <v>11</v>
      </c>
      <c r="L4862" t="s">
        <v>1420</v>
      </c>
      <c r="M4862">
        <v>34</v>
      </c>
      <c r="N4862" t="s">
        <v>654</v>
      </c>
      <c r="O4862">
        <v>3</v>
      </c>
      <c r="P4862" t="s">
        <v>655</v>
      </c>
      <c r="Q4862">
        <v>1</v>
      </c>
      <c r="R4862" t="s">
        <v>669</v>
      </c>
      <c r="S4862">
        <v>1</v>
      </c>
      <c r="T4862" t="s">
        <v>661</v>
      </c>
      <c r="U4862">
        <v>8</v>
      </c>
      <c r="V4862">
        <v>3</v>
      </c>
      <c r="W4862">
        <v>180</v>
      </c>
      <c r="X4862">
        <v>2020</v>
      </c>
    </row>
    <row r="4863" spans="1:24" x14ac:dyDescent="0.25">
      <c r="A4863">
        <v>5690</v>
      </c>
      <c r="B4863" t="s">
        <v>12</v>
      </c>
      <c r="C4863">
        <v>7</v>
      </c>
      <c r="D4863" t="s">
        <v>592</v>
      </c>
      <c r="E4863">
        <v>68</v>
      </c>
      <c r="F4863" t="s">
        <v>651</v>
      </c>
      <c r="G4863">
        <v>160</v>
      </c>
      <c r="H4863" t="s">
        <v>658</v>
      </c>
      <c r="I4863">
        <v>13755</v>
      </c>
      <c r="J4863" t="s">
        <v>299</v>
      </c>
      <c r="K4863">
        <v>27</v>
      </c>
      <c r="L4863" t="s">
        <v>690</v>
      </c>
      <c r="M4863">
        <v>89</v>
      </c>
      <c r="N4863" t="s">
        <v>654</v>
      </c>
      <c r="O4863">
        <v>3</v>
      </c>
      <c r="P4863" t="s">
        <v>655</v>
      </c>
      <c r="Q4863">
        <v>1</v>
      </c>
      <c r="R4863" t="s">
        <v>669</v>
      </c>
      <c r="S4863">
        <v>1</v>
      </c>
      <c r="T4863" t="s">
        <v>718</v>
      </c>
      <c r="U4863">
        <v>2</v>
      </c>
      <c r="V4863">
        <v>3</v>
      </c>
      <c r="W4863">
        <v>180</v>
      </c>
      <c r="X4863">
        <v>2020</v>
      </c>
    </row>
    <row r="4864" spans="1:24" x14ac:dyDescent="0.25">
      <c r="A4864">
        <v>5689</v>
      </c>
      <c r="B4864" t="s">
        <v>12</v>
      </c>
      <c r="C4864">
        <v>7</v>
      </c>
      <c r="D4864" t="s">
        <v>593</v>
      </c>
      <c r="E4864">
        <v>67</v>
      </c>
      <c r="F4864" t="s">
        <v>651</v>
      </c>
      <c r="G4864">
        <v>160</v>
      </c>
      <c r="H4864" t="s">
        <v>658</v>
      </c>
      <c r="I4864">
        <v>13755</v>
      </c>
      <c r="J4864" t="s">
        <v>807</v>
      </c>
      <c r="K4864">
        <v>25</v>
      </c>
      <c r="L4864" t="s">
        <v>1603</v>
      </c>
      <c r="M4864">
        <v>81</v>
      </c>
      <c r="N4864" t="s">
        <v>654</v>
      </c>
      <c r="O4864">
        <v>3</v>
      </c>
      <c r="P4864" t="s">
        <v>655</v>
      </c>
      <c r="Q4864">
        <v>1</v>
      </c>
      <c r="R4864" t="s">
        <v>669</v>
      </c>
      <c r="S4864">
        <v>1</v>
      </c>
      <c r="T4864" t="s">
        <v>718</v>
      </c>
      <c r="U4864">
        <v>2</v>
      </c>
      <c r="V4864">
        <v>3</v>
      </c>
      <c r="W4864">
        <v>180</v>
      </c>
      <c r="X4864">
        <v>2020</v>
      </c>
    </row>
    <row r="4865" spans="1:24" x14ac:dyDescent="0.25">
      <c r="A4865">
        <v>5688</v>
      </c>
      <c r="B4865" t="s">
        <v>12</v>
      </c>
      <c r="C4865">
        <v>7</v>
      </c>
      <c r="D4865" t="s">
        <v>594</v>
      </c>
      <c r="E4865">
        <v>66</v>
      </c>
      <c r="F4865" t="s">
        <v>651</v>
      </c>
      <c r="G4865">
        <v>160</v>
      </c>
      <c r="H4865" t="s">
        <v>658</v>
      </c>
      <c r="I4865">
        <v>13755</v>
      </c>
      <c r="J4865" t="s">
        <v>1094</v>
      </c>
      <c r="K4865">
        <v>28</v>
      </c>
      <c r="L4865" t="s">
        <v>296</v>
      </c>
      <c r="M4865">
        <v>91</v>
      </c>
      <c r="N4865" t="s">
        <v>654</v>
      </c>
      <c r="O4865">
        <v>3</v>
      </c>
      <c r="P4865" t="s">
        <v>655</v>
      </c>
      <c r="Q4865">
        <v>1</v>
      </c>
      <c r="R4865" t="s">
        <v>669</v>
      </c>
      <c r="S4865">
        <v>1</v>
      </c>
      <c r="T4865" t="s">
        <v>718</v>
      </c>
      <c r="U4865">
        <v>2</v>
      </c>
      <c r="V4865">
        <v>3</v>
      </c>
      <c r="W4865">
        <v>180</v>
      </c>
      <c r="X4865">
        <v>2020</v>
      </c>
    </row>
    <row r="4866" spans="1:24" x14ac:dyDescent="0.25">
      <c r="A4866">
        <v>5687</v>
      </c>
      <c r="B4866" t="s">
        <v>12</v>
      </c>
      <c r="C4866">
        <v>7</v>
      </c>
      <c r="D4866" t="s">
        <v>595</v>
      </c>
      <c r="E4866">
        <v>65</v>
      </c>
      <c r="F4866" t="s">
        <v>651</v>
      </c>
      <c r="G4866">
        <v>160</v>
      </c>
      <c r="H4866" t="s">
        <v>658</v>
      </c>
      <c r="I4866">
        <v>13755</v>
      </c>
      <c r="J4866" t="s">
        <v>294</v>
      </c>
      <c r="K4866">
        <v>31</v>
      </c>
      <c r="L4866" t="s">
        <v>294</v>
      </c>
      <c r="M4866">
        <v>98</v>
      </c>
      <c r="N4866" t="s">
        <v>654</v>
      </c>
      <c r="O4866">
        <v>3</v>
      </c>
      <c r="P4866" t="s">
        <v>655</v>
      </c>
      <c r="Q4866">
        <v>1</v>
      </c>
      <c r="R4866" t="s">
        <v>669</v>
      </c>
      <c r="S4866">
        <v>1</v>
      </c>
      <c r="T4866" t="s">
        <v>718</v>
      </c>
      <c r="U4866">
        <v>2</v>
      </c>
      <c r="V4866">
        <v>3</v>
      </c>
      <c r="W4866">
        <v>180</v>
      </c>
      <c r="X4866">
        <v>2020</v>
      </c>
    </row>
    <row r="4867" spans="1:24" x14ac:dyDescent="0.25">
      <c r="A4867">
        <v>5686</v>
      </c>
      <c r="B4867" t="s">
        <v>12</v>
      </c>
      <c r="C4867">
        <v>7</v>
      </c>
      <c r="D4867" t="s">
        <v>595</v>
      </c>
      <c r="E4867">
        <v>65</v>
      </c>
      <c r="F4867" t="s">
        <v>651</v>
      </c>
      <c r="G4867">
        <v>160</v>
      </c>
      <c r="H4867" t="s">
        <v>658</v>
      </c>
      <c r="I4867">
        <v>13755</v>
      </c>
      <c r="J4867" t="s">
        <v>294</v>
      </c>
      <c r="K4867">
        <v>31</v>
      </c>
      <c r="L4867" t="s">
        <v>294</v>
      </c>
      <c r="M4867">
        <v>98</v>
      </c>
      <c r="N4867" t="s">
        <v>654</v>
      </c>
      <c r="O4867">
        <v>3</v>
      </c>
      <c r="P4867" t="s">
        <v>746</v>
      </c>
      <c r="Q4867">
        <v>2</v>
      </c>
      <c r="R4867" t="s">
        <v>669</v>
      </c>
      <c r="S4867">
        <v>1</v>
      </c>
      <c r="T4867" t="s">
        <v>661</v>
      </c>
      <c r="U4867">
        <v>8</v>
      </c>
      <c r="V4867">
        <v>3</v>
      </c>
      <c r="W4867">
        <v>180</v>
      </c>
      <c r="X4867">
        <v>2020</v>
      </c>
    </row>
    <row r="4868" spans="1:24" x14ac:dyDescent="0.25">
      <c r="A4868">
        <v>5685</v>
      </c>
      <c r="B4868" t="s">
        <v>12</v>
      </c>
      <c r="C4868">
        <v>7</v>
      </c>
      <c r="D4868" t="s">
        <v>396</v>
      </c>
      <c r="E4868">
        <v>64</v>
      </c>
      <c r="F4868" t="s">
        <v>651</v>
      </c>
      <c r="G4868">
        <v>160</v>
      </c>
      <c r="H4868" t="s">
        <v>658</v>
      </c>
      <c r="I4868">
        <v>13755</v>
      </c>
      <c r="J4868" t="s">
        <v>295</v>
      </c>
      <c r="K4868">
        <v>30</v>
      </c>
      <c r="L4868" t="s">
        <v>295</v>
      </c>
      <c r="M4868">
        <v>96</v>
      </c>
      <c r="N4868" t="s">
        <v>654</v>
      </c>
      <c r="O4868">
        <v>3</v>
      </c>
      <c r="P4868" t="s">
        <v>655</v>
      </c>
      <c r="Q4868">
        <v>1</v>
      </c>
      <c r="R4868" t="s">
        <v>669</v>
      </c>
      <c r="S4868">
        <v>1</v>
      </c>
      <c r="T4868" t="s">
        <v>718</v>
      </c>
      <c r="U4868">
        <v>2</v>
      </c>
      <c r="V4868">
        <v>3</v>
      </c>
      <c r="W4868">
        <v>180</v>
      </c>
      <c r="X4868">
        <v>2020</v>
      </c>
    </row>
    <row r="4869" spans="1:24" x14ac:dyDescent="0.25">
      <c r="A4869">
        <v>5684</v>
      </c>
      <c r="B4869" t="s">
        <v>12</v>
      </c>
      <c r="C4869">
        <v>7</v>
      </c>
      <c r="D4869" t="s">
        <v>596</v>
      </c>
      <c r="E4869">
        <v>63</v>
      </c>
      <c r="F4869" t="s">
        <v>651</v>
      </c>
      <c r="G4869">
        <v>160</v>
      </c>
      <c r="H4869" t="s">
        <v>658</v>
      </c>
      <c r="I4869">
        <v>13755</v>
      </c>
      <c r="J4869" t="s">
        <v>301</v>
      </c>
      <c r="K4869">
        <v>26</v>
      </c>
      <c r="L4869" t="s">
        <v>3708</v>
      </c>
      <c r="M4869">
        <v>88</v>
      </c>
      <c r="N4869" t="s">
        <v>654</v>
      </c>
      <c r="O4869">
        <v>3</v>
      </c>
      <c r="P4869" t="s">
        <v>655</v>
      </c>
      <c r="Q4869">
        <v>1</v>
      </c>
      <c r="R4869" t="s">
        <v>669</v>
      </c>
      <c r="S4869">
        <v>1</v>
      </c>
      <c r="T4869" t="s">
        <v>718</v>
      </c>
      <c r="U4869">
        <v>2</v>
      </c>
      <c r="V4869">
        <v>3</v>
      </c>
      <c r="W4869">
        <v>180</v>
      </c>
      <c r="X4869">
        <v>2020</v>
      </c>
    </row>
    <row r="4870" spans="1:24" x14ac:dyDescent="0.25">
      <c r="A4870">
        <v>5682</v>
      </c>
      <c r="B4870" t="s">
        <v>16</v>
      </c>
      <c r="C4870">
        <v>5</v>
      </c>
      <c r="D4870" t="s">
        <v>600</v>
      </c>
      <c r="E4870">
        <v>54</v>
      </c>
      <c r="F4870" t="s">
        <v>651</v>
      </c>
      <c r="G4870">
        <v>160</v>
      </c>
      <c r="H4870" t="s">
        <v>658</v>
      </c>
      <c r="I4870">
        <v>13755</v>
      </c>
      <c r="J4870" t="s">
        <v>864</v>
      </c>
      <c r="K4870">
        <v>14</v>
      </c>
      <c r="L4870" t="s">
        <v>3709</v>
      </c>
      <c r="M4870">
        <v>50</v>
      </c>
      <c r="N4870" t="s">
        <v>654</v>
      </c>
      <c r="O4870">
        <v>3</v>
      </c>
      <c r="P4870" t="s">
        <v>655</v>
      </c>
      <c r="Q4870">
        <v>1</v>
      </c>
      <c r="R4870" t="s">
        <v>669</v>
      </c>
      <c r="S4870">
        <v>1</v>
      </c>
      <c r="T4870" t="s">
        <v>661</v>
      </c>
      <c r="U4870">
        <v>8</v>
      </c>
      <c r="V4870">
        <v>3</v>
      </c>
      <c r="W4870">
        <v>180</v>
      </c>
      <c r="X4870">
        <v>2020</v>
      </c>
    </row>
    <row r="4871" spans="1:24" x14ac:dyDescent="0.25">
      <c r="A4871">
        <v>5680</v>
      </c>
      <c r="B4871" t="s">
        <v>16</v>
      </c>
      <c r="C4871">
        <v>5</v>
      </c>
      <c r="D4871" t="s">
        <v>602</v>
      </c>
      <c r="E4871">
        <v>45</v>
      </c>
      <c r="F4871" t="s">
        <v>651</v>
      </c>
      <c r="G4871">
        <v>160</v>
      </c>
      <c r="H4871" t="s">
        <v>658</v>
      </c>
      <c r="I4871">
        <v>13755</v>
      </c>
      <c r="J4871" t="s">
        <v>691</v>
      </c>
      <c r="K4871">
        <v>21</v>
      </c>
      <c r="L4871" t="s">
        <v>2991</v>
      </c>
      <c r="M4871">
        <v>68</v>
      </c>
      <c r="N4871" t="s">
        <v>668</v>
      </c>
      <c r="O4871">
        <v>4</v>
      </c>
      <c r="P4871" t="s">
        <v>689</v>
      </c>
      <c r="Q4871">
        <v>4</v>
      </c>
      <c r="R4871" t="s">
        <v>669</v>
      </c>
      <c r="S4871">
        <v>1</v>
      </c>
      <c r="T4871" t="s">
        <v>661</v>
      </c>
      <c r="U4871">
        <v>8</v>
      </c>
      <c r="V4871">
        <v>3</v>
      </c>
      <c r="W4871">
        <v>180</v>
      </c>
      <c r="X4871">
        <v>2020</v>
      </c>
    </row>
    <row r="4872" spans="1:24" x14ac:dyDescent="0.25">
      <c r="A4872">
        <v>5679</v>
      </c>
      <c r="B4872" t="s">
        <v>183</v>
      </c>
      <c r="C4872">
        <v>4</v>
      </c>
      <c r="D4872" t="s">
        <v>421</v>
      </c>
      <c r="E4872">
        <v>31</v>
      </c>
      <c r="F4872" t="s">
        <v>651</v>
      </c>
      <c r="G4872">
        <v>160</v>
      </c>
      <c r="H4872" t="s">
        <v>658</v>
      </c>
      <c r="I4872">
        <v>13755</v>
      </c>
      <c r="J4872" t="s">
        <v>1005</v>
      </c>
      <c r="K4872">
        <v>72</v>
      </c>
      <c r="L4872" t="s">
        <v>1005</v>
      </c>
      <c r="M4872">
        <v>326</v>
      </c>
      <c r="N4872" t="s">
        <v>668</v>
      </c>
      <c r="O4872">
        <v>4</v>
      </c>
      <c r="P4872" t="s">
        <v>655</v>
      </c>
      <c r="Q4872">
        <v>1</v>
      </c>
      <c r="R4872" t="s">
        <v>669</v>
      </c>
      <c r="S4872">
        <v>1</v>
      </c>
      <c r="T4872" t="s">
        <v>718</v>
      </c>
      <c r="U4872">
        <v>2</v>
      </c>
      <c r="V4872">
        <v>6</v>
      </c>
      <c r="W4872">
        <v>360</v>
      </c>
      <c r="X4872">
        <v>2020</v>
      </c>
    </row>
    <row r="4873" spans="1:24" x14ac:dyDescent="0.25">
      <c r="A4873">
        <v>5678</v>
      </c>
      <c r="B4873" t="s">
        <v>226</v>
      </c>
      <c r="C4873">
        <v>1</v>
      </c>
      <c r="D4873" t="s">
        <v>628</v>
      </c>
      <c r="E4873">
        <v>6</v>
      </c>
      <c r="F4873" t="s">
        <v>651</v>
      </c>
      <c r="G4873">
        <v>160</v>
      </c>
      <c r="H4873" t="s">
        <v>658</v>
      </c>
      <c r="I4873">
        <v>13755</v>
      </c>
      <c r="J4873" t="s">
        <v>693</v>
      </c>
      <c r="K4873">
        <v>56</v>
      </c>
      <c r="L4873" t="s">
        <v>1916</v>
      </c>
      <c r="M4873">
        <v>519</v>
      </c>
      <c r="N4873" t="s">
        <v>654</v>
      </c>
      <c r="O4873">
        <v>3</v>
      </c>
      <c r="P4873" t="s">
        <v>655</v>
      </c>
      <c r="Q4873">
        <v>1</v>
      </c>
      <c r="R4873" t="s">
        <v>669</v>
      </c>
      <c r="S4873">
        <v>1</v>
      </c>
      <c r="T4873" t="s">
        <v>718</v>
      </c>
      <c r="U4873">
        <v>2</v>
      </c>
      <c r="V4873">
        <v>4</v>
      </c>
      <c r="W4873">
        <v>240</v>
      </c>
      <c r="X4873">
        <v>2020</v>
      </c>
    </row>
    <row r="4874" spans="1:24" x14ac:dyDescent="0.25">
      <c r="A4874">
        <v>5677</v>
      </c>
      <c r="B4874" t="s">
        <v>318</v>
      </c>
      <c r="C4874">
        <v>95</v>
      </c>
      <c r="D4874" t="s">
        <v>343</v>
      </c>
      <c r="E4874">
        <v>631</v>
      </c>
      <c r="F4874" t="s">
        <v>651</v>
      </c>
      <c r="G4874">
        <v>160</v>
      </c>
      <c r="H4874" t="s">
        <v>666</v>
      </c>
      <c r="I4874">
        <v>8767</v>
      </c>
      <c r="J4874" t="s">
        <v>794</v>
      </c>
      <c r="K4874">
        <v>40</v>
      </c>
      <c r="L4874" t="s">
        <v>3710</v>
      </c>
      <c r="M4874">
        <v>144</v>
      </c>
      <c r="N4874" t="s">
        <v>654</v>
      </c>
      <c r="O4874">
        <v>3</v>
      </c>
      <c r="P4874" t="s">
        <v>655</v>
      </c>
      <c r="Q4874">
        <v>1</v>
      </c>
      <c r="R4874" t="s">
        <v>669</v>
      </c>
      <c r="S4874">
        <v>1</v>
      </c>
      <c r="T4874" t="s">
        <v>657</v>
      </c>
      <c r="U4874">
        <v>7</v>
      </c>
      <c r="V4874">
        <v>4</v>
      </c>
      <c r="W4874">
        <v>240</v>
      </c>
      <c r="X4874">
        <v>2020</v>
      </c>
    </row>
    <row r="4875" spans="1:24" x14ac:dyDescent="0.25">
      <c r="A4875">
        <v>5672</v>
      </c>
      <c r="B4875" t="s">
        <v>24</v>
      </c>
      <c r="C4875">
        <v>63</v>
      </c>
      <c r="D4875" t="s">
        <v>345</v>
      </c>
      <c r="E4875">
        <v>626</v>
      </c>
      <c r="F4875" t="s">
        <v>651</v>
      </c>
      <c r="G4875">
        <v>160</v>
      </c>
      <c r="H4875" t="s">
        <v>934</v>
      </c>
      <c r="I4875">
        <v>3452</v>
      </c>
      <c r="J4875" t="s">
        <v>880</v>
      </c>
      <c r="K4875">
        <v>58</v>
      </c>
      <c r="L4875" t="s">
        <v>1086</v>
      </c>
      <c r="M4875">
        <v>238</v>
      </c>
      <c r="N4875" t="s">
        <v>668</v>
      </c>
      <c r="O4875">
        <v>4</v>
      </c>
      <c r="P4875" t="s">
        <v>655</v>
      </c>
      <c r="Q4875">
        <v>1</v>
      </c>
      <c r="R4875" t="s">
        <v>669</v>
      </c>
      <c r="S4875">
        <v>1</v>
      </c>
      <c r="T4875" t="s">
        <v>661</v>
      </c>
      <c r="U4875">
        <v>8</v>
      </c>
      <c r="V4875">
        <v>4</v>
      </c>
      <c r="W4875">
        <v>240</v>
      </c>
      <c r="X4875">
        <v>2020</v>
      </c>
    </row>
    <row r="4876" spans="1:24" x14ac:dyDescent="0.25">
      <c r="A4876">
        <v>5665</v>
      </c>
      <c r="B4876" t="s">
        <v>28</v>
      </c>
      <c r="C4876">
        <v>49</v>
      </c>
      <c r="D4876" t="s">
        <v>54</v>
      </c>
      <c r="E4876">
        <v>368</v>
      </c>
      <c r="F4876" t="s">
        <v>651</v>
      </c>
      <c r="G4876">
        <v>160</v>
      </c>
      <c r="H4876" t="s">
        <v>773</v>
      </c>
      <c r="I4876">
        <v>11846</v>
      </c>
      <c r="J4876" t="s">
        <v>751</v>
      </c>
      <c r="K4876">
        <v>79</v>
      </c>
      <c r="L4876" t="s">
        <v>752</v>
      </c>
      <c r="M4876">
        <v>328</v>
      </c>
      <c r="N4876" t="s">
        <v>654</v>
      </c>
      <c r="O4876">
        <v>3</v>
      </c>
      <c r="P4876" t="s">
        <v>655</v>
      </c>
      <c r="Q4876">
        <v>1</v>
      </c>
      <c r="R4876" t="s">
        <v>669</v>
      </c>
      <c r="S4876">
        <v>1</v>
      </c>
      <c r="T4876" t="s">
        <v>718</v>
      </c>
      <c r="U4876">
        <v>2</v>
      </c>
      <c r="V4876">
        <v>6</v>
      </c>
      <c r="W4876">
        <v>360</v>
      </c>
      <c r="X4876">
        <v>2020</v>
      </c>
    </row>
    <row r="4877" spans="1:24" x14ac:dyDescent="0.25">
      <c r="A4877">
        <v>5663</v>
      </c>
      <c r="B4877" t="s">
        <v>93</v>
      </c>
      <c r="C4877">
        <v>48</v>
      </c>
      <c r="D4877" t="s">
        <v>455</v>
      </c>
      <c r="E4877">
        <v>359</v>
      </c>
      <c r="F4877" t="s">
        <v>651</v>
      </c>
      <c r="G4877">
        <v>160</v>
      </c>
      <c r="H4877" t="s">
        <v>773</v>
      </c>
      <c r="I4877">
        <v>11846</v>
      </c>
      <c r="J4877" t="s">
        <v>699</v>
      </c>
      <c r="K4877">
        <v>10</v>
      </c>
      <c r="L4877" t="s">
        <v>3711</v>
      </c>
      <c r="M4877">
        <v>343</v>
      </c>
      <c r="N4877" t="s">
        <v>654</v>
      </c>
      <c r="O4877">
        <v>3</v>
      </c>
      <c r="P4877" t="s">
        <v>655</v>
      </c>
      <c r="Q4877">
        <v>1</v>
      </c>
      <c r="R4877" t="s">
        <v>669</v>
      </c>
      <c r="S4877">
        <v>1</v>
      </c>
      <c r="T4877" t="s">
        <v>1665</v>
      </c>
      <c r="U4877">
        <v>263</v>
      </c>
      <c r="V4877">
        <v>3</v>
      </c>
      <c r="W4877">
        <v>180</v>
      </c>
      <c r="X4877">
        <v>2020</v>
      </c>
    </row>
    <row r="4878" spans="1:24" x14ac:dyDescent="0.25">
      <c r="A4878">
        <v>5662</v>
      </c>
      <c r="B4878" t="s">
        <v>93</v>
      </c>
      <c r="C4878">
        <v>48</v>
      </c>
      <c r="D4878" t="s">
        <v>455</v>
      </c>
      <c r="E4878">
        <v>359</v>
      </c>
      <c r="F4878" t="s">
        <v>651</v>
      </c>
      <c r="G4878">
        <v>160</v>
      </c>
      <c r="H4878" t="s">
        <v>773</v>
      </c>
      <c r="I4878">
        <v>11846</v>
      </c>
      <c r="J4878" t="s">
        <v>699</v>
      </c>
      <c r="K4878">
        <v>10</v>
      </c>
      <c r="L4878" t="s">
        <v>1096</v>
      </c>
      <c r="M4878">
        <v>341</v>
      </c>
      <c r="N4878" t="s">
        <v>654</v>
      </c>
      <c r="O4878">
        <v>3</v>
      </c>
      <c r="P4878" t="s">
        <v>655</v>
      </c>
      <c r="Q4878">
        <v>1</v>
      </c>
      <c r="R4878" t="s">
        <v>669</v>
      </c>
      <c r="S4878">
        <v>1</v>
      </c>
      <c r="T4878" t="s">
        <v>1752</v>
      </c>
      <c r="U4878">
        <v>15</v>
      </c>
      <c r="V4878">
        <v>3</v>
      </c>
      <c r="W4878">
        <v>180</v>
      </c>
      <c r="X4878">
        <v>2020</v>
      </c>
    </row>
    <row r="4879" spans="1:24" x14ac:dyDescent="0.25">
      <c r="A4879">
        <v>5661</v>
      </c>
      <c r="B4879" t="s">
        <v>93</v>
      </c>
      <c r="C4879">
        <v>48</v>
      </c>
      <c r="D4879" t="s">
        <v>455</v>
      </c>
      <c r="E4879">
        <v>359</v>
      </c>
      <c r="F4879" t="s">
        <v>651</v>
      </c>
      <c r="G4879">
        <v>160</v>
      </c>
      <c r="H4879" t="s">
        <v>773</v>
      </c>
      <c r="I4879">
        <v>11846</v>
      </c>
      <c r="J4879" t="s">
        <v>699</v>
      </c>
      <c r="K4879">
        <v>10</v>
      </c>
      <c r="L4879" t="s">
        <v>1096</v>
      </c>
      <c r="M4879">
        <v>341</v>
      </c>
      <c r="N4879" t="s">
        <v>654</v>
      </c>
      <c r="O4879">
        <v>3</v>
      </c>
      <c r="P4879" t="s">
        <v>655</v>
      </c>
      <c r="Q4879">
        <v>1</v>
      </c>
      <c r="R4879" t="s">
        <v>669</v>
      </c>
      <c r="S4879">
        <v>1</v>
      </c>
      <c r="T4879" t="s">
        <v>1751</v>
      </c>
      <c r="U4879">
        <v>14</v>
      </c>
      <c r="V4879">
        <v>3</v>
      </c>
      <c r="W4879">
        <v>180</v>
      </c>
      <c r="X4879">
        <v>2020</v>
      </c>
    </row>
    <row r="4880" spans="1:24" x14ac:dyDescent="0.25">
      <c r="A4880">
        <v>5660</v>
      </c>
      <c r="B4880" t="s">
        <v>93</v>
      </c>
      <c r="C4880">
        <v>48</v>
      </c>
      <c r="D4880" t="s">
        <v>455</v>
      </c>
      <c r="E4880">
        <v>359</v>
      </c>
      <c r="F4880" t="s">
        <v>651</v>
      </c>
      <c r="G4880">
        <v>160</v>
      </c>
      <c r="H4880" t="s">
        <v>773</v>
      </c>
      <c r="I4880">
        <v>11846</v>
      </c>
      <c r="J4880" t="s">
        <v>699</v>
      </c>
      <c r="K4880">
        <v>10</v>
      </c>
      <c r="L4880" t="s">
        <v>1096</v>
      </c>
      <c r="M4880">
        <v>341</v>
      </c>
      <c r="N4880" t="s">
        <v>654</v>
      </c>
      <c r="O4880">
        <v>3</v>
      </c>
      <c r="P4880" t="s">
        <v>655</v>
      </c>
      <c r="Q4880">
        <v>1</v>
      </c>
      <c r="R4880" t="s">
        <v>669</v>
      </c>
      <c r="S4880">
        <v>1</v>
      </c>
      <c r="T4880" t="s">
        <v>1749</v>
      </c>
      <c r="U4880">
        <v>12</v>
      </c>
      <c r="V4880">
        <v>3</v>
      </c>
      <c r="W4880">
        <v>180</v>
      </c>
      <c r="X4880">
        <v>2020</v>
      </c>
    </row>
    <row r="4881" spans="1:24" x14ac:dyDescent="0.25">
      <c r="A4881">
        <v>5659</v>
      </c>
      <c r="B4881" t="s">
        <v>93</v>
      </c>
      <c r="C4881">
        <v>48</v>
      </c>
      <c r="D4881" t="s">
        <v>455</v>
      </c>
      <c r="E4881">
        <v>359</v>
      </c>
      <c r="F4881" t="s">
        <v>651</v>
      </c>
      <c r="G4881">
        <v>160</v>
      </c>
      <c r="H4881" t="s">
        <v>773</v>
      </c>
      <c r="I4881">
        <v>11846</v>
      </c>
      <c r="J4881" t="s">
        <v>699</v>
      </c>
      <c r="K4881">
        <v>10</v>
      </c>
      <c r="L4881" t="s">
        <v>1096</v>
      </c>
      <c r="M4881">
        <v>341</v>
      </c>
      <c r="N4881" t="s">
        <v>654</v>
      </c>
      <c r="O4881">
        <v>3</v>
      </c>
      <c r="P4881" t="s">
        <v>655</v>
      </c>
      <c r="Q4881">
        <v>1</v>
      </c>
      <c r="R4881" t="s">
        <v>669</v>
      </c>
      <c r="S4881">
        <v>1</v>
      </c>
      <c r="T4881" t="s">
        <v>1611</v>
      </c>
      <c r="U4881">
        <v>11</v>
      </c>
      <c r="V4881">
        <v>3</v>
      </c>
      <c r="W4881">
        <v>180</v>
      </c>
      <c r="X4881">
        <v>2020</v>
      </c>
    </row>
    <row r="4882" spans="1:24" x14ac:dyDescent="0.25">
      <c r="A4882">
        <v>5658</v>
      </c>
      <c r="B4882" t="s">
        <v>93</v>
      </c>
      <c r="C4882">
        <v>48</v>
      </c>
      <c r="D4882" t="s">
        <v>455</v>
      </c>
      <c r="E4882">
        <v>359</v>
      </c>
      <c r="F4882" t="s">
        <v>651</v>
      </c>
      <c r="G4882">
        <v>160</v>
      </c>
      <c r="H4882" t="s">
        <v>773</v>
      </c>
      <c r="I4882">
        <v>11846</v>
      </c>
      <c r="J4882" t="s">
        <v>699</v>
      </c>
      <c r="K4882">
        <v>10</v>
      </c>
      <c r="L4882" t="s">
        <v>1096</v>
      </c>
      <c r="M4882">
        <v>341</v>
      </c>
      <c r="N4882" t="s">
        <v>654</v>
      </c>
      <c r="O4882">
        <v>3</v>
      </c>
      <c r="P4882" t="s">
        <v>655</v>
      </c>
      <c r="Q4882">
        <v>1</v>
      </c>
      <c r="R4882" t="s">
        <v>669</v>
      </c>
      <c r="S4882">
        <v>1</v>
      </c>
      <c r="T4882" t="s">
        <v>1295</v>
      </c>
      <c r="U4882">
        <v>10</v>
      </c>
      <c r="V4882">
        <v>3</v>
      </c>
      <c r="W4882">
        <v>180</v>
      </c>
      <c r="X4882">
        <v>2020</v>
      </c>
    </row>
    <row r="4883" spans="1:24" x14ac:dyDescent="0.25">
      <c r="A4883">
        <v>5657</v>
      </c>
      <c r="B4883" t="s">
        <v>186</v>
      </c>
      <c r="C4883">
        <v>47</v>
      </c>
      <c r="D4883" t="s">
        <v>460</v>
      </c>
      <c r="E4883">
        <v>354</v>
      </c>
      <c r="F4883" t="s">
        <v>651</v>
      </c>
      <c r="G4883">
        <v>160</v>
      </c>
      <c r="H4883" t="s">
        <v>773</v>
      </c>
      <c r="I4883">
        <v>11846</v>
      </c>
      <c r="J4883" t="s">
        <v>880</v>
      </c>
      <c r="K4883">
        <v>58</v>
      </c>
      <c r="L4883" t="s">
        <v>1536</v>
      </c>
      <c r="M4883">
        <v>475</v>
      </c>
      <c r="N4883" t="s">
        <v>654</v>
      </c>
      <c r="O4883">
        <v>3</v>
      </c>
      <c r="P4883" t="s">
        <v>655</v>
      </c>
      <c r="Q4883">
        <v>1</v>
      </c>
      <c r="R4883" t="s">
        <v>669</v>
      </c>
      <c r="S4883">
        <v>1</v>
      </c>
      <c r="T4883" t="s">
        <v>661</v>
      </c>
      <c r="U4883">
        <v>8</v>
      </c>
      <c r="V4883">
        <v>4</v>
      </c>
      <c r="W4883">
        <v>240</v>
      </c>
      <c r="X4883">
        <v>2020</v>
      </c>
    </row>
    <row r="4884" spans="1:24" x14ac:dyDescent="0.25">
      <c r="A4884">
        <v>5655</v>
      </c>
      <c r="B4884" t="s">
        <v>186</v>
      </c>
      <c r="C4884">
        <v>47</v>
      </c>
      <c r="D4884" t="s">
        <v>460</v>
      </c>
      <c r="E4884">
        <v>354</v>
      </c>
      <c r="F4884" t="s">
        <v>651</v>
      </c>
      <c r="G4884">
        <v>160</v>
      </c>
      <c r="H4884" t="s">
        <v>773</v>
      </c>
      <c r="I4884">
        <v>11846</v>
      </c>
      <c r="J4884" t="s">
        <v>880</v>
      </c>
      <c r="K4884">
        <v>58</v>
      </c>
      <c r="L4884" t="s">
        <v>880</v>
      </c>
      <c r="M4884">
        <v>236</v>
      </c>
      <c r="N4884" t="s">
        <v>654</v>
      </c>
      <c r="O4884">
        <v>3</v>
      </c>
      <c r="P4884" t="s">
        <v>655</v>
      </c>
      <c r="Q4884">
        <v>1</v>
      </c>
      <c r="R4884" t="s">
        <v>669</v>
      </c>
      <c r="S4884">
        <v>1</v>
      </c>
      <c r="T4884" t="s">
        <v>661</v>
      </c>
      <c r="U4884">
        <v>8</v>
      </c>
      <c r="V4884">
        <v>4</v>
      </c>
      <c r="W4884">
        <v>240</v>
      </c>
      <c r="X4884">
        <v>2020</v>
      </c>
    </row>
    <row r="4885" spans="1:24" x14ac:dyDescent="0.25">
      <c r="A4885">
        <v>5654</v>
      </c>
      <c r="B4885" t="s">
        <v>186</v>
      </c>
      <c r="C4885">
        <v>47</v>
      </c>
      <c r="D4885" t="s">
        <v>460</v>
      </c>
      <c r="E4885">
        <v>354</v>
      </c>
      <c r="F4885" t="s">
        <v>651</v>
      </c>
      <c r="G4885">
        <v>160</v>
      </c>
      <c r="H4885" t="s">
        <v>773</v>
      </c>
      <c r="I4885">
        <v>11846</v>
      </c>
      <c r="J4885" t="s">
        <v>880</v>
      </c>
      <c r="K4885">
        <v>58</v>
      </c>
      <c r="L4885" t="s">
        <v>3712</v>
      </c>
      <c r="M4885">
        <v>179</v>
      </c>
      <c r="N4885" t="s">
        <v>654</v>
      </c>
      <c r="O4885">
        <v>3</v>
      </c>
      <c r="P4885" t="s">
        <v>655</v>
      </c>
      <c r="Q4885">
        <v>1</v>
      </c>
      <c r="R4885" t="s">
        <v>669</v>
      </c>
      <c r="S4885">
        <v>1</v>
      </c>
      <c r="T4885" t="s">
        <v>661</v>
      </c>
      <c r="U4885">
        <v>8</v>
      </c>
      <c r="V4885">
        <v>4</v>
      </c>
      <c r="W4885">
        <v>240</v>
      </c>
      <c r="X4885">
        <v>2020</v>
      </c>
    </row>
    <row r="4886" spans="1:24" x14ac:dyDescent="0.25">
      <c r="A4886">
        <v>5653</v>
      </c>
      <c r="B4886" t="s">
        <v>224</v>
      </c>
      <c r="C4886">
        <v>46</v>
      </c>
      <c r="D4886" t="s">
        <v>466</v>
      </c>
      <c r="E4886">
        <v>346</v>
      </c>
      <c r="F4886" t="s">
        <v>651</v>
      </c>
      <c r="G4886">
        <v>160</v>
      </c>
      <c r="H4886" t="s">
        <v>773</v>
      </c>
      <c r="I4886">
        <v>11846</v>
      </c>
      <c r="J4886" t="s">
        <v>682</v>
      </c>
      <c r="K4886">
        <v>20</v>
      </c>
      <c r="L4886" t="s">
        <v>904</v>
      </c>
      <c r="M4886">
        <v>61</v>
      </c>
      <c r="N4886" t="s">
        <v>654</v>
      </c>
      <c r="O4886">
        <v>3</v>
      </c>
      <c r="P4886" t="s">
        <v>655</v>
      </c>
      <c r="Q4886">
        <v>1</v>
      </c>
      <c r="R4886" t="s">
        <v>669</v>
      </c>
      <c r="S4886">
        <v>1</v>
      </c>
      <c r="T4886" t="s">
        <v>661</v>
      </c>
      <c r="U4886">
        <v>8</v>
      </c>
      <c r="V4886">
        <v>3</v>
      </c>
      <c r="W4886">
        <v>180</v>
      </c>
      <c r="X4886">
        <v>2020</v>
      </c>
    </row>
    <row r="4887" spans="1:24" x14ac:dyDescent="0.25">
      <c r="A4887">
        <v>5652</v>
      </c>
      <c r="B4887" t="s">
        <v>204</v>
      </c>
      <c r="C4887">
        <v>45</v>
      </c>
      <c r="D4887" t="s">
        <v>354</v>
      </c>
      <c r="E4887">
        <v>605</v>
      </c>
      <c r="F4887" t="s">
        <v>651</v>
      </c>
      <c r="G4887">
        <v>160</v>
      </c>
      <c r="H4887" t="s">
        <v>666</v>
      </c>
      <c r="I4887">
        <v>8767</v>
      </c>
      <c r="J4887" t="s">
        <v>659</v>
      </c>
      <c r="K4887">
        <v>35</v>
      </c>
      <c r="L4887" t="s">
        <v>3713</v>
      </c>
      <c r="M4887">
        <v>122</v>
      </c>
      <c r="N4887" t="s">
        <v>654</v>
      </c>
      <c r="O4887">
        <v>3</v>
      </c>
      <c r="P4887" t="s">
        <v>655</v>
      </c>
      <c r="Q4887">
        <v>1</v>
      </c>
      <c r="R4887" t="s">
        <v>669</v>
      </c>
      <c r="S4887">
        <v>1</v>
      </c>
      <c r="T4887" t="s">
        <v>657</v>
      </c>
      <c r="U4887">
        <v>7</v>
      </c>
      <c r="V4887">
        <v>3</v>
      </c>
      <c r="W4887">
        <v>180</v>
      </c>
      <c r="X4887">
        <v>2020</v>
      </c>
    </row>
    <row r="4888" spans="1:24" x14ac:dyDescent="0.25">
      <c r="A4888">
        <v>5651</v>
      </c>
      <c r="B4888" t="s">
        <v>204</v>
      </c>
      <c r="C4888">
        <v>45</v>
      </c>
      <c r="D4888" t="s">
        <v>354</v>
      </c>
      <c r="E4888">
        <v>605</v>
      </c>
      <c r="F4888" t="s">
        <v>651</v>
      </c>
      <c r="G4888">
        <v>160</v>
      </c>
      <c r="H4888" t="s">
        <v>666</v>
      </c>
      <c r="I4888">
        <v>8767</v>
      </c>
      <c r="J4888" t="s">
        <v>679</v>
      </c>
      <c r="K4888">
        <v>32</v>
      </c>
      <c r="L4888" t="s">
        <v>1947</v>
      </c>
      <c r="M4888">
        <v>464</v>
      </c>
      <c r="N4888" t="s">
        <v>654</v>
      </c>
      <c r="O4888">
        <v>3</v>
      </c>
      <c r="P4888" t="s">
        <v>655</v>
      </c>
      <c r="Q4888">
        <v>1</v>
      </c>
      <c r="R4888" t="s">
        <v>669</v>
      </c>
      <c r="S4888">
        <v>1</v>
      </c>
      <c r="T4888" t="s">
        <v>657</v>
      </c>
      <c r="U4888">
        <v>7</v>
      </c>
      <c r="V4888">
        <v>3</v>
      </c>
      <c r="W4888">
        <v>180</v>
      </c>
      <c r="X4888">
        <v>2020</v>
      </c>
    </row>
    <row r="4889" spans="1:24" x14ac:dyDescent="0.25">
      <c r="A4889">
        <v>5650</v>
      </c>
      <c r="B4889" t="s">
        <v>204</v>
      </c>
      <c r="C4889">
        <v>45</v>
      </c>
      <c r="D4889" t="s">
        <v>355</v>
      </c>
      <c r="E4889">
        <v>604</v>
      </c>
      <c r="F4889" t="s">
        <v>651</v>
      </c>
      <c r="G4889">
        <v>160</v>
      </c>
      <c r="H4889" t="s">
        <v>666</v>
      </c>
      <c r="I4889">
        <v>8767</v>
      </c>
      <c r="J4889" t="s">
        <v>679</v>
      </c>
      <c r="K4889">
        <v>32</v>
      </c>
      <c r="L4889" t="s">
        <v>1947</v>
      </c>
      <c r="M4889">
        <v>464</v>
      </c>
      <c r="N4889" t="s">
        <v>654</v>
      </c>
      <c r="O4889">
        <v>3</v>
      </c>
      <c r="P4889" t="s">
        <v>655</v>
      </c>
      <c r="Q4889">
        <v>1</v>
      </c>
      <c r="R4889" t="s">
        <v>669</v>
      </c>
      <c r="S4889">
        <v>1</v>
      </c>
      <c r="T4889" t="s">
        <v>661</v>
      </c>
      <c r="U4889">
        <v>8</v>
      </c>
      <c r="V4889">
        <v>3</v>
      </c>
      <c r="W4889">
        <v>180</v>
      </c>
      <c r="X4889">
        <v>2020</v>
      </c>
    </row>
    <row r="4890" spans="1:24" x14ac:dyDescent="0.25">
      <c r="A4890">
        <v>5649</v>
      </c>
      <c r="B4890" t="s">
        <v>204</v>
      </c>
      <c r="C4890">
        <v>45</v>
      </c>
      <c r="D4890" t="s">
        <v>355</v>
      </c>
      <c r="E4890">
        <v>604</v>
      </c>
      <c r="F4890" t="s">
        <v>651</v>
      </c>
      <c r="G4890">
        <v>160</v>
      </c>
      <c r="H4890" t="s">
        <v>666</v>
      </c>
      <c r="I4890">
        <v>8767</v>
      </c>
      <c r="J4890" t="s">
        <v>679</v>
      </c>
      <c r="K4890">
        <v>32</v>
      </c>
      <c r="L4890" t="s">
        <v>1612</v>
      </c>
      <c r="M4890">
        <v>463</v>
      </c>
      <c r="N4890" t="s">
        <v>654</v>
      </c>
      <c r="O4890">
        <v>3</v>
      </c>
      <c r="P4890" t="s">
        <v>655</v>
      </c>
      <c r="Q4890">
        <v>1</v>
      </c>
      <c r="R4890" t="s">
        <v>669</v>
      </c>
      <c r="S4890">
        <v>1</v>
      </c>
      <c r="T4890" t="s">
        <v>661</v>
      </c>
      <c r="U4890">
        <v>8</v>
      </c>
      <c r="V4890">
        <v>3</v>
      </c>
      <c r="W4890">
        <v>180</v>
      </c>
      <c r="X4890">
        <v>2020</v>
      </c>
    </row>
    <row r="4891" spans="1:24" x14ac:dyDescent="0.25">
      <c r="A4891">
        <v>5647</v>
      </c>
      <c r="B4891" t="s">
        <v>59</v>
      </c>
      <c r="C4891">
        <v>42</v>
      </c>
      <c r="D4891" t="s">
        <v>58</v>
      </c>
      <c r="E4891">
        <v>1283</v>
      </c>
      <c r="F4891" t="s">
        <v>651</v>
      </c>
      <c r="G4891">
        <v>160</v>
      </c>
      <c r="H4891" t="s">
        <v>1060</v>
      </c>
      <c r="I4891">
        <v>6305</v>
      </c>
      <c r="J4891" t="s">
        <v>699</v>
      </c>
      <c r="K4891">
        <v>10</v>
      </c>
      <c r="L4891" t="s">
        <v>1241</v>
      </c>
      <c r="M4891">
        <v>346</v>
      </c>
      <c r="N4891" t="s">
        <v>654</v>
      </c>
      <c r="O4891">
        <v>3</v>
      </c>
      <c r="P4891" t="s">
        <v>655</v>
      </c>
      <c r="Q4891">
        <v>1</v>
      </c>
      <c r="R4891" t="s">
        <v>669</v>
      </c>
      <c r="S4891">
        <v>1</v>
      </c>
      <c r="T4891" t="s">
        <v>1419</v>
      </c>
      <c r="U4891">
        <v>34</v>
      </c>
      <c r="V4891">
        <v>3</v>
      </c>
      <c r="W4891">
        <v>180</v>
      </c>
      <c r="X4891">
        <v>2020</v>
      </c>
    </row>
    <row r="4892" spans="1:24" x14ac:dyDescent="0.25">
      <c r="A4892">
        <v>5646</v>
      </c>
      <c r="B4892" t="s">
        <v>215</v>
      </c>
      <c r="C4892">
        <v>41</v>
      </c>
      <c r="D4892" t="s">
        <v>481</v>
      </c>
      <c r="E4892">
        <v>321</v>
      </c>
      <c r="F4892" t="s">
        <v>651</v>
      </c>
      <c r="G4892">
        <v>160</v>
      </c>
      <c r="H4892" t="s">
        <v>1207</v>
      </c>
      <c r="I4892">
        <v>5188</v>
      </c>
      <c r="J4892" t="s">
        <v>684</v>
      </c>
      <c r="K4892">
        <v>22</v>
      </c>
      <c r="L4892" t="s">
        <v>685</v>
      </c>
      <c r="M4892">
        <v>72</v>
      </c>
      <c r="N4892" t="s">
        <v>654</v>
      </c>
      <c r="O4892">
        <v>3</v>
      </c>
      <c r="P4892" t="s">
        <v>655</v>
      </c>
      <c r="Q4892">
        <v>1</v>
      </c>
      <c r="R4892" t="s">
        <v>669</v>
      </c>
      <c r="S4892">
        <v>1</v>
      </c>
      <c r="T4892" t="s">
        <v>661</v>
      </c>
      <c r="U4892">
        <v>8</v>
      </c>
      <c r="V4892">
        <v>3</v>
      </c>
      <c r="W4892">
        <v>180</v>
      </c>
      <c r="X4892">
        <v>2020</v>
      </c>
    </row>
    <row r="4893" spans="1:24" x14ac:dyDescent="0.25">
      <c r="A4893">
        <v>5645</v>
      </c>
      <c r="B4893" t="s">
        <v>74</v>
      </c>
      <c r="C4893">
        <v>40</v>
      </c>
      <c r="D4893" t="s">
        <v>460</v>
      </c>
      <c r="E4893">
        <v>310</v>
      </c>
      <c r="F4893" t="s">
        <v>651</v>
      </c>
      <c r="G4893">
        <v>160</v>
      </c>
      <c r="H4893" t="s">
        <v>697</v>
      </c>
      <c r="I4893">
        <v>11198</v>
      </c>
      <c r="J4893" t="s">
        <v>880</v>
      </c>
      <c r="K4893">
        <v>58</v>
      </c>
      <c r="L4893" t="s">
        <v>1536</v>
      </c>
      <c r="M4893">
        <v>475</v>
      </c>
      <c r="N4893" t="s">
        <v>654</v>
      </c>
      <c r="O4893">
        <v>3</v>
      </c>
      <c r="P4893" t="s">
        <v>655</v>
      </c>
      <c r="Q4893">
        <v>1</v>
      </c>
      <c r="R4893" t="s">
        <v>669</v>
      </c>
      <c r="S4893">
        <v>1</v>
      </c>
      <c r="T4893" t="s">
        <v>661</v>
      </c>
      <c r="U4893">
        <v>8</v>
      </c>
      <c r="V4893">
        <v>4</v>
      </c>
      <c r="W4893">
        <v>240</v>
      </c>
      <c r="X4893">
        <v>2020</v>
      </c>
    </row>
    <row r="4894" spans="1:24" x14ac:dyDescent="0.25">
      <c r="A4894">
        <v>5644</v>
      </c>
      <c r="B4894" t="s">
        <v>247</v>
      </c>
      <c r="C4894">
        <v>39</v>
      </c>
      <c r="D4894" t="s">
        <v>311</v>
      </c>
      <c r="E4894">
        <v>602</v>
      </c>
      <c r="F4894" t="s">
        <v>651</v>
      </c>
      <c r="G4894">
        <v>160</v>
      </c>
      <c r="H4894" t="s">
        <v>817</v>
      </c>
      <c r="I4894">
        <v>11010</v>
      </c>
      <c r="J4894" t="s">
        <v>703</v>
      </c>
      <c r="K4894">
        <v>16</v>
      </c>
      <c r="L4894" t="s">
        <v>704</v>
      </c>
      <c r="M4894">
        <v>56</v>
      </c>
      <c r="N4894" t="s">
        <v>654</v>
      </c>
      <c r="O4894">
        <v>3</v>
      </c>
      <c r="P4894" t="s">
        <v>655</v>
      </c>
      <c r="Q4894">
        <v>1</v>
      </c>
      <c r="R4894" t="s">
        <v>669</v>
      </c>
      <c r="S4894">
        <v>1</v>
      </c>
      <c r="T4894" t="s">
        <v>661</v>
      </c>
      <c r="U4894">
        <v>8</v>
      </c>
      <c r="V4894">
        <v>3</v>
      </c>
      <c r="W4894">
        <v>180</v>
      </c>
      <c r="X4894">
        <v>2020</v>
      </c>
    </row>
    <row r="4895" spans="1:24" x14ac:dyDescent="0.25">
      <c r="A4895">
        <v>5642</v>
      </c>
      <c r="B4895" t="s">
        <v>247</v>
      </c>
      <c r="C4895">
        <v>39</v>
      </c>
      <c r="D4895" t="s">
        <v>477</v>
      </c>
      <c r="E4895">
        <v>301</v>
      </c>
      <c r="F4895" t="s">
        <v>651</v>
      </c>
      <c r="G4895">
        <v>160</v>
      </c>
      <c r="H4895" t="s">
        <v>817</v>
      </c>
      <c r="I4895">
        <v>11010</v>
      </c>
      <c r="J4895" t="s">
        <v>716</v>
      </c>
      <c r="K4895">
        <v>68</v>
      </c>
      <c r="L4895" t="s">
        <v>717</v>
      </c>
      <c r="M4895">
        <v>295</v>
      </c>
      <c r="N4895" t="s">
        <v>668</v>
      </c>
      <c r="O4895">
        <v>4</v>
      </c>
      <c r="P4895" t="s">
        <v>655</v>
      </c>
      <c r="Q4895">
        <v>1</v>
      </c>
      <c r="R4895" t="s">
        <v>669</v>
      </c>
      <c r="S4895">
        <v>1</v>
      </c>
      <c r="T4895" t="s">
        <v>661</v>
      </c>
      <c r="U4895">
        <v>8</v>
      </c>
      <c r="V4895">
        <v>4</v>
      </c>
      <c r="W4895">
        <v>240</v>
      </c>
      <c r="X4895">
        <v>2020</v>
      </c>
    </row>
    <row r="4896" spans="1:24" x14ac:dyDescent="0.25">
      <c r="A4896">
        <v>5638</v>
      </c>
      <c r="B4896" t="s">
        <v>140</v>
      </c>
      <c r="C4896">
        <v>34</v>
      </c>
      <c r="D4896" t="s">
        <v>502</v>
      </c>
      <c r="E4896">
        <v>266</v>
      </c>
      <c r="F4896" t="s">
        <v>651</v>
      </c>
      <c r="G4896">
        <v>160</v>
      </c>
      <c r="H4896" t="s">
        <v>652</v>
      </c>
      <c r="I4896">
        <v>2094</v>
      </c>
      <c r="J4896" t="s">
        <v>932</v>
      </c>
      <c r="K4896">
        <v>77</v>
      </c>
      <c r="L4896" t="s">
        <v>839</v>
      </c>
      <c r="M4896">
        <v>327</v>
      </c>
      <c r="N4896" t="s">
        <v>654</v>
      </c>
      <c r="O4896">
        <v>3</v>
      </c>
      <c r="P4896" t="s">
        <v>655</v>
      </c>
      <c r="Q4896">
        <v>1</v>
      </c>
      <c r="R4896" t="s">
        <v>669</v>
      </c>
      <c r="S4896">
        <v>1</v>
      </c>
      <c r="T4896" t="s">
        <v>718</v>
      </c>
      <c r="U4896">
        <v>2</v>
      </c>
      <c r="V4896">
        <v>6</v>
      </c>
      <c r="W4896">
        <v>360</v>
      </c>
      <c r="X4896">
        <v>2020</v>
      </c>
    </row>
    <row r="4897" spans="1:24" x14ac:dyDescent="0.25">
      <c r="A4897">
        <v>5637</v>
      </c>
      <c r="B4897" t="s">
        <v>18</v>
      </c>
      <c r="C4897">
        <v>31</v>
      </c>
      <c r="D4897" t="s">
        <v>426</v>
      </c>
      <c r="E4897">
        <v>246</v>
      </c>
      <c r="F4897" t="s">
        <v>651</v>
      </c>
      <c r="G4897">
        <v>160</v>
      </c>
      <c r="H4897" t="s">
        <v>719</v>
      </c>
      <c r="I4897">
        <v>7630</v>
      </c>
      <c r="J4897" t="s">
        <v>699</v>
      </c>
      <c r="K4897">
        <v>10</v>
      </c>
      <c r="L4897" t="s">
        <v>3714</v>
      </c>
      <c r="M4897">
        <v>33</v>
      </c>
      <c r="N4897" t="s">
        <v>654</v>
      </c>
      <c r="O4897">
        <v>3</v>
      </c>
      <c r="P4897" t="s">
        <v>655</v>
      </c>
      <c r="Q4897">
        <v>1</v>
      </c>
      <c r="R4897" t="s">
        <v>669</v>
      </c>
      <c r="S4897">
        <v>1</v>
      </c>
      <c r="T4897" t="s">
        <v>661</v>
      </c>
      <c r="U4897">
        <v>8</v>
      </c>
      <c r="V4897">
        <v>3</v>
      </c>
      <c r="W4897">
        <v>180</v>
      </c>
      <c r="X4897">
        <v>2020</v>
      </c>
    </row>
    <row r="4898" spans="1:24" x14ac:dyDescent="0.25">
      <c r="A4898">
        <v>5634</v>
      </c>
      <c r="B4898" t="s">
        <v>22</v>
      </c>
      <c r="C4898">
        <v>28</v>
      </c>
      <c r="D4898" t="s">
        <v>426</v>
      </c>
      <c r="E4898">
        <v>214</v>
      </c>
      <c r="F4898" t="s">
        <v>651</v>
      </c>
      <c r="G4898">
        <v>160</v>
      </c>
      <c r="H4898" t="s">
        <v>675</v>
      </c>
      <c r="I4898">
        <v>5952</v>
      </c>
      <c r="J4898" t="s">
        <v>699</v>
      </c>
      <c r="K4898">
        <v>10</v>
      </c>
      <c r="L4898" t="s">
        <v>1241</v>
      </c>
      <c r="M4898">
        <v>346</v>
      </c>
      <c r="N4898" t="s">
        <v>654</v>
      </c>
      <c r="O4898">
        <v>3</v>
      </c>
      <c r="P4898" t="s">
        <v>655</v>
      </c>
      <c r="Q4898">
        <v>1</v>
      </c>
      <c r="R4898" t="s">
        <v>669</v>
      </c>
      <c r="S4898">
        <v>1</v>
      </c>
      <c r="T4898" t="s">
        <v>1505</v>
      </c>
      <c r="U4898">
        <v>59</v>
      </c>
      <c r="V4898">
        <v>3</v>
      </c>
      <c r="W4898">
        <v>180</v>
      </c>
      <c r="X4898">
        <v>2020</v>
      </c>
    </row>
    <row r="4899" spans="1:24" x14ac:dyDescent="0.25">
      <c r="A4899">
        <v>5633</v>
      </c>
      <c r="B4899" t="s">
        <v>22</v>
      </c>
      <c r="C4899">
        <v>28</v>
      </c>
      <c r="D4899" t="s">
        <v>426</v>
      </c>
      <c r="E4899">
        <v>214</v>
      </c>
      <c r="F4899" t="s">
        <v>651</v>
      </c>
      <c r="G4899">
        <v>160</v>
      </c>
      <c r="H4899" t="s">
        <v>675</v>
      </c>
      <c r="I4899">
        <v>5952</v>
      </c>
      <c r="J4899" t="s">
        <v>699</v>
      </c>
      <c r="K4899">
        <v>10</v>
      </c>
      <c r="L4899" t="s">
        <v>1241</v>
      </c>
      <c r="M4899">
        <v>346</v>
      </c>
      <c r="N4899" t="s">
        <v>654</v>
      </c>
      <c r="O4899">
        <v>3</v>
      </c>
      <c r="P4899" t="s">
        <v>655</v>
      </c>
      <c r="Q4899">
        <v>1</v>
      </c>
      <c r="R4899" t="s">
        <v>669</v>
      </c>
      <c r="S4899">
        <v>1</v>
      </c>
      <c r="T4899" t="s">
        <v>1419</v>
      </c>
      <c r="U4899">
        <v>34</v>
      </c>
      <c r="V4899">
        <v>3</v>
      </c>
      <c r="W4899">
        <v>180</v>
      </c>
      <c r="X4899">
        <v>2020</v>
      </c>
    </row>
    <row r="4900" spans="1:24" x14ac:dyDescent="0.25">
      <c r="A4900">
        <v>5632</v>
      </c>
      <c r="B4900" t="s">
        <v>195</v>
      </c>
      <c r="C4900">
        <v>27</v>
      </c>
      <c r="D4900" t="s">
        <v>322</v>
      </c>
      <c r="E4900">
        <v>202</v>
      </c>
      <c r="F4900" t="s">
        <v>651</v>
      </c>
      <c r="G4900">
        <v>160</v>
      </c>
      <c r="H4900" t="s">
        <v>833</v>
      </c>
      <c r="I4900">
        <v>5562</v>
      </c>
      <c r="J4900" t="s">
        <v>932</v>
      </c>
      <c r="K4900">
        <v>77</v>
      </c>
      <c r="L4900" t="s">
        <v>839</v>
      </c>
      <c r="M4900">
        <v>327</v>
      </c>
      <c r="N4900" t="s">
        <v>668</v>
      </c>
      <c r="O4900">
        <v>4</v>
      </c>
      <c r="P4900" t="s">
        <v>655</v>
      </c>
      <c r="Q4900">
        <v>1</v>
      </c>
      <c r="R4900" t="s">
        <v>669</v>
      </c>
      <c r="S4900">
        <v>1</v>
      </c>
      <c r="T4900" t="s">
        <v>718</v>
      </c>
      <c r="U4900">
        <v>2</v>
      </c>
      <c r="V4900">
        <v>6</v>
      </c>
      <c r="W4900">
        <v>360</v>
      </c>
      <c r="X4900">
        <v>2020</v>
      </c>
    </row>
    <row r="4901" spans="1:24" x14ac:dyDescent="0.25">
      <c r="A4901">
        <v>5631</v>
      </c>
      <c r="B4901" t="s">
        <v>95</v>
      </c>
      <c r="C4901">
        <v>26</v>
      </c>
      <c r="D4901" t="s">
        <v>331</v>
      </c>
      <c r="E4901">
        <v>650</v>
      </c>
      <c r="F4901" t="s">
        <v>651</v>
      </c>
      <c r="G4901">
        <v>160</v>
      </c>
      <c r="H4901" t="s">
        <v>833</v>
      </c>
      <c r="I4901">
        <v>5562</v>
      </c>
      <c r="J4901" t="s">
        <v>909</v>
      </c>
      <c r="K4901">
        <v>39</v>
      </c>
      <c r="L4901" t="s">
        <v>1925</v>
      </c>
      <c r="M4901">
        <v>138</v>
      </c>
      <c r="N4901" t="s">
        <v>654</v>
      </c>
      <c r="O4901">
        <v>3</v>
      </c>
      <c r="P4901" t="s">
        <v>746</v>
      </c>
      <c r="Q4901">
        <v>2</v>
      </c>
      <c r="R4901" t="s">
        <v>669</v>
      </c>
      <c r="S4901">
        <v>1</v>
      </c>
      <c r="T4901" t="s">
        <v>661</v>
      </c>
      <c r="U4901">
        <v>8</v>
      </c>
      <c r="V4901">
        <v>4</v>
      </c>
      <c r="W4901">
        <v>240</v>
      </c>
      <c r="X4901">
        <v>2020</v>
      </c>
    </row>
    <row r="4902" spans="1:24" x14ac:dyDescent="0.25">
      <c r="A4902">
        <v>5629</v>
      </c>
      <c r="B4902" t="s">
        <v>95</v>
      </c>
      <c r="C4902">
        <v>26</v>
      </c>
      <c r="D4902" t="s">
        <v>509</v>
      </c>
      <c r="E4902">
        <v>192</v>
      </c>
      <c r="F4902" t="s">
        <v>651</v>
      </c>
      <c r="G4902">
        <v>160</v>
      </c>
      <c r="H4902" t="s">
        <v>833</v>
      </c>
      <c r="I4902">
        <v>5562</v>
      </c>
      <c r="J4902" t="s">
        <v>659</v>
      </c>
      <c r="K4902">
        <v>35</v>
      </c>
      <c r="L4902" t="s">
        <v>1082</v>
      </c>
      <c r="M4902">
        <v>48</v>
      </c>
      <c r="N4902" t="s">
        <v>654</v>
      </c>
      <c r="O4902">
        <v>3</v>
      </c>
      <c r="P4902" t="s">
        <v>655</v>
      </c>
      <c r="Q4902">
        <v>1</v>
      </c>
      <c r="R4902" t="s">
        <v>669</v>
      </c>
      <c r="S4902">
        <v>1</v>
      </c>
      <c r="T4902" t="s">
        <v>661</v>
      </c>
      <c r="U4902">
        <v>8</v>
      </c>
      <c r="V4902">
        <v>3</v>
      </c>
      <c r="W4902">
        <v>180</v>
      </c>
      <c r="X4902">
        <v>2020</v>
      </c>
    </row>
    <row r="4903" spans="1:24" x14ac:dyDescent="0.25">
      <c r="A4903">
        <v>5628</v>
      </c>
      <c r="B4903" t="s">
        <v>95</v>
      </c>
      <c r="C4903">
        <v>26</v>
      </c>
      <c r="D4903" t="s">
        <v>513</v>
      </c>
      <c r="E4903">
        <v>194</v>
      </c>
      <c r="F4903" t="s">
        <v>651</v>
      </c>
      <c r="G4903">
        <v>160</v>
      </c>
      <c r="H4903" t="s">
        <v>833</v>
      </c>
      <c r="I4903">
        <v>5562</v>
      </c>
      <c r="J4903" t="s">
        <v>955</v>
      </c>
      <c r="K4903">
        <v>29</v>
      </c>
      <c r="L4903" t="s">
        <v>955</v>
      </c>
      <c r="M4903">
        <v>95</v>
      </c>
      <c r="N4903" t="s">
        <v>654</v>
      </c>
      <c r="O4903">
        <v>3</v>
      </c>
      <c r="P4903" t="s">
        <v>655</v>
      </c>
      <c r="Q4903">
        <v>1</v>
      </c>
      <c r="R4903" t="s">
        <v>669</v>
      </c>
      <c r="S4903">
        <v>1</v>
      </c>
      <c r="T4903" t="s">
        <v>718</v>
      </c>
      <c r="U4903">
        <v>2</v>
      </c>
      <c r="V4903">
        <v>3</v>
      </c>
      <c r="W4903">
        <v>180</v>
      </c>
      <c r="X4903">
        <v>2020</v>
      </c>
    </row>
    <row r="4904" spans="1:24" x14ac:dyDescent="0.25">
      <c r="A4904">
        <v>5627</v>
      </c>
      <c r="B4904" t="s">
        <v>95</v>
      </c>
      <c r="C4904">
        <v>26</v>
      </c>
      <c r="D4904" t="s">
        <v>513</v>
      </c>
      <c r="E4904">
        <v>194</v>
      </c>
      <c r="F4904" t="s">
        <v>651</v>
      </c>
      <c r="G4904">
        <v>160</v>
      </c>
      <c r="H4904" t="s">
        <v>833</v>
      </c>
      <c r="I4904">
        <v>5562</v>
      </c>
      <c r="J4904" t="s">
        <v>807</v>
      </c>
      <c r="K4904">
        <v>25</v>
      </c>
      <c r="L4904" t="s">
        <v>1603</v>
      </c>
      <c r="M4904">
        <v>81</v>
      </c>
      <c r="N4904" t="s">
        <v>654</v>
      </c>
      <c r="O4904">
        <v>3</v>
      </c>
      <c r="P4904" t="s">
        <v>655</v>
      </c>
      <c r="Q4904">
        <v>1</v>
      </c>
      <c r="R4904" t="s">
        <v>669</v>
      </c>
      <c r="S4904">
        <v>1</v>
      </c>
      <c r="T4904" t="s">
        <v>718</v>
      </c>
      <c r="U4904">
        <v>2</v>
      </c>
      <c r="V4904">
        <v>3</v>
      </c>
      <c r="W4904">
        <v>180</v>
      </c>
      <c r="X4904">
        <v>2020</v>
      </c>
    </row>
    <row r="4905" spans="1:24" x14ac:dyDescent="0.25">
      <c r="A4905">
        <v>5626</v>
      </c>
      <c r="B4905" t="s">
        <v>95</v>
      </c>
      <c r="C4905">
        <v>26</v>
      </c>
      <c r="D4905" t="s">
        <v>362</v>
      </c>
      <c r="E4905">
        <v>588</v>
      </c>
      <c r="F4905" t="s">
        <v>651</v>
      </c>
      <c r="G4905">
        <v>160</v>
      </c>
      <c r="H4905" t="s">
        <v>833</v>
      </c>
      <c r="I4905">
        <v>5562</v>
      </c>
      <c r="J4905" t="s">
        <v>792</v>
      </c>
      <c r="K4905">
        <v>6</v>
      </c>
      <c r="L4905" t="s">
        <v>1927</v>
      </c>
      <c r="M4905">
        <v>17</v>
      </c>
      <c r="N4905" t="s">
        <v>654</v>
      </c>
      <c r="O4905">
        <v>3</v>
      </c>
      <c r="P4905" t="s">
        <v>655</v>
      </c>
      <c r="Q4905">
        <v>1</v>
      </c>
      <c r="R4905" t="s">
        <v>669</v>
      </c>
      <c r="S4905">
        <v>1</v>
      </c>
      <c r="T4905" t="s">
        <v>661</v>
      </c>
      <c r="U4905">
        <v>8</v>
      </c>
      <c r="V4905">
        <v>3</v>
      </c>
      <c r="W4905">
        <v>180</v>
      </c>
      <c r="X4905">
        <v>2020</v>
      </c>
    </row>
    <row r="4906" spans="1:24" x14ac:dyDescent="0.25">
      <c r="A4906">
        <v>5623</v>
      </c>
      <c r="B4906" t="s">
        <v>32</v>
      </c>
      <c r="C4906">
        <v>24</v>
      </c>
      <c r="D4906" t="s">
        <v>374</v>
      </c>
      <c r="E4906">
        <v>169</v>
      </c>
      <c r="F4906" t="s">
        <v>651</v>
      </c>
      <c r="G4906">
        <v>160</v>
      </c>
      <c r="H4906" t="s">
        <v>747</v>
      </c>
      <c r="I4906">
        <v>4847</v>
      </c>
      <c r="J4906" t="s">
        <v>673</v>
      </c>
      <c r="K4906">
        <v>34</v>
      </c>
      <c r="L4906" t="s">
        <v>1618</v>
      </c>
      <c r="M4906">
        <v>105</v>
      </c>
      <c r="N4906" t="s">
        <v>654</v>
      </c>
      <c r="O4906">
        <v>3</v>
      </c>
      <c r="P4906" t="s">
        <v>655</v>
      </c>
      <c r="Q4906">
        <v>1</v>
      </c>
      <c r="R4906" t="s">
        <v>669</v>
      </c>
      <c r="S4906">
        <v>1</v>
      </c>
      <c r="T4906" t="s">
        <v>661</v>
      </c>
      <c r="U4906">
        <v>8</v>
      </c>
      <c r="V4906">
        <v>3</v>
      </c>
      <c r="W4906">
        <v>180</v>
      </c>
      <c r="X4906">
        <v>2020</v>
      </c>
    </row>
    <row r="4907" spans="1:24" x14ac:dyDescent="0.25">
      <c r="A4907">
        <v>5621</v>
      </c>
      <c r="B4907" t="s">
        <v>32</v>
      </c>
      <c r="C4907">
        <v>24</v>
      </c>
      <c r="D4907" t="s">
        <v>426</v>
      </c>
      <c r="E4907">
        <v>168</v>
      </c>
      <c r="F4907" t="s">
        <v>651</v>
      </c>
      <c r="G4907">
        <v>160</v>
      </c>
      <c r="H4907" t="s">
        <v>747</v>
      </c>
      <c r="I4907">
        <v>4847</v>
      </c>
      <c r="J4907" t="s">
        <v>699</v>
      </c>
      <c r="K4907">
        <v>10</v>
      </c>
      <c r="L4907" t="s">
        <v>700</v>
      </c>
      <c r="M4907">
        <v>348</v>
      </c>
      <c r="N4907" t="s">
        <v>654</v>
      </c>
      <c r="O4907">
        <v>3</v>
      </c>
      <c r="P4907" t="s">
        <v>655</v>
      </c>
      <c r="Q4907">
        <v>1</v>
      </c>
      <c r="R4907" t="s">
        <v>669</v>
      </c>
      <c r="S4907">
        <v>1</v>
      </c>
      <c r="T4907" t="s">
        <v>3715</v>
      </c>
      <c r="U4907">
        <v>290</v>
      </c>
      <c r="V4907">
        <v>3</v>
      </c>
      <c r="W4907">
        <v>180</v>
      </c>
      <c r="X4907">
        <v>2020</v>
      </c>
    </row>
    <row r="4908" spans="1:24" x14ac:dyDescent="0.25">
      <c r="A4908">
        <v>5620</v>
      </c>
      <c r="B4908" t="s">
        <v>32</v>
      </c>
      <c r="C4908">
        <v>24</v>
      </c>
      <c r="D4908" t="s">
        <v>426</v>
      </c>
      <c r="E4908">
        <v>168</v>
      </c>
      <c r="F4908" t="s">
        <v>651</v>
      </c>
      <c r="G4908">
        <v>160</v>
      </c>
      <c r="H4908" t="s">
        <v>747</v>
      </c>
      <c r="I4908">
        <v>4847</v>
      </c>
      <c r="J4908" t="s">
        <v>699</v>
      </c>
      <c r="K4908">
        <v>10</v>
      </c>
      <c r="L4908" t="s">
        <v>700</v>
      </c>
      <c r="M4908">
        <v>348</v>
      </c>
      <c r="N4908" t="s">
        <v>654</v>
      </c>
      <c r="O4908">
        <v>3</v>
      </c>
      <c r="P4908" t="s">
        <v>655</v>
      </c>
      <c r="Q4908">
        <v>1</v>
      </c>
      <c r="R4908" t="s">
        <v>669</v>
      </c>
      <c r="S4908">
        <v>1</v>
      </c>
      <c r="T4908" t="s">
        <v>1010</v>
      </c>
      <c r="U4908">
        <v>36</v>
      </c>
      <c r="V4908">
        <v>3</v>
      </c>
      <c r="W4908">
        <v>180</v>
      </c>
      <c r="X4908">
        <v>2020</v>
      </c>
    </row>
    <row r="4909" spans="1:24" x14ac:dyDescent="0.25">
      <c r="A4909">
        <v>5619</v>
      </c>
      <c r="B4909" t="s">
        <v>32</v>
      </c>
      <c r="C4909">
        <v>24</v>
      </c>
      <c r="D4909" t="s">
        <v>426</v>
      </c>
      <c r="E4909">
        <v>168</v>
      </c>
      <c r="F4909" t="s">
        <v>651</v>
      </c>
      <c r="G4909">
        <v>160</v>
      </c>
      <c r="H4909" t="s">
        <v>747</v>
      </c>
      <c r="I4909">
        <v>4847</v>
      </c>
      <c r="J4909" t="s">
        <v>699</v>
      </c>
      <c r="K4909">
        <v>10</v>
      </c>
      <c r="L4909" t="s">
        <v>700</v>
      </c>
      <c r="M4909">
        <v>348</v>
      </c>
      <c r="N4909" t="s">
        <v>668</v>
      </c>
      <c r="O4909">
        <v>4</v>
      </c>
      <c r="P4909" t="s">
        <v>655</v>
      </c>
      <c r="Q4909">
        <v>1</v>
      </c>
      <c r="R4909" t="s">
        <v>669</v>
      </c>
      <c r="S4909">
        <v>1</v>
      </c>
      <c r="T4909" t="s">
        <v>942</v>
      </c>
      <c r="U4909">
        <v>58</v>
      </c>
      <c r="V4909">
        <v>3</v>
      </c>
      <c r="W4909">
        <v>180</v>
      </c>
      <c r="X4909">
        <v>2020</v>
      </c>
    </row>
    <row r="4910" spans="1:24" x14ac:dyDescent="0.25">
      <c r="A4910">
        <v>5617</v>
      </c>
      <c r="B4910" t="s">
        <v>14</v>
      </c>
      <c r="C4910">
        <v>20</v>
      </c>
      <c r="D4910" t="s">
        <v>402</v>
      </c>
      <c r="E4910">
        <v>153</v>
      </c>
      <c r="F4910" t="s">
        <v>651</v>
      </c>
      <c r="G4910">
        <v>160</v>
      </c>
      <c r="H4910" t="s">
        <v>739</v>
      </c>
      <c r="I4910">
        <v>4413</v>
      </c>
      <c r="J4910" t="s">
        <v>1088</v>
      </c>
      <c r="K4910">
        <v>38</v>
      </c>
      <c r="L4910" t="s">
        <v>1265</v>
      </c>
      <c r="M4910">
        <v>136</v>
      </c>
      <c r="N4910" t="s">
        <v>654</v>
      </c>
      <c r="O4910">
        <v>3</v>
      </c>
      <c r="P4910" t="s">
        <v>655</v>
      </c>
      <c r="Q4910">
        <v>1</v>
      </c>
      <c r="R4910" t="s">
        <v>669</v>
      </c>
      <c r="S4910">
        <v>1</v>
      </c>
      <c r="T4910" t="s">
        <v>657</v>
      </c>
      <c r="U4910">
        <v>7</v>
      </c>
      <c r="V4910">
        <v>3</v>
      </c>
      <c r="W4910">
        <v>180</v>
      </c>
      <c r="X4910">
        <v>2020</v>
      </c>
    </row>
    <row r="4911" spans="1:24" x14ac:dyDescent="0.25">
      <c r="A4911">
        <v>5616</v>
      </c>
      <c r="B4911" t="s">
        <v>14</v>
      </c>
      <c r="C4911">
        <v>20</v>
      </c>
      <c r="D4911" t="s">
        <v>402</v>
      </c>
      <c r="E4911">
        <v>153</v>
      </c>
      <c r="F4911" t="s">
        <v>651</v>
      </c>
      <c r="G4911">
        <v>160</v>
      </c>
      <c r="H4911" t="s">
        <v>739</v>
      </c>
      <c r="I4911">
        <v>4413</v>
      </c>
      <c r="J4911" t="s">
        <v>1088</v>
      </c>
      <c r="K4911">
        <v>38</v>
      </c>
      <c r="L4911" t="s">
        <v>1265</v>
      </c>
      <c r="M4911">
        <v>136</v>
      </c>
      <c r="N4911" t="s">
        <v>654</v>
      </c>
      <c r="O4911">
        <v>3</v>
      </c>
      <c r="P4911" t="s">
        <v>655</v>
      </c>
      <c r="Q4911">
        <v>1</v>
      </c>
      <c r="R4911" t="s">
        <v>669</v>
      </c>
      <c r="S4911">
        <v>1</v>
      </c>
      <c r="T4911" t="s">
        <v>661</v>
      </c>
      <c r="U4911">
        <v>8</v>
      </c>
      <c r="V4911">
        <v>3</v>
      </c>
      <c r="W4911">
        <v>180</v>
      </c>
      <c r="X4911">
        <v>2020</v>
      </c>
    </row>
    <row r="4912" spans="1:24" x14ac:dyDescent="0.25">
      <c r="A4912">
        <v>5615</v>
      </c>
      <c r="B4912" t="s">
        <v>14</v>
      </c>
      <c r="C4912">
        <v>20</v>
      </c>
      <c r="D4912" t="s">
        <v>554</v>
      </c>
      <c r="E4912">
        <v>149</v>
      </c>
      <c r="F4912" t="s">
        <v>651</v>
      </c>
      <c r="G4912">
        <v>160</v>
      </c>
      <c r="H4912" t="s">
        <v>677</v>
      </c>
      <c r="I4912">
        <v>5060</v>
      </c>
      <c r="J4912" t="s">
        <v>301</v>
      </c>
      <c r="K4912">
        <v>26</v>
      </c>
      <c r="L4912" t="s">
        <v>3716</v>
      </c>
      <c r="M4912">
        <v>83</v>
      </c>
      <c r="N4912" t="s">
        <v>654</v>
      </c>
      <c r="O4912">
        <v>3</v>
      </c>
      <c r="P4912" t="s">
        <v>689</v>
      </c>
      <c r="Q4912">
        <v>4</v>
      </c>
      <c r="R4912" t="s">
        <v>669</v>
      </c>
      <c r="S4912">
        <v>1</v>
      </c>
      <c r="T4912" t="s">
        <v>657</v>
      </c>
      <c r="U4912">
        <v>7</v>
      </c>
      <c r="V4912">
        <v>3</v>
      </c>
      <c r="W4912">
        <v>180</v>
      </c>
      <c r="X4912">
        <v>2020</v>
      </c>
    </row>
    <row r="4913" spans="1:24" x14ac:dyDescent="0.25">
      <c r="A4913">
        <v>5613</v>
      </c>
      <c r="B4913" t="s">
        <v>14</v>
      </c>
      <c r="C4913">
        <v>20</v>
      </c>
      <c r="D4913" t="s">
        <v>387</v>
      </c>
      <c r="E4913">
        <v>148</v>
      </c>
      <c r="F4913" t="s">
        <v>651</v>
      </c>
      <c r="G4913">
        <v>160</v>
      </c>
      <c r="H4913" t="s">
        <v>666</v>
      </c>
      <c r="I4913">
        <v>8767</v>
      </c>
      <c r="J4913" t="s">
        <v>684</v>
      </c>
      <c r="K4913">
        <v>22</v>
      </c>
      <c r="L4913" t="s">
        <v>685</v>
      </c>
      <c r="M4913">
        <v>72</v>
      </c>
      <c r="N4913" t="s">
        <v>654</v>
      </c>
      <c r="O4913">
        <v>3</v>
      </c>
      <c r="P4913" t="s">
        <v>655</v>
      </c>
      <c r="Q4913">
        <v>1</v>
      </c>
      <c r="R4913" t="s">
        <v>669</v>
      </c>
      <c r="S4913">
        <v>1</v>
      </c>
      <c r="T4913" t="s">
        <v>657</v>
      </c>
      <c r="U4913">
        <v>7</v>
      </c>
      <c r="V4913">
        <v>3</v>
      </c>
      <c r="W4913">
        <v>180</v>
      </c>
      <c r="X4913">
        <v>2020</v>
      </c>
    </row>
    <row r="4914" spans="1:24" x14ac:dyDescent="0.25">
      <c r="A4914">
        <v>5612</v>
      </c>
      <c r="B4914" t="s">
        <v>14</v>
      </c>
      <c r="C4914">
        <v>20</v>
      </c>
      <c r="D4914" t="s">
        <v>387</v>
      </c>
      <c r="E4914">
        <v>148</v>
      </c>
      <c r="F4914" t="s">
        <v>651</v>
      </c>
      <c r="G4914">
        <v>160</v>
      </c>
      <c r="H4914" t="s">
        <v>739</v>
      </c>
      <c r="I4914">
        <v>4413</v>
      </c>
      <c r="J4914" t="s">
        <v>684</v>
      </c>
      <c r="K4914">
        <v>22</v>
      </c>
      <c r="L4914" t="s">
        <v>685</v>
      </c>
      <c r="M4914">
        <v>72</v>
      </c>
      <c r="N4914" t="s">
        <v>654</v>
      </c>
      <c r="O4914">
        <v>3</v>
      </c>
      <c r="P4914" t="s">
        <v>689</v>
      </c>
      <c r="Q4914">
        <v>4</v>
      </c>
      <c r="R4914" t="s">
        <v>669</v>
      </c>
      <c r="S4914">
        <v>1</v>
      </c>
      <c r="T4914" t="s">
        <v>657</v>
      </c>
      <c r="U4914">
        <v>7</v>
      </c>
      <c r="V4914">
        <v>3</v>
      </c>
      <c r="W4914">
        <v>180</v>
      </c>
      <c r="X4914">
        <v>2020</v>
      </c>
    </row>
    <row r="4915" spans="1:24" x14ac:dyDescent="0.25">
      <c r="A4915">
        <v>5611</v>
      </c>
      <c r="B4915" t="s">
        <v>14</v>
      </c>
      <c r="C4915">
        <v>20</v>
      </c>
      <c r="D4915" t="s">
        <v>556</v>
      </c>
      <c r="E4915">
        <v>146</v>
      </c>
      <c r="F4915" t="s">
        <v>651</v>
      </c>
      <c r="G4915">
        <v>160</v>
      </c>
      <c r="H4915" t="s">
        <v>739</v>
      </c>
      <c r="I4915">
        <v>4413</v>
      </c>
      <c r="J4915" t="s">
        <v>895</v>
      </c>
      <c r="K4915">
        <v>13</v>
      </c>
      <c r="L4915" t="s">
        <v>3717</v>
      </c>
      <c r="M4915">
        <v>461</v>
      </c>
      <c r="N4915" t="s">
        <v>654</v>
      </c>
      <c r="O4915">
        <v>3</v>
      </c>
      <c r="P4915" t="s">
        <v>655</v>
      </c>
      <c r="Q4915">
        <v>1</v>
      </c>
      <c r="R4915" t="s">
        <v>669</v>
      </c>
      <c r="S4915">
        <v>1</v>
      </c>
      <c r="T4915" t="s">
        <v>657</v>
      </c>
      <c r="U4915">
        <v>7</v>
      </c>
      <c r="V4915">
        <v>3</v>
      </c>
      <c r="W4915">
        <v>180</v>
      </c>
      <c r="X4915">
        <v>2020</v>
      </c>
    </row>
    <row r="4916" spans="1:24" x14ac:dyDescent="0.25">
      <c r="A4916">
        <v>5610</v>
      </c>
      <c r="B4916" t="s">
        <v>14</v>
      </c>
      <c r="C4916">
        <v>20</v>
      </c>
      <c r="D4916" t="s">
        <v>556</v>
      </c>
      <c r="E4916">
        <v>146</v>
      </c>
      <c r="F4916" t="s">
        <v>651</v>
      </c>
      <c r="G4916">
        <v>160</v>
      </c>
      <c r="H4916" t="s">
        <v>739</v>
      </c>
      <c r="I4916">
        <v>4413</v>
      </c>
      <c r="J4916" t="s">
        <v>895</v>
      </c>
      <c r="K4916">
        <v>13</v>
      </c>
      <c r="L4916" t="s">
        <v>3717</v>
      </c>
      <c r="M4916">
        <v>461</v>
      </c>
      <c r="N4916" t="s">
        <v>654</v>
      </c>
      <c r="O4916">
        <v>3</v>
      </c>
      <c r="P4916" t="s">
        <v>655</v>
      </c>
      <c r="Q4916">
        <v>1</v>
      </c>
      <c r="R4916" t="s">
        <v>669</v>
      </c>
      <c r="S4916">
        <v>1</v>
      </c>
      <c r="T4916" t="s">
        <v>661</v>
      </c>
      <c r="U4916">
        <v>8</v>
      </c>
      <c r="V4916">
        <v>3</v>
      </c>
      <c r="W4916">
        <v>180</v>
      </c>
      <c r="X4916">
        <v>2020</v>
      </c>
    </row>
    <row r="4917" spans="1:24" x14ac:dyDescent="0.25">
      <c r="A4917">
        <v>5609</v>
      </c>
      <c r="B4917" t="s">
        <v>14</v>
      </c>
      <c r="C4917">
        <v>20</v>
      </c>
      <c r="D4917" t="s">
        <v>426</v>
      </c>
      <c r="E4917">
        <v>145</v>
      </c>
      <c r="F4917" t="s">
        <v>651</v>
      </c>
      <c r="G4917">
        <v>160</v>
      </c>
      <c r="H4917" t="s">
        <v>739</v>
      </c>
      <c r="I4917">
        <v>4413</v>
      </c>
      <c r="J4917" t="s">
        <v>699</v>
      </c>
      <c r="K4917">
        <v>10</v>
      </c>
      <c r="L4917" t="s">
        <v>3718</v>
      </c>
      <c r="M4917">
        <v>347</v>
      </c>
      <c r="N4917" t="s">
        <v>654</v>
      </c>
      <c r="O4917">
        <v>3</v>
      </c>
      <c r="P4917" t="s">
        <v>655</v>
      </c>
      <c r="Q4917">
        <v>1</v>
      </c>
      <c r="R4917" t="s">
        <v>669</v>
      </c>
      <c r="S4917">
        <v>1</v>
      </c>
      <c r="T4917" t="s">
        <v>3697</v>
      </c>
      <c r="U4917">
        <v>93</v>
      </c>
      <c r="V4917">
        <v>3</v>
      </c>
      <c r="W4917">
        <v>180</v>
      </c>
      <c r="X4917">
        <v>2020</v>
      </c>
    </row>
    <row r="4918" spans="1:24" x14ac:dyDescent="0.25">
      <c r="A4918">
        <v>5608</v>
      </c>
      <c r="B4918" t="s">
        <v>14</v>
      </c>
      <c r="C4918">
        <v>20</v>
      </c>
      <c r="D4918" t="s">
        <v>426</v>
      </c>
      <c r="E4918">
        <v>145</v>
      </c>
      <c r="F4918" t="s">
        <v>651</v>
      </c>
      <c r="G4918">
        <v>160</v>
      </c>
      <c r="H4918" t="s">
        <v>739</v>
      </c>
      <c r="I4918">
        <v>4413</v>
      </c>
      <c r="J4918" t="s">
        <v>699</v>
      </c>
      <c r="K4918">
        <v>10</v>
      </c>
      <c r="L4918" t="s">
        <v>3718</v>
      </c>
      <c r="M4918">
        <v>347</v>
      </c>
      <c r="N4918" t="s">
        <v>654</v>
      </c>
      <c r="O4918">
        <v>3</v>
      </c>
      <c r="P4918" t="s">
        <v>655</v>
      </c>
      <c r="Q4918">
        <v>1</v>
      </c>
      <c r="R4918" t="s">
        <v>669</v>
      </c>
      <c r="S4918">
        <v>1</v>
      </c>
      <c r="T4918" t="s">
        <v>3698</v>
      </c>
      <c r="U4918">
        <v>81</v>
      </c>
      <c r="V4918">
        <v>3</v>
      </c>
      <c r="W4918">
        <v>180</v>
      </c>
      <c r="X4918">
        <v>2020</v>
      </c>
    </row>
    <row r="4919" spans="1:24" x14ac:dyDescent="0.25">
      <c r="A4919">
        <v>5607</v>
      </c>
      <c r="B4919" t="s">
        <v>14</v>
      </c>
      <c r="C4919">
        <v>20</v>
      </c>
      <c r="D4919" t="s">
        <v>426</v>
      </c>
      <c r="E4919">
        <v>145</v>
      </c>
      <c r="F4919" t="s">
        <v>651</v>
      </c>
      <c r="G4919">
        <v>160</v>
      </c>
      <c r="H4919" t="s">
        <v>739</v>
      </c>
      <c r="I4919">
        <v>4413</v>
      </c>
      <c r="J4919" t="s">
        <v>699</v>
      </c>
      <c r="K4919">
        <v>10</v>
      </c>
      <c r="L4919" t="s">
        <v>3718</v>
      </c>
      <c r="M4919">
        <v>347</v>
      </c>
      <c r="N4919" t="s">
        <v>654</v>
      </c>
      <c r="O4919">
        <v>3</v>
      </c>
      <c r="P4919" t="s">
        <v>655</v>
      </c>
      <c r="Q4919">
        <v>1</v>
      </c>
      <c r="R4919" t="s">
        <v>669</v>
      </c>
      <c r="S4919">
        <v>1</v>
      </c>
      <c r="T4919" t="s">
        <v>3699</v>
      </c>
      <c r="U4919">
        <v>69</v>
      </c>
      <c r="V4919">
        <v>3</v>
      </c>
      <c r="W4919">
        <v>180</v>
      </c>
      <c r="X4919">
        <v>2020</v>
      </c>
    </row>
    <row r="4920" spans="1:24" x14ac:dyDescent="0.25">
      <c r="A4920">
        <v>5606</v>
      </c>
      <c r="B4920" t="s">
        <v>14</v>
      </c>
      <c r="C4920">
        <v>20</v>
      </c>
      <c r="D4920" t="s">
        <v>426</v>
      </c>
      <c r="E4920">
        <v>145</v>
      </c>
      <c r="F4920" t="s">
        <v>651</v>
      </c>
      <c r="G4920">
        <v>160</v>
      </c>
      <c r="H4920" t="s">
        <v>739</v>
      </c>
      <c r="I4920">
        <v>4413</v>
      </c>
      <c r="J4920" t="s">
        <v>699</v>
      </c>
      <c r="K4920">
        <v>10</v>
      </c>
      <c r="L4920" t="s">
        <v>3718</v>
      </c>
      <c r="M4920">
        <v>347</v>
      </c>
      <c r="N4920" t="s">
        <v>654</v>
      </c>
      <c r="O4920">
        <v>3</v>
      </c>
      <c r="P4920" t="s">
        <v>655</v>
      </c>
      <c r="Q4920">
        <v>1</v>
      </c>
      <c r="R4920" t="s">
        <v>669</v>
      </c>
      <c r="S4920">
        <v>1</v>
      </c>
      <c r="T4920" t="s">
        <v>3700</v>
      </c>
      <c r="U4920">
        <v>57</v>
      </c>
      <c r="V4920">
        <v>3</v>
      </c>
      <c r="W4920">
        <v>180</v>
      </c>
      <c r="X4920">
        <v>2020</v>
      </c>
    </row>
    <row r="4921" spans="1:24" x14ac:dyDescent="0.25">
      <c r="A4921">
        <v>5605</v>
      </c>
      <c r="B4921" t="s">
        <v>14</v>
      </c>
      <c r="C4921">
        <v>20</v>
      </c>
      <c r="D4921" t="s">
        <v>426</v>
      </c>
      <c r="E4921">
        <v>145</v>
      </c>
      <c r="F4921" t="s">
        <v>651</v>
      </c>
      <c r="G4921">
        <v>160</v>
      </c>
      <c r="H4921" t="s">
        <v>739</v>
      </c>
      <c r="I4921">
        <v>4413</v>
      </c>
      <c r="J4921" t="s">
        <v>699</v>
      </c>
      <c r="K4921">
        <v>10</v>
      </c>
      <c r="L4921" t="s">
        <v>3718</v>
      </c>
      <c r="M4921">
        <v>347</v>
      </c>
      <c r="N4921" t="s">
        <v>654</v>
      </c>
      <c r="O4921">
        <v>3</v>
      </c>
      <c r="P4921" t="s">
        <v>655</v>
      </c>
      <c r="Q4921">
        <v>1</v>
      </c>
      <c r="R4921" t="s">
        <v>669</v>
      </c>
      <c r="S4921">
        <v>1</v>
      </c>
      <c r="T4921" t="s">
        <v>3701</v>
      </c>
      <c r="U4921">
        <v>45</v>
      </c>
      <c r="V4921">
        <v>3</v>
      </c>
      <c r="W4921">
        <v>180</v>
      </c>
      <c r="X4921">
        <v>2020</v>
      </c>
    </row>
    <row r="4922" spans="1:24" x14ac:dyDescent="0.25">
      <c r="A4922">
        <v>5604</v>
      </c>
      <c r="B4922" t="s">
        <v>14</v>
      </c>
      <c r="C4922">
        <v>20</v>
      </c>
      <c r="D4922" t="s">
        <v>426</v>
      </c>
      <c r="E4922">
        <v>145</v>
      </c>
      <c r="F4922" t="s">
        <v>651</v>
      </c>
      <c r="G4922">
        <v>160</v>
      </c>
      <c r="H4922" t="s">
        <v>739</v>
      </c>
      <c r="I4922">
        <v>4413</v>
      </c>
      <c r="J4922" t="s">
        <v>699</v>
      </c>
      <c r="K4922">
        <v>10</v>
      </c>
      <c r="L4922" t="s">
        <v>3718</v>
      </c>
      <c r="M4922">
        <v>347</v>
      </c>
      <c r="N4922" t="s">
        <v>654</v>
      </c>
      <c r="O4922">
        <v>3</v>
      </c>
      <c r="P4922" t="s">
        <v>655</v>
      </c>
      <c r="Q4922">
        <v>1</v>
      </c>
      <c r="R4922" t="s">
        <v>669</v>
      </c>
      <c r="S4922">
        <v>1</v>
      </c>
      <c r="T4922" t="s">
        <v>1994</v>
      </c>
      <c r="U4922">
        <v>33</v>
      </c>
      <c r="V4922">
        <v>3</v>
      </c>
      <c r="W4922">
        <v>180</v>
      </c>
      <c r="X4922">
        <v>2020</v>
      </c>
    </row>
    <row r="4923" spans="1:24" x14ac:dyDescent="0.25">
      <c r="A4923">
        <v>5603</v>
      </c>
      <c r="B4923" t="s">
        <v>14</v>
      </c>
      <c r="C4923">
        <v>20</v>
      </c>
      <c r="D4923" t="s">
        <v>426</v>
      </c>
      <c r="E4923">
        <v>145</v>
      </c>
      <c r="F4923" t="s">
        <v>651</v>
      </c>
      <c r="G4923">
        <v>160</v>
      </c>
      <c r="H4923" t="s">
        <v>739</v>
      </c>
      <c r="I4923">
        <v>4413</v>
      </c>
      <c r="J4923" t="s">
        <v>699</v>
      </c>
      <c r="K4923">
        <v>10</v>
      </c>
      <c r="L4923" t="s">
        <v>3719</v>
      </c>
      <c r="M4923">
        <v>498</v>
      </c>
      <c r="N4923" t="s">
        <v>654</v>
      </c>
      <c r="O4923">
        <v>3</v>
      </c>
      <c r="P4923" t="s">
        <v>655</v>
      </c>
      <c r="Q4923">
        <v>1</v>
      </c>
      <c r="R4923" t="s">
        <v>669</v>
      </c>
      <c r="S4923">
        <v>1</v>
      </c>
      <c r="T4923" t="s">
        <v>3720</v>
      </c>
      <c r="U4923">
        <v>325</v>
      </c>
      <c r="V4923">
        <v>3</v>
      </c>
      <c r="W4923">
        <v>180</v>
      </c>
      <c r="X4923">
        <v>2020</v>
      </c>
    </row>
    <row r="4924" spans="1:24" x14ac:dyDescent="0.25">
      <c r="A4924">
        <v>5602</v>
      </c>
      <c r="B4924" t="s">
        <v>14</v>
      </c>
      <c r="C4924">
        <v>20</v>
      </c>
      <c r="D4924" t="s">
        <v>426</v>
      </c>
      <c r="E4924">
        <v>145</v>
      </c>
      <c r="F4924" t="s">
        <v>651</v>
      </c>
      <c r="G4924">
        <v>160</v>
      </c>
      <c r="H4924" t="s">
        <v>739</v>
      </c>
      <c r="I4924">
        <v>4413</v>
      </c>
      <c r="J4924" t="s">
        <v>699</v>
      </c>
      <c r="K4924">
        <v>10</v>
      </c>
      <c r="L4924" t="s">
        <v>3719</v>
      </c>
      <c r="M4924">
        <v>498</v>
      </c>
      <c r="N4924" t="s">
        <v>654</v>
      </c>
      <c r="O4924">
        <v>3</v>
      </c>
      <c r="P4924" t="s">
        <v>655</v>
      </c>
      <c r="Q4924">
        <v>1</v>
      </c>
      <c r="R4924" t="s">
        <v>669</v>
      </c>
      <c r="S4924">
        <v>1</v>
      </c>
      <c r="T4924" t="s">
        <v>3721</v>
      </c>
      <c r="U4924">
        <v>314</v>
      </c>
      <c r="V4924">
        <v>3</v>
      </c>
      <c r="W4924">
        <v>180</v>
      </c>
      <c r="X4924">
        <v>2020</v>
      </c>
    </row>
    <row r="4925" spans="1:24" x14ac:dyDescent="0.25">
      <c r="A4925">
        <v>5599</v>
      </c>
      <c r="B4925" t="s">
        <v>14</v>
      </c>
      <c r="C4925">
        <v>20</v>
      </c>
      <c r="D4925" t="s">
        <v>426</v>
      </c>
      <c r="E4925">
        <v>145</v>
      </c>
      <c r="F4925" t="s">
        <v>651</v>
      </c>
      <c r="G4925">
        <v>160</v>
      </c>
      <c r="H4925" t="s">
        <v>739</v>
      </c>
      <c r="I4925">
        <v>4413</v>
      </c>
      <c r="J4925" t="s">
        <v>699</v>
      </c>
      <c r="K4925">
        <v>10</v>
      </c>
      <c r="L4925" t="s">
        <v>700</v>
      </c>
      <c r="M4925">
        <v>348</v>
      </c>
      <c r="N4925" t="s">
        <v>654</v>
      </c>
      <c r="O4925">
        <v>3</v>
      </c>
      <c r="P4925" t="s">
        <v>655</v>
      </c>
      <c r="Q4925">
        <v>1</v>
      </c>
      <c r="R4925" t="s">
        <v>669</v>
      </c>
      <c r="S4925">
        <v>1</v>
      </c>
      <c r="T4925" t="s">
        <v>1458</v>
      </c>
      <c r="U4925">
        <v>324</v>
      </c>
      <c r="V4925">
        <v>3</v>
      </c>
      <c r="W4925">
        <v>180</v>
      </c>
      <c r="X4925">
        <v>2020</v>
      </c>
    </row>
    <row r="4926" spans="1:24" x14ac:dyDescent="0.25">
      <c r="A4926">
        <v>5598</v>
      </c>
      <c r="B4926" t="s">
        <v>14</v>
      </c>
      <c r="C4926">
        <v>20</v>
      </c>
      <c r="D4926" t="s">
        <v>426</v>
      </c>
      <c r="E4926">
        <v>145</v>
      </c>
      <c r="F4926" t="s">
        <v>651</v>
      </c>
      <c r="G4926">
        <v>160</v>
      </c>
      <c r="H4926" t="s">
        <v>739</v>
      </c>
      <c r="I4926">
        <v>4413</v>
      </c>
      <c r="J4926" t="s">
        <v>699</v>
      </c>
      <c r="K4926">
        <v>10</v>
      </c>
      <c r="L4926" t="s">
        <v>700</v>
      </c>
      <c r="M4926">
        <v>348</v>
      </c>
      <c r="N4926" t="s">
        <v>654</v>
      </c>
      <c r="O4926">
        <v>3</v>
      </c>
      <c r="P4926" t="s">
        <v>655</v>
      </c>
      <c r="Q4926">
        <v>1</v>
      </c>
      <c r="R4926" t="s">
        <v>669</v>
      </c>
      <c r="S4926">
        <v>1</v>
      </c>
      <c r="T4926" t="s">
        <v>3722</v>
      </c>
      <c r="U4926">
        <v>180</v>
      </c>
      <c r="V4926">
        <v>3</v>
      </c>
      <c r="W4926">
        <v>180</v>
      </c>
      <c r="X4926">
        <v>2020</v>
      </c>
    </row>
    <row r="4927" spans="1:24" x14ac:dyDescent="0.25">
      <c r="A4927">
        <v>5597</v>
      </c>
      <c r="B4927" t="s">
        <v>14</v>
      </c>
      <c r="C4927">
        <v>20</v>
      </c>
      <c r="D4927" t="s">
        <v>426</v>
      </c>
      <c r="E4927">
        <v>145</v>
      </c>
      <c r="F4927" t="s">
        <v>651</v>
      </c>
      <c r="G4927">
        <v>160</v>
      </c>
      <c r="H4927" t="s">
        <v>739</v>
      </c>
      <c r="I4927">
        <v>4413</v>
      </c>
      <c r="J4927" t="s">
        <v>699</v>
      </c>
      <c r="K4927">
        <v>10</v>
      </c>
      <c r="L4927" t="s">
        <v>700</v>
      </c>
      <c r="M4927">
        <v>348</v>
      </c>
      <c r="N4927" t="s">
        <v>654</v>
      </c>
      <c r="O4927">
        <v>3</v>
      </c>
      <c r="P4927" t="s">
        <v>655</v>
      </c>
      <c r="Q4927">
        <v>1</v>
      </c>
      <c r="R4927" t="s">
        <v>669</v>
      </c>
      <c r="S4927">
        <v>1</v>
      </c>
      <c r="T4927" t="s">
        <v>3723</v>
      </c>
      <c r="U4927">
        <v>323</v>
      </c>
      <c r="V4927">
        <v>3</v>
      </c>
      <c r="W4927">
        <v>180</v>
      </c>
      <c r="X4927">
        <v>2020</v>
      </c>
    </row>
    <row r="4928" spans="1:24" x14ac:dyDescent="0.25">
      <c r="A4928">
        <v>5596</v>
      </c>
      <c r="B4928" t="s">
        <v>14</v>
      </c>
      <c r="C4928">
        <v>20</v>
      </c>
      <c r="D4928" t="s">
        <v>426</v>
      </c>
      <c r="E4928">
        <v>145</v>
      </c>
      <c r="F4928" t="s">
        <v>651</v>
      </c>
      <c r="G4928">
        <v>160</v>
      </c>
      <c r="H4928" t="s">
        <v>739</v>
      </c>
      <c r="I4928">
        <v>4413</v>
      </c>
      <c r="J4928" t="s">
        <v>699</v>
      </c>
      <c r="K4928">
        <v>10</v>
      </c>
      <c r="L4928" t="s">
        <v>700</v>
      </c>
      <c r="M4928">
        <v>348</v>
      </c>
      <c r="N4928" t="s">
        <v>654</v>
      </c>
      <c r="O4928">
        <v>3</v>
      </c>
      <c r="P4928" t="s">
        <v>655</v>
      </c>
      <c r="Q4928">
        <v>1</v>
      </c>
      <c r="R4928" t="s">
        <v>669</v>
      </c>
      <c r="S4928">
        <v>1</v>
      </c>
      <c r="T4928" t="s">
        <v>1306</v>
      </c>
      <c r="U4928">
        <v>322</v>
      </c>
      <c r="V4928">
        <v>3</v>
      </c>
      <c r="W4928">
        <v>180</v>
      </c>
      <c r="X4928">
        <v>2020</v>
      </c>
    </row>
    <row r="4929" spans="1:24" x14ac:dyDescent="0.25">
      <c r="A4929">
        <v>5595</v>
      </c>
      <c r="B4929" t="s">
        <v>14</v>
      </c>
      <c r="C4929">
        <v>20</v>
      </c>
      <c r="D4929" t="s">
        <v>426</v>
      </c>
      <c r="E4929">
        <v>145</v>
      </c>
      <c r="F4929" t="s">
        <v>651</v>
      </c>
      <c r="G4929">
        <v>160</v>
      </c>
      <c r="H4929" t="s">
        <v>739</v>
      </c>
      <c r="I4929">
        <v>4413</v>
      </c>
      <c r="J4929" t="s">
        <v>699</v>
      </c>
      <c r="K4929">
        <v>10</v>
      </c>
      <c r="L4929" t="s">
        <v>700</v>
      </c>
      <c r="M4929">
        <v>348</v>
      </c>
      <c r="N4929" t="s">
        <v>654</v>
      </c>
      <c r="O4929">
        <v>3</v>
      </c>
      <c r="P4929" t="s">
        <v>655</v>
      </c>
      <c r="Q4929">
        <v>1</v>
      </c>
      <c r="R4929" t="s">
        <v>669</v>
      </c>
      <c r="S4929">
        <v>1</v>
      </c>
      <c r="T4929" t="s">
        <v>1442</v>
      </c>
      <c r="U4929">
        <v>321</v>
      </c>
      <c r="V4929">
        <v>3</v>
      </c>
      <c r="W4929">
        <v>180</v>
      </c>
      <c r="X4929">
        <v>2020</v>
      </c>
    </row>
    <row r="4930" spans="1:24" x14ac:dyDescent="0.25">
      <c r="A4930">
        <v>5594</v>
      </c>
      <c r="B4930" t="s">
        <v>14</v>
      </c>
      <c r="C4930">
        <v>20</v>
      </c>
      <c r="D4930" t="s">
        <v>426</v>
      </c>
      <c r="E4930">
        <v>145</v>
      </c>
      <c r="F4930" t="s">
        <v>651</v>
      </c>
      <c r="G4930">
        <v>160</v>
      </c>
      <c r="H4930" t="s">
        <v>739</v>
      </c>
      <c r="I4930">
        <v>4413</v>
      </c>
      <c r="J4930" t="s">
        <v>699</v>
      </c>
      <c r="K4930">
        <v>10</v>
      </c>
      <c r="L4930" t="s">
        <v>700</v>
      </c>
      <c r="M4930">
        <v>348</v>
      </c>
      <c r="N4930" t="s">
        <v>654</v>
      </c>
      <c r="O4930">
        <v>3</v>
      </c>
      <c r="P4930" t="s">
        <v>655</v>
      </c>
      <c r="Q4930">
        <v>1</v>
      </c>
      <c r="R4930" t="s">
        <v>669</v>
      </c>
      <c r="S4930">
        <v>1</v>
      </c>
      <c r="T4930" t="s">
        <v>1297</v>
      </c>
      <c r="U4930">
        <v>320</v>
      </c>
      <c r="V4930">
        <v>3</v>
      </c>
      <c r="W4930">
        <v>180</v>
      </c>
      <c r="X4930">
        <v>2020</v>
      </c>
    </row>
    <row r="4931" spans="1:24" x14ac:dyDescent="0.25">
      <c r="A4931">
        <v>5593</v>
      </c>
      <c r="B4931" t="s">
        <v>14</v>
      </c>
      <c r="C4931">
        <v>20</v>
      </c>
      <c r="D4931" t="s">
        <v>426</v>
      </c>
      <c r="E4931">
        <v>145</v>
      </c>
      <c r="F4931" t="s">
        <v>651</v>
      </c>
      <c r="G4931">
        <v>160</v>
      </c>
      <c r="H4931" t="s">
        <v>739</v>
      </c>
      <c r="I4931">
        <v>4413</v>
      </c>
      <c r="J4931" t="s">
        <v>699</v>
      </c>
      <c r="K4931">
        <v>10</v>
      </c>
      <c r="L4931" t="s">
        <v>700</v>
      </c>
      <c r="M4931">
        <v>348</v>
      </c>
      <c r="N4931" t="s">
        <v>654</v>
      </c>
      <c r="O4931">
        <v>3</v>
      </c>
      <c r="P4931" t="s">
        <v>655</v>
      </c>
      <c r="Q4931">
        <v>1</v>
      </c>
      <c r="R4931" t="s">
        <v>669</v>
      </c>
      <c r="S4931">
        <v>1</v>
      </c>
      <c r="T4931" t="s">
        <v>1469</v>
      </c>
      <c r="U4931">
        <v>319</v>
      </c>
      <c r="V4931">
        <v>3</v>
      </c>
      <c r="W4931">
        <v>180</v>
      </c>
      <c r="X4931">
        <v>2020</v>
      </c>
    </row>
    <row r="4932" spans="1:24" x14ac:dyDescent="0.25">
      <c r="A4932">
        <v>5592</v>
      </c>
      <c r="B4932" t="s">
        <v>14</v>
      </c>
      <c r="C4932">
        <v>20</v>
      </c>
      <c r="D4932" t="s">
        <v>426</v>
      </c>
      <c r="E4932">
        <v>145</v>
      </c>
      <c r="F4932" t="s">
        <v>651</v>
      </c>
      <c r="G4932">
        <v>160</v>
      </c>
      <c r="H4932" t="s">
        <v>739</v>
      </c>
      <c r="I4932">
        <v>4413</v>
      </c>
      <c r="J4932" t="s">
        <v>699</v>
      </c>
      <c r="K4932">
        <v>10</v>
      </c>
      <c r="L4932" t="s">
        <v>700</v>
      </c>
      <c r="M4932">
        <v>348</v>
      </c>
      <c r="N4932" t="s">
        <v>654</v>
      </c>
      <c r="O4932">
        <v>3</v>
      </c>
      <c r="P4932" t="s">
        <v>655</v>
      </c>
      <c r="Q4932">
        <v>1</v>
      </c>
      <c r="R4932" t="s">
        <v>669</v>
      </c>
      <c r="S4932">
        <v>1</v>
      </c>
      <c r="T4932" t="s">
        <v>1448</v>
      </c>
      <c r="U4932">
        <v>318</v>
      </c>
      <c r="V4932">
        <v>3</v>
      </c>
      <c r="W4932">
        <v>180</v>
      </c>
      <c r="X4932">
        <v>2020</v>
      </c>
    </row>
    <row r="4933" spans="1:24" x14ac:dyDescent="0.25">
      <c r="A4933">
        <v>5591</v>
      </c>
      <c r="B4933" t="s">
        <v>14</v>
      </c>
      <c r="C4933">
        <v>20</v>
      </c>
      <c r="D4933" t="s">
        <v>426</v>
      </c>
      <c r="E4933">
        <v>145</v>
      </c>
      <c r="F4933" t="s">
        <v>651</v>
      </c>
      <c r="G4933">
        <v>160</v>
      </c>
      <c r="H4933" t="s">
        <v>739</v>
      </c>
      <c r="I4933">
        <v>4413</v>
      </c>
      <c r="J4933" t="s">
        <v>699</v>
      </c>
      <c r="K4933">
        <v>10</v>
      </c>
      <c r="L4933" t="s">
        <v>700</v>
      </c>
      <c r="M4933">
        <v>348</v>
      </c>
      <c r="N4933" t="s">
        <v>654</v>
      </c>
      <c r="O4933">
        <v>3</v>
      </c>
      <c r="P4933" t="s">
        <v>655</v>
      </c>
      <c r="Q4933">
        <v>1</v>
      </c>
      <c r="R4933" t="s">
        <v>669</v>
      </c>
      <c r="S4933">
        <v>1</v>
      </c>
      <c r="T4933" t="s">
        <v>1470</v>
      </c>
      <c r="U4933">
        <v>317</v>
      </c>
      <c r="V4933">
        <v>3</v>
      </c>
      <c r="W4933">
        <v>180</v>
      </c>
      <c r="X4933">
        <v>2020</v>
      </c>
    </row>
    <row r="4934" spans="1:24" x14ac:dyDescent="0.25">
      <c r="A4934">
        <v>5590</v>
      </c>
      <c r="B4934" t="s">
        <v>14</v>
      </c>
      <c r="C4934">
        <v>20</v>
      </c>
      <c r="D4934" t="s">
        <v>426</v>
      </c>
      <c r="E4934">
        <v>145</v>
      </c>
      <c r="F4934" t="s">
        <v>651</v>
      </c>
      <c r="G4934">
        <v>160</v>
      </c>
      <c r="H4934" t="s">
        <v>739</v>
      </c>
      <c r="I4934">
        <v>4413</v>
      </c>
      <c r="J4934" t="s">
        <v>699</v>
      </c>
      <c r="K4934">
        <v>10</v>
      </c>
      <c r="L4934" t="s">
        <v>700</v>
      </c>
      <c r="M4934">
        <v>348</v>
      </c>
      <c r="N4934" t="s">
        <v>654</v>
      </c>
      <c r="O4934">
        <v>3</v>
      </c>
      <c r="P4934" t="s">
        <v>655</v>
      </c>
      <c r="Q4934">
        <v>1</v>
      </c>
      <c r="R4934" t="s">
        <v>669</v>
      </c>
      <c r="S4934">
        <v>1</v>
      </c>
      <c r="T4934" t="s">
        <v>1427</v>
      </c>
      <c r="U4934">
        <v>316</v>
      </c>
      <c r="V4934">
        <v>3</v>
      </c>
      <c r="W4934">
        <v>180</v>
      </c>
      <c r="X4934">
        <v>2020</v>
      </c>
    </row>
    <row r="4935" spans="1:24" x14ac:dyDescent="0.25">
      <c r="A4935">
        <v>5589</v>
      </c>
      <c r="B4935" t="s">
        <v>14</v>
      </c>
      <c r="C4935">
        <v>20</v>
      </c>
      <c r="D4935" t="s">
        <v>426</v>
      </c>
      <c r="E4935">
        <v>145</v>
      </c>
      <c r="F4935" t="s">
        <v>651</v>
      </c>
      <c r="G4935">
        <v>160</v>
      </c>
      <c r="H4935" t="s">
        <v>739</v>
      </c>
      <c r="I4935">
        <v>4413</v>
      </c>
      <c r="J4935" t="s">
        <v>699</v>
      </c>
      <c r="K4935">
        <v>10</v>
      </c>
      <c r="L4935" t="s">
        <v>700</v>
      </c>
      <c r="M4935">
        <v>348</v>
      </c>
      <c r="N4935" t="s">
        <v>654</v>
      </c>
      <c r="O4935">
        <v>3</v>
      </c>
      <c r="P4935" t="s">
        <v>655</v>
      </c>
      <c r="Q4935">
        <v>1</v>
      </c>
      <c r="R4935" t="s">
        <v>669</v>
      </c>
      <c r="S4935">
        <v>1</v>
      </c>
      <c r="T4935" t="s">
        <v>3724</v>
      </c>
      <c r="U4935">
        <v>313</v>
      </c>
      <c r="V4935">
        <v>3</v>
      </c>
      <c r="W4935">
        <v>180</v>
      </c>
      <c r="X4935">
        <v>2020</v>
      </c>
    </row>
    <row r="4936" spans="1:24" x14ac:dyDescent="0.25">
      <c r="A4936">
        <v>5588</v>
      </c>
      <c r="B4936" t="s">
        <v>14</v>
      </c>
      <c r="C4936">
        <v>20</v>
      </c>
      <c r="D4936" t="s">
        <v>426</v>
      </c>
      <c r="E4936">
        <v>145</v>
      </c>
      <c r="F4936" t="s">
        <v>651</v>
      </c>
      <c r="G4936">
        <v>160</v>
      </c>
      <c r="H4936" t="s">
        <v>739</v>
      </c>
      <c r="I4936">
        <v>4413</v>
      </c>
      <c r="J4936" t="s">
        <v>699</v>
      </c>
      <c r="K4936">
        <v>10</v>
      </c>
      <c r="L4936" t="s">
        <v>700</v>
      </c>
      <c r="M4936">
        <v>348</v>
      </c>
      <c r="N4936" t="s">
        <v>654</v>
      </c>
      <c r="O4936">
        <v>3</v>
      </c>
      <c r="P4936" t="s">
        <v>655</v>
      </c>
      <c r="Q4936">
        <v>1</v>
      </c>
      <c r="R4936" t="s">
        <v>669</v>
      </c>
      <c r="S4936">
        <v>1</v>
      </c>
      <c r="T4936" t="s">
        <v>3725</v>
      </c>
      <c r="U4936">
        <v>179</v>
      </c>
      <c r="V4936">
        <v>3</v>
      </c>
      <c r="W4936">
        <v>180</v>
      </c>
      <c r="X4936">
        <v>2020</v>
      </c>
    </row>
    <row r="4937" spans="1:24" x14ac:dyDescent="0.25">
      <c r="A4937">
        <v>5587</v>
      </c>
      <c r="B4937" t="s">
        <v>14</v>
      </c>
      <c r="C4937">
        <v>20</v>
      </c>
      <c r="D4937" t="s">
        <v>426</v>
      </c>
      <c r="E4937">
        <v>145</v>
      </c>
      <c r="F4937" t="s">
        <v>651</v>
      </c>
      <c r="G4937">
        <v>160</v>
      </c>
      <c r="H4937" t="s">
        <v>739</v>
      </c>
      <c r="I4937">
        <v>4413</v>
      </c>
      <c r="J4937" t="s">
        <v>699</v>
      </c>
      <c r="K4937">
        <v>10</v>
      </c>
      <c r="L4937" t="s">
        <v>700</v>
      </c>
      <c r="M4937">
        <v>348</v>
      </c>
      <c r="N4937" t="s">
        <v>654</v>
      </c>
      <c r="O4937">
        <v>3</v>
      </c>
      <c r="P4937" t="s">
        <v>655</v>
      </c>
      <c r="Q4937">
        <v>1</v>
      </c>
      <c r="R4937" t="s">
        <v>669</v>
      </c>
      <c r="S4937">
        <v>1</v>
      </c>
      <c r="T4937" t="s">
        <v>3678</v>
      </c>
      <c r="U4937">
        <v>312</v>
      </c>
      <c r="V4937">
        <v>3</v>
      </c>
      <c r="W4937">
        <v>180</v>
      </c>
      <c r="X4937">
        <v>2020</v>
      </c>
    </row>
    <row r="4938" spans="1:24" x14ac:dyDescent="0.25">
      <c r="A4938">
        <v>5586</v>
      </c>
      <c r="B4938" t="s">
        <v>14</v>
      </c>
      <c r="C4938">
        <v>20</v>
      </c>
      <c r="D4938" t="s">
        <v>426</v>
      </c>
      <c r="E4938">
        <v>145</v>
      </c>
      <c r="F4938" t="s">
        <v>651</v>
      </c>
      <c r="G4938">
        <v>160</v>
      </c>
      <c r="H4938" t="s">
        <v>739</v>
      </c>
      <c r="I4938">
        <v>4413</v>
      </c>
      <c r="J4938" t="s">
        <v>699</v>
      </c>
      <c r="K4938">
        <v>10</v>
      </c>
      <c r="L4938" t="s">
        <v>700</v>
      </c>
      <c r="M4938">
        <v>348</v>
      </c>
      <c r="N4938" t="s">
        <v>654</v>
      </c>
      <c r="O4938">
        <v>3</v>
      </c>
      <c r="P4938" t="s">
        <v>655</v>
      </c>
      <c r="Q4938">
        <v>1</v>
      </c>
      <c r="R4938" t="s">
        <v>669</v>
      </c>
      <c r="S4938">
        <v>1</v>
      </c>
      <c r="T4938" t="s">
        <v>3726</v>
      </c>
      <c r="U4938">
        <v>311</v>
      </c>
      <c r="V4938">
        <v>3</v>
      </c>
      <c r="W4938">
        <v>180</v>
      </c>
      <c r="X4938">
        <v>2020</v>
      </c>
    </row>
    <row r="4939" spans="1:24" x14ac:dyDescent="0.25">
      <c r="A4939">
        <v>5585</v>
      </c>
      <c r="B4939" t="s">
        <v>14</v>
      </c>
      <c r="C4939">
        <v>20</v>
      </c>
      <c r="D4939" t="s">
        <v>426</v>
      </c>
      <c r="E4939">
        <v>145</v>
      </c>
      <c r="F4939" t="s">
        <v>651</v>
      </c>
      <c r="G4939">
        <v>160</v>
      </c>
      <c r="H4939" t="s">
        <v>739</v>
      </c>
      <c r="I4939">
        <v>4413</v>
      </c>
      <c r="J4939" t="s">
        <v>699</v>
      </c>
      <c r="K4939">
        <v>10</v>
      </c>
      <c r="L4939" t="s">
        <v>700</v>
      </c>
      <c r="M4939">
        <v>348</v>
      </c>
      <c r="N4939" t="s">
        <v>654</v>
      </c>
      <c r="O4939">
        <v>3</v>
      </c>
      <c r="P4939" t="s">
        <v>655</v>
      </c>
      <c r="Q4939">
        <v>1</v>
      </c>
      <c r="R4939" t="s">
        <v>669</v>
      </c>
      <c r="S4939">
        <v>1</v>
      </c>
      <c r="T4939" t="s">
        <v>3727</v>
      </c>
      <c r="U4939">
        <v>310</v>
      </c>
      <c r="V4939">
        <v>3</v>
      </c>
      <c r="W4939">
        <v>180</v>
      </c>
      <c r="X4939">
        <v>2020</v>
      </c>
    </row>
    <row r="4940" spans="1:24" x14ac:dyDescent="0.25">
      <c r="A4940">
        <v>5584</v>
      </c>
      <c r="B4940" t="s">
        <v>14</v>
      </c>
      <c r="C4940">
        <v>20</v>
      </c>
      <c r="D4940" t="s">
        <v>426</v>
      </c>
      <c r="E4940">
        <v>145</v>
      </c>
      <c r="F4940" t="s">
        <v>651</v>
      </c>
      <c r="G4940">
        <v>160</v>
      </c>
      <c r="H4940" t="s">
        <v>739</v>
      </c>
      <c r="I4940">
        <v>4413</v>
      </c>
      <c r="J4940" t="s">
        <v>699</v>
      </c>
      <c r="K4940">
        <v>10</v>
      </c>
      <c r="L4940" t="s">
        <v>700</v>
      </c>
      <c r="M4940">
        <v>348</v>
      </c>
      <c r="N4940" t="s">
        <v>654</v>
      </c>
      <c r="O4940">
        <v>3</v>
      </c>
      <c r="P4940" t="s">
        <v>655</v>
      </c>
      <c r="Q4940">
        <v>1</v>
      </c>
      <c r="R4940" t="s">
        <v>669</v>
      </c>
      <c r="S4940">
        <v>1</v>
      </c>
      <c r="T4940" t="s">
        <v>3728</v>
      </c>
      <c r="U4940">
        <v>309</v>
      </c>
      <c r="V4940">
        <v>3</v>
      </c>
      <c r="W4940">
        <v>180</v>
      </c>
      <c r="X4940">
        <v>2020</v>
      </c>
    </row>
    <row r="4941" spans="1:24" x14ac:dyDescent="0.25">
      <c r="A4941">
        <v>5583</v>
      </c>
      <c r="B4941" t="s">
        <v>14</v>
      </c>
      <c r="C4941">
        <v>20</v>
      </c>
      <c r="D4941" t="s">
        <v>426</v>
      </c>
      <c r="E4941">
        <v>145</v>
      </c>
      <c r="F4941" t="s">
        <v>651</v>
      </c>
      <c r="G4941">
        <v>160</v>
      </c>
      <c r="H4941" t="s">
        <v>739</v>
      </c>
      <c r="I4941">
        <v>4413</v>
      </c>
      <c r="J4941" t="s">
        <v>699</v>
      </c>
      <c r="K4941">
        <v>10</v>
      </c>
      <c r="L4941" t="s">
        <v>700</v>
      </c>
      <c r="M4941">
        <v>348</v>
      </c>
      <c r="N4941" t="s">
        <v>654</v>
      </c>
      <c r="O4941">
        <v>3</v>
      </c>
      <c r="P4941" t="s">
        <v>655</v>
      </c>
      <c r="Q4941">
        <v>1</v>
      </c>
      <c r="R4941" t="s">
        <v>669</v>
      </c>
      <c r="S4941">
        <v>1</v>
      </c>
      <c r="T4941" t="s">
        <v>3729</v>
      </c>
      <c r="U4941">
        <v>308</v>
      </c>
      <c r="V4941">
        <v>3</v>
      </c>
      <c r="W4941">
        <v>180</v>
      </c>
      <c r="X4941">
        <v>2020</v>
      </c>
    </row>
    <row r="4942" spans="1:24" x14ac:dyDescent="0.25">
      <c r="A4942">
        <v>5582</v>
      </c>
      <c r="B4942" t="s">
        <v>14</v>
      </c>
      <c r="C4942">
        <v>20</v>
      </c>
      <c r="D4942" t="s">
        <v>426</v>
      </c>
      <c r="E4942">
        <v>145</v>
      </c>
      <c r="F4942" t="s">
        <v>651</v>
      </c>
      <c r="G4942">
        <v>160</v>
      </c>
      <c r="H4942" t="s">
        <v>739</v>
      </c>
      <c r="I4942">
        <v>4413</v>
      </c>
      <c r="J4942" t="s">
        <v>699</v>
      </c>
      <c r="K4942">
        <v>10</v>
      </c>
      <c r="L4942" t="s">
        <v>700</v>
      </c>
      <c r="M4942">
        <v>348</v>
      </c>
      <c r="N4942" t="s">
        <v>654</v>
      </c>
      <c r="O4942">
        <v>3</v>
      </c>
      <c r="P4942" t="s">
        <v>655</v>
      </c>
      <c r="Q4942">
        <v>1</v>
      </c>
      <c r="R4942" t="s">
        <v>669</v>
      </c>
      <c r="S4942">
        <v>1</v>
      </c>
      <c r="T4942" t="s">
        <v>3730</v>
      </c>
      <c r="U4942">
        <v>294</v>
      </c>
      <c r="V4942">
        <v>3</v>
      </c>
      <c r="W4942">
        <v>180</v>
      </c>
      <c r="X4942">
        <v>2020</v>
      </c>
    </row>
    <row r="4943" spans="1:24" x14ac:dyDescent="0.25">
      <c r="A4943">
        <v>5581</v>
      </c>
      <c r="B4943" t="s">
        <v>14</v>
      </c>
      <c r="C4943">
        <v>20</v>
      </c>
      <c r="D4943" t="s">
        <v>426</v>
      </c>
      <c r="E4943">
        <v>145</v>
      </c>
      <c r="F4943" t="s">
        <v>651</v>
      </c>
      <c r="G4943">
        <v>160</v>
      </c>
      <c r="H4943" t="s">
        <v>739</v>
      </c>
      <c r="I4943">
        <v>4413</v>
      </c>
      <c r="J4943" t="s">
        <v>699</v>
      </c>
      <c r="K4943">
        <v>10</v>
      </c>
      <c r="L4943" t="s">
        <v>700</v>
      </c>
      <c r="M4943">
        <v>348</v>
      </c>
      <c r="N4943" t="s">
        <v>654</v>
      </c>
      <c r="O4943">
        <v>3</v>
      </c>
      <c r="P4943" t="s">
        <v>655</v>
      </c>
      <c r="Q4943">
        <v>1</v>
      </c>
      <c r="R4943" t="s">
        <v>669</v>
      </c>
      <c r="S4943">
        <v>1</v>
      </c>
      <c r="T4943" t="s">
        <v>3731</v>
      </c>
      <c r="U4943">
        <v>292</v>
      </c>
      <c r="V4943">
        <v>3</v>
      </c>
      <c r="W4943">
        <v>180</v>
      </c>
      <c r="X4943">
        <v>2020</v>
      </c>
    </row>
    <row r="4944" spans="1:24" x14ac:dyDescent="0.25">
      <c r="A4944">
        <v>5580</v>
      </c>
      <c r="B4944" t="s">
        <v>14</v>
      </c>
      <c r="C4944">
        <v>20</v>
      </c>
      <c r="D4944" t="s">
        <v>426</v>
      </c>
      <c r="E4944">
        <v>145</v>
      </c>
      <c r="F4944" t="s">
        <v>651</v>
      </c>
      <c r="G4944">
        <v>160</v>
      </c>
      <c r="H4944" t="s">
        <v>739</v>
      </c>
      <c r="I4944">
        <v>4413</v>
      </c>
      <c r="J4944" t="s">
        <v>699</v>
      </c>
      <c r="K4944">
        <v>10</v>
      </c>
      <c r="L4944" t="s">
        <v>700</v>
      </c>
      <c r="M4944">
        <v>348</v>
      </c>
      <c r="N4944" t="s">
        <v>654</v>
      </c>
      <c r="O4944">
        <v>3</v>
      </c>
      <c r="P4944" t="s">
        <v>655</v>
      </c>
      <c r="Q4944">
        <v>1</v>
      </c>
      <c r="R4944" t="s">
        <v>669</v>
      </c>
      <c r="S4944">
        <v>1</v>
      </c>
      <c r="T4944" t="s">
        <v>3732</v>
      </c>
      <c r="U4944">
        <v>289</v>
      </c>
      <c r="V4944">
        <v>3</v>
      </c>
      <c r="W4944">
        <v>180</v>
      </c>
      <c r="X4944">
        <v>2020</v>
      </c>
    </row>
    <row r="4945" spans="1:24" x14ac:dyDescent="0.25">
      <c r="A4945">
        <v>5579</v>
      </c>
      <c r="B4945" t="s">
        <v>14</v>
      </c>
      <c r="C4945">
        <v>20</v>
      </c>
      <c r="D4945" t="s">
        <v>426</v>
      </c>
      <c r="E4945">
        <v>145</v>
      </c>
      <c r="F4945" t="s">
        <v>651</v>
      </c>
      <c r="G4945">
        <v>160</v>
      </c>
      <c r="H4945" t="s">
        <v>739</v>
      </c>
      <c r="I4945">
        <v>4413</v>
      </c>
      <c r="J4945" t="s">
        <v>699</v>
      </c>
      <c r="K4945">
        <v>10</v>
      </c>
      <c r="L4945" t="s">
        <v>1606</v>
      </c>
      <c r="M4945">
        <v>345</v>
      </c>
      <c r="N4945" t="s">
        <v>654</v>
      </c>
      <c r="O4945">
        <v>3</v>
      </c>
      <c r="P4945" t="s">
        <v>655</v>
      </c>
      <c r="Q4945">
        <v>1</v>
      </c>
      <c r="R4945" t="s">
        <v>669</v>
      </c>
      <c r="S4945">
        <v>1</v>
      </c>
      <c r="T4945" t="s">
        <v>1360</v>
      </c>
      <c r="U4945">
        <v>315</v>
      </c>
      <c r="V4945">
        <v>3</v>
      </c>
      <c r="W4945">
        <v>180</v>
      </c>
      <c r="X4945">
        <v>2020</v>
      </c>
    </row>
    <row r="4946" spans="1:24" x14ac:dyDescent="0.25">
      <c r="A4946">
        <v>5578</v>
      </c>
      <c r="B4946" t="s">
        <v>14</v>
      </c>
      <c r="C4946">
        <v>20</v>
      </c>
      <c r="D4946" t="s">
        <v>426</v>
      </c>
      <c r="E4946">
        <v>145</v>
      </c>
      <c r="F4946" t="s">
        <v>651</v>
      </c>
      <c r="G4946">
        <v>160</v>
      </c>
      <c r="H4946" t="s">
        <v>739</v>
      </c>
      <c r="I4946">
        <v>4413</v>
      </c>
      <c r="J4946" t="s">
        <v>699</v>
      </c>
      <c r="K4946">
        <v>10</v>
      </c>
      <c r="L4946" t="s">
        <v>1606</v>
      </c>
      <c r="M4946">
        <v>345</v>
      </c>
      <c r="N4946" t="s">
        <v>654</v>
      </c>
      <c r="O4946">
        <v>3</v>
      </c>
      <c r="P4946" t="s">
        <v>655</v>
      </c>
      <c r="Q4946">
        <v>1</v>
      </c>
      <c r="R4946" t="s">
        <v>669</v>
      </c>
      <c r="S4946">
        <v>1</v>
      </c>
      <c r="T4946" t="s">
        <v>3733</v>
      </c>
      <c r="U4946">
        <v>307</v>
      </c>
      <c r="V4946">
        <v>3</v>
      </c>
      <c r="W4946">
        <v>180</v>
      </c>
      <c r="X4946">
        <v>2020</v>
      </c>
    </row>
    <row r="4947" spans="1:24" x14ac:dyDescent="0.25">
      <c r="A4947">
        <v>5577</v>
      </c>
      <c r="B4947" t="s">
        <v>14</v>
      </c>
      <c r="C4947">
        <v>20</v>
      </c>
      <c r="D4947" t="s">
        <v>426</v>
      </c>
      <c r="E4947">
        <v>145</v>
      </c>
      <c r="F4947" t="s">
        <v>651</v>
      </c>
      <c r="G4947">
        <v>160</v>
      </c>
      <c r="H4947" t="s">
        <v>739</v>
      </c>
      <c r="I4947">
        <v>4413</v>
      </c>
      <c r="J4947" t="s">
        <v>699</v>
      </c>
      <c r="K4947">
        <v>10</v>
      </c>
      <c r="L4947" t="s">
        <v>1096</v>
      </c>
      <c r="M4947">
        <v>341</v>
      </c>
      <c r="N4947" t="s">
        <v>654</v>
      </c>
      <c r="O4947">
        <v>3</v>
      </c>
      <c r="P4947" t="s">
        <v>655</v>
      </c>
      <c r="Q4947">
        <v>1</v>
      </c>
      <c r="R4947" t="s">
        <v>669</v>
      </c>
      <c r="S4947">
        <v>1</v>
      </c>
      <c r="T4947" t="s">
        <v>3734</v>
      </c>
      <c r="U4947">
        <v>193</v>
      </c>
      <c r="V4947">
        <v>3</v>
      </c>
      <c r="W4947">
        <v>180</v>
      </c>
      <c r="X4947">
        <v>2020</v>
      </c>
    </row>
    <row r="4948" spans="1:24" x14ac:dyDescent="0.25">
      <c r="A4948">
        <v>5576</v>
      </c>
      <c r="B4948" t="s">
        <v>14</v>
      </c>
      <c r="C4948">
        <v>20</v>
      </c>
      <c r="D4948" t="s">
        <v>426</v>
      </c>
      <c r="E4948">
        <v>145</v>
      </c>
      <c r="F4948" t="s">
        <v>651</v>
      </c>
      <c r="G4948">
        <v>160</v>
      </c>
      <c r="H4948" t="s">
        <v>739</v>
      </c>
      <c r="I4948">
        <v>4413</v>
      </c>
      <c r="J4948" t="s">
        <v>699</v>
      </c>
      <c r="K4948">
        <v>10</v>
      </c>
      <c r="L4948" t="s">
        <v>1096</v>
      </c>
      <c r="M4948">
        <v>341</v>
      </c>
      <c r="N4948" t="s">
        <v>654</v>
      </c>
      <c r="O4948">
        <v>3</v>
      </c>
      <c r="P4948" t="s">
        <v>655</v>
      </c>
      <c r="Q4948">
        <v>1</v>
      </c>
      <c r="R4948" t="s">
        <v>669</v>
      </c>
      <c r="S4948">
        <v>1</v>
      </c>
      <c r="T4948" t="s">
        <v>3735</v>
      </c>
      <c r="U4948">
        <v>192</v>
      </c>
      <c r="V4948">
        <v>3</v>
      </c>
      <c r="W4948">
        <v>180</v>
      </c>
      <c r="X4948">
        <v>2020</v>
      </c>
    </row>
    <row r="4949" spans="1:24" x14ac:dyDescent="0.25">
      <c r="A4949">
        <v>5575</v>
      </c>
      <c r="B4949" t="s">
        <v>14</v>
      </c>
      <c r="C4949">
        <v>20</v>
      </c>
      <c r="D4949" t="s">
        <v>558</v>
      </c>
      <c r="E4949">
        <v>141</v>
      </c>
      <c r="F4949" t="s">
        <v>651</v>
      </c>
      <c r="G4949">
        <v>160</v>
      </c>
      <c r="H4949" t="s">
        <v>739</v>
      </c>
      <c r="I4949">
        <v>4413</v>
      </c>
      <c r="J4949" t="s">
        <v>896</v>
      </c>
      <c r="K4949">
        <v>7</v>
      </c>
      <c r="L4949" t="s">
        <v>896</v>
      </c>
      <c r="M4949">
        <v>21</v>
      </c>
      <c r="N4949" t="s">
        <v>654</v>
      </c>
      <c r="O4949">
        <v>3</v>
      </c>
      <c r="P4949" t="s">
        <v>655</v>
      </c>
      <c r="Q4949">
        <v>1</v>
      </c>
      <c r="R4949" t="s">
        <v>669</v>
      </c>
      <c r="S4949">
        <v>1</v>
      </c>
      <c r="T4949" t="s">
        <v>657</v>
      </c>
      <c r="U4949">
        <v>7</v>
      </c>
      <c r="V4949">
        <v>3</v>
      </c>
      <c r="W4949">
        <v>180</v>
      </c>
      <c r="X4949">
        <v>2020</v>
      </c>
    </row>
    <row r="4950" spans="1:24" x14ac:dyDescent="0.25">
      <c r="A4950">
        <v>5574</v>
      </c>
      <c r="B4950" t="s">
        <v>192</v>
      </c>
      <c r="C4950">
        <v>19</v>
      </c>
      <c r="D4950" t="s">
        <v>421</v>
      </c>
      <c r="E4950">
        <v>137</v>
      </c>
      <c r="F4950" t="s">
        <v>651</v>
      </c>
      <c r="G4950">
        <v>160</v>
      </c>
      <c r="H4950" t="s">
        <v>739</v>
      </c>
      <c r="I4950">
        <v>4413</v>
      </c>
      <c r="J4950" t="s">
        <v>1005</v>
      </c>
      <c r="K4950">
        <v>72</v>
      </c>
      <c r="L4950" t="s">
        <v>1005</v>
      </c>
      <c r="M4950">
        <v>326</v>
      </c>
      <c r="N4950" t="s">
        <v>654</v>
      </c>
      <c r="O4950">
        <v>3</v>
      </c>
      <c r="P4950" t="s">
        <v>655</v>
      </c>
      <c r="Q4950">
        <v>1</v>
      </c>
      <c r="R4950" t="s">
        <v>669</v>
      </c>
      <c r="S4950">
        <v>1</v>
      </c>
      <c r="T4950" t="s">
        <v>769</v>
      </c>
      <c r="U4950">
        <v>3</v>
      </c>
      <c r="V4950">
        <v>6</v>
      </c>
      <c r="W4950">
        <v>360</v>
      </c>
      <c r="X4950">
        <v>2020</v>
      </c>
    </row>
    <row r="4951" spans="1:24" x14ac:dyDescent="0.25">
      <c r="A4951">
        <v>5573</v>
      </c>
      <c r="B4951" t="s">
        <v>30</v>
      </c>
      <c r="C4951">
        <v>18</v>
      </c>
      <c r="D4951" t="s">
        <v>426</v>
      </c>
      <c r="E4951">
        <v>105</v>
      </c>
      <c r="F4951" t="s">
        <v>651</v>
      </c>
      <c r="G4951">
        <v>160</v>
      </c>
      <c r="H4951" t="s">
        <v>922</v>
      </c>
      <c r="I4951">
        <v>8163</v>
      </c>
      <c r="J4951" t="s">
        <v>684</v>
      </c>
      <c r="K4951">
        <v>22</v>
      </c>
      <c r="L4951" t="s">
        <v>685</v>
      </c>
      <c r="M4951">
        <v>72</v>
      </c>
      <c r="N4951" t="s">
        <v>654</v>
      </c>
      <c r="O4951">
        <v>3</v>
      </c>
      <c r="P4951" t="s">
        <v>655</v>
      </c>
      <c r="Q4951">
        <v>1</v>
      </c>
      <c r="R4951" t="s">
        <v>669</v>
      </c>
      <c r="S4951">
        <v>1</v>
      </c>
      <c r="T4951" t="s">
        <v>661</v>
      </c>
      <c r="U4951">
        <v>8</v>
      </c>
      <c r="V4951">
        <v>3</v>
      </c>
      <c r="W4951">
        <v>180</v>
      </c>
      <c r="X4951">
        <v>2020</v>
      </c>
    </row>
    <row r="4952" spans="1:24" x14ac:dyDescent="0.25">
      <c r="A4952">
        <v>5572</v>
      </c>
      <c r="B4952" t="s">
        <v>218</v>
      </c>
      <c r="C4952">
        <v>17</v>
      </c>
      <c r="D4952" t="s">
        <v>322</v>
      </c>
      <c r="E4952">
        <v>121</v>
      </c>
      <c r="F4952" t="s">
        <v>651</v>
      </c>
      <c r="G4952">
        <v>160</v>
      </c>
      <c r="H4952" t="s">
        <v>744</v>
      </c>
      <c r="I4952">
        <v>3143</v>
      </c>
      <c r="J4952" t="s">
        <v>915</v>
      </c>
      <c r="K4952">
        <v>78</v>
      </c>
      <c r="L4952" t="s">
        <v>2343</v>
      </c>
      <c r="M4952">
        <v>333</v>
      </c>
      <c r="N4952" t="s">
        <v>654</v>
      </c>
      <c r="O4952">
        <v>3</v>
      </c>
      <c r="P4952" t="s">
        <v>655</v>
      </c>
      <c r="Q4952">
        <v>1</v>
      </c>
      <c r="R4952" t="s">
        <v>669</v>
      </c>
      <c r="S4952">
        <v>1</v>
      </c>
      <c r="T4952" t="s">
        <v>661</v>
      </c>
      <c r="U4952">
        <v>8</v>
      </c>
      <c r="V4952">
        <v>3</v>
      </c>
      <c r="W4952">
        <v>180</v>
      </c>
      <c r="X4952">
        <v>2020</v>
      </c>
    </row>
    <row r="4953" spans="1:24" x14ac:dyDescent="0.25">
      <c r="A4953">
        <v>5571</v>
      </c>
      <c r="B4953" t="s">
        <v>218</v>
      </c>
      <c r="C4953">
        <v>17</v>
      </c>
      <c r="D4953" t="s">
        <v>568</v>
      </c>
      <c r="E4953">
        <v>117</v>
      </c>
      <c r="F4953" t="s">
        <v>651</v>
      </c>
      <c r="G4953">
        <v>160</v>
      </c>
      <c r="H4953" t="s">
        <v>744</v>
      </c>
      <c r="I4953">
        <v>3143</v>
      </c>
      <c r="J4953" t="s">
        <v>955</v>
      </c>
      <c r="K4953">
        <v>29</v>
      </c>
      <c r="L4953" t="s">
        <v>2089</v>
      </c>
      <c r="M4953">
        <v>94</v>
      </c>
      <c r="N4953" t="s">
        <v>654</v>
      </c>
      <c r="O4953">
        <v>3</v>
      </c>
      <c r="P4953" t="s">
        <v>689</v>
      </c>
      <c r="Q4953">
        <v>4</v>
      </c>
      <c r="R4953" t="s">
        <v>669</v>
      </c>
      <c r="S4953">
        <v>1</v>
      </c>
      <c r="T4953" t="s">
        <v>661</v>
      </c>
      <c r="U4953">
        <v>8</v>
      </c>
      <c r="V4953">
        <v>3</v>
      </c>
      <c r="W4953">
        <v>180</v>
      </c>
      <c r="X4953">
        <v>2020</v>
      </c>
    </row>
    <row r="4954" spans="1:24" x14ac:dyDescent="0.25">
      <c r="A4954">
        <v>5570</v>
      </c>
      <c r="B4954" t="s">
        <v>218</v>
      </c>
      <c r="C4954">
        <v>17</v>
      </c>
      <c r="D4954" t="s">
        <v>568</v>
      </c>
      <c r="E4954">
        <v>117</v>
      </c>
      <c r="F4954" t="s">
        <v>651</v>
      </c>
      <c r="G4954">
        <v>160</v>
      </c>
      <c r="H4954" t="s">
        <v>744</v>
      </c>
      <c r="I4954">
        <v>3143</v>
      </c>
      <c r="J4954" t="s">
        <v>299</v>
      </c>
      <c r="K4954">
        <v>27</v>
      </c>
      <c r="L4954" t="s">
        <v>690</v>
      </c>
      <c r="M4954">
        <v>89</v>
      </c>
      <c r="N4954" t="s">
        <v>654</v>
      </c>
      <c r="O4954">
        <v>3</v>
      </c>
      <c r="P4954" t="s">
        <v>689</v>
      </c>
      <c r="Q4954">
        <v>4</v>
      </c>
      <c r="R4954" t="s">
        <v>669</v>
      </c>
      <c r="S4954">
        <v>1</v>
      </c>
      <c r="T4954" t="s">
        <v>661</v>
      </c>
      <c r="U4954">
        <v>8</v>
      </c>
      <c r="V4954">
        <v>3</v>
      </c>
      <c r="W4954">
        <v>180</v>
      </c>
      <c r="X4954">
        <v>2020</v>
      </c>
    </row>
    <row r="4955" spans="1:24" x14ac:dyDescent="0.25">
      <c r="A4955">
        <v>5569</v>
      </c>
      <c r="B4955" t="s">
        <v>218</v>
      </c>
      <c r="C4955">
        <v>17</v>
      </c>
      <c r="D4955" t="s">
        <v>488</v>
      </c>
      <c r="E4955">
        <v>110</v>
      </c>
      <c r="F4955" t="s">
        <v>651</v>
      </c>
      <c r="G4955">
        <v>160</v>
      </c>
      <c r="H4955" t="s">
        <v>744</v>
      </c>
      <c r="I4955">
        <v>3143</v>
      </c>
      <c r="J4955" t="s">
        <v>716</v>
      </c>
      <c r="K4955">
        <v>68</v>
      </c>
      <c r="L4955" t="s">
        <v>717</v>
      </c>
      <c r="M4955">
        <v>295</v>
      </c>
      <c r="N4955" t="s">
        <v>654</v>
      </c>
      <c r="O4955">
        <v>3</v>
      </c>
      <c r="P4955" t="s">
        <v>655</v>
      </c>
      <c r="Q4955">
        <v>1</v>
      </c>
      <c r="R4955" t="s">
        <v>669</v>
      </c>
      <c r="S4955">
        <v>1</v>
      </c>
      <c r="T4955" t="s">
        <v>661</v>
      </c>
      <c r="U4955">
        <v>8</v>
      </c>
      <c r="V4955">
        <v>4</v>
      </c>
      <c r="W4955">
        <v>240</v>
      </c>
      <c r="X4955">
        <v>2020</v>
      </c>
    </row>
    <row r="4956" spans="1:24" x14ac:dyDescent="0.25">
      <c r="A4956">
        <v>5568</v>
      </c>
      <c r="B4956" t="s">
        <v>218</v>
      </c>
      <c r="C4956">
        <v>17</v>
      </c>
      <c r="D4956" t="s">
        <v>574</v>
      </c>
      <c r="E4956">
        <v>107</v>
      </c>
      <c r="F4956" t="s">
        <v>651</v>
      </c>
      <c r="G4956">
        <v>160</v>
      </c>
      <c r="H4956" t="s">
        <v>744</v>
      </c>
      <c r="I4956">
        <v>3143</v>
      </c>
      <c r="J4956" t="s">
        <v>738</v>
      </c>
      <c r="K4956">
        <v>61</v>
      </c>
      <c r="L4956" t="s">
        <v>738</v>
      </c>
      <c r="M4956">
        <v>252</v>
      </c>
      <c r="N4956" t="s">
        <v>654</v>
      </c>
      <c r="O4956">
        <v>3</v>
      </c>
      <c r="P4956" t="s">
        <v>655</v>
      </c>
      <c r="Q4956">
        <v>1</v>
      </c>
      <c r="R4956" t="s">
        <v>669</v>
      </c>
      <c r="S4956">
        <v>1</v>
      </c>
      <c r="T4956" t="s">
        <v>718</v>
      </c>
      <c r="U4956">
        <v>2</v>
      </c>
      <c r="V4956">
        <v>4</v>
      </c>
      <c r="W4956">
        <v>240</v>
      </c>
      <c r="X4956">
        <v>2020</v>
      </c>
    </row>
    <row r="4957" spans="1:24" x14ac:dyDescent="0.25">
      <c r="A4957">
        <v>5566</v>
      </c>
      <c r="B4957" t="s">
        <v>20</v>
      </c>
      <c r="C4957">
        <v>14</v>
      </c>
      <c r="D4957" t="s">
        <v>576</v>
      </c>
      <c r="E4957">
        <v>96</v>
      </c>
      <c r="F4957" t="s">
        <v>651</v>
      </c>
      <c r="G4957">
        <v>160</v>
      </c>
      <c r="H4957" t="s">
        <v>681</v>
      </c>
      <c r="I4957">
        <v>717</v>
      </c>
      <c r="J4957" t="s">
        <v>659</v>
      </c>
      <c r="K4957">
        <v>35</v>
      </c>
      <c r="L4957" t="s">
        <v>3736</v>
      </c>
      <c r="M4957">
        <v>123</v>
      </c>
      <c r="N4957" t="s">
        <v>654</v>
      </c>
      <c r="O4957">
        <v>3</v>
      </c>
      <c r="P4957" t="s">
        <v>655</v>
      </c>
      <c r="Q4957">
        <v>1</v>
      </c>
      <c r="R4957" t="s">
        <v>669</v>
      </c>
      <c r="S4957">
        <v>1</v>
      </c>
      <c r="T4957" t="s">
        <v>661</v>
      </c>
      <c r="U4957">
        <v>8</v>
      </c>
      <c r="V4957">
        <v>3</v>
      </c>
      <c r="W4957">
        <v>180</v>
      </c>
      <c r="X4957">
        <v>2020</v>
      </c>
    </row>
    <row r="4958" spans="1:24" x14ac:dyDescent="0.25">
      <c r="A4958">
        <v>5564</v>
      </c>
      <c r="B4958" t="s">
        <v>20</v>
      </c>
      <c r="C4958">
        <v>14</v>
      </c>
      <c r="D4958" t="s">
        <v>581</v>
      </c>
      <c r="E4958">
        <v>89</v>
      </c>
      <c r="F4958" t="s">
        <v>651</v>
      </c>
      <c r="G4958">
        <v>160</v>
      </c>
      <c r="H4958" t="s">
        <v>681</v>
      </c>
      <c r="I4958">
        <v>717</v>
      </c>
      <c r="J4958" t="s">
        <v>880</v>
      </c>
      <c r="K4958">
        <v>58</v>
      </c>
      <c r="L4958" t="s">
        <v>1536</v>
      </c>
      <c r="M4958">
        <v>475</v>
      </c>
      <c r="N4958" t="s">
        <v>654</v>
      </c>
      <c r="O4958">
        <v>3</v>
      </c>
      <c r="P4958" t="s">
        <v>655</v>
      </c>
      <c r="Q4958">
        <v>1</v>
      </c>
      <c r="R4958" t="s">
        <v>669</v>
      </c>
      <c r="S4958">
        <v>1</v>
      </c>
      <c r="T4958" t="s">
        <v>661</v>
      </c>
      <c r="U4958">
        <v>8</v>
      </c>
      <c r="V4958">
        <v>4</v>
      </c>
      <c r="W4958">
        <v>240</v>
      </c>
      <c r="X4958">
        <v>2020</v>
      </c>
    </row>
    <row r="4959" spans="1:24" x14ac:dyDescent="0.25">
      <c r="A4959">
        <v>5562</v>
      </c>
      <c r="B4959" t="s">
        <v>16</v>
      </c>
      <c r="C4959">
        <v>5</v>
      </c>
      <c r="D4959" t="s">
        <v>426</v>
      </c>
      <c r="E4959">
        <v>46</v>
      </c>
      <c r="F4959" t="s">
        <v>651</v>
      </c>
      <c r="G4959">
        <v>160</v>
      </c>
      <c r="H4959" t="s">
        <v>658</v>
      </c>
      <c r="I4959">
        <v>13755</v>
      </c>
      <c r="J4959" t="s">
        <v>691</v>
      </c>
      <c r="K4959">
        <v>21</v>
      </c>
      <c r="L4959" t="s">
        <v>1923</v>
      </c>
      <c r="M4959">
        <v>67</v>
      </c>
      <c r="N4959" t="s">
        <v>654</v>
      </c>
      <c r="O4959">
        <v>3</v>
      </c>
      <c r="P4959" t="s">
        <v>746</v>
      </c>
      <c r="Q4959">
        <v>2</v>
      </c>
      <c r="R4959" t="s">
        <v>669</v>
      </c>
      <c r="S4959">
        <v>1</v>
      </c>
      <c r="T4959" t="s">
        <v>661</v>
      </c>
      <c r="U4959">
        <v>8</v>
      </c>
      <c r="V4959">
        <v>3</v>
      </c>
      <c r="W4959">
        <v>180</v>
      </c>
      <c r="X4959">
        <v>2020</v>
      </c>
    </row>
    <row r="4960" spans="1:24" x14ac:dyDescent="0.25">
      <c r="A4960">
        <v>5561</v>
      </c>
      <c r="B4960" t="s">
        <v>84</v>
      </c>
      <c r="C4960">
        <v>3</v>
      </c>
      <c r="D4960" t="s">
        <v>612</v>
      </c>
      <c r="E4960">
        <v>26</v>
      </c>
      <c r="F4960" t="s">
        <v>651</v>
      </c>
      <c r="G4960">
        <v>160</v>
      </c>
      <c r="H4960" t="s">
        <v>817</v>
      </c>
      <c r="I4960">
        <v>11010</v>
      </c>
      <c r="J4960" t="s">
        <v>1512</v>
      </c>
      <c r="K4960">
        <v>37</v>
      </c>
      <c r="L4960" t="s">
        <v>3737</v>
      </c>
      <c r="M4960">
        <v>133</v>
      </c>
      <c r="N4960" t="s">
        <v>668</v>
      </c>
      <c r="O4960">
        <v>4</v>
      </c>
      <c r="P4960" t="s">
        <v>655</v>
      </c>
      <c r="Q4960">
        <v>1</v>
      </c>
      <c r="R4960" t="s">
        <v>669</v>
      </c>
      <c r="S4960">
        <v>1</v>
      </c>
      <c r="T4960" t="s">
        <v>661</v>
      </c>
      <c r="U4960">
        <v>8</v>
      </c>
      <c r="V4960">
        <v>3</v>
      </c>
      <c r="W4960">
        <v>180</v>
      </c>
      <c r="X4960">
        <v>2020</v>
      </c>
    </row>
    <row r="4961" spans="1:24" x14ac:dyDescent="0.25">
      <c r="A4961">
        <v>5560</v>
      </c>
      <c r="B4961" t="s">
        <v>226</v>
      </c>
      <c r="C4961">
        <v>1</v>
      </c>
      <c r="D4961" t="s">
        <v>621</v>
      </c>
      <c r="E4961">
        <v>15</v>
      </c>
      <c r="F4961" t="s">
        <v>651</v>
      </c>
      <c r="G4961">
        <v>160</v>
      </c>
      <c r="H4961" t="s">
        <v>658</v>
      </c>
      <c r="I4961">
        <v>13755</v>
      </c>
      <c r="J4961" t="s">
        <v>730</v>
      </c>
      <c r="K4961">
        <v>66</v>
      </c>
      <c r="L4961" t="s">
        <v>3738</v>
      </c>
      <c r="M4961">
        <v>285</v>
      </c>
      <c r="N4961" t="s">
        <v>654</v>
      </c>
      <c r="O4961">
        <v>3</v>
      </c>
      <c r="P4961" t="s">
        <v>655</v>
      </c>
      <c r="Q4961">
        <v>1</v>
      </c>
      <c r="R4961" t="s">
        <v>669</v>
      </c>
      <c r="S4961">
        <v>1</v>
      </c>
      <c r="T4961" t="s">
        <v>661</v>
      </c>
      <c r="U4961">
        <v>8</v>
      </c>
      <c r="V4961">
        <v>4</v>
      </c>
      <c r="W4961">
        <v>240</v>
      </c>
      <c r="X4961">
        <v>2020</v>
      </c>
    </row>
    <row r="4962" spans="1:24" x14ac:dyDescent="0.25">
      <c r="A4962">
        <v>5559</v>
      </c>
      <c r="B4962" t="s">
        <v>226</v>
      </c>
      <c r="C4962">
        <v>1</v>
      </c>
      <c r="D4962" t="s">
        <v>621</v>
      </c>
      <c r="E4962">
        <v>15</v>
      </c>
      <c r="F4962" t="s">
        <v>651</v>
      </c>
      <c r="G4962">
        <v>160</v>
      </c>
      <c r="H4962" t="s">
        <v>658</v>
      </c>
      <c r="I4962">
        <v>13755</v>
      </c>
      <c r="J4962" t="s">
        <v>730</v>
      </c>
      <c r="K4962">
        <v>66</v>
      </c>
      <c r="L4962" t="s">
        <v>3739</v>
      </c>
      <c r="M4962">
        <v>284</v>
      </c>
      <c r="N4962" t="s">
        <v>654</v>
      </c>
      <c r="O4962">
        <v>3</v>
      </c>
      <c r="P4962" t="s">
        <v>655</v>
      </c>
      <c r="Q4962">
        <v>1</v>
      </c>
      <c r="R4962" t="s">
        <v>669</v>
      </c>
      <c r="S4962">
        <v>1</v>
      </c>
      <c r="T4962" t="s">
        <v>661</v>
      </c>
      <c r="U4962">
        <v>8</v>
      </c>
      <c r="V4962">
        <v>4</v>
      </c>
      <c r="W4962">
        <v>240</v>
      </c>
      <c r="X4962">
        <v>2020</v>
      </c>
    </row>
    <row r="4963" spans="1:24" x14ac:dyDescent="0.25">
      <c r="A4963">
        <v>5558</v>
      </c>
      <c r="B4963" t="s">
        <v>324</v>
      </c>
      <c r="C4963">
        <v>100</v>
      </c>
      <c r="D4963" t="s">
        <v>323</v>
      </c>
      <c r="E4963">
        <v>659</v>
      </c>
      <c r="F4963" t="s">
        <v>651</v>
      </c>
      <c r="G4963">
        <v>160</v>
      </c>
      <c r="H4963" t="s">
        <v>652</v>
      </c>
      <c r="I4963">
        <v>2094</v>
      </c>
      <c r="J4963" t="s">
        <v>682</v>
      </c>
      <c r="K4963">
        <v>20</v>
      </c>
      <c r="L4963" t="s">
        <v>683</v>
      </c>
      <c r="M4963">
        <v>64</v>
      </c>
      <c r="N4963" t="s">
        <v>654</v>
      </c>
      <c r="O4963">
        <v>3</v>
      </c>
      <c r="P4963" t="s">
        <v>655</v>
      </c>
      <c r="Q4963">
        <v>1</v>
      </c>
      <c r="R4963" t="s">
        <v>669</v>
      </c>
      <c r="S4963">
        <v>1</v>
      </c>
      <c r="T4963" t="s">
        <v>661</v>
      </c>
      <c r="U4963">
        <v>8</v>
      </c>
      <c r="V4963">
        <v>3</v>
      </c>
      <c r="W4963">
        <v>180</v>
      </c>
      <c r="X4963">
        <v>2020</v>
      </c>
    </row>
    <row r="4964" spans="1:24" x14ac:dyDescent="0.25">
      <c r="A4964">
        <v>5555</v>
      </c>
      <c r="B4964" t="s">
        <v>377</v>
      </c>
      <c r="C4964">
        <v>88</v>
      </c>
      <c r="D4964" t="s">
        <v>54</v>
      </c>
      <c r="E4964">
        <v>543</v>
      </c>
      <c r="F4964" t="s">
        <v>651</v>
      </c>
      <c r="G4964">
        <v>160</v>
      </c>
      <c r="H4964" t="s">
        <v>719</v>
      </c>
      <c r="I4964">
        <v>7630</v>
      </c>
      <c r="J4964" t="s">
        <v>915</v>
      </c>
      <c r="K4964">
        <v>78</v>
      </c>
      <c r="L4964" t="s">
        <v>1266</v>
      </c>
      <c r="M4964">
        <v>334</v>
      </c>
      <c r="N4964" t="s">
        <v>668</v>
      </c>
      <c r="O4964">
        <v>4</v>
      </c>
      <c r="P4964" t="s">
        <v>655</v>
      </c>
      <c r="Q4964">
        <v>1</v>
      </c>
      <c r="R4964" t="s">
        <v>669</v>
      </c>
      <c r="S4964">
        <v>1</v>
      </c>
      <c r="T4964" t="s">
        <v>661</v>
      </c>
      <c r="U4964">
        <v>8</v>
      </c>
      <c r="V4964">
        <v>3</v>
      </c>
      <c r="W4964">
        <v>180</v>
      </c>
      <c r="X4964">
        <v>2020</v>
      </c>
    </row>
    <row r="4965" spans="1:24" x14ac:dyDescent="0.25">
      <c r="A4965">
        <v>5554</v>
      </c>
      <c r="B4965" t="s">
        <v>377</v>
      </c>
      <c r="C4965">
        <v>88</v>
      </c>
      <c r="D4965" t="s">
        <v>54</v>
      </c>
      <c r="E4965">
        <v>543</v>
      </c>
      <c r="F4965" t="s">
        <v>651</v>
      </c>
      <c r="G4965">
        <v>160</v>
      </c>
      <c r="H4965" t="s">
        <v>719</v>
      </c>
      <c r="I4965">
        <v>7630</v>
      </c>
      <c r="J4965" t="s">
        <v>932</v>
      </c>
      <c r="K4965">
        <v>77</v>
      </c>
      <c r="L4965" t="s">
        <v>933</v>
      </c>
      <c r="M4965">
        <v>330</v>
      </c>
      <c r="N4965" t="s">
        <v>668</v>
      </c>
      <c r="O4965">
        <v>4</v>
      </c>
      <c r="P4965" t="s">
        <v>655</v>
      </c>
      <c r="Q4965">
        <v>1</v>
      </c>
      <c r="R4965" t="s">
        <v>669</v>
      </c>
      <c r="S4965">
        <v>1</v>
      </c>
      <c r="T4965" t="s">
        <v>661</v>
      </c>
      <c r="U4965">
        <v>8</v>
      </c>
      <c r="V4965">
        <v>4</v>
      </c>
      <c r="W4965">
        <v>240</v>
      </c>
      <c r="X4965">
        <v>2020</v>
      </c>
    </row>
    <row r="4966" spans="1:24" x14ac:dyDescent="0.25">
      <c r="A4966">
        <v>5551</v>
      </c>
      <c r="B4966" t="s">
        <v>403</v>
      </c>
      <c r="C4966">
        <v>73</v>
      </c>
      <c r="D4966" t="s">
        <v>316</v>
      </c>
      <c r="E4966">
        <v>490</v>
      </c>
      <c r="F4966" t="s">
        <v>651</v>
      </c>
      <c r="G4966">
        <v>160</v>
      </c>
      <c r="H4966" t="s">
        <v>739</v>
      </c>
      <c r="I4966">
        <v>4413</v>
      </c>
      <c r="J4966" t="s">
        <v>301</v>
      </c>
      <c r="K4966">
        <v>26</v>
      </c>
      <c r="L4966" t="s">
        <v>930</v>
      </c>
      <c r="M4966">
        <v>84</v>
      </c>
      <c r="N4966" t="s">
        <v>668</v>
      </c>
      <c r="O4966">
        <v>4</v>
      </c>
      <c r="P4966" t="s">
        <v>655</v>
      </c>
      <c r="Q4966">
        <v>1</v>
      </c>
      <c r="R4966" t="s">
        <v>669</v>
      </c>
      <c r="S4966">
        <v>1</v>
      </c>
      <c r="T4966" t="s">
        <v>661</v>
      </c>
      <c r="U4966">
        <v>8</v>
      </c>
      <c r="V4966">
        <v>3</v>
      </c>
      <c r="W4966">
        <v>180</v>
      </c>
      <c r="X4966">
        <v>2020</v>
      </c>
    </row>
    <row r="4967" spans="1:24" x14ac:dyDescent="0.25">
      <c r="A4967">
        <v>5543</v>
      </c>
      <c r="B4967" t="s">
        <v>414</v>
      </c>
      <c r="C4967">
        <v>64</v>
      </c>
      <c r="D4967" t="s">
        <v>413</v>
      </c>
      <c r="E4967">
        <v>464</v>
      </c>
      <c r="F4967" t="s">
        <v>651</v>
      </c>
      <c r="G4967">
        <v>160</v>
      </c>
      <c r="H4967" t="s">
        <v>658</v>
      </c>
      <c r="I4967">
        <v>13755</v>
      </c>
      <c r="J4967" t="s">
        <v>691</v>
      </c>
      <c r="K4967">
        <v>21</v>
      </c>
      <c r="L4967" t="s">
        <v>1923</v>
      </c>
      <c r="M4967">
        <v>67</v>
      </c>
      <c r="N4967" t="s">
        <v>654</v>
      </c>
      <c r="O4967">
        <v>3</v>
      </c>
      <c r="P4967" t="s">
        <v>746</v>
      </c>
      <c r="Q4967">
        <v>2</v>
      </c>
      <c r="R4967" t="s">
        <v>669</v>
      </c>
      <c r="S4967">
        <v>1</v>
      </c>
      <c r="T4967" t="s">
        <v>661</v>
      </c>
      <c r="U4967">
        <v>8</v>
      </c>
      <c r="V4967">
        <v>3</v>
      </c>
      <c r="W4967">
        <v>180</v>
      </c>
      <c r="X4967">
        <v>2020</v>
      </c>
    </row>
    <row r="4968" spans="1:24" x14ac:dyDescent="0.25">
      <c r="A4968">
        <v>5542</v>
      </c>
      <c r="B4968" t="s">
        <v>414</v>
      </c>
      <c r="C4968">
        <v>64</v>
      </c>
      <c r="D4968" t="s">
        <v>382</v>
      </c>
      <c r="E4968">
        <v>463</v>
      </c>
      <c r="F4968" t="s">
        <v>651</v>
      </c>
      <c r="G4968">
        <v>160</v>
      </c>
      <c r="H4968" t="s">
        <v>658</v>
      </c>
      <c r="I4968">
        <v>13755</v>
      </c>
      <c r="J4968" t="s">
        <v>868</v>
      </c>
      <c r="K4968">
        <v>23</v>
      </c>
      <c r="L4968" t="s">
        <v>868</v>
      </c>
      <c r="M4968">
        <v>73</v>
      </c>
      <c r="N4968" t="s">
        <v>654</v>
      </c>
      <c r="O4968">
        <v>3</v>
      </c>
      <c r="P4968" t="s">
        <v>746</v>
      </c>
      <c r="Q4968">
        <v>2</v>
      </c>
      <c r="R4968" t="s">
        <v>669</v>
      </c>
      <c r="S4968">
        <v>1</v>
      </c>
      <c r="T4968" t="s">
        <v>661</v>
      </c>
      <c r="U4968">
        <v>8</v>
      </c>
      <c r="V4968">
        <v>3</v>
      </c>
      <c r="W4968">
        <v>180</v>
      </c>
      <c r="X4968">
        <v>2020</v>
      </c>
    </row>
    <row r="4969" spans="1:24" x14ac:dyDescent="0.25">
      <c r="A4969">
        <v>5541</v>
      </c>
      <c r="B4969" t="s">
        <v>414</v>
      </c>
      <c r="C4969">
        <v>64</v>
      </c>
      <c r="D4969" t="s">
        <v>415</v>
      </c>
      <c r="E4969">
        <v>462</v>
      </c>
      <c r="F4969" t="s">
        <v>651</v>
      </c>
      <c r="G4969">
        <v>160</v>
      </c>
      <c r="H4969" t="s">
        <v>658</v>
      </c>
      <c r="I4969">
        <v>13755</v>
      </c>
      <c r="J4969" t="s">
        <v>736</v>
      </c>
      <c r="K4969">
        <v>8</v>
      </c>
      <c r="L4969" t="s">
        <v>737</v>
      </c>
      <c r="M4969">
        <v>24</v>
      </c>
      <c r="N4969" t="s">
        <v>654</v>
      </c>
      <c r="O4969">
        <v>3</v>
      </c>
      <c r="P4969" t="s">
        <v>746</v>
      </c>
      <c r="Q4969">
        <v>2</v>
      </c>
      <c r="R4969" t="s">
        <v>669</v>
      </c>
      <c r="S4969">
        <v>1</v>
      </c>
      <c r="T4969" t="s">
        <v>661</v>
      </c>
      <c r="U4969">
        <v>8</v>
      </c>
      <c r="V4969">
        <v>3</v>
      </c>
      <c r="W4969">
        <v>180</v>
      </c>
      <c r="X4969">
        <v>2020</v>
      </c>
    </row>
    <row r="4970" spans="1:24" x14ac:dyDescent="0.25">
      <c r="A4970">
        <v>5528</v>
      </c>
      <c r="B4970" t="s">
        <v>67</v>
      </c>
      <c r="C4970">
        <v>62</v>
      </c>
      <c r="D4970" t="s">
        <v>426</v>
      </c>
      <c r="E4970">
        <v>425</v>
      </c>
      <c r="F4970" t="s">
        <v>651</v>
      </c>
      <c r="G4970">
        <v>160</v>
      </c>
      <c r="H4970" t="s">
        <v>658</v>
      </c>
      <c r="I4970">
        <v>13755</v>
      </c>
      <c r="J4970" t="s">
        <v>699</v>
      </c>
      <c r="K4970">
        <v>10</v>
      </c>
      <c r="L4970" t="s">
        <v>720</v>
      </c>
      <c r="M4970">
        <v>350</v>
      </c>
      <c r="N4970" t="s">
        <v>654</v>
      </c>
      <c r="O4970">
        <v>3</v>
      </c>
      <c r="P4970" t="s">
        <v>655</v>
      </c>
      <c r="Q4970">
        <v>1</v>
      </c>
      <c r="R4970" t="s">
        <v>669</v>
      </c>
      <c r="S4970">
        <v>1</v>
      </c>
      <c r="T4970" t="s">
        <v>725</v>
      </c>
      <c r="U4970">
        <v>280</v>
      </c>
      <c r="V4970">
        <v>3</v>
      </c>
      <c r="W4970">
        <v>180</v>
      </c>
      <c r="X4970">
        <v>2020</v>
      </c>
    </row>
    <row r="4971" spans="1:24" x14ac:dyDescent="0.25">
      <c r="A4971">
        <v>5518</v>
      </c>
      <c r="B4971" t="s">
        <v>67</v>
      </c>
      <c r="C4971">
        <v>62</v>
      </c>
      <c r="D4971" t="s">
        <v>426</v>
      </c>
      <c r="E4971">
        <v>425</v>
      </c>
      <c r="F4971" t="s">
        <v>651</v>
      </c>
      <c r="G4971">
        <v>160</v>
      </c>
      <c r="H4971" t="s">
        <v>658</v>
      </c>
      <c r="I4971">
        <v>13755</v>
      </c>
      <c r="J4971" t="s">
        <v>699</v>
      </c>
      <c r="K4971">
        <v>10</v>
      </c>
      <c r="L4971" t="s">
        <v>700</v>
      </c>
      <c r="M4971">
        <v>348</v>
      </c>
      <c r="N4971" t="s">
        <v>654</v>
      </c>
      <c r="O4971">
        <v>3</v>
      </c>
      <c r="P4971" t="s">
        <v>655</v>
      </c>
      <c r="Q4971">
        <v>1</v>
      </c>
      <c r="R4971" t="s">
        <v>669</v>
      </c>
      <c r="S4971">
        <v>1</v>
      </c>
      <c r="T4971" t="s">
        <v>1667</v>
      </c>
      <c r="U4971">
        <v>37</v>
      </c>
      <c r="V4971">
        <v>3</v>
      </c>
      <c r="W4971">
        <v>180</v>
      </c>
      <c r="X4971">
        <v>2020</v>
      </c>
    </row>
    <row r="4972" spans="1:24" x14ac:dyDescent="0.25">
      <c r="A4972">
        <v>5517</v>
      </c>
      <c r="B4972" t="s">
        <v>67</v>
      </c>
      <c r="C4972">
        <v>62</v>
      </c>
      <c r="D4972" t="s">
        <v>426</v>
      </c>
      <c r="E4972">
        <v>425</v>
      </c>
      <c r="F4972" t="s">
        <v>651</v>
      </c>
      <c r="G4972">
        <v>160</v>
      </c>
      <c r="H4972" t="s">
        <v>658</v>
      </c>
      <c r="I4972">
        <v>13755</v>
      </c>
      <c r="J4972" t="s">
        <v>699</v>
      </c>
      <c r="K4972">
        <v>10</v>
      </c>
      <c r="L4972" t="s">
        <v>700</v>
      </c>
      <c r="M4972">
        <v>348</v>
      </c>
      <c r="N4972" t="s">
        <v>654</v>
      </c>
      <c r="O4972">
        <v>3</v>
      </c>
      <c r="P4972" t="s">
        <v>655</v>
      </c>
      <c r="Q4972">
        <v>1</v>
      </c>
      <c r="R4972" t="s">
        <v>669</v>
      </c>
      <c r="S4972">
        <v>1</v>
      </c>
      <c r="T4972" t="s">
        <v>701</v>
      </c>
      <c r="U4972">
        <v>38</v>
      </c>
      <c r="V4972">
        <v>3</v>
      </c>
      <c r="W4972">
        <v>180</v>
      </c>
      <c r="X4972">
        <v>2020</v>
      </c>
    </row>
    <row r="4973" spans="1:24" x14ac:dyDescent="0.25">
      <c r="A4973">
        <v>5516</v>
      </c>
      <c r="B4973" t="s">
        <v>67</v>
      </c>
      <c r="C4973">
        <v>62</v>
      </c>
      <c r="D4973" t="s">
        <v>426</v>
      </c>
      <c r="E4973">
        <v>425</v>
      </c>
      <c r="F4973" t="s">
        <v>651</v>
      </c>
      <c r="G4973">
        <v>160</v>
      </c>
      <c r="H4973" t="s">
        <v>658</v>
      </c>
      <c r="I4973">
        <v>13755</v>
      </c>
      <c r="J4973" t="s">
        <v>699</v>
      </c>
      <c r="K4973">
        <v>10</v>
      </c>
      <c r="L4973" t="s">
        <v>700</v>
      </c>
      <c r="M4973">
        <v>348</v>
      </c>
      <c r="N4973" t="s">
        <v>654</v>
      </c>
      <c r="O4973">
        <v>3</v>
      </c>
      <c r="P4973" t="s">
        <v>655</v>
      </c>
      <c r="Q4973">
        <v>1</v>
      </c>
      <c r="R4973" t="s">
        <v>669</v>
      </c>
      <c r="S4973">
        <v>1</v>
      </c>
      <c r="T4973" t="s">
        <v>702</v>
      </c>
      <c r="U4973">
        <v>39</v>
      </c>
      <c r="V4973">
        <v>3</v>
      </c>
      <c r="W4973">
        <v>180</v>
      </c>
      <c r="X4973">
        <v>2020</v>
      </c>
    </row>
    <row r="4974" spans="1:24" x14ac:dyDescent="0.25">
      <c r="A4974">
        <v>5515</v>
      </c>
      <c r="B4974" t="s">
        <v>67</v>
      </c>
      <c r="C4974">
        <v>62</v>
      </c>
      <c r="D4974" t="s">
        <v>426</v>
      </c>
      <c r="E4974">
        <v>425</v>
      </c>
      <c r="F4974" t="s">
        <v>651</v>
      </c>
      <c r="G4974">
        <v>160</v>
      </c>
      <c r="H4974" t="s">
        <v>658</v>
      </c>
      <c r="I4974">
        <v>13755</v>
      </c>
      <c r="J4974" t="s">
        <v>699</v>
      </c>
      <c r="K4974">
        <v>10</v>
      </c>
      <c r="L4974" t="s">
        <v>700</v>
      </c>
      <c r="M4974">
        <v>348</v>
      </c>
      <c r="N4974" t="s">
        <v>654</v>
      </c>
      <c r="O4974">
        <v>3</v>
      </c>
      <c r="P4974" t="s">
        <v>655</v>
      </c>
      <c r="Q4974">
        <v>1</v>
      </c>
      <c r="R4974" t="s">
        <v>669</v>
      </c>
      <c r="S4974">
        <v>1</v>
      </c>
      <c r="T4974" t="s">
        <v>1010</v>
      </c>
      <c r="U4974">
        <v>36</v>
      </c>
      <c r="V4974">
        <v>3</v>
      </c>
      <c r="W4974">
        <v>180</v>
      </c>
      <c r="X4974">
        <v>2020</v>
      </c>
    </row>
    <row r="4975" spans="1:24" x14ac:dyDescent="0.25">
      <c r="A4975">
        <v>5514</v>
      </c>
      <c r="B4975" t="s">
        <v>67</v>
      </c>
      <c r="C4975">
        <v>62</v>
      </c>
      <c r="D4975" t="s">
        <v>426</v>
      </c>
      <c r="E4975">
        <v>425</v>
      </c>
      <c r="F4975" t="s">
        <v>651</v>
      </c>
      <c r="G4975">
        <v>160</v>
      </c>
      <c r="H4975" t="s">
        <v>658</v>
      </c>
      <c r="I4975">
        <v>13755</v>
      </c>
      <c r="J4975" t="s">
        <v>699</v>
      </c>
      <c r="K4975">
        <v>10</v>
      </c>
      <c r="L4975" t="s">
        <v>700</v>
      </c>
      <c r="M4975">
        <v>348</v>
      </c>
      <c r="N4975" t="s">
        <v>654</v>
      </c>
      <c r="O4975">
        <v>3</v>
      </c>
      <c r="P4975" t="s">
        <v>655</v>
      </c>
      <c r="Q4975">
        <v>1</v>
      </c>
      <c r="R4975" t="s">
        <v>669</v>
      </c>
      <c r="S4975">
        <v>1</v>
      </c>
      <c r="T4975" t="s">
        <v>1009</v>
      </c>
      <c r="U4975">
        <v>35</v>
      </c>
      <c r="V4975">
        <v>3</v>
      </c>
      <c r="W4975">
        <v>180</v>
      </c>
      <c r="X4975">
        <v>2020</v>
      </c>
    </row>
    <row r="4976" spans="1:24" x14ac:dyDescent="0.25">
      <c r="A4976">
        <v>5511</v>
      </c>
      <c r="B4976" t="s">
        <v>67</v>
      </c>
      <c r="C4976">
        <v>62</v>
      </c>
      <c r="D4976" t="s">
        <v>426</v>
      </c>
      <c r="E4976">
        <v>425</v>
      </c>
      <c r="F4976" t="s">
        <v>651</v>
      </c>
      <c r="G4976">
        <v>160</v>
      </c>
      <c r="H4976" t="s">
        <v>658</v>
      </c>
      <c r="I4976">
        <v>13755</v>
      </c>
      <c r="J4976" t="s">
        <v>699</v>
      </c>
      <c r="K4976">
        <v>10</v>
      </c>
      <c r="L4976" t="s">
        <v>1096</v>
      </c>
      <c r="M4976">
        <v>341</v>
      </c>
      <c r="N4976" t="s">
        <v>654</v>
      </c>
      <c r="O4976">
        <v>3</v>
      </c>
      <c r="P4976" t="s">
        <v>655</v>
      </c>
      <c r="Q4976">
        <v>1</v>
      </c>
      <c r="R4976" t="s">
        <v>669</v>
      </c>
      <c r="S4976">
        <v>1</v>
      </c>
      <c r="T4976" t="s">
        <v>1611</v>
      </c>
      <c r="U4976">
        <v>11</v>
      </c>
      <c r="V4976">
        <v>3</v>
      </c>
      <c r="W4976">
        <v>180</v>
      </c>
      <c r="X4976">
        <v>2020</v>
      </c>
    </row>
    <row r="4977" spans="1:24" x14ac:dyDescent="0.25">
      <c r="A4977">
        <v>5510</v>
      </c>
      <c r="B4977" t="s">
        <v>67</v>
      </c>
      <c r="C4977">
        <v>62</v>
      </c>
      <c r="D4977" t="s">
        <v>426</v>
      </c>
      <c r="E4977">
        <v>425</v>
      </c>
      <c r="F4977" t="s">
        <v>651</v>
      </c>
      <c r="G4977">
        <v>160</v>
      </c>
      <c r="H4977" t="s">
        <v>658</v>
      </c>
      <c r="I4977">
        <v>13755</v>
      </c>
      <c r="J4977" t="s">
        <v>699</v>
      </c>
      <c r="K4977">
        <v>10</v>
      </c>
      <c r="L4977" t="s">
        <v>1096</v>
      </c>
      <c r="M4977">
        <v>341</v>
      </c>
      <c r="N4977" t="s">
        <v>654</v>
      </c>
      <c r="O4977">
        <v>3</v>
      </c>
      <c r="P4977" t="s">
        <v>655</v>
      </c>
      <c r="Q4977">
        <v>1</v>
      </c>
      <c r="R4977" t="s">
        <v>669</v>
      </c>
      <c r="S4977">
        <v>1</v>
      </c>
      <c r="T4977" t="s">
        <v>1295</v>
      </c>
      <c r="U4977">
        <v>10</v>
      </c>
      <c r="V4977">
        <v>3</v>
      </c>
      <c r="W4977">
        <v>180</v>
      </c>
      <c r="X4977">
        <v>2020</v>
      </c>
    </row>
    <row r="4978" spans="1:24" x14ac:dyDescent="0.25">
      <c r="A4978">
        <v>5506</v>
      </c>
      <c r="B4978" t="s">
        <v>10</v>
      </c>
      <c r="C4978">
        <v>57</v>
      </c>
      <c r="D4978" t="s">
        <v>439</v>
      </c>
      <c r="E4978">
        <v>387</v>
      </c>
      <c r="F4978" t="s">
        <v>651</v>
      </c>
      <c r="G4978">
        <v>160</v>
      </c>
      <c r="H4978" t="s">
        <v>658</v>
      </c>
      <c r="I4978">
        <v>13755</v>
      </c>
      <c r="J4978" t="s">
        <v>699</v>
      </c>
      <c r="K4978">
        <v>10</v>
      </c>
      <c r="L4978" t="s">
        <v>700</v>
      </c>
      <c r="M4978">
        <v>348</v>
      </c>
      <c r="N4978" t="s">
        <v>654</v>
      </c>
      <c r="O4978">
        <v>3</v>
      </c>
      <c r="P4978" t="s">
        <v>655</v>
      </c>
      <c r="Q4978">
        <v>1</v>
      </c>
      <c r="R4978" t="s">
        <v>669</v>
      </c>
      <c r="S4978">
        <v>1</v>
      </c>
      <c r="T4978" t="s">
        <v>1504</v>
      </c>
      <c r="U4978">
        <v>63</v>
      </c>
      <c r="V4978">
        <v>3</v>
      </c>
      <c r="W4978">
        <v>180</v>
      </c>
      <c r="X4978">
        <v>2020</v>
      </c>
    </row>
    <row r="4979" spans="1:24" x14ac:dyDescent="0.25">
      <c r="A4979">
        <v>5505</v>
      </c>
      <c r="B4979" t="s">
        <v>10</v>
      </c>
      <c r="C4979">
        <v>57</v>
      </c>
      <c r="D4979" t="s">
        <v>439</v>
      </c>
      <c r="E4979">
        <v>387</v>
      </c>
      <c r="F4979" t="s">
        <v>651</v>
      </c>
      <c r="G4979">
        <v>160</v>
      </c>
      <c r="H4979" t="s">
        <v>658</v>
      </c>
      <c r="I4979">
        <v>13755</v>
      </c>
      <c r="J4979" t="s">
        <v>699</v>
      </c>
      <c r="K4979">
        <v>10</v>
      </c>
      <c r="L4979" t="s">
        <v>700</v>
      </c>
      <c r="M4979">
        <v>348</v>
      </c>
      <c r="N4979" t="s">
        <v>654</v>
      </c>
      <c r="O4979">
        <v>3</v>
      </c>
      <c r="P4979" t="s">
        <v>655</v>
      </c>
      <c r="Q4979">
        <v>1</v>
      </c>
      <c r="R4979" t="s">
        <v>669</v>
      </c>
      <c r="S4979">
        <v>1</v>
      </c>
      <c r="T4979" t="s">
        <v>3740</v>
      </c>
      <c r="U4979">
        <v>68</v>
      </c>
      <c r="V4979">
        <v>3</v>
      </c>
      <c r="W4979">
        <v>180</v>
      </c>
      <c r="X4979">
        <v>2020</v>
      </c>
    </row>
    <row r="4980" spans="1:24" x14ac:dyDescent="0.25">
      <c r="A4980">
        <v>5504</v>
      </c>
      <c r="B4980" t="s">
        <v>10</v>
      </c>
      <c r="C4980">
        <v>57</v>
      </c>
      <c r="D4980" t="s">
        <v>439</v>
      </c>
      <c r="E4980">
        <v>387</v>
      </c>
      <c r="F4980" t="s">
        <v>651</v>
      </c>
      <c r="G4980">
        <v>160</v>
      </c>
      <c r="H4980" t="s">
        <v>658</v>
      </c>
      <c r="I4980">
        <v>13755</v>
      </c>
      <c r="J4980" t="s">
        <v>699</v>
      </c>
      <c r="K4980">
        <v>10</v>
      </c>
      <c r="L4980" t="s">
        <v>700</v>
      </c>
      <c r="M4980">
        <v>348</v>
      </c>
      <c r="N4980" t="s">
        <v>654</v>
      </c>
      <c r="O4980">
        <v>3</v>
      </c>
      <c r="P4980" t="s">
        <v>655</v>
      </c>
      <c r="Q4980">
        <v>1</v>
      </c>
      <c r="R4980" t="s">
        <v>669</v>
      </c>
      <c r="S4980">
        <v>1</v>
      </c>
      <c r="T4980" t="s">
        <v>1424</v>
      </c>
      <c r="U4980">
        <v>62</v>
      </c>
      <c r="V4980">
        <v>3</v>
      </c>
      <c r="W4980">
        <v>180</v>
      </c>
      <c r="X4980">
        <v>2020</v>
      </c>
    </row>
    <row r="4981" spans="1:24" x14ac:dyDescent="0.25">
      <c r="A4981">
        <v>5503</v>
      </c>
      <c r="B4981" t="s">
        <v>10</v>
      </c>
      <c r="C4981">
        <v>57</v>
      </c>
      <c r="D4981" t="s">
        <v>439</v>
      </c>
      <c r="E4981">
        <v>387</v>
      </c>
      <c r="F4981" t="s">
        <v>651</v>
      </c>
      <c r="G4981">
        <v>160</v>
      </c>
      <c r="H4981" t="s">
        <v>658</v>
      </c>
      <c r="I4981">
        <v>13755</v>
      </c>
      <c r="J4981" t="s">
        <v>699</v>
      </c>
      <c r="K4981">
        <v>10</v>
      </c>
      <c r="L4981" t="s">
        <v>700</v>
      </c>
      <c r="M4981">
        <v>348</v>
      </c>
      <c r="N4981" t="s">
        <v>654</v>
      </c>
      <c r="O4981">
        <v>3</v>
      </c>
      <c r="P4981" t="s">
        <v>655</v>
      </c>
      <c r="Q4981">
        <v>1</v>
      </c>
      <c r="R4981" t="s">
        <v>669</v>
      </c>
      <c r="S4981">
        <v>1</v>
      </c>
      <c r="T4981" t="s">
        <v>3741</v>
      </c>
      <c r="U4981">
        <v>298</v>
      </c>
      <c r="V4981">
        <v>3</v>
      </c>
      <c r="W4981">
        <v>180</v>
      </c>
      <c r="X4981">
        <v>2020</v>
      </c>
    </row>
    <row r="4982" spans="1:24" x14ac:dyDescent="0.25">
      <c r="A4982">
        <v>5502</v>
      </c>
      <c r="B4982" t="s">
        <v>10</v>
      </c>
      <c r="C4982">
        <v>57</v>
      </c>
      <c r="D4982" t="s">
        <v>439</v>
      </c>
      <c r="E4982">
        <v>387</v>
      </c>
      <c r="F4982" t="s">
        <v>651</v>
      </c>
      <c r="G4982">
        <v>160</v>
      </c>
      <c r="H4982" t="s">
        <v>658</v>
      </c>
      <c r="I4982">
        <v>13755</v>
      </c>
      <c r="J4982" t="s">
        <v>699</v>
      </c>
      <c r="K4982">
        <v>10</v>
      </c>
      <c r="L4982" t="s">
        <v>700</v>
      </c>
      <c r="M4982">
        <v>348</v>
      </c>
      <c r="N4982" t="s">
        <v>654</v>
      </c>
      <c r="O4982">
        <v>3</v>
      </c>
      <c r="P4982" t="s">
        <v>655</v>
      </c>
      <c r="Q4982">
        <v>1</v>
      </c>
      <c r="R4982" t="s">
        <v>669</v>
      </c>
      <c r="S4982">
        <v>1</v>
      </c>
      <c r="T4982" t="s">
        <v>1000</v>
      </c>
      <c r="U4982">
        <v>60</v>
      </c>
      <c r="V4982">
        <v>3</v>
      </c>
      <c r="W4982">
        <v>180</v>
      </c>
      <c r="X4982">
        <v>2020</v>
      </c>
    </row>
    <row r="4983" spans="1:24" x14ac:dyDescent="0.25">
      <c r="A4983">
        <v>5501</v>
      </c>
      <c r="B4983" t="s">
        <v>10</v>
      </c>
      <c r="C4983">
        <v>57</v>
      </c>
      <c r="D4983" t="s">
        <v>439</v>
      </c>
      <c r="E4983">
        <v>387</v>
      </c>
      <c r="F4983" t="s">
        <v>651</v>
      </c>
      <c r="G4983">
        <v>160</v>
      </c>
      <c r="H4983" t="s">
        <v>658</v>
      </c>
      <c r="I4983">
        <v>13755</v>
      </c>
      <c r="J4983" t="s">
        <v>699</v>
      </c>
      <c r="K4983">
        <v>10</v>
      </c>
      <c r="L4983" t="s">
        <v>700</v>
      </c>
      <c r="M4983">
        <v>348</v>
      </c>
      <c r="N4983" t="s">
        <v>654</v>
      </c>
      <c r="O4983">
        <v>3</v>
      </c>
      <c r="P4983" t="s">
        <v>655</v>
      </c>
      <c r="Q4983">
        <v>1</v>
      </c>
      <c r="R4983" t="s">
        <v>669</v>
      </c>
      <c r="S4983">
        <v>1</v>
      </c>
      <c r="T4983" t="s">
        <v>942</v>
      </c>
      <c r="U4983">
        <v>58</v>
      </c>
      <c r="V4983">
        <v>3</v>
      </c>
      <c r="W4983">
        <v>180</v>
      </c>
      <c r="X4983">
        <v>2020</v>
      </c>
    </row>
    <row r="4984" spans="1:24" x14ac:dyDescent="0.25">
      <c r="A4984">
        <v>5497</v>
      </c>
      <c r="B4984" t="s">
        <v>10</v>
      </c>
      <c r="C4984">
        <v>57</v>
      </c>
      <c r="D4984" t="s">
        <v>439</v>
      </c>
      <c r="E4984">
        <v>387</v>
      </c>
      <c r="F4984" t="s">
        <v>651</v>
      </c>
      <c r="G4984">
        <v>160</v>
      </c>
      <c r="H4984" t="s">
        <v>658</v>
      </c>
      <c r="I4984">
        <v>13755</v>
      </c>
      <c r="J4984" t="s">
        <v>699</v>
      </c>
      <c r="K4984">
        <v>10</v>
      </c>
      <c r="L4984" t="s">
        <v>700</v>
      </c>
      <c r="M4984">
        <v>348</v>
      </c>
      <c r="N4984" t="s">
        <v>654</v>
      </c>
      <c r="O4984">
        <v>3</v>
      </c>
      <c r="P4984" t="s">
        <v>655</v>
      </c>
      <c r="Q4984">
        <v>1</v>
      </c>
      <c r="R4984" t="s">
        <v>669</v>
      </c>
      <c r="S4984">
        <v>1</v>
      </c>
      <c r="T4984" t="s">
        <v>702</v>
      </c>
      <c r="U4984">
        <v>39</v>
      </c>
      <c r="V4984">
        <v>3</v>
      </c>
      <c r="W4984">
        <v>180</v>
      </c>
      <c r="X4984">
        <v>2020</v>
      </c>
    </row>
    <row r="4985" spans="1:24" x14ac:dyDescent="0.25">
      <c r="A4985">
        <v>5496</v>
      </c>
      <c r="B4985" t="s">
        <v>10</v>
      </c>
      <c r="C4985">
        <v>57</v>
      </c>
      <c r="D4985" t="s">
        <v>439</v>
      </c>
      <c r="E4985">
        <v>387</v>
      </c>
      <c r="F4985" t="s">
        <v>651</v>
      </c>
      <c r="G4985">
        <v>160</v>
      </c>
      <c r="H4985" t="s">
        <v>658</v>
      </c>
      <c r="I4985">
        <v>13755</v>
      </c>
      <c r="J4985" t="s">
        <v>699</v>
      </c>
      <c r="K4985">
        <v>10</v>
      </c>
      <c r="L4985" t="s">
        <v>700</v>
      </c>
      <c r="M4985">
        <v>348</v>
      </c>
      <c r="N4985" t="s">
        <v>654</v>
      </c>
      <c r="O4985">
        <v>3</v>
      </c>
      <c r="P4985" t="s">
        <v>655</v>
      </c>
      <c r="Q4985">
        <v>1</v>
      </c>
      <c r="R4985" t="s">
        <v>669</v>
      </c>
      <c r="S4985">
        <v>1</v>
      </c>
      <c r="T4985" t="s">
        <v>3742</v>
      </c>
      <c r="U4985">
        <v>44</v>
      </c>
      <c r="V4985">
        <v>3</v>
      </c>
      <c r="W4985">
        <v>180</v>
      </c>
      <c r="X4985">
        <v>2020</v>
      </c>
    </row>
    <row r="4986" spans="1:24" x14ac:dyDescent="0.25">
      <c r="A4986">
        <v>5495</v>
      </c>
      <c r="B4986" t="s">
        <v>10</v>
      </c>
      <c r="C4986">
        <v>57</v>
      </c>
      <c r="D4986" t="s">
        <v>439</v>
      </c>
      <c r="E4986">
        <v>387</v>
      </c>
      <c r="F4986" t="s">
        <v>651</v>
      </c>
      <c r="G4986">
        <v>160</v>
      </c>
      <c r="H4986" t="s">
        <v>658</v>
      </c>
      <c r="I4986">
        <v>13755</v>
      </c>
      <c r="J4986" t="s">
        <v>699</v>
      </c>
      <c r="K4986">
        <v>10</v>
      </c>
      <c r="L4986" t="s">
        <v>700</v>
      </c>
      <c r="M4986">
        <v>348</v>
      </c>
      <c r="N4986" t="s">
        <v>654</v>
      </c>
      <c r="O4986">
        <v>3</v>
      </c>
      <c r="P4986" t="s">
        <v>655</v>
      </c>
      <c r="Q4986">
        <v>1</v>
      </c>
      <c r="R4986" t="s">
        <v>669</v>
      </c>
      <c r="S4986">
        <v>1</v>
      </c>
      <c r="T4986" t="s">
        <v>701</v>
      </c>
      <c r="U4986">
        <v>38</v>
      </c>
      <c r="V4986">
        <v>3</v>
      </c>
      <c r="W4986">
        <v>180</v>
      </c>
      <c r="X4986">
        <v>2020</v>
      </c>
    </row>
    <row r="4987" spans="1:24" x14ac:dyDescent="0.25">
      <c r="A4987">
        <v>5494</v>
      </c>
      <c r="B4987" t="s">
        <v>10</v>
      </c>
      <c r="C4987">
        <v>57</v>
      </c>
      <c r="D4987" t="s">
        <v>439</v>
      </c>
      <c r="E4987">
        <v>387</v>
      </c>
      <c r="F4987" t="s">
        <v>651</v>
      </c>
      <c r="G4987">
        <v>160</v>
      </c>
      <c r="H4987" t="s">
        <v>658</v>
      </c>
      <c r="I4987">
        <v>13755</v>
      </c>
      <c r="J4987" t="s">
        <v>699</v>
      </c>
      <c r="K4987">
        <v>10</v>
      </c>
      <c r="L4987" t="s">
        <v>700</v>
      </c>
      <c r="M4987">
        <v>348</v>
      </c>
      <c r="N4987" t="s">
        <v>654</v>
      </c>
      <c r="O4987">
        <v>3</v>
      </c>
      <c r="P4987" t="s">
        <v>655</v>
      </c>
      <c r="Q4987">
        <v>1</v>
      </c>
      <c r="R4987" t="s">
        <v>669</v>
      </c>
      <c r="S4987">
        <v>1</v>
      </c>
      <c r="T4987" t="s">
        <v>3743</v>
      </c>
      <c r="U4987">
        <v>291</v>
      </c>
      <c r="V4987">
        <v>3</v>
      </c>
      <c r="W4987">
        <v>180</v>
      </c>
      <c r="X4987">
        <v>2020</v>
      </c>
    </row>
    <row r="4988" spans="1:24" x14ac:dyDescent="0.25">
      <c r="A4988">
        <v>5493</v>
      </c>
      <c r="B4988" t="s">
        <v>10</v>
      </c>
      <c r="C4988">
        <v>57</v>
      </c>
      <c r="D4988" t="s">
        <v>439</v>
      </c>
      <c r="E4988">
        <v>387</v>
      </c>
      <c r="F4988" t="s">
        <v>651</v>
      </c>
      <c r="G4988">
        <v>160</v>
      </c>
      <c r="H4988" t="s">
        <v>658</v>
      </c>
      <c r="I4988">
        <v>13755</v>
      </c>
      <c r="J4988" t="s">
        <v>699</v>
      </c>
      <c r="K4988">
        <v>10</v>
      </c>
      <c r="L4988" t="s">
        <v>700</v>
      </c>
      <c r="M4988">
        <v>348</v>
      </c>
      <c r="N4988" t="s">
        <v>654</v>
      </c>
      <c r="O4988">
        <v>3</v>
      </c>
      <c r="P4988" t="s">
        <v>655</v>
      </c>
      <c r="Q4988">
        <v>1</v>
      </c>
      <c r="R4988" t="s">
        <v>669</v>
      </c>
      <c r="S4988">
        <v>1</v>
      </c>
      <c r="T4988" t="s">
        <v>1010</v>
      </c>
      <c r="U4988">
        <v>36</v>
      </c>
      <c r="V4988">
        <v>3</v>
      </c>
      <c r="W4988">
        <v>180</v>
      </c>
      <c r="X4988">
        <v>2020</v>
      </c>
    </row>
    <row r="4989" spans="1:24" x14ac:dyDescent="0.25">
      <c r="A4989">
        <v>5492</v>
      </c>
      <c r="B4989" t="s">
        <v>10</v>
      </c>
      <c r="C4989">
        <v>57</v>
      </c>
      <c r="D4989" t="s">
        <v>439</v>
      </c>
      <c r="E4989">
        <v>387</v>
      </c>
      <c r="F4989" t="s">
        <v>651</v>
      </c>
      <c r="G4989">
        <v>160</v>
      </c>
      <c r="H4989" t="s">
        <v>658</v>
      </c>
      <c r="I4989">
        <v>13755</v>
      </c>
      <c r="J4989" t="s">
        <v>699</v>
      </c>
      <c r="K4989">
        <v>10</v>
      </c>
      <c r="L4989" t="s">
        <v>700</v>
      </c>
      <c r="M4989">
        <v>348</v>
      </c>
      <c r="N4989" t="s">
        <v>654</v>
      </c>
      <c r="O4989">
        <v>3</v>
      </c>
      <c r="P4989" t="s">
        <v>655</v>
      </c>
      <c r="Q4989">
        <v>1</v>
      </c>
      <c r="R4989" t="s">
        <v>669</v>
      </c>
      <c r="S4989">
        <v>1</v>
      </c>
      <c r="T4989" t="s">
        <v>3715</v>
      </c>
      <c r="U4989">
        <v>290</v>
      </c>
      <c r="V4989">
        <v>3</v>
      </c>
      <c r="W4989">
        <v>180</v>
      </c>
      <c r="X4989">
        <v>2020</v>
      </c>
    </row>
    <row r="4990" spans="1:24" x14ac:dyDescent="0.25">
      <c r="A4990">
        <v>5491</v>
      </c>
      <c r="B4990" t="s">
        <v>10</v>
      </c>
      <c r="C4990">
        <v>57</v>
      </c>
      <c r="D4990" t="s">
        <v>439</v>
      </c>
      <c r="E4990">
        <v>387</v>
      </c>
      <c r="F4990" t="s">
        <v>651</v>
      </c>
      <c r="G4990">
        <v>160</v>
      </c>
      <c r="H4990" t="s">
        <v>658</v>
      </c>
      <c r="I4990">
        <v>13755</v>
      </c>
      <c r="J4990" t="s">
        <v>699</v>
      </c>
      <c r="K4990">
        <v>10</v>
      </c>
      <c r="L4990" t="s">
        <v>700</v>
      </c>
      <c r="M4990">
        <v>348</v>
      </c>
      <c r="N4990" t="s">
        <v>654</v>
      </c>
      <c r="O4990">
        <v>3</v>
      </c>
      <c r="P4990" t="s">
        <v>655</v>
      </c>
      <c r="Q4990">
        <v>1</v>
      </c>
      <c r="R4990" t="s">
        <v>669</v>
      </c>
      <c r="S4990">
        <v>1</v>
      </c>
      <c r="T4990" t="s">
        <v>1667</v>
      </c>
      <c r="U4990">
        <v>37</v>
      </c>
      <c r="V4990">
        <v>3</v>
      </c>
      <c r="W4990">
        <v>180</v>
      </c>
      <c r="X4990">
        <v>2020</v>
      </c>
    </row>
    <row r="4991" spans="1:24" x14ac:dyDescent="0.25">
      <c r="A4991">
        <v>5490</v>
      </c>
      <c r="B4991" t="s">
        <v>10</v>
      </c>
      <c r="C4991">
        <v>57</v>
      </c>
      <c r="D4991" t="s">
        <v>439</v>
      </c>
      <c r="E4991">
        <v>387</v>
      </c>
      <c r="F4991" t="s">
        <v>651</v>
      </c>
      <c r="G4991">
        <v>160</v>
      </c>
      <c r="H4991" t="s">
        <v>658</v>
      </c>
      <c r="I4991">
        <v>13755</v>
      </c>
      <c r="J4991" t="s">
        <v>699</v>
      </c>
      <c r="K4991">
        <v>10</v>
      </c>
      <c r="L4991" t="s">
        <v>700</v>
      </c>
      <c r="M4991">
        <v>348</v>
      </c>
      <c r="N4991" t="s">
        <v>654</v>
      </c>
      <c r="O4991">
        <v>3</v>
      </c>
      <c r="P4991" t="s">
        <v>655</v>
      </c>
      <c r="Q4991">
        <v>1</v>
      </c>
      <c r="R4991" t="s">
        <v>669</v>
      </c>
      <c r="S4991">
        <v>1</v>
      </c>
      <c r="T4991" t="s">
        <v>3732</v>
      </c>
      <c r="U4991">
        <v>289</v>
      </c>
      <c r="V4991">
        <v>3</v>
      </c>
      <c r="W4991">
        <v>180</v>
      </c>
      <c r="X4991">
        <v>2020</v>
      </c>
    </row>
    <row r="4992" spans="1:24" x14ac:dyDescent="0.25">
      <c r="A4992">
        <v>5489</v>
      </c>
      <c r="B4992" t="s">
        <v>10</v>
      </c>
      <c r="C4992">
        <v>57</v>
      </c>
      <c r="D4992" t="s">
        <v>439</v>
      </c>
      <c r="E4992">
        <v>387</v>
      </c>
      <c r="F4992" t="s">
        <v>651</v>
      </c>
      <c r="G4992">
        <v>160</v>
      </c>
      <c r="H4992" t="s">
        <v>658</v>
      </c>
      <c r="I4992">
        <v>13755</v>
      </c>
      <c r="J4992" t="s">
        <v>699</v>
      </c>
      <c r="K4992">
        <v>10</v>
      </c>
      <c r="L4992" t="s">
        <v>700</v>
      </c>
      <c r="M4992">
        <v>348</v>
      </c>
      <c r="N4992" t="s">
        <v>654</v>
      </c>
      <c r="O4992">
        <v>3</v>
      </c>
      <c r="P4992" t="s">
        <v>655</v>
      </c>
      <c r="Q4992">
        <v>1</v>
      </c>
      <c r="R4992" t="s">
        <v>669</v>
      </c>
      <c r="S4992">
        <v>1</v>
      </c>
      <c r="T4992" t="s">
        <v>1009</v>
      </c>
      <c r="U4992">
        <v>35</v>
      </c>
      <c r="V4992">
        <v>3</v>
      </c>
      <c r="W4992">
        <v>180</v>
      </c>
      <c r="X4992">
        <v>2020</v>
      </c>
    </row>
    <row r="4993" spans="1:24" x14ac:dyDescent="0.25">
      <c r="A4993">
        <v>5488</v>
      </c>
      <c r="B4993" t="s">
        <v>10</v>
      </c>
      <c r="C4993">
        <v>57</v>
      </c>
      <c r="D4993" t="s">
        <v>439</v>
      </c>
      <c r="E4993">
        <v>387</v>
      </c>
      <c r="F4993" t="s">
        <v>651</v>
      </c>
      <c r="G4993">
        <v>160</v>
      </c>
      <c r="H4993" t="s">
        <v>658</v>
      </c>
      <c r="I4993">
        <v>13755</v>
      </c>
      <c r="J4993" t="s">
        <v>699</v>
      </c>
      <c r="K4993">
        <v>10</v>
      </c>
      <c r="L4993" t="s">
        <v>700</v>
      </c>
      <c r="M4993">
        <v>348</v>
      </c>
      <c r="N4993" t="s">
        <v>654</v>
      </c>
      <c r="O4993">
        <v>3</v>
      </c>
      <c r="P4993" t="s">
        <v>655</v>
      </c>
      <c r="Q4993">
        <v>1</v>
      </c>
      <c r="R4993" t="s">
        <v>669</v>
      </c>
      <c r="S4993">
        <v>1</v>
      </c>
      <c r="T4993" t="s">
        <v>1421</v>
      </c>
      <c r="U4993">
        <v>51</v>
      </c>
      <c r="V4993">
        <v>3</v>
      </c>
      <c r="W4993">
        <v>180</v>
      </c>
      <c r="X4993">
        <v>2020</v>
      </c>
    </row>
    <row r="4994" spans="1:24" x14ac:dyDescent="0.25">
      <c r="A4994">
        <v>5487</v>
      </c>
      <c r="B4994" t="s">
        <v>10</v>
      </c>
      <c r="C4994">
        <v>57</v>
      </c>
      <c r="D4994" t="s">
        <v>439</v>
      </c>
      <c r="E4994">
        <v>387</v>
      </c>
      <c r="F4994" t="s">
        <v>651</v>
      </c>
      <c r="G4994">
        <v>160</v>
      </c>
      <c r="H4994" t="s">
        <v>658</v>
      </c>
      <c r="I4994">
        <v>13755</v>
      </c>
      <c r="J4994" t="s">
        <v>699</v>
      </c>
      <c r="K4994">
        <v>10</v>
      </c>
      <c r="L4994" t="s">
        <v>700</v>
      </c>
      <c r="M4994">
        <v>348</v>
      </c>
      <c r="N4994" t="s">
        <v>654</v>
      </c>
      <c r="O4994">
        <v>3</v>
      </c>
      <c r="P4994" t="s">
        <v>655</v>
      </c>
      <c r="Q4994">
        <v>1</v>
      </c>
      <c r="R4994" t="s">
        <v>669</v>
      </c>
      <c r="S4994">
        <v>1</v>
      </c>
      <c r="T4994" t="s">
        <v>3744</v>
      </c>
      <c r="U4994">
        <v>56</v>
      </c>
      <c r="V4994">
        <v>3</v>
      </c>
      <c r="W4994">
        <v>180</v>
      </c>
      <c r="X4994">
        <v>2020</v>
      </c>
    </row>
    <row r="4995" spans="1:24" x14ac:dyDescent="0.25">
      <c r="A4995">
        <v>5486</v>
      </c>
      <c r="B4995" t="s">
        <v>10</v>
      </c>
      <c r="C4995">
        <v>57</v>
      </c>
      <c r="D4995" t="s">
        <v>439</v>
      </c>
      <c r="E4995">
        <v>387</v>
      </c>
      <c r="F4995" t="s">
        <v>651</v>
      </c>
      <c r="G4995">
        <v>160</v>
      </c>
      <c r="H4995" t="s">
        <v>658</v>
      </c>
      <c r="I4995">
        <v>13755</v>
      </c>
      <c r="J4995" t="s">
        <v>699</v>
      </c>
      <c r="K4995">
        <v>10</v>
      </c>
      <c r="L4995" t="s">
        <v>700</v>
      </c>
      <c r="M4995">
        <v>348</v>
      </c>
      <c r="N4995" t="s">
        <v>654</v>
      </c>
      <c r="O4995">
        <v>3</v>
      </c>
      <c r="P4995" t="s">
        <v>655</v>
      </c>
      <c r="Q4995">
        <v>1</v>
      </c>
      <c r="R4995" t="s">
        <v>669</v>
      </c>
      <c r="S4995">
        <v>1</v>
      </c>
      <c r="T4995" t="s">
        <v>1486</v>
      </c>
      <c r="U4995">
        <v>50</v>
      </c>
      <c r="V4995">
        <v>3</v>
      </c>
      <c r="W4995">
        <v>180</v>
      </c>
      <c r="X4995">
        <v>2020</v>
      </c>
    </row>
    <row r="4996" spans="1:24" x14ac:dyDescent="0.25">
      <c r="A4996">
        <v>5485</v>
      </c>
      <c r="B4996" t="s">
        <v>10</v>
      </c>
      <c r="C4996">
        <v>57</v>
      </c>
      <c r="D4996" t="s">
        <v>439</v>
      </c>
      <c r="E4996">
        <v>387</v>
      </c>
      <c r="F4996" t="s">
        <v>651</v>
      </c>
      <c r="G4996">
        <v>160</v>
      </c>
      <c r="H4996" t="s">
        <v>658</v>
      </c>
      <c r="I4996">
        <v>13755</v>
      </c>
      <c r="J4996" t="s">
        <v>699</v>
      </c>
      <c r="K4996">
        <v>10</v>
      </c>
      <c r="L4996" t="s">
        <v>700</v>
      </c>
      <c r="M4996">
        <v>348</v>
      </c>
      <c r="N4996" t="s">
        <v>654</v>
      </c>
      <c r="O4996">
        <v>3</v>
      </c>
      <c r="P4996" t="s">
        <v>655</v>
      </c>
      <c r="Q4996">
        <v>1</v>
      </c>
      <c r="R4996" t="s">
        <v>669</v>
      </c>
      <c r="S4996">
        <v>1</v>
      </c>
      <c r="T4996" t="s">
        <v>3745</v>
      </c>
      <c r="U4996">
        <v>296</v>
      </c>
      <c r="V4996">
        <v>3</v>
      </c>
      <c r="W4996">
        <v>180</v>
      </c>
      <c r="X4996">
        <v>2020</v>
      </c>
    </row>
    <row r="4997" spans="1:24" x14ac:dyDescent="0.25">
      <c r="A4997">
        <v>5484</v>
      </c>
      <c r="B4997" t="s">
        <v>10</v>
      </c>
      <c r="C4997">
        <v>57</v>
      </c>
      <c r="D4997" t="s">
        <v>439</v>
      </c>
      <c r="E4997">
        <v>387</v>
      </c>
      <c r="F4997" t="s">
        <v>651</v>
      </c>
      <c r="G4997">
        <v>160</v>
      </c>
      <c r="H4997" t="s">
        <v>658</v>
      </c>
      <c r="I4997">
        <v>13755</v>
      </c>
      <c r="J4997" t="s">
        <v>699</v>
      </c>
      <c r="K4997">
        <v>10</v>
      </c>
      <c r="L4997" t="s">
        <v>700</v>
      </c>
      <c r="M4997">
        <v>348</v>
      </c>
      <c r="N4997" t="s">
        <v>654</v>
      </c>
      <c r="O4997">
        <v>3</v>
      </c>
      <c r="P4997" t="s">
        <v>655</v>
      </c>
      <c r="Q4997">
        <v>1</v>
      </c>
      <c r="R4997" t="s">
        <v>669</v>
      </c>
      <c r="S4997">
        <v>1</v>
      </c>
      <c r="T4997" t="s">
        <v>1035</v>
      </c>
      <c r="U4997">
        <v>46</v>
      </c>
      <c r="V4997">
        <v>3</v>
      </c>
      <c r="W4997">
        <v>180</v>
      </c>
      <c r="X4997">
        <v>2020</v>
      </c>
    </row>
    <row r="4998" spans="1:24" x14ac:dyDescent="0.25">
      <c r="A4998">
        <v>5480</v>
      </c>
      <c r="B4998" t="s">
        <v>10</v>
      </c>
      <c r="C4998">
        <v>57</v>
      </c>
      <c r="D4998" t="s">
        <v>439</v>
      </c>
      <c r="E4998">
        <v>387</v>
      </c>
      <c r="F4998" t="s">
        <v>651</v>
      </c>
      <c r="G4998">
        <v>160</v>
      </c>
      <c r="H4998" t="s">
        <v>658</v>
      </c>
      <c r="I4998">
        <v>13755</v>
      </c>
      <c r="J4998" t="s">
        <v>699</v>
      </c>
      <c r="K4998">
        <v>10</v>
      </c>
      <c r="L4998" t="s">
        <v>1096</v>
      </c>
      <c r="M4998">
        <v>341</v>
      </c>
      <c r="N4998" t="s">
        <v>654</v>
      </c>
      <c r="O4998">
        <v>3</v>
      </c>
      <c r="P4998" t="s">
        <v>655</v>
      </c>
      <c r="Q4998">
        <v>1</v>
      </c>
      <c r="R4998" t="s">
        <v>669</v>
      </c>
      <c r="S4998">
        <v>1</v>
      </c>
      <c r="T4998" t="s">
        <v>3746</v>
      </c>
      <c r="U4998">
        <v>269</v>
      </c>
      <c r="V4998">
        <v>3</v>
      </c>
      <c r="W4998">
        <v>180</v>
      </c>
      <c r="X4998">
        <v>2020</v>
      </c>
    </row>
    <row r="4999" spans="1:24" x14ac:dyDescent="0.25">
      <c r="A4999">
        <v>5479</v>
      </c>
      <c r="B4999" t="s">
        <v>10</v>
      </c>
      <c r="C4999">
        <v>57</v>
      </c>
      <c r="D4999" t="s">
        <v>439</v>
      </c>
      <c r="E4999">
        <v>387</v>
      </c>
      <c r="F4999" t="s">
        <v>651</v>
      </c>
      <c r="G4999">
        <v>160</v>
      </c>
      <c r="H4999" t="s">
        <v>658</v>
      </c>
      <c r="I4999">
        <v>13755</v>
      </c>
      <c r="J4999" t="s">
        <v>699</v>
      </c>
      <c r="K4999">
        <v>10</v>
      </c>
      <c r="L4999" t="s">
        <v>1096</v>
      </c>
      <c r="M4999">
        <v>341</v>
      </c>
      <c r="N4999" t="s">
        <v>654</v>
      </c>
      <c r="O4999">
        <v>3</v>
      </c>
      <c r="P4999" t="s">
        <v>655</v>
      </c>
      <c r="Q4999">
        <v>1</v>
      </c>
      <c r="R4999" t="s">
        <v>669</v>
      </c>
      <c r="S4999">
        <v>1</v>
      </c>
      <c r="T4999" t="s">
        <v>3735</v>
      </c>
      <c r="U4999">
        <v>192</v>
      </c>
      <c r="V4999">
        <v>3</v>
      </c>
      <c r="W4999">
        <v>180</v>
      </c>
      <c r="X4999">
        <v>2020</v>
      </c>
    </row>
    <row r="5000" spans="1:24" x14ac:dyDescent="0.25">
      <c r="A5000">
        <v>5478</v>
      </c>
      <c r="B5000" t="s">
        <v>10</v>
      </c>
      <c r="C5000">
        <v>57</v>
      </c>
      <c r="D5000" t="s">
        <v>439</v>
      </c>
      <c r="E5000">
        <v>387</v>
      </c>
      <c r="F5000" t="s">
        <v>651</v>
      </c>
      <c r="G5000">
        <v>160</v>
      </c>
      <c r="H5000" t="s">
        <v>658</v>
      </c>
      <c r="I5000">
        <v>13755</v>
      </c>
      <c r="J5000" t="s">
        <v>699</v>
      </c>
      <c r="K5000">
        <v>10</v>
      </c>
      <c r="L5000" t="s">
        <v>1096</v>
      </c>
      <c r="M5000">
        <v>341</v>
      </c>
      <c r="N5000" t="s">
        <v>654</v>
      </c>
      <c r="O5000">
        <v>3</v>
      </c>
      <c r="P5000" t="s">
        <v>655</v>
      </c>
      <c r="Q5000">
        <v>1</v>
      </c>
      <c r="R5000" t="s">
        <v>669</v>
      </c>
      <c r="S5000">
        <v>1</v>
      </c>
      <c r="T5000" t="s">
        <v>1750</v>
      </c>
      <c r="U5000">
        <v>13</v>
      </c>
      <c r="V5000">
        <v>3</v>
      </c>
      <c r="W5000">
        <v>180</v>
      </c>
      <c r="X5000">
        <v>2020</v>
      </c>
    </row>
    <row r="5001" spans="1:24" x14ac:dyDescent="0.25">
      <c r="A5001">
        <v>5477</v>
      </c>
      <c r="B5001" t="s">
        <v>10</v>
      </c>
      <c r="C5001">
        <v>57</v>
      </c>
      <c r="D5001" t="s">
        <v>439</v>
      </c>
      <c r="E5001">
        <v>387</v>
      </c>
      <c r="F5001" t="s">
        <v>651</v>
      </c>
      <c r="G5001">
        <v>160</v>
      </c>
      <c r="H5001" t="s">
        <v>658</v>
      </c>
      <c r="I5001">
        <v>13755</v>
      </c>
      <c r="J5001" t="s">
        <v>699</v>
      </c>
      <c r="K5001">
        <v>10</v>
      </c>
      <c r="L5001" t="s">
        <v>1096</v>
      </c>
      <c r="M5001">
        <v>341</v>
      </c>
      <c r="N5001" t="s">
        <v>654</v>
      </c>
      <c r="O5001">
        <v>3</v>
      </c>
      <c r="P5001" t="s">
        <v>655</v>
      </c>
      <c r="Q5001">
        <v>1</v>
      </c>
      <c r="R5001" t="s">
        <v>669</v>
      </c>
      <c r="S5001">
        <v>1</v>
      </c>
      <c r="T5001" t="s">
        <v>3747</v>
      </c>
      <c r="U5001">
        <v>20</v>
      </c>
      <c r="V5001">
        <v>3</v>
      </c>
      <c r="W5001">
        <v>180</v>
      </c>
      <c r="X5001">
        <v>2020</v>
      </c>
    </row>
    <row r="5002" spans="1:24" x14ac:dyDescent="0.25">
      <c r="A5002">
        <v>5476</v>
      </c>
      <c r="B5002" t="s">
        <v>10</v>
      </c>
      <c r="C5002">
        <v>57</v>
      </c>
      <c r="D5002" t="s">
        <v>439</v>
      </c>
      <c r="E5002">
        <v>387</v>
      </c>
      <c r="F5002" t="s">
        <v>651</v>
      </c>
      <c r="G5002">
        <v>160</v>
      </c>
      <c r="H5002" t="s">
        <v>658</v>
      </c>
      <c r="I5002">
        <v>13755</v>
      </c>
      <c r="J5002" t="s">
        <v>699</v>
      </c>
      <c r="K5002">
        <v>10</v>
      </c>
      <c r="L5002" t="s">
        <v>1096</v>
      </c>
      <c r="M5002">
        <v>341</v>
      </c>
      <c r="N5002" t="s">
        <v>654</v>
      </c>
      <c r="O5002">
        <v>3</v>
      </c>
      <c r="P5002" t="s">
        <v>655</v>
      </c>
      <c r="Q5002">
        <v>1</v>
      </c>
      <c r="R5002" t="s">
        <v>669</v>
      </c>
      <c r="S5002">
        <v>1</v>
      </c>
      <c r="T5002" t="s">
        <v>3748</v>
      </c>
      <c r="U5002">
        <v>297</v>
      </c>
      <c r="V5002">
        <v>3</v>
      </c>
      <c r="W5002">
        <v>180</v>
      </c>
      <c r="X5002">
        <v>2020</v>
      </c>
    </row>
    <row r="5003" spans="1:24" x14ac:dyDescent="0.25">
      <c r="A5003">
        <v>5475</v>
      </c>
      <c r="B5003" t="s">
        <v>10</v>
      </c>
      <c r="C5003">
        <v>57</v>
      </c>
      <c r="D5003" t="s">
        <v>439</v>
      </c>
      <c r="E5003">
        <v>387</v>
      </c>
      <c r="F5003" t="s">
        <v>651</v>
      </c>
      <c r="G5003">
        <v>160</v>
      </c>
      <c r="H5003" t="s">
        <v>658</v>
      </c>
      <c r="I5003">
        <v>13755</v>
      </c>
      <c r="J5003" t="s">
        <v>699</v>
      </c>
      <c r="K5003">
        <v>10</v>
      </c>
      <c r="L5003" t="s">
        <v>1096</v>
      </c>
      <c r="M5003">
        <v>341</v>
      </c>
      <c r="N5003" t="s">
        <v>654</v>
      </c>
      <c r="O5003">
        <v>3</v>
      </c>
      <c r="P5003" t="s">
        <v>655</v>
      </c>
      <c r="Q5003">
        <v>1</v>
      </c>
      <c r="R5003" t="s">
        <v>669</v>
      </c>
      <c r="S5003">
        <v>1</v>
      </c>
      <c r="T5003" t="s">
        <v>1751</v>
      </c>
      <c r="U5003">
        <v>14</v>
      </c>
      <c r="V5003">
        <v>3</v>
      </c>
      <c r="W5003">
        <v>180</v>
      </c>
      <c r="X5003">
        <v>2020</v>
      </c>
    </row>
    <row r="5004" spans="1:24" x14ac:dyDescent="0.25">
      <c r="A5004">
        <v>5474</v>
      </c>
      <c r="B5004" t="s">
        <v>10</v>
      </c>
      <c r="C5004">
        <v>57</v>
      </c>
      <c r="D5004" t="s">
        <v>439</v>
      </c>
      <c r="E5004">
        <v>387</v>
      </c>
      <c r="F5004" t="s">
        <v>651</v>
      </c>
      <c r="G5004">
        <v>160</v>
      </c>
      <c r="H5004" t="s">
        <v>658</v>
      </c>
      <c r="I5004">
        <v>13755</v>
      </c>
      <c r="J5004" t="s">
        <v>699</v>
      </c>
      <c r="K5004">
        <v>10</v>
      </c>
      <c r="L5004" t="s">
        <v>1096</v>
      </c>
      <c r="M5004">
        <v>341</v>
      </c>
      <c r="N5004" t="s">
        <v>654</v>
      </c>
      <c r="O5004">
        <v>3</v>
      </c>
      <c r="P5004" t="s">
        <v>655</v>
      </c>
      <c r="Q5004">
        <v>1</v>
      </c>
      <c r="R5004" t="s">
        <v>669</v>
      </c>
      <c r="S5004">
        <v>1</v>
      </c>
      <c r="T5004" t="s">
        <v>1752</v>
      </c>
      <c r="U5004">
        <v>15</v>
      </c>
      <c r="V5004">
        <v>3</v>
      </c>
      <c r="W5004">
        <v>180</v>
      </c>
      <c r="X5004">
        <v>2020</v>
      </c>
    </row>
    <row r="5005" spans="1:24" x14ac:dyDescent="0.25">
      <c r="A5005">
        <v>5473</v>
      </c>
      <c r="B5005" t="s">
        <v>10</v>
      </c>
      <c r="C5005">
        <v>57</v>
      </c>
      <c r="D5005" t="s">
        <v>439</v>
      </c>
      <c r="E5005">
        <v>387</v>
      </c>
      <c r="F5005" t="s">
        <v>651</v>
      </c>
      <c r="G5005">
        <v>160</v>
      </c>
      <c r="H5005" t="s">
        <v>658</v>
      </c>
      <c r="I5005">
        <v>13755</v>
      </c>
      <c r="J5005" t="s">
        <v>699</v>
      </c>
      <c r="K5005">
        <v>10</v>
      </c>
      <c r="L5005" t="s">
        <v>1096</v>
      </c>
      <c r="M5005">
        <v>341</v>
      </c>
      <c r="N5005" t="s">
        <v>654</v>
      </c>
      <c r="O5005">
        <v>3</v>
      </c>
      <c r="P5005" t="s">
        <v>655</v>
      </c>
      <c r="Q5005">
        <v>1</v>
      </c>
      <c r="R5005" t="s">
        <v>669</v>
      </c>
      <c r="S5005">
        <v>1</v>
      </c>
      <c r="T5005" t="s">
        <v>1611</v>
      </c>
      <c r="U5005">
        <v>11</v>
      </c>
      <c r="V5005">
        <v>3</v>
      </c>
      <c r="W5005">
        <v>180</v>
      </c>
      <c r="X5005">
        <v>2020</v>
      </c>
    </row>
    <row r="5006" spans="1:24" x14ac:dyDescent="0.25">
      <c r="A5006">
        <v>5472</v>
      </c>
      <c r="B5006" t="s">
        <v>10</v>
      </c>
      <c r="C5006">
        <v>57</v>
      </c>
      <c r="D5006" t="s">
        <v>439</v>
      </c>
      <c r="E5006">
        <v>387</v>
      </c>
      <c r="F5006" t="s">
        <v>651</v>
      </c>
      <c r="G5006">
        <v>160</v>
      </c>
      <c r="H5006" t="s">
        <v>658</v>
      </c>
      <c r="I5006">
        <v>13755</v>
      </c>
      <c r="J5006" t="s">
        <v>699</v>
      </c>
      <c r="K5006">
        <v>10</v>
      </c>
      <c r="L5006" t="s">
        <v>1096</v>
      </c>
      <c r="M5006">
        <v>341</v>
      </c>
      <c r="N5006" t="s">
        <v>654</v>
      </c>
      <c r="O5006">
        <v>3</v>
      </c>
      <c r="P5006" t="s">
        <v>655</v>
      </c>
      <c r="Q5006">
        <v>1</v>
      </c>
      <c r="R5006" t="s">
        <v>669</v>
      </c>
      <c r="S5006">
        <v>1</v>
      </c>
      <c r="T5006" t="s">
        <v>1295</v>
      </c>
      <c r="U5006">
        <v>10</v>
      </c>
      <c r="V5006">
        <v>3</v>
      </c>
      <c r="W5006">
        <v>180</v>
      </c>
      <c r="X5006">
        <v>2020</v>
      </c>
    </row>
    <row r="5007" spans="1:24" x14ac:dyDescent="0.25">
      <c r="A5007">
        <v>5471</v>
      </c>
      <c r="B5007" t="s">
        <v>93</v>
      </c>
      <c r="C5007">
        <v>48</v>
      </c>
      <c r="D5007" t="s">
        <v>455</v>
      </c>
      <c r="E5007">
        <v>359</v>
      </c>
      <c r="F5007" t="s">
        <v>651</v>
      </c>
      <c r="G5007">
        <v>160</v>
      </c>
      <c r="H5007" t="s">
        <v>773</v>
      </c>
      <c r="I5007">
        <v>11846</v>
      </c>
      <c r="J5007" t="s">
        <v>699</v>
      </c>
      <c r="K5007">
        <v>10</v>
      </c>
      <c r="L5007" t="s">
        <v>1847</v>
      </c>
      <c r="M5007">
        <v>352</v>
      </c>
      <c r="N5007" t="s">
        <v>654</v>
      </c>
      <c r="O5007">
        <v>3</v>
      </c>
      <c r="P5007" t="s">
        <v>655</v>
      </c>
      <c r="Q5007">
        <v>1</v>
      </c>
      <c r="R5007" t="s">
        <v>669</v>
      </c>
      <c r="S5007">
        <v>1</v>
      </c>
      <c r="T5007" t="s">
        <v>3749</v>
      </c>
      <c r="U5007">
        <v>277</v>
      </c>
      <c r="V5007">
        <v>3</v>
      </c>
      <c r="W5007">
        <v>180</v>
      </c>
      <c r="X5007">
        <v>2020</v>
      </c>
    </row>
    <row r="5008" spans="1:24" x14ac:dyDescent="0.25">
      <c r="A5008">
        <v>5470</v>
      </c>
      <c r="B5008" t="s">
        <v>93</v>
      </c>
      <c r="C5008">
        <v>48</v>
      </c>
      <c r="D5008" t="s">
        <v>455</v>
      </c>
      <c r="E5008">
        <v>359</v>
      </c>
      <c r="F5008" t="s">
        <v>651</v>
      </c>
      <c r="G5008">
        <v>160</v>
      </c>
      <c r="H5008" t="s">
        <v>773</v>
      </c>
      <c r="I5008">
        <v>11846</v>
      </c>
      <c r="J5008" t="s">
        <v>699</v>
      </c>
      <c r="K5008">
        <v>10</v>
      </c>
      <c r="L5008" t="s">
        <v>1847</v>
      </c>
      <c r="M5008">
        <v>352</v>
      </c>
      <c r="N5008" t="s">
        <v>654</v>
      </c>
      <c r="O5008">
        <v>3</v>
      </c>
      <c r="P5008" t="s">
        <v>655</v>
      </c>
      <c r="Q5008">
        <v>1</v>
      </c>
      <c r="R5008" t="s">
        <v>669</v>
      </c>
      <c r="S5008">
        <v>1</v>
      </c>
      <c r="T5008" t="s">
        <v>3750</v>
      </c>
      <c r="U5008">
        <v>276</v>
      </c>
      <c r="V5008">
        <v>3</v>
      </c>
      <c r="W5008">
        <v>180</v>
      </c>
      <c r="X5008">
        <v>2020</v>
      </c>
    </row>
    <row r="5009" spans="1:24" x14ac:dyDescent="0.25">
      <c r="A5009">
        <v>5469</v>
      </c>
      <c r="B5009" t="s">
        <v>93</v>
      </c>
      <c r="C5009">
        <v>48</v>
      </c>
      <c r="D5009" t="s">
        <v>455</v>
      </c>
      <c r="E5009">
        <v>359</v>
      </c>
      <c r="F5009" t="s">
        <v>651</v>
      </c>
      <c r="G5009">
        <v>160</v>
      </c>
      <c r="H5009" t="s">
        <v>773</v>
      </c>
      <c r="I5009">
        <v>11846</v>
      </c>
      <c r="J5009" t="s">
        <v>699</v>
      </c>
      <c r="K5009">
        <v>10</v>
      </c>
      <c r="L5009" t="s">
        <v>1847</v>
      </c>
      <c r="M5009">
        <v>352</v>
      </c>
      <c r="N5009" t="s">
        <v>654</v>
      </c>
      <c r="O5009">
        <v>3</v>
      </c>
      <c r="P5009" t="s">
        <v>655</v>
      </c>
      <c r="Q5009">
        <v>1</v>
      </c>
      <c r="R5009" t="s">
        <v>669</v>
      </c>
      <c r="S5009">
        <v>1</v>
      </c>
      <c r="T5009" t="s">
        <v>3751</v>
      </c>
      <c r="U5009">
        <v>275</v>
      </c>
      <c r="V5009">
        <v>3</v>
      </c>
      <c r="W5009">
        <v>180</v>
      </c>
      <c r="X5009">
        <v>2020</v>
      </c>
    </row>
    <row r="5010" spans="1:24" x14ac:dyDescent="0.25">
      <c r="A5010">
        <v>5468</v>
      </c>
      <c r="B5010" t="s">
        <v>93</v>
      </c>
      <c r="C5010">
        <v>48</v>
      </c>
      <c r="D5010" t="s">
        <v>455</v>
      </c>
      <c r="E5010">
        <v>359</v>
      </c>
      <c r="F5010" t="s">
        <v>651</v>
      </c>
      <c r="G5010">
        <v>160</v>
      </c>
      <c r="H5010" t="s">
        <v>773</v>
      </c>
      <c r="I5010">
        <v>11846</v>
      </c>
      <c r="J5010" t="s">
        <v>699</v>
      </c>
      <c r="K5010">
        <v>10</v>
      </c>
      <c r="L5010" t="s">
        <v>1847</v>
      </c>
      <c r="M5010">
        <v>352</v>
      </c>
      <c r="N5010" t="s">
        <v>654</v>
      </c>
      <c r="O5010">
        <v>3</v>
      </c>
      <c r="P5010" t="s">
        <v>655</v>
      </c>
      <c r="Q5010">
        <v>1</v>
      </c>
      <c r="R5010" t="s">
        <v>669</v>
      </c>
      <c r="S5010">
        <v>1</v>
      </c>
      <c r="T5010" t="s">
        <v>3752</v>
      </c>
      <c r="U5010">
        <v>274</v>
      </c>
      <c r="V5010">
        <v>3</v>
      </c>
      <c r="W5010">
        <v>180</v>
      </c>
      <c r="X5010">
        <v>2020</v>
      </c>
    </row>
    <row r="5011" spans="1:24" x14ac:dyDescent="0.25">
      <c r="A5011">
        <v>5467</v>
      </c>
      <c r="B5011" t="s">
        <v>93</v>
      </c>
      <c r="C5011">
        <v>48</v>
      </c>
      <c r="D5011" t="s">
        <v>455</v>
      </c>
      <c r="E5011">
        <v>359</v>
      </c>
      <c r="F5011" t="s">
        <v>651</v>
      </c>
      <c r="G5011">
        <v>160</v>
      </c>
      <c r="H5011" t="s">
        <v>773</v>
      </c>
      <c r="I5011">
        <v>11846</v>
      </c>
      <c r="J5011" t="s">
        <v>699</v>
      </c>
      <c r="K5011">
        <v>10</v>
      </c>
      <c r="L5011" t="s">
        <v>1847</v>
      </c>
      <c r="M5011">
        <v>352</v>
      </c>
      <c r="N5011" t="s">
        <v>654</v>
      </c>
      <c r="O5011">
        <v>3</v>
      </c>
      <c r="P5011" t="s">
        <v>655</v>
      </c>
      <c r="Q5011">
        <v>1</v>
      </c>
      <c r="R5011" t="s">
        <v>669</v>
      </c>
      <c r="S5011">
        <v>1</v>
      </c>
      <c r="T5011" t="s">
        <v>3753</v>
      </c>
      <c r="U5011">
        <v>273</v>
      </c>
      <c r="V5011">
        <v>3</v>
      </c>
      <c r="W5011">
        <v>180</v>
      </c>
      <c r="X5011">
        <v>2020</v>
      </c>
    </row>
    <row r="5012" spans="1:24" x14ac:dyDescent="0.25">
      <c r="A5012">
        <v>5466</v>
      </c>
      <c r="B5012" t="s">
        <v>93</v>
      </c>
      <c r="C5012">
        <v>48</v>
      </c>
      <c r="D5012" t="s">
        <v>455</v>
      </c>
      <c r="E5012">
        <v>359</v>
      </c>
      <c r="F5012" t="s">
        <v>651</v>
      </c>
      <c r="G5012">
        <v>160</v>
      </c>
      <c r="H5012" t="s">
        <v>773</v>
      </c>
      <c r="I5012">
        <v>11846</v>
      </c>
      <c r="J5012" t="s">
        <v>699</v>
      </c>
      <c r="K5012">
        <v>10</v>
      </c>
      <c r="L5012" t="s">
        <v>3754</v>
      </c>
      <c r="M5012">
        <v>351</v>
      </c>
      <c r="N5012" t="s">
        <v>654</v>
      </c>
      <c r="O5012">
        <v>3</v>
      </c>
      <c r="P5012" t="s">
        <v>655</v>
      </c>
      <c r="Q5012">
        <v>1</v>
      </c>
      <c r="R5012" t="s">
        <v>669</v>
      </c>
      <c r="S5012">
        <v>1</v>
      </c>
      <c r="T5012" t="s">
        <v>3755</v>
      </c>
      <c r="U5012">
        <v>272</v>
      </c>
      <c r="V5012">
        <v>3</v>
      </c>
      <c r="W5012">
        <v>180</v>
      </c>
      <c r="X5012">
        <v>2020</v>
      </c>
    </row>
    <row r="5013" spans="1:24" x14ac:dyDescent="0.25">
      <c r="A5013">
        <v>5465</v>
      </c>
      <c r="B5013" t="s">
        <v>93</v>
      </c>
      <c r="C5013">
        <v>48</v>
      </c>
      <c r="D5013" t="s">
        <v>455</v>
      </c>
      <c r="E5013">
        <v>359</v>
      </c>
      <c r="F5013" t="s">
        <v>651</v>
      </c>
      <c r="G5013">
        <v>160</v>
      </c>
      <c r="H5013" t="s">
        <v>773</v>
      </c>
      <c r="I5013">
        <v>11846</v>
      </c>
      <c r="J5013" t="s">
        <v>699</v>
      </c>
      <c r="K5013">
        <v>10</v>
      </c>
      <c r="L5013" t="s">
        <v>720</v>
      </c>
      <c r="M5013">
        <v>350</v>
      </c>
      <c r="N5013" t="s">
        <v>654</v>
      </c>
      <c r="O5013">
        <v>3</v>
      </c>
      <c r="P5013" t="s">
        <v>655</v>
      </c>
      <c r="Q5013">
        <v>1</v>
      </c>
      <c r="R5013" t="s">
        <v>669</v>
      </c>
      <c r="S5013">
        <v>1</v>
      </c>
      <c r="T5013" t="s">
        <v>3756</v>
      </c>
      <c r="U5013">
        <v>287</v>
      </c>
      <c r="V5013">
        <v>3</v>
      </c>
      <c r="W5013">
        <v>180</v>
      </c>
      <c r="X5013">
        <v>2020</v>
      </c>
    </row>
    <row r="5014" spans="1:24" x14ac:dyDescent="0.25">
      <c r="A5014">
        <v>5464</v>
      </c>
      <c r="B5014" t="s">
        <v>93</v>
      </c>
      <c r="C5014">
        <v>48</v>
      </c>
      <c r="D5014" t="s">
        <v>455</v>
      </c>
      <c r="E5014">
        <v>359</v>
      </c>
      <c r="F5014" t="s">
        <v>651</v>
      </c>
      <c r="G5014">
        <v>160</v>
      </c>
      <c r="H5014" t="s">
        <v>773</v>
      </c>
      <c r="I5014">
        <v>11846</v>
      </c>
      <c r="J5014" t="s">
        <v>699</v>
      </c>
      <c r="K5014">
        <v>10</v>
      </c>
      <c r="L5014" t="s">
        <v>720</v>
      </c>
      <c r="M5014">
        <v>350</v>
      </c>
      <c r="N5014" t="s">
        <v>654</v>
      </c>
      <c r="O5014">
        <v>3</v>
      </c>
      <c r="P5014" t="s">
        <v>655</v>
      </c>
      <c r="Q5014">
        <v>1</v>
      </c>
      <c r="R5014" t="s">
        <v>669</v>
      </c>
      <c r="S5014">
        <v>1</v>
      </c>
      <c r="T5014" t="s">
        <v>722</v>
      </c>
      <c r="U5014">
        <v>281</v>
      </c>
      <c r="V5014">
        <v>3</v>
      </c>
      <c r="W5014">
        <v>180</v>
      </c>
      <c r="X5014">
        <v>2020</v>
      </c>
    </row>
    <row r="5015" spans="1:24" x14ac:dyDescent="0.25">
      <c r="A5015">
        <v>5463</v>
      </c>
      <c r="B5015" t="s">
        <v>93</v>
      </c>
      <c r="C5015">
        <v>48</v>
      </c>
      <c r="D5015" t="s">
        <v>455</v>
      </c>
      <c r="E5015">
        <v>359</v>
      </c>
      <c r="F5015" t="s">
        <v>651</v>
      </c>
      <c r="G5015">
        <v>160</v>
      </c>
      <c r="H5015" t="s">
        <v>773</v>
      </c>
      <c r="I5015">
        <v>11846</v>
      </c>
      <c r="J5015" t="s">
        <v>699</v>
      </c>
      <c r="K5015">
        <v>10</v>
      </c>
      <c r="L5015" t="s">
        <v>720</v>
      </c>
      <c r="M5015">
        <v>350</v>
      </c>
      <c r="N5015" t="s">
        <v>654</v>
      </c>
      <c r="O5015">
        <v>3</v>
      </c>
      <c r="P5015" t="s">
        <v>655</v>
      </c>
      <c r="Q5015">
        <v>1</v>
      </c>
      <c r="R5015" t="s">
        <v>669</v>
      </c>
      <c r="S5015">
        <v>1</v>
      </c>
      <c r="T5015" t="s">
        <v>723</v>
      </c>
      <c r="U5015">
        <v>278</v>
      </c>
      <c r="V5015">
        <v>3</v>
      </c>
      <c r="W5015">
        <v>180</v>
      </c>
      <c r="X5015">
        <v>2020</v>
      </c>
    </row>
    <row r="5016" spans="1:24" x14ac:dyDescent="0.25">
      <c r="A5016">
        <v>5462</v>
      </c>
      <c r="B5016" t="s">
        <v>93</v>
      </c>
      <c r="C5016">
        <v>48</v>
      </c>
      <c r="D5016" t="s">
        <v>455</v>
      </c>
      <c r="E5016">
        <v>359</v>
      </c>
      <c r="F5016" t="s">
        <v>651</v>
      </c>
      <c r="G5016">
        <v>160</v>
      </c>
      <c r="H5016" t="s">
        <v>773</v>
      </c>
      <c r="I5016">
        <v>11846</v>
      </c>
      <c r="J5016" t="s">
        <v>699</v>
      </c>
      <c r="K5016">
        <v>10</v>
      </c>
      <c r="L5016" t="s">
        <v>720</v>
      </c>
      <c r="M5016">
        <v>350</v>
      </c>
      <c r="N5016" t="s">
        <v>654</v>
      </c>
      <c r="O5016">
        <v>3</v>
      </c>
      <c r="P5016" t="s">
        <v>655</v>
      </c>
      <c r="Q5016">
        <v>1</v>
      </c>
      <c r="R5016" t="s">
        <v>669</v>
      </c>
      <c r="S5016">
        <v>1</v>
      </c>
      <c r="T5016" t="s">
        <v>724</v>
      </c>
      <c r="U5016">
        <v>279</v>
      </c>
      <c r="V5016">
        <v>3</v>
      </c>
      <c r="W5016">
        <v>180</v>
      </c>
      <c r="X5016">
        <v>2020</v>
      </c>
    </row>
    <row r="5017" spans="1:24" x14ac:dyDescent="0.25">
      <c r="A5017">
        <v>5461</v>
      </c>
      <c r="B5017" t="s">
        <v>93</v>
      </c>
      <c r="C5017">
        <v>48</v>
      </c>
      <c r="D5017" t="s">
        <v>455</v>
      </c>
      <c r="E5017">
        <v>359</v>
      </c>
      <c r="F5017" t="s">
        <v>651</v>
      </c>
      <c r="G5017">
        <v>160</v>
      </c>
      <c r="H5017" t="s">
        <v>773</v>
      </c>
      <c r="I5017">
        <v>11846</v>
      </c>
      <c r="J5017" t="s">
        <v>699</v>
      </c>
      <c r="K5017">
        <v>10</v>
      </c>
      <c r="L5017" t="s">
        <v>720</v>
      </c>
      <c r="M5017">
        <v>350</v>
      </c>
      <c r="N5017" t="s">
        <v>654</v>
      </c>
      <c r="O5017">
        <v>3</v>
      </c>
      <c r="P5017" t="s">
        <v>655</v>
      </c>
      <c r="Q5017">
        <v>1</v>
      </c>
      <c r="R5017" t="s">
        <v>669</v>
      </c>
      <c r="S5017">
        <v>1</v>
      </c>
      <c r="T5017" t="s">
        <v>725</v>
      </c>
      <c r="U5017">
        <v>280</v>
      </c>
      <c r="V5017">
        <v>3</v>
      </c>
      <c r="W5017">
        <v>180</v>
      </c>
      <c r="X5017">
        <v>2020</v>
      </c>
    </row>
    <row r="5018" spans="1:24" x14ac:dyDescent="0.25">
      <c r="A5018">
        <v>5460</v>
      </c>
      <c r="B5018" t="s">
        <v>93</v>
      </c>
      <c r="C5018">
        <v>48</v>
      </c>
      <c r="D5018" t="s">
        <v>455</v>
      </c>
      <c r="E5018">
        <v>359</v>
      </c>
      <c r="F5018" t="s">
        <v>651</v>
      </c>
      <c r="G5018">
        <v>160</v>
      </c>
      <c r="H5018" t="s">
        <v>773</v>
      </c>
      <c r="I5018">
        <v>11846</v>
      </c>
      <c r="J5018" t="s">
        <v>699</v>
      </c>
      <c r="K5018">
        <v>10</v>
      </c>
      <c r="L5018" t="s">
        <v>700</v>
      </c>
      <c r="M5018">
        <v>348</v>
      </c>
      <c r="N5018" t="s">
        <v>654</v>
      </c>
      <c r="O5018">
        <v>3</v>
      </c>
      <c r="P5018" t="s">
        <v>655</v>
      </c>
      <c r="Q5018">
        <v>1</v>
      </c>
      <c r="R5018" t="s">
        <v>669</v>
      </c>
      <c r="S5018">
        <v>1</v>
      </c>
      <c r="T5018" t="s">
        <v>3757</v>
      </c>
      <c r="U5018">
        <v>286</v>
      </c>
      <c r="V5018">
        <v>3</v>
      </c>
      <c r="W5018">
        <v>180</v>
      </c>
      <c r="X5018">
        <v>2020</v>
      </c>
    </row>
    <row r="5019" spans="1:24" x14ac:dyDescent="0.25">
      <c r="A5019">
        <v>5459</v>
      </c>
      <c r="B5019" t="s">
        <v>93</v>
      </c>
      <c r="C5019">
        <v>48</v>
      </c>
      <c r="D5019" t="s">
        <v>455</v>
      </c>
      <c r="E5019">
        <v>359</v>
      </c>
      <c r="F5019" t="s">
        <v>651</v>
      </c>
      <c r="G5019">
        <v>160</v>
      </c>
      <c r="H5019" t="s">
        <v>773</v>
      </c>
      <c r="I5019">
        <v>11846</v>
      </c>
      <c r="J5019" t="s">
        <v>699</v>
      </c>
      <c r="K5019">
        <v>10</v>
      </c>
      <c r="L5019" t="s">
        <v>700</v>
      </c>
      <c r="M5019">
        <v>348</v>
      </c>
      <c r="N5019" t="s">
        <v>654</v>
      </c>
      <c r="O5019">
        <v>3</v>
      </c>
      <c r="P5019" t="s">
        <v>655</v>
      </c>
      <c r="Q5019">
        <v>1</v>
      </c>
      <c r="R5019" t="s">
        <v>669</v>
      </c>
      <c r="S5019">
        <v>1</v>
      </c>
      <c r="T5019" t="s">
        <v>3758</v>
      </c>
      <c r="U5019">
        <v>285</v>
      </c>
      <c r="V5019">
        <v>3</v>
      </c>
      <c r="W5019">
        <v>180</v>
      </c>
      <c r="X5019">
        <v>2020</v>
      </c>
    </row>
    <row r="5020" spans="1:24" x14ac:dyDescent="0.25">
      <c r="A5020">
        <v>5458</v>
      </c>
      <c r="B5020" t="s">
        <v>93</v>
      </c>
      <c r="C5020">
        <v>48</v>
      </c>
      <c r="D5020" t="s">
        <v>455</v>
      </c>
      <c r="E5020">
        <v>359</v>
      </c>
      <c r="F5020" t="s">
        <v>651</v>
      </c>
      <c r="G5020">
        <v>160</v>
      </c>
      <c r="H5020" t="s">
        <v>773</v>
      </c>
      <c r="I5020">
        <v>11846</v>
      </c>
      <c r="J5020" t="s">
        <v>699</v>
      </c>
      <c r="K5020">
        <v>10</v>
      </c>
      <c r="L5020" t="s">
        <v>700</v>
      </c>
      <c r="M5020">
        <v>348</v>
      </c>
      <c r="N5020" t="s">
        <v>654</v>
      </c>
      <c r="O5020">
        <v>3</v>
      </c>
      <c r="P5020" t="s">
        <v>655</v>
      </c>
      <c r="Q5020">
        <v>1</v>
      </c>
      <c r="R5020" t="s">
        <v>669</v>
      </c>
      <c r="S5020">
        <v>1</v>
      </c>
      <c r="T5020" t="s">
        <v>3759</v>
      </c>
      <c r="U5020">
        <v>284</v>
      </c>
      <c r="V5020">
        <v>3</v>
      </c>
      <c r="W5020">
        <v>180</v>
      </c>
      <c r="X5020">
        <v>2020</v>
      </c>
    </row>
    <row r="5021" spans="1:24" x14ac:dyDescent="0.25">
      <c r="A5021">
        <v>5457</v>
      </c>
      <c r="B5021" t="s">
        <v>93</v>
      </c>
      <c r="C5021">
        <v>48</v>
      </c>
      <c r="D5021" t="s">
        <v>455</v>
      </c>
      <c r="E5021">
        <v>359</v>
      </c>
      <c r="F5021" t="s">
        <v>651</v>
      </c>
      <c r="G5021">
        <v>160</v>
      </c>
      <c r="H5021" t="s">
        <v>773</v>
      </c>
      <c r="I5021">
        <v>11846</v>
      </c>
      <c r="J5021" t="s">
        <v>699</v>
      </c>
      <c r="K5021">
        <v>10</v>
      </c>
      <c r="L5021" t="s">
        <v>700</v>
      </c>
      <c r="M5021">
        <v>348</v>
      </c>
      <c r="N5021" t="s">
        <v>654</v>
      </c>
      <c r="O5021">
        <v>3</v>
      </c>
      <c r="P5021" t="s">
        <v>655</v>
      </c>
      <c r="Q5021">
        <v>1</v>
      </c>
      <c r="R5021" t="s">
        <v>669</v>
      </c>
      <c r="S5021">
        <v>1</v>
      </c>
      <c r="T5021" t="s">
        <v>3760</v>
      </c>
      <c r="U5021">
        <v>283</v>
      </c>
      <c r="V5021">
        <v>3</v>
      </c>
      <c r="W5021">
        <v>180</v>
      </c>
      <c r="X5021">
        <v>2020</v>
      </c>
    </row>
    <row r="5022" spans="1:24" x14ac:dyDescent="0.25">
      <c r="A5022">
        <v>5456</v>
      </c>
      <c r="B5022" t="s">
        <v>93</v>
      </c>
      <c r="C5022">
        <v>48</v>
      </c>
      <c r="D5022" t="s">
        <v>455</v>
      </c>
      <c r="E5022">
        <v>359</v>
      </c>
      <c r="F5022" t="s">
        <v>651</v>
      </c>
      <c r="G5022">
        <v>160</v>
      </c>
      <c r="H5022" t="s">
        <v>773</v>
      </c>
      <c r="I5022">
        <v>11846</v>
      </c>
      <c r="J5022" t="s">
        <v>699</v>
      </c>
      <c r="K5022">
        <v>10</v>
      </c>
      <c r="L5022" t="s">
        <v>700</v>
      </c>
      <c r="M5022">
        <v>348</v>
      </c>
      <c r="N5022" t="s">
        <v>654</v>
      </c>
      <c r="O5022">
        <v>3</v>
      </c>
      <c r="P5022" t="s">
        <v>655</v>
      </c>
      <c r="Q5022">
        <v>1</v>
      </c>
      <c r="R5022" t="s">
        <v>669</v>
      </c>
      <c r="S5022">
        <v>1</v>
      </c>
      <c r="T5022" t="s">
        <v>3761</v>
      </c>
      <c r="U5022">
        <v>282</v>
      </c>
      <c r="V5022">
        <v>3</v>
      </c>
      <c r="W5022">
        <v>180</v>
      </c>
      <c r="X5022">
        <v>2020</v>
      </c>
    </row>
    <row r="5023" spans="1:24" x14ac:dyDescent="0.25">
      <c r="A5023">
        <v>5455</v>
      </c>
      <c r="B5023" t="s">
        <v>93</v>
      </c>
      <c r="C5023">
        <v>48</v>
      </c>
      <c r="D5023" t="s">
        <v>455</v>
      </c>
      <c r="E5023">
        <v>359</v>
      </c>
      <c r="F5023" t="s">
        <v>651</v>
      </c>
      <c r="G5023">
        <v>160</v>
      </c>
      <c r="H5023" t="s">
        <v>773</v>
      </c>
      <c r="I5023">
        <v>11846</v>
      </c>
      <c r="J5023" t="s">
        <v>699</v>
      </c>
      <c r="K5023">
        <v>10</v>
      </c>
      <c r="L5023" t="s">
        <v>700</v>
      </c>
      <c r="M5023">
        <v>348</v>
      </c>
      <c r="N5023" t="s">
        <v>654</v>
      </c>
      <c r="O5023">
        <v>3</v>
      </c>
      <c r="P5023" t="s">
        <v>655</v>
      </c>
      <c r="Q5023">
        <v>1</v>
      </c>
      <c r="R5023" t="s">
        <v>669</v>
      </c>
      <c r="S5023">
        <v>1</v>
      </c>
      <c r="T5023" t="s">
        <v>1840</v>
      </c>
      <c r="U5023">
        <v>75</v>
      </c>
      <c r="V5023">
        <v>3</v>
      </c>
      <c r="W5023">
        <v>180</v>
      </c>
      <c r="X5023">
        <v>2020</v>
      </c>
    </row>
    <row r="5024" spans="1:24" x14ac:dyDescent="0.25">
      <c r="A5024">
        <v>5454</v>
      </c>
      <c r="B5024" t="s">
        <v>93</v>
      </c>
      <c r="C5024">
        <v>48</v>
      </c>
      <c r="D5024" t="s">
        <v>455</v>
      </c>
      <c r="E5024">
        <v>359</v>
      </c>
      <c r="F5024" t="s">
        <v>651</v>
      </c>
      <c r="G5024">
        <v>160</v>
      </c>
      <c r="H5024" t="s">
        <v>773</v>
      </c>
      <c r="I5024">
        <v>11846</v>
      </c>
      <c r="J5024" t="s">
        <v>699</v>
      </c>
      <c r="K5024">
        <v>10</v>
      </c>
      <c r="L5024" t="s">
        <v>700</v>
      </c>
      <c r="M5024">
        <v>348</v>
      </c>
      <c r="N5024" t="s">
        <v>654</v>
      </c>
      <c r="O5024">
        <v>3</v>
      </c>
      <c r="P5024" t="s">
        <v>655</v>
      </c>
      <c r="Q5024">
        <v>1</v>
      </c>
      <c r="R5024" t="s">
        <v>669</v>
      </c>
      <c r="S5024">
        <v>1</v>
      </c>
      <c r="T5024" t="s">
        <v>1839</v>
      </c>
      <c r="U5024">
        <v>74</v>
      </c>
      <c r="V5024">
        <v>3</v>
      </c>
      <c r="W5024">
        <v>180</v>
      </c>
      <c r="X5024">
        <v>2020</v>
      </c>
    </row>
    <row r="5025" spans="1:24" x14ac:dyDescent="0.25">
      <c r="A5025">
        <v>5453</v>
      </c>
      <c r="B5025" t="s">
        <v>93</v>
      </c>
      <c r="C5025">
        <v>48</v>
      </c>
      <c r="D5025" t="s">
        <v>455</v>
      </c>
      <c r="E5025">
        <v>359</v>
      </c>
      <c r="F5025" t="s">
        <v>651</v>
      </c>
      <c r="G5025">
        <v>160</v>
      </c>
      <c r="H5025" t="s">
        <v>773</v>
      </c>
      <c r="I5025">
        <v>11846</v>
      </c>
      <c r="J5025" t="s">
        <v>699</v>
      </c>
      <c r="K5025">
        <v>10</v>
      </c>
      <c r="L5025" t="s">
        <v>700</v>
      </c>
      <c r="M5025">
        <v>348</v>
      </c>
      <c r="N5025" t="s">
        <v>654</v>
      </c>
      <c r="O5025">
        <v>3</v>
      </c>
      <c r="P5025" t="s">
        <v>655</v>
      </c>
      <c r="Q5025">
        <v>1</v>
      </c>
      <c r="R5025" t="s">
        <v>669</v>
      </c>
      <c r="S5025">
        <v>1</v>
      </c>
      <c r="T5025" t="s">
        <v>1838</v>
      </c>
      <c r="U5025">
        <v>72</v>
      </c>
      <c r="V5025">
        <v>3</v>
      </c>
      <c r="W5025">
        <v>180</v>
      </c>
      <c r="X5025">
        <v>2020</v>
      </c>
    </row>
    <row r="5026" spans="1:24" x14ac:dyDescent="0.25">
      <c r="A5026">
        <v>5452</v>
      </c>
      <c r="B5026" t="s">
        <v>93</v>
      </c>
      <c r="C5026">
        <v>48</v>
      </c>
      <c r="D5026" t="s">
        <v>455</v>
      </c>
      <c r="E5026">
        <v>359</v>
      </c>
      <c r="F5026" t="s">
        <v>651</v>
      </c>
      <c r="G5026">
        <v>160</v>
      </c>
      <c r="H5026" t="s">
        <v>773</v>
      </c>
      <c r="I5026">
        <v>11846</v>
      </c>
      <c r="J5026" t="s">
        <v>699</v>
      </c>
      <c r="K5026">
        <v>10</v>
      </c>
      <c r="L5026" t="s">
        <v>700</v>
      </c>
      <c r="M5026">
        <v>348</v>
      </c>
      <c r="N5026" t="s">
        <v>654</v>
      </c>
      <c r="O5026">
        <v>3</v>
      </c>
      <c r="P5026" t="s">
        <v>655</v>
      </c>
      <c r="Q5026">
        <v>1</v>
      </c>
      <c r="R5026" t="s">
        <v>669</v>
      </c>
      <c r="S5026">
        <v>1</v>
      </c>
      <c r="T5026" t="s">
        <v>1422</v>
      </c>
      <c r="U5026">
        <v>71</v>
      </c>
      <c r="V5026">
        <v>3</v>
      </c>
      <c r="W5026">
        <v>180</v>
      </c>
      <c r="X5026">
        <v>2020</v>
      </c>
    </row>
    <row r="5027" spans="1:24" x14ac:dyDescent="0.25">
      <c r="A5027">
        <v>5451</v>
      </c>
      <c r="B5027" t="s">
        <v>93</v>
      </c>
      <c r="C5027">
        <v>48</v>
      </c>
      <c r="D5027" t="s">
        <v>455</v>
      </c>
      <c r="E5027">
        <v>359</v>
      </c>
      <c r="F5027" t="s">
        <v>651</v>
      </c>
      <c r="G5027">
        <v>160</v>
      </c>
      <c r="H5027" t="s">
        <v>773</v>
      </c>
      <c r="I5027">
        <v>11846</v>
      </c>
      <c r="J5027" t="s">
        <v>699</v>
      </c>
      <c r="K5027">
        <v>10</v>
      </c>
      <c r="L5027" t="s">
        <v>700</v>
      </c>
      <c r="M5027">
        <v>348</v>
      </c>
      <c r="N5027" t="s">
        <v>654</v>
      </c>
      <c r="O5027">
        <v>3</v>
      </c>
      <c r="P5027" t="s">
        <v>655</v>
      </c>
      <c r="Q5027">
        <v>1</v>
      </c>
      <c r="R5027" t="s">
        <v>669</v>
      </c>
      <c r="S5027">
        <v>1</v>
      </c>
      <c r="T5027" t="s">
        <v>1837</v>
      </c>
      <c r="U5027">
        <v>70</v>
      </c>
      <c r="V5027">
        <v>3</v>
      </c>
      <c r="W5027">
        <v>180</v>
      </c>
      <c r="X5027">
        <v>2020</v>
      </c>
    </row>
    <row r="5028" spans="1:24" x14ac:dyDescent="0.25">
      <c r="A5028">
        <v>5450</v>
      </c>
      <c r="B5028" t="s">
        <v>93</v>
      </c>
      <c r="C5028">
        <v>48</v>
      </c>
      <c r="D5028" t="s">
        <v>455</v>
      </c>
      <c r="E5028">
        <v>359</v>
      </c>
      <c r="F5028" t="s">
        <v>651</v>
      </c>
      <c r="G5028">
        <v>160</v>
      </c>
      <c r="H5028" t="s">
        <v>773</v>
      </c>
      <c r="I5028">
        <v>11846</v>
      </c>
      <c r="J5028" t="s">
        <v>699</v>
      </c>
      <c r="K5028">
        <v>10</v>
      </c>
      <c r="L5028" t="s">
        <v>700</v>
      </c>
      <c r="M5028">
        <v>348</v>
      </c>
      <c r="N5028" t="s">
        <v>654</v>
      </c>
      <c r="O5028">
        <v>3</v>
      </c>
      <c r="P5028" t="s">
        <v>655</v>
      </c>
      <c r="Q5028">
        <v>1</v>
      </c>
      <c r="R5028" t="s">
        <v>669</v>
      </c>
      <c r="S5028">
        <v>1</v>
      </c>
      <c r="T5028" t="s">
        <v>1421</v>
      </c>
      <c r="U5028">
        <v>51</v>
      </c>
      <c r="V5028">
        <v>3</v>
      </c>
      <c r="W5028">
        <v>180</v>
      </c>
      <c r="X5028">
        <v>2020</v>
      </c>
    </row>
    <row r="5029" spans="1:24" x14ac:dyDescent="0.25">
      <c r="A5029">
        <v>5449</v>
      </c>
      <c r="B5029" t="s">
        <v>93</v>
      </c>
      <c r="C5029">
        <v>48</v>
      </c>
      <c r="D5029" t="s">
        <v>455</v>
      </c>
      <c r="E5029">
        <v>359</v>
      </c>
      <c r="F5029" t="s">
        <v>651</v>
      </c>
      <c r="G5029">
        <v>160</v>
      </c>
      <c r="H5029" t="s">
        <v>773</v>
      </c>
      <c r="I5029">
        <v>11846</v>
      </c>
      <c r="J5029" t="s">
        <v>699</v>
      </c>
      <c r="K5029">
        <v>10</v>
      </c>
      <c r="L5029" t="s">
        <v>700</v>
      </c>
      <c r="M5029">
        <v>348</v>
      </c>
      <c r="N5029" t="s">
        <v>654</v>
      </c>
      <c r="O5029">
        <v>3</v>
      </c>
      <c r="P5029" t="s">
        <v>655</v>
      </c>
      <c r="Q5029">
        <v>1</v>
      </c>
      <c r="R5029" t="s">
        <v>669</v>
      </c>
      <c r="S5029">
        <v>1</v>
      </c>
      <c r="T5029" t="s">
        <v>1486</v>
      </c>
      <c r="U5029">
        <v>50</v>
      </c>
      <c r="V5029">
        <v>3</v>
      </c>
      <c r="W5029">
        <v>180</v>
      </c>
      <c r="X5029">
        <v>2020</v>
      </c>
    </row>
    <row r="5030" spans="1:24" x14ac:dyDescent="0.25">
      <c r="A5030">
        <v>5448</v>
      </c>
      <c r="B5030" t="s">
        <v>93</v>
      </c>
      <c r="C5030">
        <v>48</v>
      </c>
      <c r="D5030" t="s">
        <v>455</v>
      </c>
      <c r="E5030">
        <v>359</v>
      </c>
      <c r="F5030" t="s">
        <v>651</v>
      </c>
      <c r="G5030">
        <v>160</v>
      </c>
      <c r="H5030" t="s">
        <v>773</v>
      </c>
      <c r="I5030">
        <v>11846</v>
      </c>
      <c r="J5030" t="s">
        <v>699</v>
      </c>
      <c r="K5030">
        <v>10</v>
      </c>
      <c r="L5030" t="s">
        <v>700</v>
      </c>
      <c r="M5030">
        <v>348</v>
      </c>
      <c r="N5030" t="s">
        <v>654</v>
      </c>
      <c r="O5030">
        <v>3</v>
      </c>
      <c r="P5030" t="s">
        <v>655</v>
      </c>
      <c r="Q5030">
        <v>1</v>
      </c>
      <c r="R5030" t="s">
        <v>669</v>
      </c>
      <c r="S5030">
        <v>1</v>
      </c>
      <c r="T5030" t="s">
        <v>1423</v>
      </c>
      <c r="U5030">
        <v>47</v>
      </c>
      <c r="V5030">
        <v>3</v>
      </c>
      <c r="W5030">
        <v>180</v>
      </c>
      <c r="X5030">
        <v>2020</v>
      </c>
    </row>
    <row r="5031" spans="1:24" x14ac:dyDescent="0.25">
      <c r="A5031">
        <v>5447</v>
      </c>
      <c r="B5031" t="s">
        <v>93</v>
      </c>
      <c r="C5031">
        <v>48</v>
      </c>
      <c r="D5031" t="s">
        <v>455</v>
      </c>
      <c r="E5031">
        <v>359</v>
      </c>
      <c r="F5031" t="s">
        <v>651</v>
      </c>
      <c r="G5031">
        <v>160</v>
      </c>
      <c r="H5031" t="s">
        <v>773</v>
      </c>
      <c r="I5031">
        <v>11846</v>
      </c>
      <c r="J5031" t="s">
        <v>699</v>
      </c>
      <c r="K5031">
        <v>10</v>
      </c>
      <c r="L5031" t="s">
        <v>700</v>
      </c>
      <c r="M5031">
        <v>348</v>
      </c>
      <c r="N5031" t="s">
        <v>654</v>
      </c>
      <c r="O5031">
        <v>3</v>
      </c>
      <c r="P5031" t="s">
        <v>655</v>
      </c>
      <c r="Q5031">
        <v>1</v>
      </c>
      <c r="R5031" t="s">
        <v>669</v>
      </c>
      <c r="S5031">
        <v>1</v>
      </c>
      <c r="T5031" t="s">
        <v>1035</v>
      </c>
      <c r="U5031">
        <v>46</v>
      </c>
      <c r="V5031">
        <v>3</v>
      </c>
      <c r="W5031">
        <v>180</v>
      </c>
      <c r="X5031">
        <v>2020</v>
      </c>
    </row>
    <row r="5032" spans="1:24" x14ac:dyDescent="0.25">
      <c r="A5032">
        <v>5446</v>
      </c>
      <c r="B5032" t="s">
        <v>93</v>
      </c>
      <c r="C5032">
        <v>48</v>
      </c>
      <c r="D5032" t="s">
        <v>455</v>
      </c>
      <c r="E5032">
        <v>359</v>
      </c>
      <c r="F5032" t="s">
        <v>651</v>
      </c>
      <c r="G5032">
        <v>160</v>
      </c>
      <c r="H5032" t="s">
        <v>773</v>
      </c>
      <c r="I5032">
        <v>11846</v>
      </c>
      <c r="J5032" t="s">
        <v>699</v>
      </c>
      <c r="K5032">
        <v>10</v>
      </c>
      <c r="L5032" t="s">
        <v>700</v>
      </c>
      <c r="M5032">
        <v>348</v>
      </c>
      <c r="N5032" t="s">
        <v>654</v>
      </c>
      <c r="O5032">
        <v>3</v>
      </c>
      <c r="P5032" t="s">
        <v>655</v>
      </c>
      <c r="Q5032">
        <v>1</v>
      </c>
      <c r="R5032" t="s">
        <v>669</v>
      </c>
      <c r="S5032">
        <v>1</v>
      </c>
      <c r="T5032" t="s">
        <v>1504</v>
      </c>
      <c r="U5032">
        <v>63</v>
      </c>
      <c r="V5032">
        <v>3</v>
      </c>
      <c r="W5032">
        <v>180</v>
      </c>
      <c r="X5032">
        <v>2020</v>
      </c>
    </row>
    <row r="5033" spans="1:24" x14ac:dyDescent="0.25">
      <c r="A5033">
        <v>5445</v>
      </c>
      <c r="B5033" t="s">
        <v>93</v>
      </c>
      <c r="C5033">
        <v>48</v>
      </c>
      <c r="D5033" t="s">
        <v>455</v>
      </c>
      <c r="E5033">
        <v>359</v>
      </c>
      <c r="F5033" t="s">
        <v>651</v>
      </c>
      <c r="G5033">
        <v>160</v>
      </c>
      <c r="H5033" t="s">
        <v>773</v>
      </c>
      <c r="I5033">
        <v>11846</v>
      </c>
      <c r="J5033" t="s">
        <v>699</v>
      </c>
      <c r="K5033">
        <v>10</v>
      </c>
      <c r="L5033" t="s">
        <v>700</v>
      </c>
      <c r="M5033">
        <v>348</v>
      </c>
      <c r="N5033" t="s">
        <v>654</v>
      </c>
      <c r="O5033">
        <v>3</v>
      </c>
      <c r="P5033" t="s">
        <v>655</v>
      </c>
      <c r="Q5033">
        <v>1</v>
      </c>
      <c r="R5033" t="s">
        <v>669</v>
      </c>
      <c r="S5033">
        <v>1</v>
      </c>
      <c r="T5033" t="s">
        <v>1424</v>
      </c>
      <c r="U5033">
        <v>62</v>
      </c>
      <c r="V5033">
        <v>3</v>
      </c>
      <c r="W5033">
        <v>180</v>
      </c>
      <c r="X5033">
        <v>2020</v>
      </c>
    </row>
    <row r="5034" spans="1:24" x14ac:dyDescent="0.25">
      <c r="A5034">
        <v>5444</v>
      </c>
      <c r="B5034" t="s">
        <v>93</v>
      </c>
      <c r="C5034">
        <v>48</v>
      </c>
      <c r="D5034" t="s">
        <v>455</v>
      </c>
      <c r="E5034">
        <v>359</v>
      </c>
      <c r="F5034" t="s">
        <v>651</v>
      </c>
      <c r="G5034">
        <v>160</v>
      </c>
      <c r="H5034" t="s">
        <v>773</v>
      </c>
      <c r="I5034">
        <v>11846</v>
      </c>
      <c r="J5034" t="s">
        <v>699</v>
      </c>
      <c r="K5034">
        <v>10</v>
      </c>
      <c r="L5034" t="s">
        <v>700</v>
      </c>
      <c r="M5034">
        <v>348</v>
      </c>
      <c r="N5034" t="s">
        <v>654</v>
      </c>
      <c r="O5034">
        <v>3</v>
      </c>
      <c r="P5034" t="s">
        <v>655</v>
      </c>
      <c r="Q5034">
        <v>1</v>
      </c>
      <c r="R5034" t="s">
        <v>669</v>
      </c>
      <c r="S5034">
        <v>1</v>
      </c>
      <c r="T5034" t="s">
        <v>1000</v>
      </c>
      <c r="U5034">
        <v>60</v>
      </c>
      <c r="V5034">
        <v>3</v>
      </c>
      <c r="W5034">
        <v>180</v>
      </c>
      <c r="X5034">
        <v>2020</v>
      </c>
    </row>
    <row r="5035" spans="1:24" x14ac:dyDescent="0.25">
      <c r="A5035">
        <v>5443</v>
      </c>
      <c r="B5035" t="s">
        <v>93</v>
      </c>
      <c r="C5035">
        <v>48</v>
      </c>
      <c r="D5035" t="s">
        <v>455</v>
      </c>
      <c r="E5035">
        <v>359</v>
      </c>
      <c r="F5035" t="s">
        <v>651</v>
      </c>
      <c r="G5035">
        <v>160</v>
      </c>
      <c r="H5035" t="s">
        <v>773</v>
      </c>
      <c r="I5035">
        <v>11846</v>
      </c>
      <c r="J5035" t="s">
        <v>699</v>
      </c>
      <c r="K5035">
        <v>10</v>
      </c>
      <c r="L5035" t="s">
        <v>700</v>
      </c>
      <c r="M5035">
        <v>348</v>
      </c>
      <c r="N5035" t="s">
        <v>654</v>
      </c>
      <c r="O5035">
        <v>3</v>
      </c>
      <c r="P5035" t="s">
        <v>655</v>
      </c>
      <c r="Q5035">
        <v>1</v>
      </c>
      <c r="R5035" t="s">
        <v>669</v>
      </c>
      <c r="S5035">
        <v>1</v>
      </c>
      <c r="T5035" t="s">
        <v>942</v>
      </c>
      <c r="U5035">
        <v>58</v>
      </c>
      <c r="V5035">
        <v>3</v>
      </c>
      <c r="W5035">
        <v>180</v>
      </c>
      <c r="X5035">
        <v>2020</v>
      </c>
    </row>
    <row r="5036" spans="1:24" x14ac:dyDescent="0.25">
      <c r="A5036">
        <v>5442</v>
      </c>
      <c r="B5036" t="s">
        <v>93</v>
      </c>
      <c r="C5036">
        <v>48</v>
      </c>
      <c r="D5036" t="s">
        <v>455</v>
      </c>
      <c r="E5036">
        <v>359</v>
      </c>
      <c r="F5036" t="s">
        <v>651</v>
      </c>
      <c r="G5036">
        <v>160</v>
      </c>
      <c r="H5036" t="s">
        <v>773</v>
      </c>
      <c r="I5036">
        <v>11846</v>
      </c>
      <c r="J5036" t="s">
        <v>699</v>
      </c>
      <c r="K5036">
        <v>10</v>
      </c>
      <c r="L5036" t="s">
        <v>700</v>
      </c>
      <c r="M5036">
        <v>348</v>
      </c>
      <c r="N5036" t="s">
        <v>654</v>
      </c>
      <c r="O5036">
        <v>3</v>
      </c>
      <c r="P5036" t="s">
        <v>655</v>
      </c>
      <c r="Q5036">
        <v>1</v>
      </c>
      <c r="R5036" t="s">
        <v>669</v>
      </c>
      <c r="S5036">
        <v>1</v>
      </c>
      <c r="T5036" t="s">
        <v>702</v>
      </c>
      <c r="U5036">
        <v>39</v>
      </c>
      <c r="V5036">
        <v>3</v>
      </c>
      <c r="W5036">
        <v>180</v>
      </c>
      <c r="X5036">
        <v>2020</v>
      </c>
    </row>
    <row r="5037" spans="1:24" x14ac:dyDescent="0.25">
      <c r="A5037">
        <v>5441</v>
      </c>
      <c r="B5037" t="s">
        <v>93</v>
      </c>
      <c r="C5037">
        <v>48</v>
      </c>
      <c r="D5037" t="s">
        <v>455</v>
      </c>
      <c r="E5037">
        <v>359</v>
      </c>
      <c r="F5037" t="s">
        <v>651</v>
      </c>
      <c r="G5037">
        <v>160</v>
      </c>
      <c r="H5037" t="s">
        <v>773</v>
      </c>
      <c r="I5037">
        <v>11846</v>
      </c>
      <c r="J5037" t="s">
        <v>699</v>
      </c>
      <c r="K5037">
        <v>10</v>
      </c>
      <c r="L5037" t="s">
        <v>700</v>
      </c>
      <c r="M5037">
        <v>348</v>
      </c>
      <c r="N5037" t="s">
        <v>654</v>
      </c>
      <c r="O5037">
        <v>3</v>
      </c>
      <c r="P5037" t="s">
        <v>655</v>
      </c>
      <c r="Q5037">
        <v>1</v>
      </c>
      <c r="R5037" t="s">
        <v>669</v>
      </c>
      <c r="S5037">
        <v>1</v>
      </c>
      <c r="T5037" t="s">
        <v>701</v>
      </c>
      <c r="U5037">
        <v>38</v>
      </c>
      <c r="V5037">
        <v>3</v>
      </c>
      <c r="W5037">
        <v>180</v>
      </c>
      <c r="X5037">
        <v>2020</v>
      </c>
    </row>
    <row r="5038" spans="1:24" x14ac:dyDescent="0.25">
      <c r="A5038">
        <v>5440</v>
      </c>
      <c r="B5038" t="s">
        <v>93</v>
      </c>
      <c r="C5038">
        <v>48</v>
      </c>
      <c r="D5038" t="s">
        <v>455</v>
      </c>
      <c r="E5038">
        <v>359</v>
      </c>
      <c r="F5038" t="s">
        <v>651</v>
      </c>
      <c r="G5038">
        <v>160</v>
      </c>
      <c r="H5038" t="s">
        <v>773</v>
      </c>
      <c r="I5038">
        <v>11846</v>
      </c>
      <c r="J5038" t="s">
        <v>699</v>
      </c>
      <c r="K5038">
        <v>10</v>
      </c>
      <c r="L5038" t="s">
        <v>700</v>
      </c>
      <c r="M5038">
        <v>348</v>
      </c>
      <c r="N5038" t="s">
        <v>654</v>
      </c>
      <c r="O5038">
        <v>3</v>
      </c>
      <c r="P5038" t="s">
        <v>655</v>
      </c>
      <c r="Q5038">
        <v>1</v>
      </c>
      <c r="R5038" t="s">
        <v>669</v>
      </c>
      <c r="S5038">
        <v>1</v>
      </c>
      <c r="T5038" t="s">
        <v>1010</v>
      </c>
      <c r="U5038">
        <v>36</v>
      </c>
      <c r="V5038">
        <v>3</v>
      </c>
      <c r="W5038">
        <v>180</v>
      </c>
      <c r="X5038">
        <v>2020</v>
      </c>
    </row>
    <row r="5039" spans="1:24" x14ac:dyDescent="0.25">
      <c r="A5039">
        <v>5439</v>
      </c>
      <c r="B5039" t="s">
        <v>93</v>
      </c>
      <c r="C5039">
        <v>48</v>
      </c>
      <c r="D5039" t="s">
        <v>455</v>
      </c>
      <c r="E5039">
        <v>359</v>
      </c>
      <c r="F5039" t="s">
        <v>651</v>
      </c>
      <c r="G5039">
        <v>160</v>
      </c>
      <c r="H5039" t="s">
        <v>773</v>
      </c>
      <c r="I5039">
        <v>11846</v>
      </c>
      <c r="J5039" t="s">
        <v>699</v>
      </c>
      <c r="K5039">
        <v>10</v>
      </c>
      <c r="L5039" t="s">
        <v>700</v>
      </c>
      <c r="M5039">
        <v>348</v>
      </c>
      <c r="N5039" t="s">
        <v>654</v>
      </c>
      <c r="O5039">
        <v>3</v>
      </c>
      <c r="P5039" t="s">
        <v>655</v>
      </c>
      <c r="Q5039">
        <v>1</v>
      </c>
      <c r="R5039" t="s">
        <v>669</v>
      </c>
      <c r="S5039">
        <v>1</v>
      </c>
      <c r="T5039" t="s">
        <v>1009</v>
      </c>
      <c r="U5039">
        <v>35</v>
      </c>
      <c r="V5039">
        <v>3</v>
      </c>
      <c r="W5039">
        <v>180</v>
      </c>
      <c r="X5039">
        <v>2020</v>
      </c>
    </row>
    <row r="5040" spans="1:24" x14ac:dyDescent="0.25">
      <c r="A5040">
        <v>5437</v>
      </c>
      <c r="B5040" t="s">
        <v>93</v>
      </c>
      <c r="C5040">
        <v>48</v>
      </c>
      <c r="D5040" t="s">
        <v>455</v>
      </c>
      <c r="E5040">
        <v>359</v>
      </c>
      <c r="F5040" t="s">
        <v>651</v>
      </c>
      <c r="G5040">
        <v>160</v>
      </c>
      <c r="H5040" t="s">
        <v>773</v>
      </c>
      <c r="I5040">
        <v>11846</v>
      </c>
      <c r="J5040" t="s">
        <v>699</v>
      </c>
      <c r="K5040">
        <v>10</v>
      </c>
      <c r="L5040" t="s">
        <v>1241</v>
      </c>
      <c r="M5040">
        <v>346</v>
      </c>
      <c r="N5040" t="s">
        <v>654</v>
      </c>
      <c r="O5040">
        <v>3</v>
      </c>
      <c r="P5040" t="s">
        <v>655</v>
      </c>
      <c r="Q5040">
        <v>1</v>
      </c>
      <c r="R5040" t="s">
        <v>669</v>
      </c>
      <c r="S5040">
        <v>1</v>
      </c>
      <c r="T5040" t="s">
        <v>3762</v>
      </c>
      <c r="U5040">
        <v>288</v>
      </c>
      <c r="V5040">
        <v>3</v>
      </c>
      <c r="W5040">
        <v>180</v>
      </c>
      <c r="X5040">
        <v>2020</v>
      </c>
    </row>
    <row r="5041" spans="1:24" x14ac:dyDescent="0.25">
      <c r="A5041">
        <v>5436</v>
      </c>
      <c r="B5041" t="s">
        <v>93</v>
      </c>
      <c r="C5041">
        <v>48</v>
      </c>
      <c r="D5041" t="s">
        <v>455</v>
      </c>
      <c r="E5041">
        <v>359</v>
      </c>
      <c r="F5041" t="s">
        <v>651</v>
      </c>
      <c r="G5041">
        <v>160</v>
      </c>
      <c r="H5041" t="s">
        <v>773</v>
      </c>
      <c r="I5041">
        <v>11846</v>
      </c>
      <c r="J5041" t="s">
        <v>699</v>
      </c>
      <c r="K5041">
        <v>10</v>
      </c>
      <c r="L5041" t="s">
        <v>1241</v>
      </c>
      <c r="M5041">
        <v>346</v>
      </c>
      <c r="N5041" t="s">
        <v>654</v>
      </c>
      <c r="O5041">
        <v>3</v>
      </c>
      <c r="P5041" t="s">
        <v>655</v>
      </c>
      <c r="Q5041">
        <v>1</v>
      </c>
      <c r="R5041" t="s">
        <v>669</v>
      </c>
      <c r="S5041">
        <v>1</v>
      </c>
      <c r="T5041" t="s">
        <v>1443</v>
      </c>
      <c r="U5041">
        <v>73</v>
      </c>
      <c r="V5041">
        <v>3</v>
      </c>
      <c r="W5041">
        <v>180</v>
      </c>
      <c r="X5041">
        <v>2020</v>
      </c>
    </row>
    <row r="5042" spans="1:24" x14ac:dyDescent="0.25">
      <c r="A5042">
        <v>5435</v>
      </c>
      <c r="B5042" t="s">
        <v>93</v>
      </c>
      <c r="C5042">
        <v>48</v>
      </c>
      <c r="D5042" t="s">
        <v>455</v>
      </c>
      <c r="E5042">
        <v>359</v>
      </c>
      <c r="F5042" t="s">
        <v>651</v>
      </c>
      <c r="G5042">
        <v>160</v>
      </c>
      <c r="H5042" t="s">
        <v>773</v>
      </c>
      <c r="I5042">
        <v>11846</v>
      </c>
      <c r="J5042" t="s">
        <v>699</v>
      </c>
      <c r="K5042">
        <v>10</v>
      </c>
      <c r="L5042" t="s">
        <v>1241</v>
      </c>
      <c r="M5042">
        <v>346</v>
      </c>
      <c r="N5042" t="s">
        <v>654</v>
      </c>
      <c r="O5042">
        <v>3</v>
      </c>
      <c r="P5042" t="s">
        <v>655</v>
      </c>
      <c r="Q5042">
        <v>1</v>
      </c>
      <c r="R5042" t="s">
        <v>669</v>
      </c>
      <c r="S5042">
        <v>1</v>
      </c>
      <c r="T5042" t="s">
        <v>1754</v>
      </c>
      <c r="U5042">
        <v>48</v>
      </c>
      <c r="V5042">
        <v>3</v>
      </c>
      <c r="W5042">
        <v>180</v>
      </c>
      <c r="X5042">
        <v>2020</v>
      </c>
    </row>
    <row r="5043" spans="1:24" x14ac:dyDescent="0.25">
      <c r="A5043">
        <v>5434</v>
      </c>
      <c r="B5043" t="s">
        <v>93</v>
      </c>
      <c r="C5043">
        <v>48</v>
      </c>
      <c r="D5043" t="s">
        <v>455</v>
      </c>
      <c r="E5043">
        <v>359</v>
      </c>
      <c r="F5043" t="s">
        <v>651</v>
      </c>
      <c r="G5043">
        <v>160</v>
      </c>
      <c r="H5043" t="s">
        <v>773</v>
      </c>
      <c r="I5043">
        <v>11846</v>
      </c>
      <c r="J5043" t="s">
        <v>699</v>
      </c>
      <c r="K5043">
        <v>10</v>
      </c>
      <c r="L5043" t="s">
        <v>1241</v>
      </c>
      <c r="M5043">
        <v>346</v>
      </c>
      <c r="N5043" t="s">
        <v>654</v>
      </c>
      <c r="O5043">
        <v>3</v>
      </c>
      <c r="P5043" t="s">
        <v>655</v>
      </c>
      <c r="Q5043">
        <v>1</v>
      </c>
      <c r="R5043" t="s">
        <v>669</v>
      </c>
      <c r="S5043">
        <v>1</v>
      </c>
      <c r="T5043" t="s">
        <v>1505</v>
      </c>
      <c r="U5043">
        <v>59</v>
      </c>
      <c r="V5043">
        <v>3</v>
      </c>
      <c r="W5043">
        <v>180</v>
      </c>
      <c r="X5043">
        <v>2020</v>
      </c>
    </row>
    <row r="5044" spans="1:24" x14ac:dyDescent="0.25">
      <c r="A5044">
        <v>5433</v>
      </c>
      <c r="B5044" t="s">
        <v>93</v>
      </c>
      <c r="C5044">
        <v>48</v>
      </c>
      <c r="D5044" t="s">
        <v>455</v>
      </c>
      <c r="E5044">
        <v>359</v>
      </c>
      <c r="F5044" t="s">
        <v>651</v>
      </c>
      <c r="G5044">
        <v>160</v>
      </c>
      <c r="H5044" t="s">
        <v>773</v>
      </c>
      <c r="I5044">
        <v>11846</v>
      </c>
      <c r="J5044" t="s">
        <v>699</v>
      </c>
      <c r="K5044">
        <v>10</v>
      </c>
      <c r="L5044" t="s">
        <v>1241</v>
      </c>
      <c r="M5044">
        <v>346</v>
      </c>
      <c r="N5044" t="s">
        <v>654</v>
      </c>
      <c r="O5044">
        <v>3</v>
      </c>
      <c r="P5044" t="s">
        <v>655</v>
      </c>
      <c r="Q5044">
        <v>1</v>
      </c>
      <c r="R5044" t="s">
        <v>669</v>
      </c>
      <c r="S5044">
        <v>1</v>
      </c>
      <c r="T5044" t="s">
        <v>1419</v>
      </c>
      <c r="U5044">
        <v>34</v>
      </c>
      <c r="V5044">
        <v>3</v>
      </c>
      <c r="W5044">
        <v>180</v>
      </c>
      <c r="X5044">
        <v>2020</v>
      </c>
    </row>
    <row r="5045" spans="1:24" x14ac:dyDescent="0.25">
      <c r="A5045">
        <v>5432</v>
      </c>
      <c r="B5045" t="s">
        <v>186</v>
      </c>
      <c r="C5045">
        <v>47</v>
      </c>
      <c r="D5045" t="s">
        <v>460</v>
      </c>
      <c r="E5045">
        <v>354</v>
      </c>
      <c r="F5045" t="s">
        <v>651</v>
      </c>
      <c r="G5045">
        <v>160</v>
      </c>
      <c r="H5045" t="s">
        <v>773</v>
      </c>
      <c r="I5045">
        <v>11846</v>
      </c>
      <c r="J5045" t="s">
        <v>880</v>
      </c>
      <c r="K5045">
        <v>58</v>
      </c>
      <c r="L5045" t="s">
        <v>1679</v>
      </c>
      <c r="M5045">
        <v>517</v>
      </c>
      <c r="N5045" t="s">
        <v>654</v>
      </c>
      <c r="O5045">
        <v>3</v>
      </c>
      <c r="P5045" t="s">
        <v>655</v>
      </c>
      <c r="Q5045">
        <v>1</v>
      </c>
      <c r="R5045" t="s">
        <v>669</v>
      </c>
      <c r="S5045">
        <v>1</v>
      </c>
      <c r="T5045" t="s">
        <v>661</v>
      </c>
      <c r="U5045">
        <v>8</v>
      </c>
      <c r="V5045">
        <v>4</v>
      </c>
      <c r="W5045">
        <v>240</v>
      </c>
      <c r="X5045">
        <v>2020</v>
      </c>
    </row>
    <row r="5046" spans="1:24" x14ac:dyDescent="0.25">
      <c r="A5046">
        <v>5427</v>
      </c>
      <c r="B5046" t="s">
        <v>215</v>
      </c>
      <c r="C5046">
        <v>41</v>
      </c>
      <c r="D5046" t="s">
        <v>342</v>
      </c>
      <c r="E5046">
        <v>636</v>
      </c>
      <c r="F5046" t="s">
        <v>651</v>
      </c>
      <c r="G5046">
        <v>160</v>
      </c>
      <c r="H5046" t="s">
        <v>1207</v>
      </c>
      <c r="I5046">
        <v>5188</v>
      </c>
      <c r="J5046" t="s">
        <v>699</v>
      </c>
      <c r="K5046">
        <v>10</v>
      </c>
      <c r="L5046" t="s">
        <v>1096</v>
      </c>
      <c r="M5046">
        <v>341</v>
      </c>
      <c r="N5046" t="s">
        <v>654</v>
      </c>
      <c r="O5046">
        <v>3</v>
      </c>
      <c r="P5046" t="s">
        <v>655</v>
      </c>
      <c r="Q5046">
        <v>1</v>
      </c>
      <c r="R5046" t="s">
        <v>669</v>
      </c>
      <c r="S5046">
        <v>1</v>
      </c>
      <c r="T5046" t="s">
        <v>1611</v>
      </c>
      <c r="U5046">
        <v>11</v>
      </c>
      <c r="V5046">
        <v>3</v>
      </c>
      <c r="W5046">
        <v>180</v>
      </c>
      <c r="X5046">
        <v>2020</v>
      </c>
    </row>
    <row r="5047" spans="1:24" x14ac:dyDescent="0.25">
      <c r="A5047">
        <v>5426</v>
      </c>
      <c r="B5047" t="s">
        <v>215</v>
      </c>
      <c r="C5047">
        <v>41</v>
      </c>
      <c r="D5047" t="s">
        <v>342</v>
      </c>
      <c r="E5047">
        <v>636</v>
      </c>
      <c r="F5047" t="s">
        <v>651</v>
      </c>
      <c r="G5047">
        <v>160</v>
      </c>
      <c r="H5047" t="s">
        <v>1207</v>
      </c>
      <c r="I5047">
        <v>5188</v>
      </c>
      <c r="J5047" t="s">
        <v>699</v>
      </c>
      <c r="K5047">
        <v>10</v>
      </c>
      <c r="L5047" t="s">
        <v>1096</v>
      </c>
      <c r="M5047">
        <v>341</v>
      </c>
      <c r="N5047" t="s">
        <v>654</v>
      </c>
      <c r="O5047">
        <v>3</v>
      </c>
      <c r="P5047" t="s">
        <v>655</v>
      </c>
      <c r="Q5047">
        <v>1</v>
      </c>
      <c r="R5047" t="s">
        <v>669</v>
      </c>
      <c r="S5047">
        <v>1</v>
      </c>
      <c r="T5047" t="s">
        <v>1295</v>
      </c>
      <c r="U5047">
        <v>10</v>
      </c>
      <c r="V5047">
        <v>3</v>
      </c>
      <c r="W5047">
        <v>180</v>
      </c>
      <c r="X5047">
        <v>2020</v>
      </c>
    </row>
    <row r="5048" spans="1:24" x14ac:dyDescent="0.25">
      <c r="A5048">
        <v>5425</v>
      </c>
      <c r="B5048" t="s">
        <v>247</v>
      </c>
      <c r="C5048">
        <v>39</v>
      </c>
      <c r="D5048" t="s">
        <v>311</v>
      </c>
      <c r="E5048">
        <v>602</v>
      </c>
      <c r="F5048" t="s">
        <v>651</v>
      </c>
      <c r="G5048">
        <v>160</v>
      </c>
      <c r="H5048" t="s">
        <v>817</v>
      </c>
      <c r="I5048">
        <v>11010</v>
      </c>
      <c r="J5048" t="s">
        <v>659</v>
      </c>
      <c r="K5048">
        <v>35</v>
      </c>
      <c r="L5048" t="s">
        <v>1049</v>
      </c>
      <c r="M5048">
        <v>115</v>
      </c>
      <c r="N5048" t="s">
        <v>654</v>
      </c>
      <c r="O5048">
        <v>3</v>
      </c>
      <c r="P5048" t="s">
        <v>655</v>
      </c>
      <c r="Q5048">
        <v>1</v>
      </c>
      <c r="R5048" t="s">
        <v>669</v>
      </c>
      <c r="S5048">
        <v>1</v>
      </c>
      <c r="T5048" t="s">
        <v>661</v>
      </c>
      <c r="U5048">
        <v>8</v>
      </c>
      <c r="V5048">
        <v>3</v>
      </c>
      <c r="W5048">
        <v>180</v>
      </c>
      <c r="X5048">
        <v>2020</v>
      </c>
    </row>
    <row r="5049" spans="1:24" x14ac:dyDescent="0.25">
      <c r="A5049">
        <v>5421</v>
      </c>
      <c r="B5049" t="s">
        <v>247</v>
      </c>
      <c r="C5049">
        <v>39</v>
      </c>
      <c r="D5049" t="s">
        <v>490</v>
      </c>
      <c r="E5049">
        <v>299</v>
      </c>
      <c r="F5049" t="s">
        <v>651</v>
      </c>
      <c r="G5049">
        <v>160</v>
      </c>
      <c r="H5049" t="s">
        <v>817</v>
      </c>
      <c r="I5049">
        <v>11010</v>
      </c>
      <c r="J5049" t="s">
        <v>699</v>
      </c>
      <c r="K5049">
        <v>10</v>
      </c>
      <c r="L5049" t="s">
        <v>700</v>
      </c>
      <c r="M5049">
        <v>348</v>
      </c>
      <c r="N5049" t="s">
        <v>654</v>
      </c>
      <c r="O5049">
        <v>3</v>
      </c>
      <c r="P5049" t="s">
        <v>655</v>
      </c>
      <c r="Q5049">
        <v>1</v>
      </c>
      <c r="R5049" t="s">
        <v>669</v>
      </c>
      <c r="S5049">
        <v>1</v>
      </c>
      <c r="T5049" t="s">
        <v>1423</v>
      </c>
      <c r="U5049">
        <v>47</v>
      </c>
      <c r="V5049">
        <v>3</v>
      </c>
      <c r="W5049">
        <v>180</v>
      </c>
      <c r="X5049">
        <v>2020</v>
      </c>
    </row>
    <row r="5050" spans="1:24" x14ac:dyDescent="0.25">
      <c r="A5050">
        <v>5420</v>
      </c>
      <c r="B5050" t="s">
        <v>247</v>
      </c>
      <c r="C5050">
        <v>39</v>
      </c>
      <c r="D5050" t="s">
        <v>490</v>
      </c>
      <c r="E5050">
        <v>299</v>
      </c>
      <c r="F5050" t="s">
        <v>651</v>
      </c>
      <c r="G5050">
        <v>160</v>
      </c>
      <c r="H5050" t="s">
        <v>817</v>
      </c>
      <c r="I5050">
        <v>11010</v>
      </c>
      <c r="J5050" t="s">
        <v>699</v>
      </c>
      <c r="K5050">
        <v>10</v>
      </c>
      <c r="L5050" t="s">
        <v>700</v>
      </c>
      <c r="M5050">
        <v>348</v>
      </c>
      <c r="N5050" t="s">
        <v>654</v>
      </c>
      <c r="O5050">
        <v>3</v>
      </c>
      <c r="P5050" t="s">
        <v>655</v>
      </c>
      <c r="Q5050">
        <v>1</v>
      </c>
      <c r="R5050" t="s">
        <v>669</v>
      </c>
      <c r="S5050">
        <v>1</v>
      </c>
      <c r="T5050" t="s">
        <v>1035</v>
      </c>
      <c r="U5050">
        <v>46</v>
      </c>
      <c r="V5050">
        <v>3</v>
      </c>
      <c r="W5050">
        <v>180</v>
      </c>
      <c r="X5050">
        <v>2020</v>
      </c>
    </row>
    <row r="5051" spans="1:24" x14ac:dyDescent="0.25">
      <c r="A5051">
        <v>5419</v>
      </c>
      <c r="B5051" t="s">
        <v>247</v>
      </c>
      <c r="C5051">
        <v>39</v>
      </c>
      <c r="D5051" t="s">
        <v>490</v>
      </c>
      <c r="E5051">
        <v>299</v>
      </c>
      <c r="F5051" t="s">
        <v>651</v>
      </c>
      <c r="G5051">
        <v>160</v>
      </c>
      <c r="H5051" t="s">
        <v>817</v>
      </c>
      <c r="I5051">
        <v>11010</v>
      </c>
      <c r="J5051" t="s">
        <v>699</v>
      </c>
      <c r="K5051">
        <v>10</v>
      </c>
      <c r="L5051" t="s">
        <v>700</v>
      </c>
      <c r="M5051">
        <v>348</v>
      </c>
      <c r="N5051" t="s">
        <v>654</v>
      </c>
      <c r="O5051">
        <v>3</v>
      </c>
      <c r="P5051" t="s">
        <v>655</v>
      </c>
      <c r="Q5051">
        <v>1</v>
      </c>
      <c r="R5051" t="s">
        <v>669</v>
      </c>
      <c r="S5051">
        <v>1</v>
      </c>
      <c r="T5051" t="s">
        <v>1000</v>
      </c>
      <c r="U5051">
        <v>60</v>
      </c>
      <c r="V5051">
        <v>3</v>
      </c>
      <c r="W5051">
        <v>180</v>
      </c>
      <c r="X5051">
        <v>2020</v>
      </c>
    </row>
    <row r="5052" spans="1:24" x14ac:dyDescent="0.25">
      <c r="A5052">
        <v>5418</v>
      </c>
      <c r="B5052" t="s">
        <v>247</v>
      </c>
      <c r="C5052">
        <v>39</v>
      </c>
      <c r="D5052" t="s">
        <v>490</v>
      </c>
      <c r="E5052">
        <v>299</v>
      </c>
      <c r="F5052" t="s">
        <v>651</v>
      </c>
      <c r="G5052">
        <v>160</v>
      </c>
      <c r="H5052" t="s">
        <v>817</v>
      </c>
      <c r="I5052">
        <v>11010</v>
      </c>
      <c r="J5052" t="s">
        <v>699</v>
      </c>
      <c r="K5052">
        <v>10</v>
      </c>
      <c r="L5052" t="s">
        <v>700</v>
      </c>
      <c r="M5052">
        <v>348</v>
      </c>
      <c r="N5052" t="s">
        <v>654</v>
      </c>
      <c r="O5052">
        <v>3</v>
      </c>
      <c r="P5052" t="s">
        <v>655</v>
      </c>
      <c r="Q5052">
        <v>1</v>
      </c>
      <c r="R5052" t="s">
        <v>669</v>
      </c>
      <c r="S5052">
        <v>1</v>
      </c>
      <c r="T5052" t="s">
        <v>942</v>
      </c>
      <c r="U5052">
        <v>58</v>
      </c>
      <c r="V5052">
        <v>3</v>
      </c>
      <c r="W5052">
        <v>180</v>
      </c>
      <c r="X5052">
        <v>2020</v>
      </c>
    </row>
    <row r="5053" spans="1:24" x14ac:dyDescent="0.25">
      <c r="A5053">
        <v>5417</v>
      </c>
      <c r="B5053" t="s">
        <v>247</v>
      </c>
      <c r="C5053">
        <v>39</v>
      </c>
      <c r="D5053" t="s">
        <v>490</v>
      </c>
      <c r="E5053">
        <v>299</v>
      </c>
      <c r="F5053" t="s">
        <v>651</v>
      </c>
      <c r="G5053">
        <v>160</v>
      </c>
      <c r="H5053" t="s">
        <v>817</v>
      </c>
      <c r="I5053">
        <v>11010</v>
      </c>
      <c r="J5053" t="s">
        <v>699</v>
      </c>
      <c r="K5053">
        <v>10</v>
      </c>
      <c r="L5053" t="s">
        <v>700</v>
      </c>
      <c r="M5053">
        <v>348</v>
      </c>
      <c r="N5053" t="s">
        <v>654</v>
      </c>
      <c r="O5053">
        <v>3</v>
      </c>
      <c r="P5053" t="s">
        <v>655</v>
      </c>
      <c r="Q5053">
        <v>1</v>
      </c>
      <c r="R5053" t="s">
        <v>669</v>
      </c>
      <c r="S5053">
        <v>1</v>
      </c>
      <c r="T5053" t="s">
        <v>1009</v>
      </c>
      <c r="U5053">
        <v>35</v>
      </c>
      <c r="V5053">
        <v>3</v>
      </c>
      <c r="W5053">
        <v>180</v>
      </c>
      <c r="X5053">
        <v>2020</v>
      </c>
    </row>
    <row r="5054" spans="1:24" x14ac:dyDescent="0.25">
      <c r="A5054">
        <v>5416</v>
      </c>
      <c r="B5054" t="s">
        <v>247</v>
      </c>
      <c r="C5054">
        <v>39</v>
      </c>
      <c r="D5054" t="s">
        <v>490</v>
      </c>
      <c r="E5054">
        <v>299</v>
      </c>
      <c r="F5054" t="s">
        <v>651</v>
      </c>
      <c r="G5054">
        <v>160</v>
      </c>
      <c r="H5054" t="s">
        <v>817</v>
      </c>
      <c r="I5054">
        <v>11010</v>
      </c>
      <c r="J5054" t="s">
        <v>699</v>
      </c>
      <c r="K5054">
        <v>10</v>
      </c>
      <c r="L5054" t="s">
        <v>700</v>
      </c>
      <c r="M5054">
        <v>348</v>
      </c>
      <c r="N5054" t="s">
        <v>654</v>
      </c>
      <c r="O5054">
        <v>3</v>
      </c>
      <c r="P5054" t="s">
        <v>655</v>
      </c>
      <c r="Q5054">
        <v>1</v>
      </c>
      <c r="R5054" t="s">
        <v>669</v>
      </c>
      <c r="S5054">
        <v>1</v>
      </c>
      <c r="T5054" t="s">
        <v>1010</v>
      </c>
      <c r="U5054">
        <v>36</v>
      </c>
      <c r="V5054">
        <v>3</v>
      </c>
      <c r="W5054">
        <v>180</v>
      </c>
      <c r="X5054">
        <v>2020</v>
      </c>
    </row>
    <row r="5055" spans="1:24" x14ac:dyDescent="0.25">
      <c r="A5055">
        <v>5415</v>
      </c>
      <c r="B5055" t="s">
        <v>247</v>
      </c>
      <c r="C5055">
        <v>39</v>
      </c>
      <c r="D5055" t="s">
        <v>490</v>
      </c>
      <c r="E5055">
        <v>299</v>
      </c>
      <c r="F5055" t="s">
        <v>651</v>
      </c>
      <c r="G5055">
        <v>160</v>
      </c>
      <c r="H5055" t="s">
        <v>817</v>
      </c>
      <c r="I5055">
        <v>11010</v>
      </c>
      <c r="J5055" t="s">
        <v>699</v>
      </c>
      <c r="K5055">
        <v>10</v>
      </c>
      <c r="L5055" t="s">
        <v>1241</v>
      </c>
      <c r="M5055">
        <v>346</v>
      </c>
      <c r="N5055" t="s">
        <v>654</v>
      </c>
      <c r="O5055">
        <v>3</v>
      </c>
      <c r="P5055" t="s">
        <v>655</v>
      </c>
      <c r="Q5055">
        <v>1</v>
      </c>
      <c r="R5055" t="s">
        <v>669</v>
      </c>
      <c r="S5055">
        <v>1</v>
      </c>
      <c r="T5055" t="s">
        <v>1754</v>
      </c>
      <c r="U5055">
        <v>48</v>
      </c>
      <c r="V5055">
        <v>3</v>
      </c>
      <c r="W5055">
        <v>180</v>
      </c>
      <c r="X5055">
        <v>2020</v>
      </c>
    </row>
    <row r="5056" spans="1:24" x14ac:dyDescent="0.25">
      <c r="A5056">
        <v>5414</v>
      </c>
      <c r="B5056" t="s">
        <v>247</v>
      </c>
      <c r="C5056">
        <v>39</v>
      </c>
      <c r="D5056" t="s">
        <v>490</v>
      </c>
      <c r="E5056">
        <v>299</v>
      </c>
      <c r="F5056" t="s">
        <v>651</v>
      </c>
      <c r="G5056">
        <v>160</v>
      </c>
      <c r="H5056" t="s">
        <v>817</v>
      </c>
      <c r="I5056">
        <v>11010</v>
      </c>
      <c r="J5056" t="s">
        <v>699</v>
      </c>
      <c r="K5056">
        <v>10</v>
      </c>
      <c r="L5056" t="s">
        <v>1241</v>
      </c>
      <c r="M5056">
        <v>346</v>
      </c>
      <c r="N5056" t="s">
        <v>654</v>
      </c>
      <c r="O5056">
        <v>3</v>
      </c>
      <c r="P5056" t="s">
        <v>655</v>
      </c>
      <c r="Q5056">
        <v>1</v>
      </c>
      <c r="R5056" t="s">
        <v>669</v>
      </c>
      <c r="S5056">
        <v>1</v>
      </c>
      <c r="T5056" t="s">
        <v>1505</v>
      </c>
      <c r="U5056">
        <v>59</v>
      </c>
      <c r="V5056">
        <v>3</v>
      </c>
      <c r="W5056">
        <v>180</v>
      </c>
      <c r="X5056">
        <v>2020</v>
      </c>
    </row>
    <row r="5057" spans="1:24" x14ac:dyDescent="0.25">
      <c r="A5057">
        <v>5413</v>
      </c>
      <c r="B5057" t="s">
        <v>247</v>
      </c>
      <c r="C5057">
        <v>39</v>
      </c>
      <c r="D5057" t="s">
        <v>490</v>
      </c>
      <c r="E5057">
        <v>299</v>
      </c>
      <c r="F5057" t="s">
        <v>651</v>
      </c>
      <c r="G5057">
        <v>160</v>
      </c>
      <c r="H5057" t="s">
        <v>817</v>
      </c>
      <c r="I5057">
        <v>11010</v>
      </c>
      <c r="J5057" t="s">
        <v>699</v>
      </c>
      <c r="K5057">
        <v>10</v>
      </c>
      <c r="L5057" t="s">
        <v>1241</v>
      </c>
      <c r="M5057">
        <v>346</v>
      </c>
      <c r="N5057" t="s">
        <v>654</v>
      </c>
      <c r="O5057">
        <v>3</v>
      </c>
      <c r="P5057" t="s">
        <v>655</v>
      </c>
      <c r="Q5057">
        <v>1</v>
      </c>
      <c r="R5057" t="s">
        <v>669</v>
      </c>
      <c r="S5057">
        <v>1</v>
      </c>
      <c r="T5057" t="s">
        <v>1419</v>
      </c>
      <c r="U5057">
        <v>34</v>
      </c>
      <c r="V5057">
        <v>3</v>
      </c>
      <c r="W5057">
        <v>180</v>
      </c>
      <c r="X5057">
        <v>2020</v>
      </c>
    </row>
    <row r="5058" spans="1:24" x14ac:dyDescent="0.25">
      <c r="A5058">
        <v>5409</v>
      </c>
      <c r="B5058" t="s">
        <v>247</v>
      </c>
      <c r="C5058">
        <v>39</v>
      </c>
      <c r="D5058" t="s">
        <v>490</v>
      </c>
      <c r="E5058">
        <v>299</v>
      </c>
      <c r="F5058" t="s">
        <v>651</v>
      </c>
      <c r="G5058">
        <v>160</v>
      </c>
      <c r="H5058" t="s">
        <v>817</v>
      </c>
      <c r="I5058">
        <v>11010</v>
      </c>
      <c r="J5058" t="s">
        <v>699</v>
      </c>
      <c r="K5058">
        <v>10</v>
      </c>
      <c r="L5058" t="s">
        <v>1096</v>
      </c>
      <c r="M5058">
        <v>341</v>
      </c>
      <c r="N5058" t="s">
        <v>654</v>
      </c>
      <c r="O5058">
        <v>3</v>
      </c>
      <c r="P5058" t="s">
        <v>655</v>
      </c>
      <c r="Q5058">
        <v>1</v>
      </c>
      <c r="R5058" t="s">
        <v>669</v>
      </c>
      <c r="S5058">
        <v>1</v>
      </c>
      <c r="T5058" t="s">
        <v>1749</v>
      </c>
      <c r="U5058">
        <v>12</v>
      </c>
      <c r="V5058">
        <v>3</v>
      </c>
      <c r="W5058">
        <v>180</v>
      </c>
      <c r="X5058">
        <v>2020</v>
      </c>
    </row>
    <row r="5059" spans="1:24" x14ac:dyDescent="0.25">
      <c r="A5059">
        <v>5408</v>
      </c>
      <c r="B5059" t="s">
        <v>247</v>
      </c>
      <c r="C5059">
        <v>39</v>
      </c>
      <c r="D5059" t="s">
        <v>490</v>
      </c>
      <c r="E5059">
        <v>299</v>
      </c>
      <c r="F5059" t="s">
        <v>651</v>
      </c>
      <c r="G5059">
        <v>160</v>
      </c>
      <c r="H5059" t="s">
        <v>817</v>
      </c>
      <c r="I5059">
        <v>11010</v>
      </c>
      <c r="J5059" t="s">
        <v>699</v>
      </c>
      <c r="K5059">
        <v>10</v>
      </c>
      <c r="L5059" t="s">
        <v>1096</v>
      </c>
      <c r="M5059">
        <v>341</v>
      </c>
      <c r="N5059" t="s">
        <v>654</v>
      </c>
      <c r="O5059">
        <v>3</v>
      </c>
      <c r="P5059" t="s">
        <v>655</v>
      </c>
      <c r="Q5059">
        <v>1</v>
      </c>
      <c r="R5059" t="s">
        <v>669</v>
      </c>
      <c r="S5059">
        <v>1</v>
      </c>
      <c r="T5059" t="s">
        <v>1611</v>
      </c>
      <c r="U5059">
        <v>11</v>
      </c>
      <c r="V5059">
        <v>3</v>
      </c>
      <c r="W5059">
        <v>180</v>
      </c>
      <c r="X5059">
        <v>2020</v>
      </c>
    </row>
    <row r="5060" spans="1:24" x14ac:dyDescent="0.25">
      <c r="A5060">
        <v>5407</v>
      </c>
      <c r="B5060" t="s">
        <v>247</v>
      </c>
      <c r="C5060">
        <v>39</v>
      </c>
      <c r="D5060" t="s">
        <v>490</v>
      </c>
      <c r="E5060">
        <v>299</v>
      </c>
      <c r="F5060" t="s">
        <v>651</v>
      </c>
      <c r="G5060">
        <v>160</v>
      </c>
      <c r="H5060" t="s">
        <v>817</v>
      </c>
      <c r="I5060">
        <v>11010</v>
      </c>
      <c r="J5060" t="s">
        <v>699</v>
      </c>
      <c r="K5060">
        <v>10</v>
      </c>
      <c r="L5060" t="s">
        <v>1096</v>
      </c>
      <c r="M5060">
        <v>341</v>
      </c>
      <c r="N5060" t="s">
        <v>654</v>
      </c>
      <c r="O5060">
        <v>3</v>
      </c>
      <c r="P5060" t="s">
        <v>655</v>
      </c>
      <c r="Q5060">
        <v>1</v>
      </c>
      <c r="R5060" t="s">
        <v>669</v>
      </c>
      <c r="S5060">
        <v>1</v>
      </c>
      <c r="T5060" t="s">
        <v>1295</v>
      </c>
      <c r="U5060">
        <v>10</v>
      </c>
      <c r="V5060">
        <v>3</v>
      </c>
      <c r="W5060">
        <v>180</v>
      </c>
      <c r="X5060">
        <v>2020</v>
      </c>
    </row>
    <row r="5061" spans="1:24" x14ac:dyDescent="0.25">
      <c r="A5061">
        <v>5403</v>
      </c>
      <c r="B5061" t="s">
        <v>112</v>
      </c>
      <c r="C5061">
        <v>29</v>
      </c>
      <c r="D5061" t="s">
        <v>472</v>
      </c>
      <c r="E5061">
        <v>221</v>
      </c>
      <c r="F5061" t="s">
        <v>651</v>
      </c>
      <c r="G5061">
        <v>160</v>
      </c>
      <c r="H5061" t="s">
        <v>719</v>
      </c>
      <c r="I5061">
        <v>7630</v>
      </c>
      <c r="J5061" t="s">
        <v>767</v>
      </c>
      <c r="K5061">
        <v>44</v>
      </c>
      <c r="L5061" t="s">
        <v>1703</v>
      </c>
      <c r="M5061">
        <v>510</v>
      </c>
      <c r="N5061" t="s">
        <v>654</v>
      </c>
      <c r="O5061">
        <v>3</v>
      </c>
      <c r="P5061" t="s">
        <v>655</v>
      </c>
      <c r="Q5061">
        <v>1</v>
      </c>
      <c r="R5061" t="s">
        <v>669</v>
      </c>
      <c r="S5061">
        <v>1</v>
      </c>
      <c r="T5061" t="s">
        <v>661</v>
      </c>
      <c r="U5061">
        <v>8</v>
      </c>
      <c r="V5061">
        <v>4</v>
      </c>
      <c r="W5061">
        <v>240</v>
      </c>
      <c r="X5061">
        <v>2020</v>
      </c>
    </row>
    <row r="5062" spans="1:24" x14ac:dyDescent="0.25">
      <c r="A5062">
        <v>5402</v>
      </c>
      <c r="B5062" t="s">
        <v>22</v>
      </c>
      <c r="C5062">
        <v>28</v>
      </c>
      <c r="D5062" t="s">
        <v>426</v>
      </c>
      <c r="E5062">
        <v>214</v>
      </c>
      <c r="F5062" t="s">
        <v>651</v>
      </c>
      <c r="G5062">
        <v>160</v>
      </c>
      <c r="H5062" t="s">
        <v>675</v>
      </c>
      <c r="I5062">
        <v>5952</v>
      </c>
      <c r="J5062" t="s">
        <v>699</v>
      </c>
      <c r="K5062">
        <v>10</v>
      </c>
      <c r="L5062" t="s">
        <v>700</v>
      </c>
      <c r="M5062">
        <v>348</v>
      </c>
      <c r="N5062" t="s">
        <v>668</v>
      </c>
      <c r="O5062">
        <v>4</v>
      </c>
      <c r="P5062" t="s">
        <v>655</v>
      </c>
      <c r="Q5062">
        <v>1</v>
      </c>
      <c r="R5062" t="s">
        <v>669</v>
      </c>
      <c r="S5062">
        <v>1</v>
      </c>
      <c r="T5062" t="s">
        <v>942</v>
      </c>
      <c r="U5062">
        <v>58</v>
      </c>
      <c r="V5062">
        <v>3</v>
      </c>
      <c r="W5062">
        <v>180</v>
      </c>
      <c r="X5062">
        <v>2020</v>
      </c>
    </row>
    <row r="5063" spans="1:24" x14ac:dyDescent="0.25">
      <c r="A5063">
        <v>5400</v>
      </c>
      <c r="B5063" t="s">
        <v>95</v>
      </c>
      <c r="C5063">
        <v>26</v>
      </c>
      <c r="D5063" t="s">
        <v>426</v>
      </c>
      <c r="E5063">
        <v>190</v>
      </c>
      <c r="F5063" t="s">
        <v>651</v>
      </c>
      <c r="G5063">
        <v>160</v>
      </c>
      <c r="H5063" t="s">
        <v>1859</v>
      </c>
      <c r="I5063">
        <v>8409</v>
      </c>
      <c r="J5063" t="s">
        <v>699</v>
      </c>
      <c r="K5063">
        <v>10</v>
      </c>
      <c r="L5063" t="s">
        <v>1096</v>
      </c>
      <c r="M5063">
        <v>341</v>
      </c>
      <c r="N5063" t="s">
        <v>654</v>
      </c>
      <c r="O5063">
        <v>3</v>
      </c>
      <c r="P5063" t="s">
        <v>655</v>
      </c>
      <c r="Q5063">
        <v>1</v>
      </c>
      <c r="R5063" t="s">
        <v>669</v>
      </c>
      <c r="S5063">
        <v>1</v>
      </c>
      <c r="T5063" t="s">
        <v>1295</v>
      </c>
      <c r="U5063">
        <v>10</v>
      </c>
      <c r="V5063">
        <v>3</v>
      </c>
      <c r="W5063">
        <v>180</v>
      </c>
      <c r="X5063">
        <v>2020</v>
      </c>
    </row>
    <row r="5064" spans="1:24" x14ac:dyDescent="0.25">
      <c r="A5064">
        <v>5399</v>
      </c>
      <c r="B5064" t="s">
        <v>95</v>
      </c>
      <c r="C5064">
        <v>26</v>
      </c>
      <c r="D5064" t="s">
        <v>426</v>
      </c>
      <c r="E5064">
        <v>190</v>
      </c>
      <c r="F5064" t="s">
        <v>651</v>
      </c>
      <c r="G5064">
        <v>160</v>
      </c>
      <c r="H5064" t="s">
        <v>1859</v>
      </c>
      <c r="I5064">
        <v>8409</v>
      </c>
      <c r="J5064" t="s">
        <v>699</v>
      </c>
      <c r="K5064">
        <v>10</v>
      </c>
      <c r="L5064" t="s">
        <v>1096</v>
      </c>
      <c r="M5064">
        <v>341</v>
      </c>
      <c r="N5064" t="s">
        <v>654</v>
      </c>
      <c r="O5064">
        <v>3</v>
      </c>
      <c r="P5064" t="s">
        <v>655</v>
      </c>
      <c r="Q5064">
        <v>1</v>
      </c>
      <c r="R5064" t="s">
        <v>669</v>
      </c>
      <c r="S5064">
        <v>1</v>
      </c>
      <c r="T5064" t="s">
        <v>1611</v>
      </c>
      <c r="U5064">
        <v>11</v>
      </c>
      <c r="V5064">
        <v>3</v>
      </c>
      <c r="W5064">
        <v>180</v>
      </c>
      <c r="X5064">
        <v>2020</v>
      </c>
    </row>
    <row r="5065" spans="1:24" x14ac:dyDescent="0.25">
      <c r="A5065">
        <v>5398</v>
      </c>
      <c r="B5065" t="s">
        <v>95</v>
      </c>
      <c r="C5065">
        <v>26</v>
      </c>
      <c r="D5065" t="s">
        <v>426</v>
      </c>
      <c r="E5065">
        <v>190</v>
      </c>
      <c r="F5065" t="s">
        <v>651</v>
      </c>
      <c r="G5065">
        <v>160</v>
      </c>
      <c r="H5065" t="s">
        <v>833</v>
      </c>
      <c r="I5065">
        <v>5562</v>
      </c>
      <c r="J5065" t="s">
        <v>699</v>
      </c>
      <c r="K5065">
        <v>10</v>
      </c>
      <c r="L5065" t="s">
        <v>1096</v>
      </c>
      <c r="M5065">
        <v>341</v>
      </c>
      <c r="N5065" t="s">
        <v>654</v>
      </c>
      <c r="O5065">
        <v>3</v>
      </c>
      <c r="P5065" t="s">
        <v>689</v>
      </c>
      <c r="Q5065">
        <v>4</v>
      </c>
      <c r="R5065" t="s">
        <v>669</v>
      </c>
      <c r="S5065">
        <v>1</v>
      </c>
      <c r="T5065" t="s">
        <v>1752</v>
      </c>
      <c r="U5065">
        <v>15</v>
      </c>
      <c r="V5065">
        <v>3</v>
      </c>
      <c r="W5065">
        <v>180</v>
      </c>
      <c r="X5065">
        <v>2020</v>
      </c>
    </row>
    <row r="5066" spans="1:24" x14ac:dyDescent="0.25">
      <c r="A5066">
        <v>5397</v>
      </c>
      <c r="B5066" t="s">
        <v>95</v>
      </c>
      <c r="C5066">
        <v>26</v>
      </c>
      <c r="D5066" t="s">
        <v>426</v>
      </c>
      <c r="E5066">
        <v>190</v>
      </c>
      <c r="F5066" t="s">
        <v>651</v>
      </c>
      <c r="G5066">
        <v>160</v>
      </c>
      <c r="H5066" t="s">
        <v>833</v>
      </c>
      <c r="I5066">
        <v>5562</v>
      </c>
      <c r="J5066" t="s">
        <v>699</v>
      </c>
      <c r="K5066">
        <v>10</v>
      </c>
      <c r="L5066" t="s">
        <v>1096</v>
      </c>
      <c r="M5066">
        <v>341</v>
      </c>
      <c r="N5066" t="s">
        <v>654</v>
      </c>
      <c r="O5066">
        <v>3</v>
      </c>
      <c r="P5066" t="s">
        <v>689</v>
      </c>
      <c r="Q5066">
        <v>4</v>
      </c>
      <c r="R5066" t="s">
        <v>669</v>
      </c>
      <c r="S5066">
        <v>1</v>
      </c>
      <c r="T5066" t="s">
        <v>1749</v>
      </c>
      <c r="U5066">
        <v>12</v>
      </c>
      <c r="V5066">
        <v>3</v>
      </c>
      <c r="W5066">
        <v>180</v>
      </c>
      <c r="X5066">
        <v>2020</v>
      </c>
    </row>
    <row r="5067" spans="1:24" x14ac:dyDescent="0.25">
      <c r="A5067">
        <v>5396</v>
      </c>
      <c r="B5067" t="s">
        <v>95</v>
      </c>
      <c r="C5067">
        <v>26</v>
      </c>
      <c r="D5067" t="s">
        <v>426</v>
      </c>
      <c r="E5067">
        <v>190</v>
      </c>
      <c r="F5067" t="s">
        <v>651</v>
      </c>
      <c r="G5067">
        <v>160</v>
      </c>
      <c r="H5067" t="s">
        <v>833</v>
      </c>
      <c r="I5067">
        <v>5562</v>
      </c>
      <c r="J5067" t="s">
        <v>699</v>
      </c>
      <c r="K5067">
        <v>10</v>
      </c>
      <c r="L5067" t="s">
        <v>1096</v>
      </c>
      <c r="M5067">
        <v>341</v>
      </c>
      <c r="N5067" t="s">
        <v>654</v>
      </c>
      <c r="O5067">
        <v>3</v>
      </c>
      <c r="P5067" t="s">
        <v>689</v>
      </c>
      <c r="Q5067">
        <v>4</v>
      </c>
      <c r="R5067" t="s">
        <v>669</v>
      </c>
      <c r="S5067">
        <v>1</v>
      </c>
      <c r="T5067" t="s">
        <v>1751</v>
      </c>
      <c r="U5067">
        <v>14</v>
      </c>
      <c r="V5067">
        <v>3</v>
      </c>
      <c r="W5067">
        <v>180</v>
      </c>
      <c r="X5067">
        <v>2020</v>
      </c>
    </row>
    <row r="5068" spans="1:24" x14ac:dyDescent="0.25">
      <c r="A5068">
        <v>5395</v>
      </c>
      <c r="B5068" t="s">
        <v>95</v>
      </c>
      <c r="C5068">
        <v>26</v>
      </c>
      <c r="D5068" t="s">
        <v>426</v>
      </c>
      <c r="E5068">
        <v>190</v>
      </c>
      <c r="F5068" t="s">
        <v>651</v>
      </c>
      <c r="G5068">
        <v>160</v>
      </c>
      <c r="H5068" t="s">
        <v>833</v>
      </c>
      <c r="I5068">
        <v>5562</v>
      </c>
      <c r="J5068" t="s">
        <v>699</v>
      </c>
      <c r="K5068">
        <v>10</v>
      </c>
      <c r="L5068" t="s">
        <v>1096</v>
      </c>
      <c r="M5068">
        <v>341</v>
      </c>
      <c r="N5068" t="s">
        <v>654</v>
      </c>
      <c r="O5068">
        <v>3</v>
      </c>
      <c r="P5068" t="s">
        <v>689</v>
      </c>
      <c r="Q5068">
        <v>4</v>
      </c>
      <c r="R5068" t="s">
        <v>669</v>
      </c>
      <c r="S5068">
        <v>1</v>
      </c>
      <c r="T5068" t="s">
        <v>1611</v>
      </c>
      <c r="U5068">
        <v>11</v>
      </c>
      <c r="V5068">
        <v>3</v>
      </c>
      <c r="W5068">
        <v>180</v>
      </c>
      <c r="X5068">
        <v>2020</v>
      </c>
    </row>
    <row r="5069" spans="1:24" x14ac:dyDescent="0.25">
      <c r="A5069">
        <v>5394</v>
      </c>
      <c r="B5069" t="s">
        <v>95</v>
      </c>
      <c r="C5069">
        <v>26</v>
      </c>
      <c r="D5069" t="s">
        <v>426</v>
      </c>
      <c r="E5069">
        <v>190</v>
      </c>
      <c r="F5069" t="s">
        <v>651</v>
      </c>
      <c r="G5069">
        <v>160</v>
      </c>
      <c r="H5069" t="s">
        <v>833</v>
      </c>
      <c r="I5069">
        <v>5562</v>
      </c>
      <c r="J5069" t="s">
        <v>699</v>
      </c>
      <c r="K5069">
        <v>10</v>
      </c>
      <c r="L5069" t="s">
        <v>1096</v>
      </c>
      <c r="M5069">
        <v>341</v>
      </c>
      <c r="N5069" t="s">
        <v>654</v>
      </c>
      <c r="O5069">
        <v>3</v>
      </c>
      <c r="P5069" t="s">
        <v>689</v>
      </c>
      <c r="Q5069">
        <v>4</v>
      </c>
      <c r="R5069" t="s">
        <v>669</v>
      </c>
      <c r="S5069">
        <v>1</v>
      </c>
      <c r="T5069" t="s">
        <v>1295</v>
      </c>
      <c r="U5069">
        <v>10</v>
      </c>
      <c r="V5069">
        <v>3</v>
      </c>
      <c r="W5069">
        <v>180</v>
      </c>
      <c r="X5069">
        <v>2020</v>
      </c>
    </row>
    <row r="5070" spans="1:24" x14ac:dyDescent="0.25">
      <c r="A5070">
        <v>5393</v>
      </c>
      <c r="B5070" t="s">
        <v>95</v>
      </c>
      <c r="C5070">
        <v>26</v>
      </c>
      <c r="D5070" t="s">
        <v>426</v>
      </c>
      <c r="E5070">
        <v>190</v>
      </c>
      <c r="F5070" t="s">
        <v>651</v>
      </c>
      <c r="G5070">
        <v>160</v>
      </c>
      <c r="H5070" t="s">
        <v>833</v>
      </c>
      <c r="I5070">
        <v>5562</v>
      </c>
      <c r="J5070" t="s">
        <v>699</v>
      </c>
      <c r="K5070">
        <v>10</v>
      </c>
      <c r="L5070" t="s">
        <v>1096</v>
      </c>
      <c r="M5070">
        <v>341</v>
      </c>
      <c r="N5070" t="s">
        <v>654</v>
      </c>
      <c r="O5070">
        <v>3</v>
      </c>
      <c r="P5070" t="s">
        <v>655</v>
      </c>
      <c r="Q5070">
        <v>1</v>
      </c>
      <c r="R5070" t="s">
        <v>669</v>
      </c>
      <c r="S5070">
        <v>1</v>
      </c>
      <c r="T5070" t="s">
        <v>1752</v>
      </c>
      <c r="U5070">
        <v>15</v>
      </c>
      <c r="V5070">
        <v>3</v>
      </c>
      <c r="W5070">
        <v>180</v>
      </c>
      <c r="X5070">
        <v>2020</v>
      </c>
    </row>
    <row r="5071" spans="1:24" x14ac:dyDescent="0.25">
      <c r="A5071">
        <v>5392</v>
      </c>
      <c r="B5071" t="s">
        <v>95</v>
      </c>
      <c r="C5071">
        <v>26</v>
      </c>
      <c r="D5071" t="s">
        <v>426</v>
      </c>
      <c r="E5071">
        <v>190</v>
      </c>
      <c r="F5071" t="s">
        <v>651</v>
      </c>
      <c r="G5071">
        <v>160</v>
      </c>
      <c r="H5071" t="s">
        <v>833</v>
      </c>
      <c r="I5071">
        <v>5562</v>
      </c>
      <c r="J5071" t="s">
        <v>699</v>
      </c>
      <c r="K5071">
        <v>10</v>
      </c>
      <c r="L5071" t="s">
        <v>1096</v>
      </c>
      <c r="M5071">
        <v>341</v>
      </c>
      <c r="N5071" t="s">
        <v>654</v>
      </c>
      <c r="O5071">
        <v>3</v>
      </c>
      <c r="P5071" t="s">
        <v>655</v>
      </c>
      <c r="Q5071">
        <v>1</v>
      </c>
      <c r="R5071" t="s">
        <v>669</v>
      </c>
      <c r="S5071">
        <v>1</v>
      </c>
      <c r="T5071" t="s">
        <v>1749</v>
      </c>
      <c r="U5071">
        <v>12</v>
      </c>
      <c r="V5071">
        <v>3</v>
      </c>
      <c r="W5071">
        <v>180</v>
      </c>
      <c r="X5071">
        <v>2020</v>
      </c>
    </row>
    <row r="5072" spans="1:24" x14ac:dyDescent="0.25">
      <c r="A5072">
        <v>5391</v>
      </c>
      <c r="B5072" t="s">
        <v>95</v>
      </c>
      <c r="C5072">
        <v>26</v>
      </c>
      <c r="D5072" t="s">
        <v>426</v>
      </c>
      <c r="E5072">
        <v>190</v>
      </c>
      <c r="F5072" t="s">
        <v>651</v>
      </c>
      <c r="G5072">
        <v>160</v>
      </c>
      <c r="H5072" t="s">
        <v>833</v>
      </c>
      <c r="I5072">
        <v>5562</v>
      </c>
      <c r="J5072" t="s">
        <v>699</v>
      </c>
      <c r="K5072">
        <v>10</v>
      </c>
      <c r="L5072" t="s">
        <v>1096</v>
      </c>
      <c r="M5072">
        <v>341</v>
      </c>
      <c r="N5072" t="s">
        <v>654</v>
      </c>
      <c r="O5072">
        <v>3</v>
      </c>
      <c r="P5072" t="s">
        <v>655</v>
      </c>
      <c r="Q5072">
        <v>1</v>
      </c>
      <c r="R5072" t="s">
        <v>669</v>
      </c>
      <c r="S5072">
        <v>1</v>
      </c>
      <c r="T5072" t="s">
        <v>1751</v>
      </c>
      <c r="U5072">
        <v>14</v>
      </c>
      <c r="V5072">
        <v>3</v>
      </c>
      <c r="W5072">
        <v>180</v>
      </c>
      <c r="X5072">
        <v>2020</v>
      </c>
    </row>
    <row r="5073" spans="1:24" x14ac:dyDescent="0.25">
      <c r="A5073">
        <v>5390</v>
      </c>
      <c r="B5073" t="s">
        <v>95</v>
      </c>
      <c r="C5073">
        <v>26</v>
      </c>
      <c r="D5073" t="s">
        <v>426</v>
      </c>
      <c r="E5073">
        <v>190</v>
      </c>
      <c r="F5073" t="s">
        <v>651</v>
      </c>
      <c r="G5073">
        <v>160</v>
      </c>
      <c r="H5073" t="s">
        <v>833</v>
      </c>
      <c r="I5073">
        <v>5562</v>
      </c>
      <c r="J5073" t="s">
        <v>699</v>
      </c>
      <c r="K5073">
        <v>10</v>
      </c>
      <c r="L5073" t="s">
        <v>1096</v>
      </c>
      <c r="M5073">
        <v>341</v>
      </c>
      <c r="N5073" t="s">
        <v>654</v>
      </c>
      <c r="O5073">
        <v>3</v>
      </c>
      <c r="P5073" t="s">
        <v>655</v>
      </c>
      <c r="Q5073">
        <v>1</v>
      </c>
      <c r="R5073" t="s">
        <v>669</v>
      </c>
      <c r="S5073">
        <v>1</v>
      </c>
      <c r="T5073" t="s">
        <v>1611</v>
      </c>
      <c r="U5073">
        <v>11</v>
      </c>
      <c r="V5073">
        <v>3</v>
      </c>
      <c r="W5073">
        <v>180</v>
      </c>
      <c r="X5073">
        <v>2020</v>
      </c>
    </row>
    <row r="5074" spans="1:24" x14ac:dyDescent="0.25">
      <c r="A5074">
        <v>5389</v>
      </c>
      <c r="B5074" t="s">
        <v>95</v>
      </c>
      <c r="C5074">
        <v>26</v>
      </c>
      <c r="D5074" t="s">
        <v>426</v>
      </c>
      <c r="E5074">
        <v>190</v>
      </c>
      <c r="F5074" t="s">
        <v>651</v>
      </c>
      <c r="G5074">
        <v>160</v>
      </c>
      <c r="H5074" t="s">
        <v>833</v>
      </c>
      <c r="I5074">
        <v>5562</v>
      </c>
      <c r="J5074" t="s">
        <v>699</v>
      </c>
      <c r="K5074">
        <v>10</v>
      </c>
      <c r="L5074" t="s">
        <v>1096</v>
      </c>
      <c r="M5074">
        <v>341</v>
      </c>
      <c r="N5074" t="s">
        <v>654</v>
      </c>
      <c r="O5074">
        <v>3</v>
      </c>
      <c r="P5074" t="s">
        <v>655</v>
      </c>
      <c r="Q5074">
        <v>1</v>
      </c>
      <c r="R5074" t="s">
        <v>669</v>
      </c>
      <c r="S5074">
        <v>1</v>
      </c>
      <c r="T5074" t="s">
        <v>1295</v>
      </c>
      <c r="U5074">
        <v>10</v>
      </c>
      <c r="V5074">
        <v>3</v>
      </c>
      <c r="W5074">
        <v>180</v>
      </c>
      <c r="X5074">
        <v>2020</v>
      </c>
    </row>
    <row r="5075" spans="1:24" x14ac:dyDescent="0.25">
      <c r="A5075">
        <v>5385</v>
      </c>
      <c r="B5075" t="s">
        <v>32</v>
      </c>
      <c r="C5075">
        <v>24</v>
      </c>
      <c r="D5075" t="s">
        <v>426</v>
      </c>
      <c r="E5075">
        <v>168</v>
      </c>
      <c r="F5075" t="s">
        <v>651</v>
      </c>
      <c r="G5075">
        <v>160</v>
      </c>
      <c r="H5075" t="s">
        <v>747</v>
      </c>
      <c r="I5075">
        <v>4847</v>
      </c>
      <c r="J5075" t="s">
        <v>699</v>
      </c>
      <c r="K5075">
        <v>10</v>
      </c>
      <c r="L5075" t="s">
        <v>1096</v>
      </c>
      <c r="M5075">
        <v>341</v>
      </c>
      <c r="N5075" t="s">
        <v>654</v>
      </c>
      <c r="O5075">
        <v>3</v>
      </c>
      <c r="P5075" t="s">
        <v>655</v>
      </c>
      <c r="Q5075">
        <v>1</v>
      </c>
      <c r="R5075" t="s">
        <v>669</v>
      </c>
      <c r="S5075">
        <v>1</v>
      </c>
      <c r="T5075" t="s">
        <v>3746</v>
      </c>
      <c r="U5075">
        <v>269</v>
      </c>
      <c r="V5075">
        <v>3</v>
      </c>
      <c r="W5075">
        <v>180</v>
      </c>
      <c r="X5075">
        <v>2020</v>
      </c>
    </row>
    <row r="5076" spans="1:24" x14ac:dyDescent="0.25">
      <c r="A5076">
        <v>5384</v>
      </c>
      <c r="B5076" t="s">
        <v>14</v>
      </c>
      <c r="C5076">
        <v>20</v>
      </c>
      <c r="D5076" t="s">
        <v>548</v>
      </c>
      <c r="E5076">
        <v>158</v>
      </c>
      <c r="F5076" t="s">
        <v>651</v>
      </c>
      <c r="G5076">
        <v>160</v>
      </c>
      <c r="H5076" t="s">
        <v>739</v>
      </c>
      <c r="I5076">
        <v>4413</v>
      </c>
      <c r="J5076" t="s">
        <v>1028</v>
      </c>
      <c r="K5076">
        <v>33</v>
      </c>
      <c r="L5076" t="s">
        <v>3274</v>
      </c>
      <c r="M5076">
        <v>103</v>
      </c>
      <c r="N5076" t="s">
        <v>654</v>
      </c>
      <c r="O5076">
        <v>3</v>
      </c>
      <c r="P5076" t="s">
        <v>655</v>
      </c>
      <c r="Q5076">
        <v>1</v>
      </c>
      <c r="R5076" t="s">
        <v>669</v>
      </c>
      <c r="S5076">
        <v>1</v>
      </c>
      <c r="T5076" t="s">
        <v>661</v>
      </c>
      <c r="U5076">
        <v>8</v>
      </c>
      <c r="V5076">
        <v>3</v>
      </c>
      <c r="W5076">
        <v>180</v>
      </c>
      <c r="X5076">
        <v>2020</v>
      </c>
    </row>
    <row r="5077" spans="1:24" x14ac:dyDescent="0.25">
      <c r="A5077">
        <v>5383</v>
      </c>
      <c r="B5077" t="s">
        <v>14</v>
      </c>
      <c r="C5077">
        <v>20</v>
      </c>
      <c r="D5077" t="s">
        <v>548</v>
      </c>
      <c r="E5077">
        <v>158</v>
      </c>
      <c r="F5077" t="s">
        <v>651</v>
      </c>
      <c r="G5077">
        <v>160</v>
      </c>
      <c r="H5077" t="s">
        <v>739</v>
      </c>
      <c r="I5077">
        <v>4413</v>
      </c>
      <c r="J5077" t="s">
        <v>1028</v>
      </c>
      <c r="K5077">
        <v>33</v>
      </c>
      <c r="L5077" t="s">
        <v>3763</v>
      </c>
      <c r="M5077">
        <v>102</v>
      </c>
      <c r="N5077" t="s">
        <v>654</v>
      </c>
      <c r="O5077">
        <v>3</v>
      </c>
      <c r="P5077" t="s">
        <v>655</v>
      </c>
      <c r="Q5077">
        <v>1</v>
      </c>
      <c r="R5077" t="s">
        <v>669</v>
      </c>
      <c r="S5077">
        <v>1</v>
      </c>
      <c r="T5077" t="s">
        <v>657</v>
      </c>
      <c r="U5077">
        <v>7</v>
      </c>
      <c r="V5077">
        <v>3</v>
      </c>
      <c r="W5077">
        <v>180</v>
      </c>
      <c r="X5077">
        <v>2020</v>
      </c>
    </row>
    <row r="5078" spans="1:24" x14ac:dyDescent="0.25">
      <c r="A5078">
        <v>5381</v>
      </c>
      <c r="B5078" t="s">
        <v>14</v>
      </c>
      <c r="C5078">
        <v>20</v>
      </c>
      <c r="D5078" t="s">
        <v>548</v>
      </c>
      <c r="E5078">
        <v>158</v>
      </c>
      <c r="F5078" t="s">
        <v>651</v>
      </c>
      <c r="G5078">
        <v>160</v>
      </c>
      <c r="H5078" t="s">
        <v>739</v>
      </c>
      <c r="I5078">
        <v>4413</v>
      </c>
      <c r="J5078" t="s">
        <v>679</v>
      </c>
      <c r="K5078">
        <v>32</v>
      </c>
      <c r="L5078" t="s">
        <v>1947</v>
      </c>
      <c r="M5078">
        <v>464</v>
      </c>
      <c r="N5078" t="s">
        <v>654</v>
      </c>
      <c r="O5078">
        <v>3</v>
      </c>
      <c r="P5078" t="s">
        <v>655</v>
      </c>
      <c r="Q5078">
        <v>1</v>
      </c>
      <c r="R5078" t="s">
        <v>669</v>
      </c>
      <c r="S5078">
        <v>1</v>
      </c>
      <c r="T5078" t="s">
        <v>661</v>
      </c>
      <c r="U5078">
        <v>8</v>
      </c>
      <c r="V5078">
        <v>3</v>
      </c>
      <c r="W5078">
        <v>180</v>
      </c>
      <c r="X5078">
        <v>2020</v>
      </c>
    </row>
    <row r="5079" spans="1:24" x14ac:dyDescent="0.25">
      <c r="A5079">
        <v>5380</v>
      </c>
      <c r="B5079" t="s">
        <v>14</v>
      </c>
      <c r="C5079">
        <v>20</v>
      </c>
      <c r="D5079" t="s">
        <v>402</v>
      </c>
      <c r="E5079">
        <v>153</v>
      </c>
      <c r="F5079" t="s">
        <v>651</v>
      </c>
      <c r="G5079">
        <v>160</v>
      </c>
      <c r="H5079" t="s">
        <v>739</v>
      </c>
      <c r="I5079">
        <v>4413</v>
      </c>
      <c r="J5079" t="s">
        <v>1088</v>
      </c>
      <c r="K5079">
        <v>38</v>
      </c>
      <c r="L5079" t="s">
        <v>1089</v>
      </c>
      <c r="M5079">
        <v>135</v>
      </c>
      <c r="N5079" t="s">
        <v>654</v>
      </c>
      <c r="O5079">
        <v>3</v>
      </c>
      <c r="P5079" t="s">
        <v>655</v>
      </c>
      <c r="Q5079">
        <v>1</v>
      </c>
      <c r="R5079" t="s">
        <v>669</v>
      </c>
      <c r="S5079">
        <v>1</v>
      </c>
      <c r="T5079" t="s">
        <v>657</v>
      </c>
      <c r="U5079">
        <v>7</v>
      </c>
      <c r="V5079">
        <v>3</v>
      </c>
      <c r="W5079">
        <v>180</v>
      </c>
      <c r="X5079">
        <v>2020</v>
      </c>
    </row>
    <row r="5080" spans="1:24" x14ac:dyDescent="0.25">
      <c r="A5080">
        <v>5379</v>
      </c>
      <c r="B5080" t="s">
        <v>14</v>
      </c>
      <c r="C5080">
        <v>20</v>
      </c>
      <c r="D5080" t="s">
        <v>551</v>
      </c>
      <c r="E5080">
        <v>152</v>
      </c>
      <c r="F5080" t="s">
        <v>651</v>
      </c>
      <c r="G5080">
        <v>160</v>
      </c>
      <c r="H5080" t="s">
        <v>739</v>
      </c>
      <c r="I5080">
        <v>4413</v>
      </c>
      <c r="J5080" t="s">
        <v>691</v>
      </c>
      <c r="K5080">
        <v>21</v>
      </c>
      <c r="L5080" t="s">
        <v>1609</v>
      </c>
      <c r="M5080">
        <v>66</v>
      </c>
      <c r="N5080" t="s">
        <v>654</v>
      </c>
      <c r="O5080">
        <v>3</v>
      </c>
      <c r="P5080" t="s">
        <v>655</v>
      </c>
      <c r="Q5080">
        <v>1</v>
      </c>
      <c r="R5080" t="s">
        <v>669</v>
      </c>
      <c r="S5080">
        <v>1</v>
      </c>
      <c r="T5080" t="s">
        <v>718</v>
      </c>
      <c r="U5080">
        <v>2</v>
      </c>
      <c r="V5080">
        <v>3</v>
      </c>
      <c r="W5080">
        <v>180</v>
      </c>
      <c r="X5080">
        <v>2020</v>
      </c>
    </row>
    <row r="5081" spans="1:24" x14ac:dyDescent="0.25">
      <c r="A5081">
        <v>5378</v>
      </c>
      <c r="B5081" t="s">
        <v>14</v>
      </c>
      <c r="C5081">
        <v>20</v>
      </c>
      <c r="D5081" t="s">
        <v>551</v>
      </c>
      <c r="E5081">
        <v>152</v>
      </c>
      <c r="F5081" t="s">
        <v>651</v>
      </c>
      <c r="G5081">
        <v>160</v>
      </c>
      <c r="H5081" t="s">
        <v>779</v>
      </c>
      <c r="I5081">
        <v>10487</v>
      </c>
      <c r="J5081" t="s">
        <v>682</v>
      </c>
      <c r="K5081">
        <v>20</v>
      </c>
      <c r="L5081" t="s">
        <v>904</v>
      </c>
      <c r="M5081">
        <v>61</v>
      </c>
      <c r="N5081" t="s">
        <v>654</v>
      </c>
      <c r="O5081">
        <v>3</v>
      </c>
      <c r="P5081" t="s">
        <v>655</v>
      </c>
      <c r="Q5081">
        <v>1</v>
      </c>
      <c r="R5081" t="s">
        <v>669</v>
      </c>
      <c r="S5081">
        <v>1</v>
      </c>
      <c r="T5081" t="s">
        <v>657</v>
      </c>
      <c r="U5081">
        <v>7</v>
      </c>
      <c r="V5081">
        <v>3</v>
      </c>
      <c r="W5081">
        <v>180</v>
      </c>
      <c r="X5081">
        <v>2020</v>
      </c>
    </row>
    <row r="5082" spans="1:24" x14ac:dyDescent="0.25">
      <c r="A5082">
        <v>5376</v>
      </c>
      <c r="B5082" t="s">
        <v>14</v>
      </c>
      <c r="C5082">
        <v>20</v>
      </c>
      <c r="D5082" t="s">
        <v>551</v>
      </c>
      <c r="E5082">
        <v>152</v>
      </c>
      <c r="F5082" t="s">
        <v>651</v>
      </c>
      <c r="G5082">
        <v>160</v>
      </c>
      <c r="H5082" t="s">
        <v>739</v>
      </c>
      <c r="I5082">
        <v>4413</v>
      </c>
      <c r="J5082" t="s">
        <v>894</v>
      </c>
      <c r="K5082">
        <v>18</v>
      </c>
      <c r="L5082" t="s">
        <v>894</v>
      </c>
      <c r="M5082">
        <v>58</v>
      </c>
      <c r="N5082" t="s">
        <v>654</v>
      </c>
      <c r="O5082">
        <v>3</v>
      </c>
      <c r="P5082" t="s">
        <v>655</v>
      </c>
      <c r="Q5082">
        <v>1</v>
      </c>
      <c r="R5082" t="s">
        <v>669</v>
      </c>
      <c r="S5082">
        <v>1</v>
      </c>
      <c r="T5082" t="s">
        <v>718</v>
      </c>
      <c r="U5082">
        <v>2</v>
      </c>
      <c r="V5082">
        <v>3</v>
      </c>
      <c r="W5082">
        <v>180</v>
      </c>
      <c r="X5082">
        <v>2020</v>
      </c>
    </row>
    <row r="5083" spans="1:24" x14ac:dyDescent="0.25">
      <c r="A5083">
        <v>5375</v>
      </c>
      <c r="B5083" t="s">
        <v>14</v>
      </c>
      <c r="C5083">
        <v>20</v>
      </c>
      <c r="D5083" t="s">
        <v>553</v>
      </c>
      <c r="E5083">
        <v>150</v>
      </c>
      <c r="F5083" t="s">
        <v>651</v>
      </c>
      <c r="G5083">
        <v>160</v>
      </c>
      <c r="H5083" t="s">
        <v>739</v>
      </c>
      <c r="I5083">
        <v>4413</v>
      </c>
      <c r="J5083" t="s">
        <v>756</v>
      </c>
      <c r="K5083">
        <v>19</v>
      </c>
      <c r="L5083" t="s">
        <v>756</v>
      </c>
      <c r="M5083">
        <v>60</v>
      </c>
      <c r="N5083" t="s">
        <v>654</v>
      </c>
      <c r="O5083">
        <v>3</v>
      </c>
      <c r="P5083" t="s">
        <v>655</v>
      </c>
      <c r="Q5083">
        <v>1</v>
      </c>
      <c r="R5083" t="s">
        <v>669</v>
      </c>
      <c r="S5083">
        <v>1</v>
      </c>
      <c r="T5083" t="s">
        <v>729</v>
      </c>
      <c r="U5083">
        <v>4</v>
      </c>
      <c r="V5083">
        <v>3</v>
      </c>
      <c r="W5083">
        <v>180</v>
      </c>
      <c r="X5083">
        <v>2020</v>
      </c>
    </row>
    <row r="5084" spans="1:24" x14ac:dyDescent="0.25">
      <c r="A5084">
        <v>5374</v>
      </c>
      <c r="B5084" t="s">
        <v>14</v>
      </c>
      <c r="C5084">
        <v>20</v>
      </c>
      <c r="D5084" t="s">
        <v>553</v>
      </c>
      <c r="E5084">
        <v>150</v>
      </c>
      <c r="F5084" t="s">
        <v>651</v>
      </c>
      <c r="G5084">
        <v>160</v>
      </c>
      <c r="H5084" t="s">
        <v>739</v>
      </c>
      <c r="I5084">
        <v>4413</v>
      </c>
      <c r="J5084" t="s">
        <v>756</v>
      </c>
      <c r="K5084">
        <v>19</v>
      </c>
      <c r="L5084" t="s">
        <v>756</v>
      </c>
      <c r="M5084">
        <v>60</v>
      </c>
      <c r="N5084" t="s">
        <v>654</v>
      </c>
      <c r="O5084">
        <v>3</v>
      </c>
      <c r="P5084" t="s">
        <v>655</v>
      </c>
      <c r="Q5084">
        <v>1</v>
      </c>
      <c r="R5084" t="s">
        <v>669</v>
      </c>
      <c r="S5084">
        <v>1</v>
      </c>
      <c r="T5084" t="s">
        <v>718</v>
      </c>
      <c r="U5084">
        <v>2</v>
      </c>
      <c r="V5084">
        <v>3</v>
      </c>
      <c r="W5084">
        <v>180</v>
      </c>
      <c r="X5084">
        <v>2020</v>
      </c>
    </row>
    <row r="5085" spans="1:24" x14ac:dyDescent="0.25">
      <c r="A5085">
        <v>5372</v>
      </c>
      <c r="B5085" t="s">
        <v>14</v>
      </c>
      <c r="C5085">
        <v>20</v>
      </c>
      <c r="D5085" t="s">
        <v>554</v>
      </c>
      <c r="E5085">
        <v>149</v>
      </c>
      <c r="F5085" t="s">
        <v>651</v>
      </c>
      <c r="G5085">
        <v>160</v>
      </c>
      <c r="H5085" t="s">
        <v>739</v>
      </c>
      <c r="I5085">
        <v>4413</v>
      </c>
      <c r="J5085" t="s">
        <v>299</v>
      </c>
      <c r="K5085">
        <v>27</v>
      </c>
      <c r="L5085" t="s">
        <v>690</v>
      </c>
      <c r="M5085">
        <v>89</v>
      </c>
      <c r="N5085" t="s">
        <v>654</v>
      </c>
      <c r="O5085">
        <v>3</v>
      </c>
      <c r="P5085" t="s">
        <v>655</v>
      </c>
      <c r="Q5085">
        <v>1</v>
      </c>
      <c r="R5085" t="s">
        <v>669</v>
      </c>
      <c r="S5085">
        <v>1</v>
      </c>
      <c r="T5085" t="s">
        <v>718</v>
      </c>
      <c r="U5085">
        <v>2</v>
      </c>
      <c r="V5085">
        <v>3</v>
      </c>
      <c r="W5085">
        <v>180</v>
      </c>
      <c r="X5085">
        <v>2020</v>
      </c>
    </row>
    <row r="5086" spans="1:24" x14ac:dyDescent="0.25">
      <c r="A5086">
        <v>5371</v>
      </c>
      <c r="B5086" t="s">
        <v>14</v>
      </c>
      <c r="C5086">
        <v>20</v>
      </c>
      <c r="D5086" t="s">
        <v>554</v>
      </c>
      <c r="E5086">
        <v>149</v>
      </c>
      <c r="F5086" t="s">
        <v>651</v>
      </c>
      <c r="G5086">
        <v>160</v>
      </c>
      <c r="H5086" t="s">
        <v>739</v>
      </c>
      <c r="I5086">
        <v>4413</v>
      </c>
      <c r="J5086" t="s">
        <v>299</v>
      </c>
      <c r="K5086">
        <v>27</v>
      </c>
      <c r="L5086" t="s">
        <v>690</v>
      </c>
      <c r="M5086">
        <v>89</v>
      </c>
      <c r="N5086" t="s">
        <v>654</v>
      </c>
      <c r="O5086">
        <v>3</v>
      </c>
      <c r="P5086" t="s">
        <v>655</v>
      </c>
      <c r="Q5086">
        <v>1</v>
      </c>
      <c r="R5086" t="s">
        <v>669</v>
      </c>
      <c r="S5086">
        <v>1</v>
      </c>
      <c r="T5086" t="s">
        <v>769</v>
      </c>
      <c r="U5086">
        <v>3</v>
      </c>
      <c r="V5086">
        <v>3</v>
      </c>
      <c r="W5086">
        <v>180</v>
      </c>
      <c r="X5086">
        <v>2020</v>
      </c>
    </row>
    <row r="5087" spans="1:24" x14ac:dyDescent="0.25">
      <c r="A5087">
        <v>5369</v>
      </c>
      <c r="B5087" t="s">
        <v>14</v>
      </c>
      <c r="C5087">
        <v>20</v>
      </c>
      <c r="D5087" t="s">
        <v>554</v>
      </c>
      <c r="E5087">
        <v>149</v>
      </c>
      <c r="F5087" t="s">
        <v>651</v>
      </c>
      <c r="G5087">
        <v>160</v>
      </c>
      <c r="H5087" t="s">
        <v>677</v>
      </c>
      <c r="I5087">
        <v>5060</v>
      </c>
      <c r="J5087" t="s">
        <v>301</v>
      </c>
      <c r="K5087">
        <v>26</v>
      </c>
      <c r="L5087" t="s">
        <v>930</v>
      </c>
      <c r="M5087">
        <v>84</v>
      </c>
      <c r="N5087" t="s">
        <v>654</v>
      </c>
      <c r="O5087">
        <v>3</v>
      </c>
      <c r="P5087" t="s">
        <v>655</v>
      </c>
      <c r="Q5087">
        <v>1</v>
      </c>
      <c r="R5087" t="s">
        <v>669</v>
      </c>
      <c r="S5087">
        <v>1</v>
      </c>
      <c r="T5087" t="s">
        <v>657</v>
      </c>
      <c r="U5087">
        <v>7</v>
      </c>
      <c r="V5087">
        <v>3</v>
      </c>
      <c r="W5087">
        <v>180</v>
      </c>
      <c r="X5087">
        <v>2020</v>
      </c>
    </row>
    <row r="5088" spans="1:24" x14ac:dyDescent="0.25">
      <c r="A5088">
        <v>5367</v>
      </c>
      <c r="B5088" t="s">
        <v>14</v>
      </c>
      <c r="C5088">
        <v>20</v>
      </c>
      <c r="D5088" t="s">
        <v>554</v>
      </c>
      <c r="E5088">
        <v>149</v>
      </c>
      <c r="F5088" t="s">
        <v>651</v>
      </c>
      <c r="G5088">
        <v>160</v>
      </c>
      <c r="H5088" t="s">
        <v>739</v>
      </c>
      <c r="I5088">
        <v>4413</v>
      </c>
      <c r="J5088" t="s">
        <v>807</v>
      </c>
      <c r="K5088">
        <v>25</v>
      </c>
      <c r="L5088" t="s">
        <v>1603</v>
      </c>
      <c r="M5088">
        <v>81</v>
      </c>
      <c r="N5088" t="s">
        <v>654</v>
      </c>
      <c r="O5088">
        <v>3</v>
      </c>
      <c r="P5088" t="s">
        <v>655</v>
      </c>
      <c r="Q5088">
        <v>1</v>
      </c>
      <c r="R5088" t="s">
        <v>669</v>
      </c>
      <c r="S5088">
        <v>1</v>
      </c>
      <c r="T5088" t="s">
        <v>657</v>
      </c>
      <c r="U5088">
        <v>7</v>
      </c>
      <c r="V5088">
        <v>3</v>
      </c>
      <c r="W5088">
        <v>180</v>
      </c>
      <c r="X5088">
        <v>2020</v>
      </c>
    </row>
    <row r="5089" spans="1:24" x14ac:dyDescent="0.25">
      <c r="A5089">
        <v>5366</v>
      </c>
      <c r="B5089" t="s">
        <v>14</v>
      </c>
      <c r="C5089">
        <v>20</v>
      </c>
      <c r="D5089" t="s">
        <v>387</v>
      </c>
      <c r="E5089">
        <v>148</v>
      </c>
      <c r="F5089" t="s">
        <v>651</v>
      </c>
      <c r="G5089">
        <v>160</v>
      </c>
      <c r="H5089" t="s">
        <v>739</v>
      </c>
      <c r="I5089">
        <v>4413</v>
      </c>
      <c r="J5089" t="s">
        <v>868</v>
      </c>
      <c r="K5089">
        <v>23</v>
      </c>
      <c r="L5089" t="s">
        <v>868</v>
      </c>
      <c r="M5089">
        <v>73</v>
      </c>
      <c r="N5089" t="s">
        <v>654</v>
      </c>
      <c r="O5089">
        <v>3</v>
      </c>
      <c r="P5089" t="s">
        <v>655</v>
      </c>
      <c r="Q5089">
        <v>1</v>
      </c>
      <c r="R5089" t="s">
        <v>669</v>
      </c>
      <c r="S5089">
        <v>1</v>
      </c>
      <c r="T5089" t="s">
        <v>657</v>
      </c>
      <c r="U5089">
        <v>7</v>
      </c>
      <c r="V5089">
        <v>3</v>
      </c>
      <c r="W5089">
        <v>180</v>
      </c>
      <c r="X5089">
        <v>2020</v>
      </c>
    </row>
    <row r="5090" spans="1:24" x14ac:dyDescent="0.25">
      <c r="A5090">
        <v>5365</v>
      </c>
      <c r="B5090" t="s">
        <v>14</v>
      </c>
      <c r="C5090">
        <v>20</v>
      </c>
      <c r="D5090" t="s">
        <v>387</v>
      </c>
      <c r="E5090">
        <v>148</v>
      </c>
      <c r="F5090" t="s">
        <v>651</v>
      </c>
      <c r="G5090">
        <v>160</v>
      </c>
      <c r="H5090" t="s">
        <v>3764</v>
      </c>
      <c r="I5090">
        <v>2562</v>
      </c>
      <c r="J5090" t="s">
        <v>684</v>
      </c>
      <c r="K5090">
        <v>22</v>
      </c>
      <c r="L5090" t="s">
        <v>685</v>
      </c>
      <c r="M5090">
        <v>72</v>
      </c>
      <c r="N5090" t="s">
        <v>654</v>
      </c>
      <c r="O5090">
        <v>3</v>
      </c>
      <c r="P5090" t="s">
        <v>689</v>
      </c>
      <c r="Q5090">
        <v>4</v>
      </c>
      <c r="R5090" t="s">
        <v>669</v>
      </c>
      <c r="S5090">
        <v>1</v>
      </c>
      <c r="T5090" t="s">
        <v>661</v>
      </c>
      <c r="U5090">
        <v>8</v>
      </c>
      <c r="V5090">
        <v>3</v>
      </c>
      <c r="W5090">
        <v>180</v>
      </c>
      <c r="X5090">
        <v>2020</v>
      </c>
    </row>
    <row r="5091" spans="1:24" x14ac:dyDescent="0.25">
      <c r="A5091">
        <v>5363</v>
      </c>
      <c r="B5091" t="s">
        <v>14</v>
      </c>
      <c r="C5091">
        <v>20</v>
      </c>
      <c r="D5091" t="s">
        <v>387</v>
      </c>
      <c r="E5091">
        <v>148</v>
      </c>
      <c r="F5091" t="s">
        <v>651</v>
      </c>
      <c r="G5091">
        <v>160</v>
      </c>
      <c r="H5091" t="s">
        <v>739</v>
      </c>
      <c r="I5091">
        <v>4413</v>
      </c>
      <c r="J5091" t="s">
        <v>684</v>
      </c>
      <c r="K5091">
        <v>22</v>
      </c>
      <c r="L5091" t="s">
        <v>685</v>
      </c>
      <c r="M5091">
        <v>72</v>
      </c>
      <c r="N5091" t="s">
        <v>654</v>
      </c>
      <c r="O5091">
        <v>3</v>
      </c>
      <c r="P5091" t="s">
        <v>655</v>
      </c>
      <c r="Q5091">
        <v>1</v>
      </c>
      <c r="R5091" t="s">
        <v>669</v>
      </c>
      <c r="S5091">
        <v>1</v>
      </c>
      <c r="T5091" t="s">
        <v>657</v>
      </c>
      <c r="U5091">
        <v>7</v>
      </c>
      <c r="V5091">
        <v>3</v>
      </c>
      <c r="W5091">
        <v>180</v>
      </c>
      <c r="X5091">
        <v>2020</v>
      </c>
    </row>
    <row r="5092" spans="1:24" x14ac:dyDescent="0.25">
      <c r="A5092">
        <v>5362</v>
      </c>
      <c r="B5092" t="s">
        <v>14</v>
      </c>
      <c r="C5092">
        <v>20</v>
      </c>
      <c r="D5092" t="s">
        <v>555</v>
      </c>
      <c r="E5092">
        <v>147</v>
      </c>
      <c r="F5092" t="s">
        <v>651</v>
      </c>
      <c r="G5092">
        <v>160</v>
      </c>
      <c r="H5092" t="s">
        <v>739</v>
      </c>
      <c r="I5092">
        <v>4413</v>
      </c>
      <c r="J5092" t="s">
        <v>1011</v>
      </c>
      <c r="K5092">
        <v>17</v>
      </c>
      <c r="L5092" t="s">
        <v>1011</v>
      </c>
      <c r="M5092">
        <v>57</v>
      </c>
      <c r="N5092" t="s">
        <v>654</v>
      </c>
      <c r="O5092">
        <v>3</v>
      </c>
      <c r="P5092" t="s">
        <v>655</v>
      </c>
      <c r="Q5092">
        <v>1</v>
      </c>
      <c r="R5092" t="s">
        <v>669</v>
      </c>
      <c r="S5092">
        <v>1</v>
      </c>
      <c r="T5092" t="s">
        <v>657</v>
      </c>
      <c r="U5092">
        <v>7</v>
      </c>
      <c r="V5092">
        <v>3</v>
      </c>
      <c r="W5092">
        <v>180</v>
      </c>
      <c r="X5092">
        <v>2020</v>
      </c>
    </row>
    <row r="5093" spans="1:24" x14ac:dyDescent="0.25">
      <c r="A5093">
        <v>5361</v>
      </c>
      <c r="B5093" t="s">
        <v>14</v>
      </c>
      <c r="C5093">
        <v>20</v>
      </c>
      <c r="D5093" t="s">
        <v>556</v>
      </c>
      <c r="E5093">
        <v>146</v>
      </c>
      <c r="F5093" t="s">
        <v>651</v>
      </c>
      <c r="G5093">
        <v>160</v>
      </c>
      <c r="H5093" t="s">
        <v>739</v>
      </c>
      <c r="I5093">
        <v>4413</v>
      </c>
      <c r="J5093" t="s">
        <v>691</v>
      </c>
      <c r="K5093">
        <v>21</v>
      </c>
      <c r="L5093" t="s">
        <v>3765</v>
      </c>
      <c r="M5093">
        <v>69</v>
      </c>
      <c r="N5093" t="s">
        <v>654</v>
      </c>
      <c r="O5093">
        <v>3</v>
      </c>
      <c r="P5093" t="s">
        <v>655</v>
      </c>
      <c r="Q5093">
        <v>1</v>
      </c>
      <c r="R5093" t="s">
        <v>669</v>
      </c>
      <c r="S5093">
        <v>1</v>
      </c>
      <c r="T5093" t="s">
        <v>657</v>
      </c>
      <c r="U5093">
        <v>7</v>
      </c>
      <c r="V5093">
        <v>3</v>
      </c>
      <c r="W5093">
        <v>180</v>
      </c>
      <c r="X5093">
        <v>2020</v>
      </c>
    </row>
    <row r="5094" spans="1:24" x14ac:dyDescent="0.25">
      <c r="A5094">
        <v>5360</v>
      </c>
      <c r="B5094" t="s">
        <v>14</v>
      </c>
      <c r="C5094">
        <v>20</v>
      </c>
      <c r="D5094" t="s">
        <v>556</v>
      </c>
      <c r="E5094">
        <v>146</v>
      </c>
      <c r="F5094" t="s">
        <v>651</v>
      </c>
      <c r="G5094">
        <v>160</v>
      </c>
      <c r="H5094" t="s">
        <v>739</v>
      </c>
      <c r="I5094">
        <v>4413</v>
      </c>
      <c r="J5094" t="s">
        <v>691</v>
      </c>
      <c r="K5094">
        <v>21</v>
      </c>
      <c r="L5094" t="s">
        <v>3765</v>
      </c>
      <c r="M5094">
        <v>69</v>
      </c>
      <c r="N5094" t="s">
        <v>654</v>
      </c>
      <c r="O5094">
        <v>3</v>
      </c>
      <c r="P5094" t="s">
        <v>655</v>
      </c>
      <c r="Q5094">
        <v>1</v>
      </c>
      <c r="R5094" t="s">
        <v>669</v>
      </c>
      <c r="S5094">
        <v>1</v>
      </c>
      <c r="T5094" t="s">
        <v>661</v>
      </c>
      <c r="U5094">
        <v>8</v>
      </c>
      <c r="V5094">
        <v>3</v>
      </c>
      <c r="W5094">
        <v>180</v>
      </c>
      <c r="X5094">
        <v>2020</v>
      </c>
    </row>
    <row r="5095" spans="1:24" x14ac:dyDescent="0.25">
      <c r="A5095">
        <v>5359</v>
      </c>
      <c r="B5095" t="s">
        <v>14</v>
      </c>
      <c r="C5095">
        <v>20</v>
      </c>
      <c r="D5095" t="s">
        <v>556</v>
      </c>
      <c r="E5095">
        <v>146</v>
      </c>
      <c r="F5095" t="s">
        <v>651</v>
      </c>
      <c r="G5095">
        <v>160</v>
      </c>
      <c r="H5095" t="s">
        <v>739</v>
      </c>
      <c r="I5095">
        <v>4413</v>
      </c>
      <c r="J5095" t="s">
        <v>802</v>
      </c>
      <c r="K5095">
        <v>12</v>
      </c>
      <c r="L5095" t="s">
        <v>802</v>
      </c>
      <c r="M5095">
        <v>36</v>
      </c>
      <c r="N5095" t="s">
        <v>654</v>
      </c>
      <c r="O5095">
        <v>3</v>
      </c>
      <c r="P5095" t="s">
        <v>655</v>
      </c>
      <c r="Q5095">
        <v>1</v>
      </c>
      <c r="R5095" t="s">
        <v>669</v>
      </c>
      <c r="S5095">
        <v>1</v>
      </c>
      <c r="T5095" t="s">
        <v>657</v>
      </c>
      <c r="U5095">
        <v>7</v>
      </c>
      <c r="V5095">
        <v>3</v>
      </c>
      <c r="W5095">
        <v>180</v>
      </c>
      <c r="X5095">
        <v>2020</v>
      </c>
    </row>
    <row r="5096" spans="1:24" x14ac:dyDescent="0.25">
      <c r="A5096">
        <v>5357</v>
      </c>
      <c r="B5096" t="s">
        <v>14</v>
      </c>
      <c r="C5096">
        <v>20</v>
      </c>
      <c r="D5096" t="s">
        <v>426</v>
      </c>
      <c r="E5096">
        <v>145</v>
      </c>
      <c r="F5096" t="s">
        <v>651</v>
      </c>
      <c r="G5096">
        <v>160</v>
      </c>
      <c r="H5096" t="s">
        <v>739</v>
      </c>
      <c r="I5096">
        <v>4413</v>
      </c>
      <c r="J5096" t="s">
        <v>699</v>
      </c>
      <c r="K5096">
        <v>10</v>
      </c>
      <c r="L5096" t="s">
        <v>1692</v>
      </c>
      <c r="M5096">
        <v>502</v>
      </c>
      <c r="N5096" t="s">
        <v>654</v>
      </c>
      <c r="O5096">
        <v>3</v>
      </c>
      <c r="P5096" t="s">
        <v>655</v>
      </c>
      <c r="Q5096">
        <v>1</v>
      </c>
      <c r="R5096" t="s">
        <v>669</v>
      </c>
      <c r="S5096">
        <v>1</v>
      </c>
      <c r="T5096" t="s">
        <v>3766</v>
      </c>
      <c r="U5096">
        <v>124</v>
      </c>
      <c r="V5096">
        <v>3</v>
      </c>
      <c r="W5096">
        <v>180</v>
      </c>
      <c r="X5096">
        <v>2020</v>
      </c>
    </row>
    <row r="5097" spans="1:24" x14ac:dyDescent="0.25">
      <c r="A5097">
        <v>5356</v>
      </c>
      <c r="B5097" t="s">
        <v>14</v>
      </c>
      <c r="C5097">
        <v>20</v>
      </c>
      <c r="D5097" t="s">
        <v>426</v>
      </c>
      <c r="E5097">
        <v>145</v>
      </c>
      <c r="F5097" t="s">
        <v>651</v>
      </c>
      <c r="G5097">
        <v>160</v>
      </c>
      <c r="H5097" t="s">
        <v>739</v>
      </c>
      <c r="I5097">
        <v>4413</v>
      </c>
      <c r="J5097" t="s">
        <v>699</v>
      </c>
      <c r="K5097">
        <v>10</v>
      </c>
      <c r="L5097" t="s">
        <v>1692</v>
      </c>
      <c r="M5097">
        <v>502</v>
      </c>
      <c r="N5097" t="s">
        <v>654</v>
      </c>
      <c r="O5097">
        <v>3</v>
      </c>
      <c r="P5097" t="s">
        <v>655</v>
      </c>
      <c r="Q5097">
        <v>1</v>
      </c>
      <c r="R5097" t="s">
        <v>669</v>
      </c>
      <c r="S5097">
        <v>1</v>
      </c>
      <c r="T5097" t="s">
        <v>3767</v>
      </c>
      <c r="U5097">
        <v>123</v>
      </c>
      <c r="V5097">
        <v>3</v>
      </c>
      <c r="W5097">
        <v>180</v>
      </c>
      <c r="X5097">
        <v>2020</v>
      </c>
    </row>
    <row r="5098" spans="1:24" x14ac:dyDescent="0.25">
      <c r="A5098">
        <v>5355</v>
      </c>
      <c r="B5098" t="s">
        <v>14</v>
      </c>
      <c r="C5098">
        <v>20</v>
      </c>
      <c r="D5098" t="s">
        <v>426</v>
      </c>
      <c r="E5098">
        <v>145</v>
      </c>
      <c r="F5098" t="s">
        <v>651</v>
      </c>
      <c r="G5098">
        <v>160</v>
      </c>
      <c r="H5098" t="s">
        <v>739</v>
      </c>
      <c r="I5098">
        <v>4413</v>
      </c>
      <c r="J5098" t="s">
        <v>699</v>
      </c>
      <c r="K5098">
        <v>10</v>
      </c>
      <c r="L5098" t="s">
        <v>1692</v>
      </c>
      <c r="M5098">
        <v>502</v>
      </c>
      <c r="N5098" t="s">
        <v>654</v>
      </c>
      <c r="O5098">
        <v>3</v>
      </c>
      <c r="P5098" t="s">
        <v>655</v>
      </c>
      <c r="Q5098">
        <v>1</v>
      </c>
      <c r="R5098" t="s">
        <v>669</v>
      </c>
      <c r="S5098">
        <v>1</v>
      </c>
      <c r="T5098" t="s">
        <v>3768</v>
      </c>
      <c r="U5098">
        <v>122</v>
      </c>
      <c r="V5098">
        <v>3</v>
      </c>
      <c r="W5098">
        <v>180</v>
      </c>
      <c r="X5098">
        <v>2020</v>
      </c>
    </row>
    <row r="5099" spans="1:24" x14ac:dyDescent="0.25">
      <c r="A5099">
        <v>5354</v>
      </c>
      <c r="B5099" t="s">
        <v>14</v>
      </c>
      <c r="C5099">
        <v>20</v>
      </c>
      <c r="D5099" t="s">
        <v>426</v>
      </c>
      <c r="E5099">
        <v>145</v>
      </c>
      <c r="F5099" t="s">
        <v>651</v>
      </c>
      <c r="G5099">
        <v>160</v>
      </c>
      <c r="H5099" t="s">
        <v>739</v>
      </c>
      <c r="I5099">
        <v>4413</v>
      </c>
      <c r="J5099" t="s">
        <v>699</v>
      </c>
      <c r="K5099">
        <v>10</v>
      </c>
      <c r="L5099" t="s">
        <v>1692</v>
      </c>
      <c r="M5099">
        <v>502</v>
      </c>
      <c r="N5099" t="s">
        <v>654</v>
      </c>
      <c r="O5099">
        <v>3</v>
      </c>
      <c r="P5099" t="s">
        <v>655</v>
      </c>
      <c r="Q5099">
        <v>1</v>
      </c>
      <c r="R5099" t="s">
        <v>669</v>
      </c>
      <c r="S5099">
        <v>1</v>
      </c>
      <c r="T5099" t="s">
        <v>3769</v>
      </c>
      <c r="U5099">
        <v>121</v>
      </c>
      <c r="V5099">
        <v>3</v>
      </c>
      <c r="W5099">
        <v>180</v>
      </c>
      <c r="X5099">
        <v>2020</v>
      </c>
    </row>
    <row r="5100" spans="1:24" x14ac:dyDescent="0.25">
      <c r="A5100">
        <v>5353</v>
      </c>
      <c r="B5100" t="s">
        <v>14</v>
      </c>
      <c r="C5100">
        <v>20</v>
      </c>
      <c r="D5100" t="s">
        <v>426</v>
      </c>
      <c r="E5100">
        <v>145</v>
      </c>
      <c r="F5100" t="s">
        <v>651</v>
      </c>
      <c r="G5100">
        <v>160</v>
      </c>
      <c r="H5100" t="s">
        <v>739</v>
      </c>
      <c r="I5100">
        <v>4413</v>
      </c>
      <c r="J5100" t="s">
        <v>699</v>
      </c>
      <c r="K5100">
        <v>10</v>
      </c>
      <c r="L5100" t="s">
        <v>1692</v>
      </c>
      <c r="M5100">
        <v>502</v>
      </c>
      <c r="N5100" t="s">
        <v>654</v>
      </c>
      <c r="O5100">
        <v>3</v>
      </c>
      <c r="P5100" t="s">
        <v>655</v>
      </c>
      <c r="Q5100">
        <v>1</v>
      </c>
      <c r="R5100" t="s">
        <v>669</v>
      </c>
      <c r="S5100">
        <v>1</v>
      </c>
      <c r="T5100" t="s">
        <v>3770</v>
      </c>
      <c r="U5100">
        <v>120</v>
      </c>
      <c r="V5100">
        <v>3</v>
      </c>
      <c r="W5100">
        <v>180</v>
      </c>
      <c r="X5100">
        <v>2020</v>
      </c>
    </row>
    <row r="5101" spans="1:24" x14ac:dyDescent="0.25">
      <c r="A5101">
        <v>5352</v>
      </c>
      <c r="B5101" t="s">
        <v>14</v>
      </c>
      <c r="C5101">
        <v>20</v>
      </c>
      <c r="D5101" t="s">
        <v>426</v>
      </c>
      <c r="E5101">
        <v>145</v>
      </c>
      <c r="F5101" t="s">
        <v>651</v>
      </c>
      <c r="G5101">
        <v>160</v>
      </c>
      <c r="H5101" t="s">
        <v>739</v>
      </c>
      <c r="I5101">
        <v>4413</v>
      </c>
      <c r="J5101" t="s">
        <v>699</v>
      </c>
      <c r="K5101">
        <v>10</v>
      </c>
      <c r="L5101" t="s">
        <v>1692</v>
      </c>
      <c r="M5101">
        <v>502</v>
      </c>
      <c r="N5101" t="s">
        <v>654</v>
      </c>
      <c r="O5101">
        <v>3</v>
      </c>
      <c r="P5101" t="s">
        <v>655</v>
      </c>
      <c r="Q5101">
        <v>1</v>
      </c>
      <c r="R5101" t="s">
        <v>669</v>
      </c>
      <c r="S5101">
        <v>1</v>
      </c>
      <c r="T5101" t="s">
        <v>3771</v>
      </c>
      <c r="U5101">
        <v>119</v>
      </c>
      <c r="V5101">
        <v>3</v>
      </c>
      <c r="W5101">
        <v>180</v>
      </c>
      <c r="X5101">
        <v>2020</v>
      </c>
    </row>
    <row r="5102" spans="1:24" x14ac:dyDescent="0.25">
      <c r="A5102">
        <v>5351</v>
      </c>
      <c r="B5102" t="s">
        <v>14</v>
      </c>
      <c r="C5102">
        <v>20</v>
      </c>
      <c r="D5102" t="s">
        <v>426</v>
      </c>
      <c r="E5102">
        <v>145</v>
      </c>
      <c r="F5102" t="s">
        <v>651</v>
      </c>
      <c r="G5102">
        <v>160</v>
      </c>
      <c r="H5102" t="s">
        <v>739</v>
      </c>
      <c r="I5102">
        <v>4413</v>
      </c>
      <c r="J5102" t="s">
        <v>699</v>
      </c>
      <c r="K5102">
        <v>10</v>
      </c>
      <c r="L5102" t="s">
        <v>1753</v>
      </c>
      <c r="M5102">
        <v>458</v>
      </c>
      <c r="N5102" t="s">
        <v>654</v>
      </c>
      <c r="O5102">
        <v>3</v>
      </c>
      <c r="P5102" t="s">
        <v>655</v>
      </c>
      <c r="Q5102">
        <v>1</v>
      </c>
      <c r="R5102" t="s">
        <v>669</v>
      </c>
      <c r="S5102">
        <v>1</v>
      </c>
      <c r="T5102" t="s">
        <v>1756</v>
      </c>
      <c r="U5102">
        <v>99</v>
      </c>
      <c r="V5102">
        <v>3</v>
      </c>
      <c r="W5102">
        <v>180</v>
      </c>
      <c r="X5102">
        <v>2020</v>
      </c>
    </row>
    <row r="5103" spans="1:24" x14ac:dyDescent="0.25">
      <c r="A5103">
        <v>5350</v>
      </c>
      <c r="B5103" t="s">
        <v>14</v>
      </c>
      <c r="C5103">
        <v>20</v>
      </c>
      <c r="D5103" t="s">
        <v>426</v>
      </c>
      <c r="E5103">
        <v>145</v>
      </c>
      <c r="F5103" t="s">
        <v>651</v>
      </c>
      <c r="G5103">
        <v>160</v>
      </c>
      <c r="H5103" t="s">
        <v>739</v>
      </c>
      <c r="I5103">
        <v>4413</v>
      </c>
      <c r="J5103" t="s">
        <v>699</v>
      </c>
      <c r="K5103">
        <v>10</v>
      </c>
      <c r="L5103" t="s">
        <v>1753</v>
      </c>
      <c r="M5103">
        <v>458</v>
      </c>
      <c r="N5103" t="s">
        <v>654</v>
      </c>
      <c r="O5103">
        <v>3</v>
      </c>
      <c r="P5103" t="s">
        <v>655</v>
      </c>
      <c r="Q5103">
        <v>1</v>
      </c>
      <c r="R5103" t="s">
        <v>669</v>
      </c>
      <c r="S5103">
        <v>1</v>
      </c>
      <c r="T5103" t="s">
        <v>1755</v>
      </c>
      <c r="U5103">
        <v>86</v>
      </c>
      <c r="V5103">
        <v>3</v>
      </c>
      <c r="W5103">
        <v>180</v>
      </c>
      <c r="X5103">
        <v>2020</v>
      </c>
    </row>
    <row r="5104" spans="1:24" x14ac:dyDescent="0.25">
      <c r="A5104">
        <v>5349</v>
      </c>
      <c r="B5104" t="s">
        <v>14</v>
      </c>
      <c r="C5104">
        <v>20</v>
      </c>
      <c r="D5104" t="s">
        <v>426</v>
      </c>
      <c r="E5104">
        <v>145</v>
      </c>
      <c r="F5104" t="s">
        <v>651</v>
      </c>
      <c r="G5104">
        <v>160</v>
      </c>
      <c r="H5104" t="s">
        <v>739</v>
      </c>
      <c r="I5104">
        <v>4413</v>
      </c>
      <c r="J5104" t="s">
        <v>699</v>
      </c>
      <c r="K5104">
        <v>10</v>
      </c>
      <c r="L5104" t="s">
        <v>1753</v>
      </c>
      <c r="M5104">
        <v>458</v>
      </c>
      <c r="N5104" t="s">
        <v>654</v>
      </c>
      <c r="O5104">
        <v>3</v>
      </c>
      <c r="P5104" t="s">
        <v>655</v>
      </c>
      <c r="Q5104">
        <v>1</v>
      </c>
      <c r="R5104" t="s">
        <v>669</v>
      </c>
      <c r="S5104">
        <v>1</v>
      </c>
      <c r="T5104" t="s">
        <v>1443</v>
      </c>
      <c r="U5104">
        <v>73</v>
      </c>
      <c r="V5104">
        <v>3</v>
      </c>
      <c r="W5104">
        <v>180</v>
      </c>
      <c r="X5104">
        <v>2020</v>
      </c>
    </row>
    <row r="5105" spans="1:24" x14ac:dyDescent="0.25">
      <c r="A5105">
        <v>5348</v>
      </c>
      <c r="B5105" t="s">
        <v>14</v>
      </c>
      <c r="C5105">
        <v>20</v>
      </c>
      <c r="D5105" t="s">
        <v>426</v>
      </c>
      <c r="E5105">
        <v>145</v>
      </c>
      <c r="F5105" t="s">
        <v>651</v>
      </c>
      <c r="G5105">
        <v>160</v>
      </c>
      <c r="H5105" t="s">
        <v>739</v>
      </c>
      <c r="I5105">
        <v>4413</v>
      </c>
      <c r="J5105" t="s">
        <v>699</v>
      </c>
      <c r="K5105">
        <v>10</v>
      </c>
      <c r="L5105" t="s">
        <v>1753</v>
      </c>
      <c r="M5105">
        <v>458</v>
      </c>
      <c r="N5105" t="s">
        <v>654</v>
      </c>
      <c r="O5105">
        <v>3</v>
      </c>
      <c r="P5105" t="s">
        <v>655</v>
      </c>
      <c r="Q5105">
        <v>1</v>
      </c>
      <c r="R5105" t="s">
        <v>669</v>
      </c>
      <c r="S5105">
        <v>1</v>
      </c>
      <c r="T5105" t="s">
        <v>1505</v>
      </c>
      <c r="U5105">
        <v>59</v>
      </c>
      <c r="V5105">
        <v>3</v>
      </c>
      <c r="W5105">
        <v>180</v>
      </c>
      <c r="X5105">
        <v>2020</v>
      </c>
    </row>
    <row r="5106" spans="1:24" x14ac:dyDescent="0.25">
      <c r="A5106">
        <v>5347</v>
      </c>
      <c r="B5106" t="s">
        <v>14</v>
      </c>
      <c r="C5106">
        <v>20</v>
      </c>
      <c r="D5106" t="s">
        <v>426</v>
      </c>
      <c r="E5106">
        <v>145</v>
      </c>
      <c r="F5106" t="s">
        <v>651</v>
      </c>
      <c r="G5106">
        <v>160</v>
      </c>
      <c r="H5106" t="s">
        <v>739</v>
      </c>
      <c r="I5106">
        <v>4413</v>
      </c>
      <c r="J5106" t="s">
        <v>699</v>
      </c>
      <c r="K5106">
        <v>10</v>
      </c>
      <c r="L5106" t="s">
        <v>1753</v>
      </c>
      <c r="M5106">
        <v>458</v>
      </c>
      <c r="N5106" t="s">
        <v>654</v>
      </c>
      <c r="O5106">
        <v>3</v>
      </c>
      <c r="P5106" t="s">
        <v>655</v>
      </c>
      <c r="Q5106">
        <v>1</v>
      </c>
      <c r="R5106" t="s">
        <v>669</v>
      </c>
      <c r="S5106">
        <v>1</v>
      </c>
      <c r="T5106" t="s">
        <v>1754</v>
      </c>
      <c r="U5106">
        <v>48</v>
      </c>
      <c r="V5106">
        <v>3</v>
      </c>
      <c r="W5106">
        <v>180</v>
      </c>
      <c r="X5106">
        <v>2020</v>
      </c>
    </row>
    <row r="5107" spans="1:24" x14ac:dyDescent="0.25">
      <c r="A5107">
        <v>5346</v>
      </c>
      <c r="B5107" t="s">
        <v>14</v>
      </c>
      <c r="C5107">
        <v>20</v>
      </c>
      <c r="D5107" t="s">
        <v>426</v>
      </c>
      <c r="E5107">
        <v>145</v>
      </c>
      <c r="F5107" t="s">
        <v>651</v>
      </c>
      <c r="G5107">
        <v>160</v>
      </c>
      <c r="H5107" t="s">
        <v>739</v>
      </c>
      <c r="I5107">
        <v>4413</v>
      </c>
      <c r="J5107" t="s">
        <v>699</v>
      </c>
      <c r="K5107">
        <v>10</v>
      </c>
      <c r="L5107" t="s">
        <v>1753</v>
      </c>
      <c r="M5107">
        <v>458</v>
      </c>
      <c r="N5107" t="s">
        <v>654</v>
      </c>
      <c r="O5107">
        <v>3</v>
      </c>
      <c r="P5107" t="s">
        <v>655</v>
      </c>
      <c r="Q5107">
        <v>1</v>
      </c>
      <c r="R5107" t="s">
        <v>669</v>
      </c>
      <c r="S5107">
        <v>1</v>
      </c>
      <c r="T5107" t="s">
        <v>1419</v>
      </c>
      <c r="U5107">
        <v>34</v>
      </c>
      <c r="V5107">
        <v>3</v>
      </c>
      <c r="W5107">
        <v>180</v>
      </c>
      <c r="X5107">
        <v>2020</v>
      </c>
    </row>
    <row r="5108" spans="1:24" x14ac:dyDescent="0.25">
      <c r="A5108">
        <v>5345</v>
      </c>
      <c r="B5108" t="s">
        <v>14</v>
      </c>
      <c r="C5108">
        <v>20</v>
      </c>
      <c r="D5108" t="s">
        <v>426</v>
      </c>
      <c r="E5108">
        <v>145</v>
      </c>
      <c r="F5108" t="s">
        <v>651</v>
      </c>
      <c r="G5108">
        <v>160</v>
      </c>
      <c r="H5108" t="s">
        <v>739</v>
      </c>
      <c r="I5108">
        <v>4413</v>
      </c>
      <c r="J5108" t="s">
        <v>699</v>
      </c>
      <c r="K5108">
        <v>10</v>
      </c>
      <c r="L5108" t="s">
        <v>720</v>
      </c>
      <c r="M5108">
        <v>350</v>
      </c>
      <c r="N5108" t="s">
        <v>654</v>
      </c>
      <c r="O5108">
        <v>3</v>
      </c>
      <c r="P5108" t="s">
        <v>655</v>
      </c>
      <c r="Q5108">
        <v>1</v>
      </c>
      <c r="R5108" t="s">
        <v>669</v>
      </c>
      <c r="S5108">
        <v>1</v>
      </c>
      <c r="T5108" t="s">
        <v>3772</v>
      </c>
      <c r="U5108">
        <v>304</v>
      </c>
      <c r="V5108">
        <v>3</v>
      </c>
      <c r="W5108">
        <v>180</v>
      </c>
      <c r="X5108">
        <v>2020</v>
      </c>
    </row>
    <row r="5109" spans="1:24" x14ac:dyDescent="0.25">
      <c r="A5109">
        <v>5344</v>
      </c>
      <c r="B5109" t="s">
        <v>14</v>
      </c>
      <c r="C5109">
        <v>20</v>
      </c>
      <c r="D5109" t="s">
        <v>426</v>
      </c>
      <c r="E5109">
        <v>145</v>
      </c>
      <c r="F5109" t="s">
        <v>651</v>
      </c>
      <c r="G5109">
        <v>160</v>
      </c>
      <c r="H5109" t="s">
        <v>739</v>
      </c>
      <c r="I5109">
        <v>4413</v>
      </c>
      <c r="J5109" t="s">
        <v>699</v>
      </c>
      <c r="K5109">
        <v>10</v>
      </c>
      <c r="L5109" t="s">
        <v>720</v>
      </c>
      <c r="M5109">
        <v>350</v>
      </c>
      <c r="N5109" t="s">
        <v>654</v>
      </c>
      <c r="O5109">
        <v>3</v>
      </c>
      <c r="P5109" t="s">
        <v>655</v>
      </c>
      <c r="Q5109">
        <v>1</v>
      </c>
      <c r="R5109" t="s">
        <v>669</v>
      </c>
      <c r="S5109">
        <v>1</v>
      </c>
      <c r="T5109" t="s">
        <v>1296</v>
      </c>
      <c r="U5109">
        <v>306</v>
      </c>
      <c r="V5109">
        <v>3</v>
      </c>
      <c r="W5109">
        <v>180</v>
      </c>
      <c r="X5109">
        <v>2020</v>
      </c>
    </row>
    <row r="5110" spans="1:24" x14ac:dyDescent="0.25">
      <c r="A5110">
        <v>5343</v>
      </c>
      <c r="B5110" t="s">
        <v>14</v>
      </c>
      <c r="C5110">
        <v>20</v>
      </c>
      <c r="D5110" t="s">
        <v>426</v>
      </c>
      <c r="E5110">
        <v>145</v>
      </c>
      <c r="F5110" t="s">
        <v>651</v>
      </c>
      <c r="G5110">
        <v>160</v>
      </c>
      <c r="H5110" t="s">
        <v>739</v>
      </c>
      <c r="I5110">
        <v>4413</v>
      </c>
      <c r="J5110" t="s">
        <v>699</v>
      </c>
      <c r="K5110">
        <v>10</v>
      </c>
      <c r="L5110" t="s">
        <v>720</v>
      </c>
      <c r="M5110">
        <v>350</v>
      </c>
      <c r="N5110" t="s">
        <v>654</v>
      </c>
      <c r="O5110">
        <v>3</v>
      </c>
      <c r="P5110" t="s">
        <v>655</v>
      </c>
      <c r="Q5110">
        <v>1</v>
      </c>
      <c r="R5110" t="s">
        <v>669</v>
      </c>
      <c r="S5110">
        <v>1</v>
      </c>
      <c r="T5110" t="s">
        <v>3773</v>
      </c>
      <c r="U5110">
        <v>303</v>
      </c>
      <c r="V5110">
        <v>3</v>
      </c>
      <c r="W5110">
        <v>180</v>
      </c>
      <c r="X5110">
        <v>2020</v>
      </c>
    </row>
    <row r="5111" spans="1:24" x14ac:dyDescent="0.25">
      <c r="A5111">
        <v>5342</v>
      </c>
      <c r="B5111" t="s">
        <v>14</v>
      </c>
      <c r="C5111">
        <v>20</v>
      </c>
      <c r="D5111" t="s">
        <v>426</v>
      </c>
      <c r="E5111">
        <v>145</v>
      </c>
      <c r="F5111" t="s">
        <v>651</v>
      </c>
      <c r="G5111">
        <v>160</v>
      </c>
      <c r="H5111" t="s">
        <v>739</v>
      </c>
      <c r="I5111">
        <v>4413</v>
      </c>
      <c r="J5111" t="s">
        <v>699</v>
      </c>
      <c r="K5111">
        <v>10</v>
      </c>
      <c r="L5111" t="s">
        <v>720</v>
      </c>
      <c r="M5111">
        <v>350</v>
      </c>
      <c r="N5111" t="s">
        <v>654</v>
      </c>
      <c r="O5111">
        <v>3</v>
      </c>
      <c r="P5111" t="s">
        <v>655</v>
      </c>
      <c r="Q5111">
        <v>1</v>
      </c>
      <c r="R5111" t="s">
        <v>669</v>
      </c>
      <c r="S5111">
        <v>1</v>
      </c>
      <c r="T5111" t="s">
        <v>721</v>
      </c>
      <c r="U5111">
        <v>305</v>
      </c>
      <c r="V5111">
        <v>3</v>
      </c>
      <c r="W5111">
        <v>180</v>
      </c>
      <c r="X5111">
        <v>2020</v>
      </c>
    </row>
    <row r="5112" spans="1:24" x14ac:dyDescent="0.25">
      <c r="A5112">
        <v>5341</v>
      </c>
      <c r="B5112" t="s">
        <v>14</v>
      </c>
      <c r="C5112">
        <v>20</v>
      </c>
      <c r="D5112" t="s">
        <v>426</v>
      </c>
      <c r="E5112">
        <v>145</v>
      </c>
      <c r="F5112" t="s">
        <v>651</v>
      </c>
      <c r="G5112">
        <v>160</v>
      </c>
      <c r="H5112" t="s">
        <v>739</v>
      </c>
      <c r="I5112">
        <v>4413</v>
      </c>
      <c r="J5112" t="s">
        <v>699</v>
      </c>
      <c r="K5112">
        <v>10</v>
      </c>
      <c r="L5112" t="s">
        <v>720</v>
      </c>
      <c r="M5112">
        <v>350</v>
      </c>
      <c r="N5112" t="s">
        <v>654</v>
      </c>
      <c r="O5112">
        <v>3</v>
      </c>
      <c r="P5112" t="s">
        <v>655</v>
      </c>
      <c r="Q5112">
        <v>1</v>
      </c>
      <c r="R5112" t="s">
        <v>669</v>
      </c>
      <c r="S5112">
        <v>1</v>
      </c>
      <c r="T5112" t="s">
        <v>3774</v>
      </c>
      <c r="U5112">
        <v>302</v>
      </c>
      <c r="V5112">
        <v>3</v>
      </c>
      <c r="W5112">
        <v>180</v>
      </c>
      <c r="X5112">
        <v>2020</v>
      </c>
    </row>
    <row r="5113" spans="1:24" x14ac:dyDescent="0.25">
      <c r="A5113">
        <v>5340</v>
      </c>
      <c r="B5113" t="s">
        <v>14</v>
      </c>
      <c r="C5113">
        <v>20</v>
      </c>
      <c r="D5113" t="s">
        <v>426</v>
      </c>
      <c r="E5113">
        <v>145</v>
      </c>
      <c r="F5113" t="s">
        <v>651</v>
      </c>
      <c r="G5113">
        <v>160</v>
      </c>
      <c r="H5113" t="s">
        <v>739</v>
      </c>
      <c r="I5113">
        <v>4413</v>
      </c>
      <c r="J5113" t="s">
        <v>699</v>
      </c>
      <c r="K5113">
        <v>10</v>
      </c>
      <c r="L5113" t="s">
        <v>720</v>
      </c>
      <c r="M5113">
        <v>350</v>
      </c>
      <c r="N5113" t="s">
        <v>654</v>
      </c>
      <c r="O5113">
        <v>3</v>
      </c>
      <c r="P5113" t="s">
        <v>655</v>
      </c>
      <c r="Q5113">
        <v>1</v>
      </c>
      <c r="R5113" t="s">
        <v>669</v>
      </c>
      <c r="S5113">
        <v>1</v>
      </c>
      <c r="T5113" t="s">
        <v>722</v>
      </c>
      <c r="U5113">
        <v>281</v>
      </c>
      <c r="V5113">
        <v>3</v>
      </c>
      <c r="W5113">
        <v>180</v>
      </c>
      <c r="X5113">
        <v>2020</v>
      </c>
    </row>
    <row r="5114" spans="1:24" x14ac:dyDescent="0.25">
      <c r="A5114">
        <v>5339</v>
      </c>
      <c r="B5114" t="s">
        <v>14</v>
      </c>
      <c r="C5114">
        <v>20</v>
      </c>
      <c r="D5114" t="s">
        <v>426</v>
      </c>
      <c r="E5114">
        <v>145</v>
      </c>
      <c r="F5114" t="s">
        <v>651</v>
      </c>
      <c r="G5114">
        <v>160</v>
      </c>
      <c r="H5114" t="s">
        <v>739</v>
      </c>
      <c r="I5114">
        <v>4413</v>
      </c>
      <c r="J5114" t="s">
        <v>699</v>
      </c>
      <c r="K5114">
        <v>10</v>
      </c>
      <c r="L5114" t="s">
        <v>720</v>
      </c>
      <c r="M5114">
        <v>350</v>
      </c>
      <c r="N5114" t="s">
        <v>654</v>
      </c>
      <c r="O5114">
        <v>3</v>
      </c>
      <c r="P5114" t="s">
        <v>655</v>
      </c>
      <c r="Q5114">
        <v>1</v>
      </c>
      <c r="R5114" t="s">
        <v>669</v>
      </c>
      <c r="S5114">
        <v>1</v>
      </c>
      <c r="T5114" t="s">
        <v>3775</v>
      </c>
      <c r="U5114">
        <v>301</v>
      </c>
      <c r="V5114">
        <v>3</v>
      </c>
      <c r="W5114">
        <v>180</v>
      </c>
      <c r="X5114">
        <v>2020</v>
      </c>
    </row>
    <row r="5115" spans="1:24" x14ac:dyDescent="0.25">
      <c r="A5115">
        <v>5338</v>
      </c>
      <c r="B5115" t="s">
        <v>14</v>
      </c>
      <c r="C5115">
        <v>20</v>
      </c>
      <c r="D5115" t="s">
        <v>426</v>
      </c>
      <c r="E5115">
        <v>145</v>
      </c>
      <c r="F5115" t="s">
        <v>651</v>
      </c>
      <c r="G5115">
        <v>160</v>
      </c>
      <c r="H5115" t="s">
        <v>739</v>
      </c>
      <c r="I5115">
        <v>4413</v>
      </c>
      <c r="J5115" t="s">
        <v>699</v>
      </c>
      <c r="K5115">
        <v>10</v>
      </c>
      <c r="L5115" t="s">
        <v>720</v>
      </c>
      <c r="M5115">
        <v>350</v>
      </c>
      <c r="N5115" t="s">
        <v>654</v>
      </c>
      <c r="O5115">
        <v>3</v>
      </c>
      <c r="P5115" t="s">
        <v>655</v>
      </c>
      <c r="Q5115">
        <v>1</v>
      </c>
      <c r="R5115" t="s">
        <v>669</v>
      </c>
      <c r="S5115">
        <v>1</v>
      </c>
      <c r="T5115" t="s">
        <v>724</v>
      </c>
      <c r="U5115">
        <v>279</v>
      </c>
      <c r="V5115">
        <v>3</v>
      </c>
      <c r="W5115">
        <v>180</v>
      </c>
      <c r="X5115">
        <v>2020</v>
      </c>
    </row>
    <row r="5116" spans="1:24" x14ac:dyDescent="0.25">
      <c r="A5116">
        <v>5337</v>
      </c>
      <c r="B5116" t="s">
        <v>14</v>
      </c>
      <c r="C5116">
        <v>20</v>
      </c>
      <c r="D5116" t="s">
        <v>426</v>
      </c>
      <c r="E5116">
        <v>145</v>
      </c>
      <c r="F5116" t="s">
        <v>651</v>
      </c>
      <c r="G5116">
        <v>160</v>
      </c>
      <c r="H5116" t="s">
        <v>739</v>
      </c>
      <c r="I5116">
        <v>4413</v>
      </c>
      <c r="J5116" t="s">
        <v>699</v>
      </c>
      <c r="K5116">
        <v>10</v>
      </c>
      <c r="L5116" t="s">
        <v>720</v>
      </c>
      <c r="M5116">
        <v>350</v>
      </c>
      <c r="N5116" t="s">
        <v>654</v>
      </c>
      <c r="O5116">
        <v>3</v>
      </c>
      <c r="P5116" t="s">
        <v>655</v>
      </c>
      <c r="Q5116">
        <v>1</v>
      </c>
      <c r="R5116" t="s">
        <v>669</v>
      </c>
      <c r="S5116">
        <v>1</v>
      </c>
      <c r="T5116" t="s">
        <v>3776</v>
      </c>
      <c r="U5116">
        <v>300</v>
      </c>
      <c r="V5116">
        <v>3</v>
      </c>
      <c r="W5116">
        <v>180</v>
      </c>
      <c r="X5116">
        <v>2020</v>
      </c>
    </row>
    <row r="5117" spans="1:24" x14ac:dyDescent="0.25">
      <c r="A5117">
        <v>5336</v>
      </c>
      <c r="B5117" t="s">
        <v>14</v>
      </c>
      <c r="C5117">
        <v>20</v>
      </c>
      <c r="D5117" t="s">
        <v>426</v>
      </c>
      <c r="E5117">
        <v>145</v>
      </c>
      <c r="F5117" t="s">
        <v>651</v>
      </c>
      <c r="G5117">
        <v>160</v>
      </c>
      <c r="H5117" t="s">
        <v>739</v>
      </c>
      <c r="I5117">
        <v>4413</v>
      </c>
      <c r="J5117" t="s">
        <v>699</v>
      </c>
      <c r="K5117">
        <v>10</v>
      </c>
      <c r="L5117" t="s">
        <v>720</v>
      </c>
      <c r="M5117">
        <v>350</v>
      </c>
      <c r="N5117" t="s">
        <v>654</v>
      </c>
      <c r="O5117">
        <v>3</v>
      </c>
      <c r="P5117" t="s">
        <v>655</v>
      </c>
      <c r="Q5117">
        <v>1</v>
      </c>
      <c r="R5117" t="s">
        <v>669</v>
      </c>
      <c r="S5117">
        <v>1</v>
      </c>
      <c r="T5117" t="s">
        <v>723</v>
      </c>
      <c r="U5117">
        <v>278</v>
      </c>
      <c r="V5117">
        <v>3</v>
      </c>
      <c r="W5117">
        <v>180</v>
      </c>
      <c r="X5117">
        <v>2020</v>
      </c>
    </row>
    <row r="5118" spans="1:24" x14ac:dyDescent="0.25">
      <c r="A5118">
        <v>5335</v>
      </c>
      <c r="B5118" t="s">
        <v>14</v>
      </c>
      <c r="C5118">
        <v>20</v>
      </c>
      <c r="D5118" t="s">
        <v>426</v>
      </c>
      <c r="E5118">
        <v>145</v>
      </c>
      <c r="F5118" t="s">
        <v>651</v>
      </c>
      <c r="G5118">
        <v>160</v>
      </c>
      <c r="H5118" t="s">
        <v>739</v>
      </c>
      <c r="I5118">
        <v>4413</v>
      </c>
      <c r="J5118" t="s">
        <v>699</v>
      </c>
      <c r="K5118">
        <v>10</v>
      </c>
      <c r="L5118" t="s">
        <v>720</v>
      </c>
      <c r="M5118">
        <v>350</v>
      </c>
      <c r="N5118" t="s">
        <v>654</v>
      </c>
      <c r="O5118">
        <v>3</v>
      </c>
      <c r="P5118" t="s">
        <v>655</v>
      </c>
      <c r="Q5118">
        <v>1</v>
      </c>
      <c r="R5118" t="s">
        <v>669</v>
      </c>
      <c r="S5118">
        <v>1</v>
      </c>
      <c r="T5118" t="s">
        <v>3777</v>
      </c>
      <c r="U5118">
        <v>299</v>
      </c>
      <c r="V5118">
        <v>3</v>
      </c>
      <c r="W5118">
        <v>180</v>
      </c>
      <c r="X5118">
        <v>2020</v>
      </c>
    </row>
    <row r="5119" spans="1:24" x14ac:dyDescent="0.25">
      <c r="A5119">
        <v>5334</v>
      </c>
      <c r="B5119" t="s">
        <v>14</v>
      </c>
      <c r="C5119">
        <v>20</v>
      </c>
      <c r="D5119" t="s">
        <v>426</v>
      </c>
      <c r="E5119">
        <v>145</v>
      </c>
      <c r="F5119" t="s">
        <v>651</v>
      </c>
      <c r="G5119">
        <v>160</v>
      </c>
      <c r="H5119" t="s">
        <v>739</v>
      </c>
      <c r="I5119">
        <v>4413</v>
      </c>
      <c r="J5119" t="s">
        <v>699</v>
      </c>
      <c r="K5119">
        <v>10</v>
      </c>
      <c r="L5119" t="s">
        <v>720</v>
      </c>
      <c r="M5119">
        <v>350</v>
      </c>
      <c r="N5119" t="s">
        <v>654</v>
      </c>
      <c r="O5119">
        <v>3</v>
      </c>
      <c r="P5119" t="s">
        <v>655</v>
      </c>
      <c r="Q5119">
        <v>1</v>
      </c>
      <c r="R5119" t="s">
        <v>669</v>
      </c>
      <c r="S5119">
        <v>1</v>
      </c>
      <c r="T5119" t="s">
        <v>725</v>
      </c>
      <c r="U5119">
        <v>280</v>
      </c>
      <c r="V5119">
        <v>3</v>
      </c>
      <c r="W5119">
        <v>180</v>
      </c>
      <c r="X5119">
        <v>2020</v>
      </c>
    </row>
    <row r="5120" spans="1:24" x14ac:dyDescent="0.25">
      <c r="A5120">
        <v>5333</v>
      </c>
      <c r="B5120" t="s">
        <v>14</v>
      </c>
      <c r="C5120">
        <v>20</v>
      </c>
      <c r="D5120" t="s">
        <v>426</v>
      </c>
      <c r="E5120">
        <v>145</v>
      </c>
      <c r="F5120" t="s">
        <v>651</v>
      </c>
      <c r="G5120">
        <v>160</v>
      </c>
      <c r="H5120" t="s">
        <v>739</v>
      </c>
      <c r="I5120">
        <v>4413</v>
      </c>
      <c r="J5120" t="s">
        <v>699</v>
      </c>
      <c r="K5120">
        <v>10</v>
      </c>
      <c r="L5120" t="s">
        <v>3711</v>
      </c>
      <c r="M5120">
        <v>343</v>
      </c>
      <c r="N5120" t="s">
        <v>654</v>
      </c>
      <c r="O5120">
        <v>3</v>
      </c>
      <c r="P5120" t="s">
        <v>655</v>
      </c>
      <c r="Q5120">
        <v>1</v>
      </c>
      <c r="R5120" t="s">
        <v>669</v>
      </c>
      <c r="S5120">
        <v>1</v>
      </c>
      <c r="T5120" t="s">
        <v>1666</v>
      </c>
      <c r="U5120">
        <v>264</v>
      </c>
      <c r="V5120">
        <v>3</v>
      </c>
      <c r="W5120">
        <v>180</v>
      </c>
      <c r="X5120">
        <v>2020</v>
      </c>
    </row>
    <row r="5121" spans="1:24" x14ac:dyDescent="0.25">
      <c r="A5121">
        <v>5332</v>
      </c>
      <c r="B5121" t="s">
        <v>14</v>
      </c>
      <c r="C5121">
        <v>20</v>
      </c>
      <c r="D5121" t="s">
        <v>426</v>
      </c>
      <c r="E5121">
        <v>145</v>
      </c>
      <c r="F5121" t="s">
        <v>651</v>
      </c>
      <c r="G5121">
        <v>160</v>
      </c>
      <c r="H5121" t="s">
        <v>739</v>
      </c>
      <c r="I5121">
        <v>4413</v>
      </c>
      <c r="J5121" t="s">
        <v>699</v>
      </c>
      <c r="K5121">
        <v>10</v>
      </c>
      <c r="L5121" t="s">
        <v>699</v>
      </c>
      <c r="M5121">
        <v>30</v>
      </c>
      <c r="N5121" t="s">
        <v>654</v>
      </c>
      <c r="O5121">
        <v>3</v>
      </c>
      <c r="P5121" t="s">
        <v>655</v>
      </c>
      <c r="Q5121">
        <v>1</v>
      </c>
      <c r="R5121" t="s">
        <v>669</v>
      </c>
      <c r="S5121">
        <v>1</v>
      </c>
      <c r="T5121" t="s">
        <v>657</v>
      </c>
      <c r="U5121">
        <v>7</v>
      </c>
      <c r="V5121">
        <v>3</v>
      </c>
      <c r="W5121">
        <v>180</v>
      </c>
      <c r="X5121">
        <v>2020</v>
      </c>
    </row>
    <row r="5122" spans="1:24" x14ac:dyDescent="0.25">
      <c r="A5122">
        <v>5329</v>
      </c>
      <c r="B5122" t="s">
        <v>14</v>
      </c>
      <c r="C5122">
        <v>20</v>
      </c>
      <c r="D5122" t="s">
        <v>386</v>
      </c>
      <c r="E5122">
        <v>142</v>
      </c>
      <c r="F5122" t="s">
        <v>651</v>
      </c>
      <c r="G5122">
        <v>160</v>
      </c>
      <c r="H5122" t="s">
        <v>739</v>
      </c>
      <c r="I5122">
        <v>4413</v>
      </c>
      <c r="J5122" t="s">
        <v>792</v>
      </c>
      <c r="K5122">
        <v>6</v>
      </c>
      <c r="L5122" t="s">
        <v>3778</v>
      </c>
      <c r="M5122">
        <v>20</v>
      </c>
      <c r="N5122" t="s">
        <v>654</v>
      </c>
      <c r="O5122">
        <v>3</v>
      </c>
      <c r="P5122" t="s">
        <v>655</v>
      </c>
      <c r="Q5122">
        <v>1</v>
      </c>
      <c r="R5122" t="s">
        <v>669</v>
      </c>
      <c r="S5122">
        <v>1</v>
      </c>
      <c r="T5122" t="s">
        <v>657</v>
      </c>
      <c r="U5122">
        <v>7</v>
      </c>
      <c r="V5122">
        <v>3</v>
      </c>
      <c r="W5122">
        <v>180</v>
      </c>
      <c r="X5122">
        <v>2020</v>
      </c>
    </row>
    <row r="5123" spans="1:24" x14ac:dyDescent="0.25">
      <c r="A5123">
        <v>5328</v>
      </c>
      <c r="B5123" t="s">
        <v>14</v>
      </c>
      <c r="C5123">
        <v>20</v>
      </c>
      <c r="D5123" t="s">
        <v>386</v>
      </c>
      <c r="E5123">
        <v>142</v>
      </c>
      <c r="F5123" t="s">
        <v>651</v>
      </c>
      <c r="G5123">
        <v>160</v>
      </c>
      <c r="H5123" t="s">
        <v>3043</v>
      </c>
      <c r="I5123">
        <v>4615</v>
      </c>
      <c r="J5123" t="s">
        <v>792</v>
      </c>
      <c r="K5123">
        <v>6</v>
      </c>
      <c r="L5123" t="s">
        <v>1927</v>
      </c>
      <c r="M5123">
        <v>17</v>
      </c>
      <c r="N5123" t="s">
        <v>654</v>
      </c>
      <c r="O5123">
        <v>3</v>
      </c>
      <c r="P5123" t="s">
        <v>655</v>
      </c>
      <c r="Q5123">
        <v>1</v>
      </c>
      <c r="R5123" t="s">
        <v>669</v>
      </c>
      <c r="S5123">
        <v>1</v>
      </c>
      <c r="T5123" t="s">
        <v>657</v>
      </c>
      <c r="U5123">
        <v>7</v>
      </c>
      <c r="V5123">
        <v>3</v>
      </c>
      <c r="W5123">
        <v>180</v>
      </c>
      <c r="X5123">
        <v>2020</v>
      </c>
    </row>
    <row r="5124" spans="1:24" x14ac:dyDescent="0.25">
      <c r="A5124">
        <v>5327</v>
      </c>
      <c r="B5124" t="s">
        <v>14</v>
      </c>
      <c r="C5124">
        <v>20</v>
      </c>
      <c r="D5124" t="s">
        <v>386</v>
      </c>
      <c r="E5124">
        <v>142</v>
      </c>
      <c r="F5124" t="s">
        <v>651</v>
      </c>
      <c r="G5124">
        <v>160</v>
      </c>
      <c r="H5124" t="s">
        <v>739</v>
      </c>
      <c r="I5124">
        <v>4413</v>
      </c>
      <c r="J5124" t="s">
        <v>792</v>
      </c>
      <c r="K5124">
        <v>6</v>
      </c>
      <c r="L5124" t="s">
        <v>1927</v>
      </c>
      <c r="M5124">
        <v>17</v>
      </c>
      <c r="N5124" t="s">
        <v>654</v>
      </c>
      <c r="O5124">
        <v>3</v>
      </c>
      <c r="P5124" t="s">
        <v>655</v>
      </c>
      <c r="Q5124">
        <v>1</v>
      </c>
      <c r="R5124" t="s">
        <v>669</v>
      </c>
      <c r="S5124">
        <v>1</v>
      </c>
      <c r="T5124" t="s">
        <v>657</v>
      </c>
      <c r="U5124">
        <v>7</v>
      </c>
      <c r="V5124">
        <v>3</v>
      </c>
      <c r="W5124">
        <v>180</v>
      </c>
      <c r="X5124">
        <v>2020</v>
      </c>
    </row>
    <row r="5125" spans="1:24" x14ac:dyDescent="0.25">
      <c r="A5125">
        <v>5326</v>
      </c>
      <c r="B5125" t="s">
        <v>14</v>
      </c>
      <c r="C5125">
        <v>20</v>
      </c>
      <c r="D5125" t="s">
        <v>386</v>
      </c>
      <c r="E5125">
        <v>142</v>
      </c>
      <c r="F5125" t="s">
        <v>651</v>
      </c>
      <c r="G5125">
        <v>160</v>
      </c>
      <c r="H5125" t="s">
        <v>739</v>
      </c>
      <c r="I5125">
        <v>4413</v>
      </c>
      <c r="J5125" t="s">
        <v>792</v>
      </c>
      <c r="K5125">
        <v>6</v>
      </c>
      <c r="L5125" t="s">
        <v>792</v>
      </c>
      <c r="M5125">
        <v>16</v>
      </c>
      <c r="N5125" t="s">
        <v>654</v>
      </c>
      <c r="O5125">
        <v>3</v>
      </c>
      <c r="P5125" t="s">
        <v>655</v>
      </c>
      <c r="Q5125">
        <v>1</v>
      </c>
      <c r="R5125" t="s">
        <v>669</v>
      </c>
      <c r="S5125">
        <v>1</v>
      </c>
      <c r="T5125" t="s">
        <v>657</v>
      </c>
      <c r="U5125">
        <v>7</v>
      </c>
      <c r="V5125">
        <v>3</v>
      </c>
      <c r="W5125">
        <v>180</v>
      </c>
      <c r="X5125">
        <v>2020</v>
      </c>
    </row>
    <row r="5126" spans="1:24" x14ac:dyDescent="0.25">
      <c r="A5126">
        <v>5324</v>
      </c>
      <c r="B5126" t="s">
        <v>14</v>
      </c>
      <c r="C5126">
        <v>20</v>
      </c>
      <c r="D5126" t="s">
        <v>558</v>
      </c>
      <c r="E5126">
        <v>141</v>
      </c>
      <c r="F5126" t="s">
        <v>651</v>
      </c>
      <c r="G5126">
        <v>160</v>
      </c>
      <c r="H5126" t="s">
        <v>739</v>
      </c>
      <c r="I5126">
        <v>4413</v>
      </c>
      <c r="J5126" t="s">
        <v>831</v>
      </c>
      <c r="K5126">
        <v>5</v>
      </c>
      <c r="L5126" t="s">
        <v>831</v>
      </c>
      <c r="M5126">
        <v>14</v>
      </c>
      <c r="N5126" t="s">
        <v>654</v>
      </c>
      <c r="O5126">
        <v>3</v>
      </c>
      <c r="P5126" t="s">
        <v>655</v>
      </c>
      <c r="Q5126">
        <v>1</v>
      </c>
      <c r="R5126" t="s">
        <v>669</v>
      </c>
      <c r="S5126">
        <v>1</v>
      </c>
      <c r="T5126" t="s">
        <v>657</v>
      </c>
      <c r="U5126">
        <v>7</v>
      </c>
      <c r="V5126">
        <v>3</v>
      </c>
      <c r="W5126">
        <v>180</v>
      </c>
      <c r="X5126">
        <v>2020</v>
      </c>
    </row>
    <row r="5127" spans="1:24" x14ac:dyDescent="0.25">
      <c r="A5127">
        <v>5323</v>
      </c>
      <c r="B5127" t="s">
        <v>14</v>
      </c>
      <c r="C5127">
        <v>20</v>
      </c>
      <c r="D5127" t="s">
        <v>559</v>
      </c>
      <c r="E5127">
        <v>140</v>
      </c>
      <c r="F5127" t="s">
        <v>651</v>
      </c>
      <c r="G5127">
        <v>160</v>
      </c>
      <c r="H5127" t="s">
        <v>739</v>
      </c>
      <c r="I5127">
        <v>4413</v>
      </c>
      <c r="J5127" t="s">
        <v>897</v>
      </c>
      <c r="K5127">
        <v>3</v>
      </c>
      <c r="L5127" t="s">
        <v>897</v>
      </c>
      <c r="M5127">
        <v>8</v>
      </c>
      <c r="N5127" t="s">
        <v>654</v>
      </c>
      <c r="O5127">
        <v>3</v>
      </c>
      <c r="P5127" t="s">
        <v>655</v>
      </c>
      <c r="Q5127">
        <v>1</v>
      </c>
      <c r="R5127" t="s">
        <v>669</v>
      </c>
      <c r="S5127">
        <v>1</v>
      </c>
      <c r="T5127" t="s">
        <v>657</v>
      </c>
      <c r="U5127">
        <v>7</v>
      </c>
      <c r="V5127">
        <v>3</v>
      </c>
      <c r="W5127">
        <v>180</v>
      </c>
      <c r="X5127">
        <v>2020</v>
      </c>
    </row>
    <row r="5128" spans="1:24" x14ac:dyDescent="0.25">
      <c r="A5128">
        <v>5319</v>
      </c>
      <c r="B5128" t="s">
        <v>14</v>
      </c>
      <c r="C5128">
        <v>20</v>
      </c>
      <c r="D5128" t="s">
        <v>457</v>
      </c>
      <c r="E5128">
        <v>139</v>
      </c>
      <c r="F5128" t="s">
        <v>651</v>
      </c>
      <c r="G5128">
        <v>160</v>
      </c>
      <c r="H5128" t="s">
        <v>739</v>
      </c>
      <c r="I5128">
        <v>4413</v>
      </c>
      <c r="J5128" t="s">
        <v>726</v>
      </c>
      <c r="K5128">
        <v>2</v>
      </c>
      <c r="L5128" t="s">
        <v>726</v>
      </c>
      <c r="M5128">
        <v>4</v>
      </c>
      <c r="N5128" t="s">
        <v>654</v>
      </c>
      <c r="O5128">
        <v>3</v>
      </c>
      <c r="P5128" t="s">
        <v>655</v>
      </c>
      <c r="Q5128">
        <v>1</v>
      </c>
      <c r="R5128" t="s">
        <v>669</v>
      </c>
      <c r="S5128">
        <v>1</v>
      </c>
      <c r="T5128" t="s">
        <v>657</v>
      </c>
      <c r="U5128">
        <v>7</v>
      </c>
      <c r="V5128">
        <v>3</v>
      </c>
      <c r="W5128">
        <v>180</v>
      </c>
      <c r="X5128">
        <v>2020</v>
      </c>
    </row>
    <row r="5129" spans="1:24" x14ac:dyDescent="0.25">
      <c r="A5129">
        <v>5318</v>
      </c>
      <c r="B5129" t="s">
        <v>14</v>
      </c>
      <c r="C5129">
        <v>20</v>
      </c>
      <c r="D5129" t="s">
        <v>458</v>
      </c>
      <c r="E5129">
        <v>138</v>
      </c>
      <c r="F5129" t="s">
        <v>651</v>
      </c>
      <c r="G5129">
        <v>160</v>
      </c>
      <c r="H5129" t="s">
        <v>739</v>
      </c>
      <c r="I5129">
        <v>4413</v>
      </c>
      <c r="J5129" t="s">
        <v>885</v>
      </c>
      <c r="K5129">
        <v>1</v>
      </c>
      <c r="L5129" t="s">
        <v>1543</v>
      </c>
      <c r="M5129">
        <v>3</v>
      </c>
      <c r="N5129" t="s">
        <v>654</v>
      </c>
      <c r="O5129">
        <v>3</v>
      </c>
      <c r="P5129" t="s">
        <v>655</v>
      </c>
      <c r="Q5129">
        <v>1</v>
      </c>
      <c r="R5129" t="s">
        <v>669</v>
      </c>
      <c r="S5129">
        <v>1</v>
      </c>
      <c r="T5129" t="s">
        <v>657</v>
      </c>
      <c r="U5129">
        <v>7</v>
      </c>
      <c r="V5129">
        <v>3</v>
      </c>
      <c r="W5129">
        <v>180</v>
      </c>
      <c r="X5129">
        <v>2020</v>
      </c>
    </row>
    <row r="5130" spans="1:24" x14ac:dyDescent="0.25">
      <c r="A5130">
        <v>5317</v>
      </c>
      <c r="B5130" t="s">
        <v>218</v>
      </c>
      <c r="C5130">
        <v>17</v>
      </c>
      <c r="D5130" t="s">
        <v>426</v>
      </c>
      <c r="E5130">
        <v>122</v>
      </c>
      <c r="F5130" t="s">
        <v>651</v>
      </c>
      <c r="G5130">
        <v>160</v>
      </c>
      <c r="H5130" t="s">
        <v>744</v>
      </c>
      <c r="I5130">
        <v>3143</v>
      </c>
      <c r="J5130" t="s">
        <v>699</v>
      </c>
      <c r="K5130">
        <v>10</v>
      </c>
      <c r="L5130" t="s">
        <v>700</v>
      </c>
      <c r="M5130">
        <v>348</v>
      </c>
      <c r="N5130" t="s">
        <v>654</v>
      </c>
      <c r="O5130">
        <v>3</v>
      </c>
      <c r="P5130" t="s">
        <v>655</v>
      </c>
      <c r="Q5130">
        <v>1</v>
      </c>
      <c r="R5130" t="s">
        <v>669</v>
      </c>
      <c r="S5130">
        <v>1</v>
      </c>
      <c r="T5130" t="s">
        <v>1010</v>
      </c>
      <c r="U5130">
        <v>36</v>
      </c>
      <c r="V5130">
        <v>3</v>
      </c>
      <c r="W5130">
        <v>180</v>
      </c>
      <c r="X5130">
        <v>2020</v>
      </c>
    </row>
    <row r="5131" spans="1:24" x14ac:dyDescent="0.25">
      <c r="A5131">
        <v>5315</v>
      </c>
      <c r="B5131" t="s">
        <v>218</v>
      </c>
      <c r="C5131">
        <v>17</v>
      </c>
      <c r="D5131" t="s">
        <v>426</v>
      </c>
      <c r="E5131">
        <v>122</v>
      </c>
      <c r="F5131" t="s">
        <v>651</v>
      </c>
      <c r="G5131">
        <v>160</v>
      </c>
      <c r="H5131" t="s">
        <v>744</v>
      </c>
      <c r="I5131">
        <v>3143</v>
      </c>
      <c r="J5131" t="s">
        <v>699</v>
      </c>
      <c r="K5131">
        <v>10</v>
      </c>
      <c r="L5131" t="s">
        <v>1241</v>
      </c>
      <c r="M5131">
        <v>346</v>
      </c>
      <c r="N5131" t="s">
        <v>654</v>
      </c>
      <c r="O5131">
        <v>3</v>
      </c>
      <c r="P5131" t="s">
        <v>655</v>
      </c>
      <c r="Q5131">
        <v>1</v>
      </c>
      <c r="R5131" t="s">
        <v>669</v>
      </c>
      <c r="S5131">
        <v>1</v>
      </c>
      <c r="T5131" t="s">
        <v>1419</v>
      </c>
      <c r="U5131">
        <v>34</v>
      </c>
      <c r="V5131">
        <v>3</v>
      </c>
      <c r="W5131">
        <v>180</v>
      </c>
      <c r="X5131">
        <v>2020</v>
      </c>
    </row>
    <row r="5132" spans="1:24" x14ac:dyDescent="0.25">
      <c r="A5132">
        <v>5314</v>
      </c>
      <c r="B5132" t="s">
        <v>213</v>
      </c>
      <c r="C5132">
        <v>15</v>
      </c>
      <c r="D5132" t="s">
        <v>426</v>
      </c>
      <c r="E5132">
        <v>98</v>
      </c>
      <c r="F5132" t="s">
        <v>651</v>
      </c>
      <c r="G5132">
        <v>160</v>
      </c>
      <c r="H5132" t="s">
        <v>741</v>
      </c>
      <c r="I5132">
        <v>1585</v>
      </c>
      <c r="J5132" t="s">
        <v>699</v>
      </c>
      <c r="K5132">
        <v>10</v>
      </c>
      <c r="L5132" t="s">
        <v>1241</v>
      </c>
      <c r="M5132">
        <v>346</v>
      </c>
      <c r="N5132" t="s">
        <v>654</v>
      </c>
      <c r="O5132">
        <v>3</v>
      </c>
      <c r="P5132" t="s">
        <v>655</v>
      </c>
      <c r="Q5132">
        <v>1</v>
      </c>
      <c r="R5132" t="s">
        <v>669</v>
      </c>
      <c r="S5132">
        <v>1</v>
      </c>
      <c r="T5132" t="s">
        <v>1505</v>
      </c>
      <c r="U5132">
        <v>59</v>
      </c>
      <c r="V5132">
        <v>3</v>
      </c>
      <c r="W5132">
        <v>180</v>
      </c>
      <c r="X5132">
        <v>2020</v>
      </c>
    </row>
    <row r="5133" spans="1:24" x14ac:dyDescent="0.25">
      <c r="A5133">
        <v>5313</v>
      </c>
      <c r="B5133" t="s">
        <v>213</v>
      </c>
      <c r="C5133">
        <v>15</v>
      </c>
      <c r="D5133" t="s">
        <v>426</v>
      </c>
      <c r="E5133">
        <v>98</v>
      </c>
      <c r="F5133" t="s">
        <v>651</v>
      </c>
      <c r="G5133">
        <v>160</v>
      </c>
      <c r="H5133" t="s">
        <v>741</v>
      </c>
      <c r="I5133">
        <v>1585</v>
      </c>
      <c r="J5133" t="s">
        <v>699</v>
      </c>
      <c r="K5133">
        <v>10</v>
      </c>
      <c r="L5133" t="s">
        <v>1241</v>
      </c>
      <c r="M5133">
        <v>346</v>
      </c>
      <c r="N5133" t="s">
        <v>654</v>
      </c>
      <c r="O5133">
        <v>3</v>
      </c>
      <c r="P5133" t="s">
        <v>655</v>
      </c>
      <c r="Q5133">
        <v>1</v>
      </c>
      <c r="R5133" t="s">
        <v>669</v>
      </c>
      <c r="S5133">
        <v>1</v>
      </c>
      <c r="T5133" t="s">
        <v>1419</v>
      </c>
      <c r="U5133">
        <v>34</v>
      </c>
      <c r="V5133">
        <v>3</v>
      </c>
      <c r="W5133">
        <v>180</v>
      </c>
      <c r="X5133">
        <v>2020</v>
      </c>
    </row>
    <row r="5134" spans="1:24" x14ac:dyDescent="0.25">
      <c r="A5134">
        <v>5312</v>
      </c>
      <c r="B5134" t="s">
        <v>213</v>
      </c>
      <c r="C5134">
        <v>15</v>
      </c>
      <c r="D5134" t="s">
        <v>426</v>
      </c>
      <c r="E5134">
        <v>98</v>
      </c>
      <c r="F5134" t="s">
        <v>651</v>
      </c>
      <c r="G5134">
        <v>160</v>
      </c>
      <c r="H5134" t="s">
        <v>741</v>
      </c>
      <c r="I5134">
        <v>1585</v>
      </c>
      <c r="J5134" t="s">
        <v>699</v>
      </c>
      <c r="K5134">
        <v>10</v>
      </c>
      <c r="L5134" t="s">
        <v>1096</v>
      </c>
      <c r="M5134">
        <v>341</v>
      </c>
      <c r="N5134" t="s">
        <v>654</v>
      </c>
      <c r="O5134">
        <v>3</v>
      </c>
      <c r="P5134" t="s">
        <v>655</v>
      </c>
      <c r="Q5134">
        <v>1</v>
      </c>
      <c r="R5134" t="s">
        <v>669</v>
      </c>
      <c r="S5134">
        <v>1</v>
      </c>
      <c r="T5134" t="s">
        <v>1611</v>
      </c>
      <c r="U5134">
        <v>11</v>
      </c>
      <c r="V5134">
        <v>3</v>
      </c>
      <c r="W5134">
        <v>180</v>
      </c>
      <c r="X5134">
        <v>2020</v>
      </c>
    </row>
    <row r="5135" spans="1:24" x14ac:dyDescent="0.25">
      <c r="A5135">
        <v>5311</v>
      </c>
      <c r="B5135" t="s">
        <v>213</v>
      </c>
      <c r="C5135">
        <v>15</v>
      </c>
      <c r="D5135" t="s">
        <v>426</v>
      </c>
      <c r="E5135">
        <v>98</v>
      </c>
      <c r="F5135" t="s">
        <v>651</v>
      </c>
      <c r="G5135">
        <v>160</v>
      </c>
      <c r="H5135" t="s">
        <v>741</v>
      </c>
      <c r="I5135">
        <v>1585</v>
      </c>
      <c r="J5135" t="s">
        <v>699</v>
      </c>
      <c r="K5135">
        <v>10</v>
      </c>
      <c r="L5135" t="s">
        <v>1096</v>
      </c>
      <c r="M5135">
        <v>341</v>
      </c>
      <c r="N5135" t="s">
        <v>654</v>
      </c>
      <c r="O5135">
        <v>3</v>
      </c>
      <c r="P5135" t="s">
        <v>655</v>
      </c>
      <c r="Q5135">
        <v>1</v>
      </c>
      <c r="R5135" t="s">
        <v>669</v>
      </c>
      <c r="S5135">
        <v>1</v>
      </c>
      <c r="T5135" t="s">
        <v>1295</v>
      </c>
      <c r="U5135">
        <v>10</v>
      </c>
      <c r="V5135">
        <v>3</v>
      </c>
      <c r="W5135">
        <v>180</v>
      </c>
      <c r="X5135">
        <v>2020</v>
      </c>
    </row>
    <row r="5136" spans="1:24" x14ac:dyDescent="0.25">
      <c r="A5136">
        <v>5309</v>
      </c>
      <c r="B5136" t="s">
        <v>16</v>
      </c>
      <c r="C5136">
        <v>5</v>
      </c>
      <c r="D5136" t="s">
        <v>555</v>
      </c>
      <c r="E5136">
        <v>49</v>
      </c>
      <c r="F5136" t="s">
        <v>651</v>
      </c>
      <c r="G5136">
        <v>160</v>
      </c>
      <c r="H5136" t="s">
        <v>658</v>
      </c>
      <c r="I5136">
        <v>13755</v>
      </c>
      <c r="J5136" t="s">
        <v>703</v>
      </c>
      <c r="K5136">
        <v>16</v>
      </c>
      <c r="L5136" t="s">
        <v>704</v>
      </c>
      <c r="M5136">
        <v>56</v>
      </c>
      <c r="N5136" t="s">
        <v>654</v>
      </c>
      <c r="O5136">
        <v>3</v>
      </c>
      <c r="P5136" t="s">
        <v>655</v>
      </c>
      <c r="Q5136">
        <v>1</v>
      </c>
      <c r="R5136" t="s">
        <v>669</v>
      </c>
      <c r="S5136">
        <v>1</v>
      </c>
      <c r="T5136" t="s">
        <v>661</v>
      </c>
      <c r="U5136">
        <v>8</v>
      </c>
      <c r="V5136">
        <v>3</v>
      </c>
      <c r="W5136">
        <v>180</v>
      </c>
      <c r="X5136">
        <v>2020</v>
      </c>
    </row>
    <row r="5137" spans="1:24" x14ac:dyDescent="0.25">
      <c r="A5137">
        <v>5306</v>
      </c>
      <c r="B5137" t="s">
        <v>183</v>
      </c>
      <c r="C5137">
        <v>4</v>
      </c>
      <c r="D5137" t="s">
        <v>609</v>
      </c>
      <c r="E5137">
        <v>32</v>
      </c>
      <c r="F5137" t="s">
        <v>651</v>
      </c>
      <c r="G5137">
        <v>160</v>
      </c>
      <c r="H5137" t="s">
        <v>658</v>
      </c>
      <c r="I5137">
        <v>13755</v>
      </c>
      <c r="J5137" t="s">
        <v>851</v>
      </c>
      <c r="K5137">
        <v>43</v>
      </c>
      <c r="L5137" t="s">
        <v>1007</v>
      </c>
      <c r="M5137">
        <v>509</v>
      </c>
      <c r="N5137" t="s">
        <v>654</v>
      </c>
      <c r="O5137">
        <v>3</v>
      </c>
      <c r="P5137" t="s">
        <v>655</v>
      </c>
      <c r="Q5137">
        <v>1</v>
      </c>
      <c r="R5137" t="s">
        <v>669</v>
      </c>
      <c r="S5137">
        <v>1</v>
      </c>
      <c r="T5137" t="s">
        <v>661</v>
      </c>
      <c r="U5137">
        <v>8</v>
      </c>
      <c r="V5137">
        <v>4</v>
      </c>
      <c r="W5137">
        <v>240</v>
      </c>
      <c r="X5137">
        <v>2020</v>
      </c>
    </row>
    <row r="5138" spans="1:24" x14ac:dyDescent="0.25">
      <c r="A5138">
        <v>5304</v>
      </c>
      <c r="B5138" t="s">
        <v>8</v>
      </c>
      <c r="C5138">
        <v>75</v>
      </c>
      <c r="D5138" t="s">
        <v>351</v>
      </c>
      <c r="E5138">
        <v>613</v>
      </c>
      <c r="F5138" t="s">
        <v>651</v>
      </c>
      <c r="G5138">
        <v>160</v>
      </c>
      <c r="H5138" t="s">
        <v>675</v>
      </c>
      <c r="I5138">
        <v>5952</v>
      </c>
      <c r="J5138" t="s">
        <v>691</v>
      </c>
      <c r="K5138">
        <v>21</v>
      </c>
      <c r="L5138" t="s">
        <v>1923</v>
      </c>
      <c r="M5138">
        <v>67</v>
      </c>
      <c r="N5138" t="s">
        <v>654</v>
      </c>
      <c r="O5138">
        <v>3</v>
      </c>
      <c r="P5138" t="s">
        <v>689</v>
      </c>
      <c r="Q5138">
        <v>4</v>
      </c>
      <c r="R5138" t="s">
        <v>669</v>
      </c>
      <c r="S5138">
        <v>1</v>
      </c>
      <c r="T5138" t="s">
        <v>661</v>
      </c>
      <c r="U5138">
        <v>8</v>
      </c>
      <c r="V5138">
        <v>3</v>
      </c>
      <c r="W5138">
        <v>180</v>
      </c>
      <c r="X5138">
        <v>2020</v>
      </c>
    </row>
    <row r="5139" spans="1:24" x14ac:dyDescent="0.25">
      <c r="A5139">
        <v>5303</v>
      </c>
      <c r="B5139" t="s">
        <v>8</v>
      </c>
      <c r="C5139">
        <v>75</v>
      </c>
      <c r="D5139" t="s">
        <v>351</v>
      </c>
      <c r="E5139">
        <v>613</v>
      </c>
      <c r="F5139" t="s">
        <v>651</v>
      </c>
      <c r="G5139">
        <v>160</v>
      </c>
      <c r="H5139" t="s">
        <v>675</v>
      </c>
      <c r="I5139">
        <v>5952</v>
      </c>
      <c r="J5139" t="s">
        <v>691</v>
      </c>
      <c r="K5139">
        <v>21</v>
      </c>
      <c r="L5139" t="s">
        <v>1923</v>
      </c>
      <c r="M5139">
        <v>67</v>
      </c>
      <c r="N5139" t="s">
        <v>654</v>
      </c>
      <c r="O5139">
        <v>3</v>
      </c>
      <c r="P5139" t="s">
        <v>655</v>
      </c>
      <c r="Q5139">
        <v>1</v>
      </c>
      <c r="R5139" t="s">
        <v>669</v>
      </c>
      <c r="S5139">
        <v>1</v>
      </c>
      <c r="T5139" t="s">
        <v>661</v>
      </c>
      <c r="U5139">
        <v>8</v>
      </c>
      <c r="V5139">
        <v>3</v>
      </c>
      <c r="W5139">
        <v>180</v>
      </c>
      <c r="X5139">
        <v>2020</v>
      </c>
    </row>
    <row r="5140" spans="1:24" x14ac:dyDescent="0.25">
      <c r="A5140">
        <v>5302</v>
      </c>
      <c r="B5140" t="s">
        <v>8</v>
      </c>
      <c r="C5140">
        <v>75</v>
      </c>
      <c r="D5140" t="s">
        <v>351</v>
      </c>
      <c r="E5140">
        <v>613</v>
      </c>
      <c r="F5140" t="s">
        <v>651</v>
      </c>
      <c r="G5140">
        <v>160</v>
      </c>
      <c r="H5140" t="s">
        <v>675</v>
      </c>
      <c r="I5140">
        <v>5952</v>
      </c>
      <c r="J5140" t="s">
        <v>756</v>
      </c>
      <c r="K5140">
        <v>19</v>
      </c>
      <c r="L5140" t="s">
        <v>756</v>
      </c>
      <c r="M5140">
        <v>60</v>
      </c>
      <c r="N5140" t="s">
        <v>668</v>
      </c>
      <c r="O5140">
        <v>4</v>
      </c>
      <c r="P5140" t="s">
        <v>689</v>
      </c>
      <c r="Q5140">
        <v>4</v>
      </c>
      <c r="R5140" t="s">
        <v>669</v>
      </c>
      <c r="S5140">
        <v>1</v>
      </c>
      <c r="T5140" t="s">
        <v>661</v>
      </c>
      <c r="U5140">
        <v>8</v>
      </c>
      <c r="V5140">
        <v>3</v>
      </c>
      <c r="W5140">
        <v>180</v>
      </c>
      <c r="X5140">
        <v>2020</v>
      </c>
    </row>
    <row r="5141" spans="1:24" x14ac:dyDescent="0.25">
      <c r="A5141">
        <v>5301</v>
      </c>
      <c r="B5141" t="s">
        <v>8</v>
      </c>
      <c r="C5141">
        <v>75</v>
      </c>
      <c r="D5141" t="s">
        <v>351</v>
      </c>
      <c r="E5141">
        <v>613</v>
      </c>
      <c r="F5141" t="s">
        <v>651</v>
      </c>
      <c r="G5141">
        <v>160</v>
      </c>
      <c r="H5141" t="s">
        <v>675</v>
      </c>
      <c r="I5141">
        <v>5952</v>
      </c>
      <c r="J5141" t="s">
        <v>756</v>
      </c>
      <c r="K5141">
        <v>19</v>
      </c>
      <c r="L5141" t="s">
        <v>756</v>
      </c>
      <c r="M5141">
        <v>60</v>
      </c>
      <c r="N5141" t="s">
        <v>654</v>
      </c>
      <c r="O5141">
        <v>3</v>
      </c>
      <c r="P5141" t="s">
        <v>655</v>
      </c>
      <c r="Q5141">
        <v>1</v>
      </c>
      <c r="R5141" t="s">
        <v>669</v>
      </c>
      <c r="S5141">
        <v>1</v>
      </c>
      <c r="T5141" t="s">
        <v>661</v>
      </c>
      <c r="U5141">
        <v>8</v>
      </c>
      <c r="V5141">
        <v>3</v>
      </c>
      <c r="W5141">
        <v>180</v>
      </c>
      <c r="X5141">
        <v>2020</v>
      </c>
    </row>
    <row r="5142" spans="1:24" x14ac:dyDescent="0.25">
      <c r="A5142">
        <v>5300</v>
      </c>
      <c r="B5142" t="s">
        <v>8</v>
      </c>
      <c r="C5142">
        <v>75</v>
      </c>
      <c r="D5142" t="s">
        <v>316</v>
      </c>
      <c r="E5142">
        <v>499</v>
      </c>
      <c r="F5142" t="s">
        <v>651</v>
      </c>
      <c r="G5142">
        <v>160</v>
      </c>
      <c r="H5142" t="s">
        <v>675</v>
      </c>
      <c r="I5142">
        <v>5952</v>
      </c>
      <c r="J5142" t="s">
        <v>807</v>
      </c>
      <c r="K5142">
        <v>25</v>
      </c>
      <c r="L5142" t="s">
        <v>1603</v>
      </c>
      <c r="M5142">
        <v>81</v>
      </c>
      <c r="N5142" t="s">
        <v>654</v>
      </c>
      <c r="O5142">
        <v>3</v>
      </c>
      <c r="P5142" t="s">
        <v>689</v>
      </c>
      <c r="Q5142">
        <v>4</v>
      </c>
      <c r="R5142" t="s">
        <v>669</v>
      </c>
      <c r="S5142">
        <v>1</v>
      </c>
      <c r="T5142" t="s">
        <v>661</v>
      </c>
      <c r="U5142">
        <v>8</v>
      </c>
      <c r="V5142">
        <v>3</v>
      </c>
      <c r="W5142">
        <v>180</v>
      </c>
      <c r="X5142">
        <v>2020</v>
      </c>
    </row>
    <row r="5143" spans="1:24" x14ac:dyDescent="0.25">
      <c r="A5143">
        <v>5299</v>
      </c>
      <c r="B5143" t="s">
        <v>8</v>
      </c>
      <c r="C5143">
        <v>75</v>
      </c>
      <c r="D5143" t="s">
        <v>316</v>
      </c>
      <c r="E5143">
        <v>499</v>
      </c>
      <c r="F5143" t="s">
        <v>651</v>
      </c>
      <c r="G5143">
        <v>160</v>
      </c>
      <c r="H5143" t="s">
        <v>675</v>
      </c>
      <c r="I5143">
        <v>5952</v>
      </c>
      <c r="J5143" t="s">
        <v>299</v>
      </c>
      <c r="K5143">
        <v>27</v>
      </c>
      <c r="L5143" t="s">
        <v>690</v>
      </c>
      <c r="M5143">
        <v>89</v>
      </c>
      <c r="N5143" t="s">
        <v>654</v>
      </c>
      <c r="O5143">
        <v>3</v>
      </c>
      <c r="P5143" t="s">
        <v>746</v>
      </c>
      <c r="Q5143">
        <v>2</v>
      </c>
      <c r="R5143" t="s">
        <v>669</v>
      </c>
      <c r="S5143">
        <v>1</v>
      </c>
      <c r="T5143" t="s">
        <v>661</v>
      </c>
      <c r="U5143">
        <v>8</v>
      </c>
      <c r="V5143">
        <v>3</v>
      </c>
      <c r="W5143">
        <v>180</v>
      </c>
      <c r="X5143">
        <v>2020</v>
      </c>
    </row>
    <row r="5144" spans="1:24" x14ac:dyDescent="0.25">
      <c r="A5144">
        <v>5274</v>
      </c>
      <c r="B5144" t="s">
        <v>180</v>
      </c>
      <c r="C5144">
        <v>70</v>
      </c>
      <c r="D5144" t="s">
        <v>321</v>
      </c>
      <c r="E5144">
        <v>661</v>
      </c>
      <c r="F5144" t="s">
        <v>651</v>
      </c>
      <c r="G5144">
        <v>160</v>
      </c>
      <c r="H5144" t="s">
        <v>681</v>
      </c>
      <c r="I5144">
        <v>717</v>
      </c>
      <c r="J5144" t="s">
        <v>915</v>
      </c>
      <c r="K5144">
        <v>78</v>
      </c>
      <c r="L5144" t="s">
        <v>1143</v>
      </c>
      <c r="M5144">
        <v>340</v>
      </c>
      <c r="N5144" t="s">
        <v>668</v>
      </c>
      <c r="O5144">
        <v>4</v>
      </c>
      <c r="P5144" t="s">
        <v>655</v>
      </c>
      <c r="Q5144">
        <v>1</v>
      </c>
      <c r="R5144" t="s">
        <v>669</v>
      </c>
      <c r="S5144">
        <v>1</v>
      </c>
      <c r="T5144" t="s">
        <v>661</v>
      </c>
      <c r="U5144">
        <v>8</v>
      </c>
      <c r="V5144">
        <v>3</v>
      </c>
      <c r="W5144">
        <v>180</v>
      </c>
      <c r="X5144">
        <v>2020</v>
      </c>
    </row>
    <row r="5145" spans="1:24" x14ac:dyDescent="0.25">
      <c r="A5145">
        <v>5272</v>
      </c>
      <c r="B5145" t="s">
        <v>180</v>
      </c>
      <c r="C5145">
        <v>70</v>
      </c>
      <c r="D5145" t="s">
        <v>322</v>
      </c>
      <c r="E5145">
        <v>660</v>
      </c>
      <c r="F5145" t="s">
        <v>651</v>
      </c>
      <c r="G5145">
        <v>160</v>
      </c>
      <c r="H5145" t="s">
        <v>681</v>
      </c>
      <c r="I5145">
        <v>717</v>
      </c>
      <c r="J5145" t="s">
        <v>932</v>
      </c>
      <c r="K5145">
        <v>77</v>
      </c>
      <c r="L5145" t="s">
        <v>839</v>
      </c>
      <c r="M5145">
        <v>327</v>
      </c>
      <c r="N5145" t="s">
        <v>654</v>
      </c>
      <c r="O5145">
        <v>3</v>
      </c>
      <c r="P5145" t="s">
        <v>655</v>
      </c>
      <c r="Q5145">
        <v>1</v>
      </c>
      <c r="R5145" t="s">
        <v>669</v>
      </c>
      <c r="S5145">
        <v>1</v>
      </c>
      <c r="T5145" t="s">
        <v>718</v>
      </c>
      <c r="U5145">
        <v>2</v>
      </c>
      <c r="V5145">
        <v>6</v>
      </c>
      <c r="W5145">
        <v>360</v>
      </c>
      <c r="X5145">
        <v>2020</v>
      </c>
    </row>
    <row r="5146" spans="1:24" x14ac:dyDescent="0.25">
      <c r="A5146">
        <v>5267</v>
      </c>
      <c r="B5146" t="s">
        <v>53</v>
      </c>
      <c r="C5146">
        <v>60</v>
      </c>
      <c r="D5146" t="s">
        <v>428</v>
      </c>
      <c r="E5146">
        <v>410</v>
      </c>
      <c r="F5146" t="s">
        <v>651</v>
      </c>
      <c r="G5146">
        <v>160</v>
      </c>
      <c r="H5146" t="s">
        <v>658</v>
      </c>
      <c r="I5146">
        <v>13755</v>
      </c>
      <c r="J5146" t="s">
        <v>955</v>
      </c>
      <c r="K5146">
        <v>29</v>
      </c>
      <c r="L5146" t="s">
        <v>2089</v>
      </c>
      <c r="M5146">
        <v>94</v>
      </c>
      <c r="N5146" t="s">
        <v>654</v>
      </c>
      <c r="O5146">
        <v>3</v>
      </c>
      <c r="P5146" t="s">
        <v>655</v>
      </c>
      <c r="Q5146">
        <v>1</v>
      </c>
      <c r="R5146" t="s">
        <v>669</v>
      </c>
      <c r="S5146">
        <v>1</v>
      </c>
      <c r="T5146" t="s">
        <v>718</v>
      </c>
      <c r="U5146">
        <v>2</v>
      </c>
      <c r="V5146">
        <v>3</v>
      </c>
      <c r="W5146">
        <v>180</v>
      </c>
      <c r="X5146">
        <v>2020</v>
      </c>
    </row>
    <row r="5147" spans="1:24" x14ac:dyDescent="0.25">
      <c r="A5147">
        <v>5266</v>
      </c>
      <c r="B5147" t="s">
        <v>53</v>
      </c>
      <c r="C5147">
        <v>60</v>
      </c>
      <c r="D5147" t="s">
        <v>429</v>
      </c>
      <c r="E5147">
        <v>408</v>
      </c>
      <c r="F5147" t="s">
        <v>651</v>
      </c>
      <c r="G5147">
        <v>160</v>
      </c>
      <c r="H5147" t="s">
        <v>658</v>
      </c>
      <c r="I5147">
        <v>13755</v>
      </c>
      <c r="J5147" t="s">
        <v>1094</v>
      </c>
      <c r="K5147">
        <v>28</v>
      </c>
      <c r="L5147" t="s">
        <v>296</v>
      </c>
      <c r="M5147">
        <v>91</v>
      </c>
      <c r="N5147" t="s">
        <v>654</v>
      </c>
      <c r="O5147">
        <v>3</v>
      </c>
      <c r="P5147" t="s">
        <v>655</v>
      </c>
      <c r="Q5147">
        <v>1</v>
      </c>
      <c r="R5147" t="s">
        <v>669</v>
      </c>
      <c r="S5147">
        <v>1</v>
      </c>
      <c r="T5147" t="s">
        <v>718</v>
      </c>
      <c r="U5147">
        <v>2</v>
      </c>
      <c r="V5147">
        <v>3</v>
      </c>
      <c r="W5147">
        <v>180</v>
      </c>
      <c r="X5147">
        <v>2020</v>
      </c>
    </row>
    <row r="5148" spans="1:24" x14ac:dyDescent="0.25">
      <c r="A5148">
        <v>5264</v>
      </c>
      <c r="B5148" t="s">
        <v>287</v>
      </c>
      <c r="C5148">
        <v>59</v>
      </c>
      <c r="D5148" t="s">
        <v>9</v>
      </c>
      <c r="E5148">
        <v>404</v>
      </c>
      <c r="F5148" t="s">
        <v>651</v>
      </c>
      <c r="G5148">
        <v>160</v>
      </c>
      <c r="H5148" t="s">
        <v>658</v>
      </c>
      <c r="I5148">
        <v>13755</v>
      </c>
      <c r="J5148" t="s">
        <v>301</v>
      </c>
      <c r="K5148">
        <v>26</v>
      </c>
      <c r="L5148" t="s">
        <v>301</v>
      </c>
      <c r="M5148">
        <v>82</v>
      </c>
      <c r="N5148" t="s">
        <v>654</v>
      </c>
      <c r="O5148">
        <v>3</v>
      </c>
      <c r="P5148" t="s">
        <v>689</v>
      </c>
      <c r="Q5148">
        <v>4</v>
      </c>
      <c r="R5148" t="s">
        <v>669</v>
      </c>
      <c r="S5148">
        <v>1</v>
      </c>
      <c r="T5148" t="s">
        <v>661</v>
      </c>
      <c r="U5148">
        <v>8</v>
      </c>
      <c r="V5148">
        <v>3</v>
      </c>
      <c r="W5148">
        <v>180</v>
      </c>
      <c r="X5148">
        <v>2020</v>
      </c>
    </row>
    <row r="5149" spans="1:24" x14ac:dyDescent="0.25">
      <c r="A5149">
        <v>5263</v>
      </c>
      <c r="B5149" t="s">
        <v>287</v>
      </c>
      <c r="C5149">
        <v>59</v>
      </c>
      <c r="D5149" t="s">
        <v>11</v>
      </c>
      <c r="E5149">
        <v>403</v>
      </c>
      <c r="F5149" t="s">
        <v>651</v>
      </c>
      <c r="G5149">
        <v>160</v>
      </c>
      <c r="H5149" t="s">
        <v>658</v>
      </c>
      <c r="I5149">
        <v>13755</v>
      </c>
      <c r="J5149" t="s">
        <v>65</v>
      </c>
      <c r="K5149">
        <v>15</v>
      </c>
      <c r="L5149" t="s">
        <v>935</v>
      </c>
      <c r="M5149">
        <v>52</v>
      </c>
      <c r="N5149" t="s">
        <v>654</v>
      </c>
      <c r="O5149">
        <v>3</v>
      </c>
      <c r="P5149" t="s">
        <v>655</v>
      </c>
      <c r="Q5149">
        <v>1</v>
      </c>
      <c r="R5149" t="s">
        <v>669</v>
      </c>
      <c r="S5149">
        <v>1</v>
      </c>
      <c r="T5149" t="s">
        <v>661</v>
      </c>
      <c r="U5149">
        <v>8</v>
      </c>
      <c r="V5149">
        <v>4</v>
      </c>
      <c r="W5149">
        <v>240</v>
      </c>
      <c r="X5149">
        <v>2020</v>
      </c>
    </row>
    <row r="5150" spans="1:24" x14ac:dyDescent="0.25">
      <c r="A5150">
        <v>5261</v>
      </c>
      <c r="B5150" t="s">
        <v>63</v>
      </c>
      <c r="C5150">
        <v>58</v>
      </c>
      <c r="D5150" t="s">
        <v>352</v>
      </c>
      <c r="E5150">
        <v>610</v>
      </c>
      <c r="F5150" t="s">
        <v>651</v>
      </c>
      <c r="G5150">
        <v>160</v>
      </c>
      <c r="H5150" t="s">
        <v>658</v>
      </c>
      <c r="I5150">
        <v>13755</v>
      </c>
      <c r="J5150" t="s">
        <v>691</v>
      </c>
      <c r="K5150">
        <v>21</v>
      </c>
      <c r="L5150" t="s">
        <v>1923</v>
      </c>
      <c r="M5150">
        <v>67</v>
      </c>
      <c r="N5150" t="s">
        <v>654</v>
      </c>
      <c r="O5150">
        <v>3</v>
      </c>
      <c r="P5150" t="s">
        <v>655</v>
      </c>
      <c r="Q5150">
        <v>1</v>
      </c>
      <c r="R5150" t="s">
        <v>669</v>
      </c>
      <c r="S5150">
        <v>1</v>
      </c>
      <c r="T5150" t="s">
        <v>661</v>
      </c>
      <c r="U5150">
        <v>8</v>
      </c>
      <c r="V5150">
        <v>3</v>
      </c>
      <c r="W5150">
        <v>180</v>
      </c>
      <c r="X5150">
        <v>2020</v>
      </c>
    </row>
    <row r="5151" spans="1:24" x14ac:dyDescent="0.25">
      <c r="A5151">
        <v>5260</v>
      </c>
      <c r="B5151" t="s">
        <v>63</v>
      </c>
      <c r="C5151">
        <v>58</v>
      </c>
      <c r="D5151" t="s">
        <v>352</v>
      </c>
      <c r="E5151">
        <v>610</v>
      </c>
      <c r="F5151" t="s">
        <v>651</v>
      </c>
      <c r="G5151">
        <v>160</v>
      </c>
      <c r="H5151" t="s">
        <v>658</v>
      </c>
      <c r="I5151">
        <v>13755</v>
      </c>
      <c r="J5151" t="s">
        <v>756</v>
      </c>
      <c r="K5151">
        <v>19</v>
      </c>
      <c r="L5151" t="s">
        <v>756</v>
      </c>
      <c r="M5151">
        <v>60</v>
      </c>
      <c r="N5151" t="s">
        <v>654</v>
      </c>
      <c r="O5151">
        <v>3</v>
      </c>
      <c r="P5151" t="s">
        <v>655</v>
      </c>
      <c r="Q5151">
        <v>1</v>
      </c>
      <c r="R5151" t="s">
        <v>669</v>
      </c>
      <c r="S5151">
        <v>1</v>
      </c>
      <c r="T5151" t="s">
        <v>661</v>
      </c>
      <c r="U5151">
        <v>8</v>
      </c>
      <c r="V5151">
        <v>3</v>
      </c>
      <c r="W5151">
        <v>180</v>
      </c>
      <c r="X5151">
        <v>2020</v>
      </c>
    </row>
    <row r="5152" spans="1:24" x14ac:dyDescent="0.25">
      <c r="A5152">
        <v>5259</v>
      </c>
      <c r="B5152" t="s">
        <v>63</v>
      </c>
      <c r="C5152">
        <v>58</v>
      </c>
      <c r="D5152" t="s">
        <v>54</v>
      </c>
      <c r="E5152">
        <v>609</v>
      </c>
      <c r="F5152" t="s">
        <v>651</v>
      </c>
      <c r="G5152">
        <v>160</v>
      </c>
      <c r="H5152" t="s">
        <v>658</v>
      </c>
      <c r="I5152">
        <v>13755</v>
      </c>
      <c r="J5152" t="s">
        <v>671</v>
      </c>
      <c r="K5152">
        <v>81</v>
      </c>
      <c r="L5152" t="s">
        <v>920</v>
      </c>
      <c r="M5152">
        <v>335</v>
      </c>
      <c r="N5152" t="s">
        <v>654</v>
      </c>
      <c r="O5152">
        <v>3</v>
      </c>
      <c r="P5152" t="s">
        <v>655</v>
      </c>
      <c r="Q5152">
        <v>1</v>
      </c>
      <c r="R5152" t="s">
        <v>669</v>
      </c>
      <c r="S5152">
        <v>1</v>
      </c>
      <c r="T5152" t="s">
        <v>661</v>
      </c>
      <c r="U5152">
        <v>8</v>
      </c>
      <c r="V5152">
        <v>3</v>
      </c>
      <c r="W5152">
        <v>180</v>
      </c>
      <c r="X5152">
        <v>2020</v>
      </c>
    </row>
    <row r="5153" spans="1:24" x14ac:dyDescent="0.25">
      <c r="A5153">
        <v>5258</v>
      </c>
      <c r="B5153" t="s">
        <v>63</v>
      </c>
      <c r="C5153">
        <v>58</v>
      </c>
      <c r="D5153" t="s">
        <v>54</v>
      </c>
      <c r="E5153">
        <v>609</v>
      </c>
      <c r="F5153" t="s">
        <v>651</v>
      </c>
      <c r="G5153">
        <v>160</v>
      </c>
      <c r="H5153" t="s">
        <v>658</v>
      </c>
      <c r="I5153">
        <v>13755</v>
      </c>
      <c r="J5153" t="s">
        <v>751</v>
      </c>
      <c r="K5153">
        <v>79</v>
      </c>
      <c r="L5153" t="s">
        <v>752</v>
      </c>
      <c r="M5153">
        <v>328</v>
      </c>
      <c r="N5153" t="s">
        <v>654</v>
      </c>
      <c r="O5153">
        <v>3</v>
      </c>
      <c r="P5153" t="s">
        <v>655</v>
      </c>
      <c r="Q5153">
        <v>1</v>
      </c>
      <c r="R5153" t="s">
        <v>669</v>
      </c>
      <c r="S5153">
        <v>1</v>
      </c>
      <c r="T5153" t="s">
        <v>661</v>
      </c>
      <c r="U5153">
        <v>8</v>
      </c>
      <c r="V5153">
        <v>6</v>
      </c>
      <c r="W5153">
        <v>360</v>
      </c>
      <c r="X5153">
        <v>2020</v>
      </c>
    </row>
    <row r="5154" spans="1:24" x14ac:dyDescent="0.25">
      <c r="A5154">
        <v>5257</v>
      </c>
      <c r="B5154" t="s">
        <v>63</v>
      </c>
      <c r="C5154">
        <v>58</v>
      </c>
      <c r="D5154" t="s">
        <v>322</v>
      </c>
      <c r="E5154">
        <v>608</v>
      </c>
      <c r="F5154" t="s">
        <v>651</v>
      </c>
      <c r="G5154">
        <v>160</v>
      </c>
      <c r="H5154" t="s">
        <v>658</v>
      </c>
      <c r="I5154">
        <v>13755</v>
      </c>
      <c r="J5154" t="s">
        <v>932</v>
      </c>
      <c r="K5154">
        <v>77</v>
      </c>
      <c r="L5154" t="s">
        <v>933</v>
      </c>
      <c r="M5154">
        <v>330</v>
      </c>
      <c r="N5154" t="s">
        <v>654</v>
      </c>
      <c r="O5154">
        <v>3</v>
      </c>
      <c r="P5154" t="s">
        <v>655</v>
      </c>
      <c r="Q5154">
        <v>1</v>
      </c>
      <c r="R5154" t="s">
        <v>669</v>
      </c>
      <c r="S5154">
        <v>1</v>
      </c>
      <c r="T5154" t="s">
        <v>661</v>
      </c>
      <c r="U5154">
        <v>8</v>
      </c>
      <c r="V5154">
        <v>4</v>
      </c>
      <c r="W5154">
        <v>240</v>
      </c>
      <c r="X5154">
        <v>2020</v>
      </c>
    </row>
    <row r="5155" spans="1:24" x14ac:dyDescent="0.25">
      <c r="A5155">
        <v>5256</v>
      </c>
      <c r="B5155" t="s">
        <v>63</v>
      </c>
      <c r="C5155">
        <v>58</v>
      </c>
      <c r="D5155" t="s">
        <v>322</v>
      </c>
      <c r="E5155">
        <v>608</v>
      </c>
      <c r="F5155" t="s">
        <v>651</v>
      </c>
      <c r="G5155">
        <v>160</v>
      </c>
      <c r="H5155" t="s">
        <v>658</v>
      </c>
      <c r="I5155">
        <v>13755</v>
      </c>
      <c r="J5155" t="s">
        <v>932</v>
      </c>
      <c r="K5155">
        <v>77</v>
      </c>
      <c r="L5155" t="s">
        <v>839</v>
      </c>
      <c r="M5155">
        <v>327</v>
      </c>
      <c r="N5155" t="s">
        <v>654</v>
      </c>
      <c r="O5155">
        <v>3</v>
      </c>
      <c r="P5155" t="s">
        <v>655</v>
      </c>
      <c r="Q5155">
        <v>1</v>
      </c>
      <c r="R5155" t="s">
        <v>669</v>
      </c>
      <c r="S5155">
        <v>1</v>
      </c>
      <c r="T5155" t="s">
        <v>661</v>
      </c>
      <c r="U5155">
        <v>8</v>
      </c>
      <c r="V5155">
        <v>6</v>
      </c>
      <c r="W5155">
        <v>360</v>
      </c>
      <c r="X5155">
        <v>2020</v>
      </c>
    </row>
    <row r="5156" spans="1:24" x14ac:dyDescent="0.25">
      <c r="A5156">
        <v>5254</v>
      </c>
      <c r="B5156" t="s">
        <v>10</v>
      </c>
      <c r="C5156">
        <v>57</v>
      </c>
      <c r="D5156" t="s">
        <v>353</v>
      </c>
      <c r="E5156">
        <v>607</v>
      </c>
      <c r="F5156" t="s">
        <v>651</v>
      </c>
      <c r="G5156">
        <v>160</v>
      </c>
      <c r="H5156" t="s">
        <v>658</v>
      </c>
      <c r="I5156">
        <v>13755</v>
      </c>
      <c r="J5156" t="s">
        <v>684</v>
      </c>
      <c r="K5156">
        <v>22</v>
      </c>
      <c r="L5156" t="s">
        <v>685</v>
      </c>
      <c r="M5156">
        <v>72</v>
      </c>
      <c r="N5156" t="s">
        <v>654</v>
      </c>
      <c r="O5156">
        <v>3</v>
      </c>
      <c r="P5156" t="s">
        <v>655</v>
      </c>
      <c r="Q5156">
        <v>1</v>
      </c>
      <c r="R5156" t="s">
        <v>669</v>
      </c>
      <c r="S5156">
        <v>1</v>
      </c>
      <c r="T5156" t="s">
        <v>661</v>
      </c>
      <c r="U5156">
        <v>8</v>
      </c>
      <c r="V5156">
        <v>3</v>
      </c>
      <c r="W5156">
        <v>180</v>
      </c>
      <c r="X5156">
        <v>2020</v>
      </c>
    </row>
    <row r="5157" spans="1:24" x14ac:dyDescent="0.25">
      <c r="A5157">
        <v>5253</v>
      </c>
      <c r="B5157" t="s">
        <v>10</v>
      </c>
      <c r="C5157">
        <v>57</v>
      </c>
      <c r="D5157" t="s">
        <v>9</v>
      </c>
      <c r="E5157">
        <v>1385</v>
      </c>
      <c r="F5157" t="s">
        <v>651</v>
      </c>
      <c r="G5157">
        <v>160</v>
      </c>
      <c r="H5157" t="s">
        <v>658</v>
      </c>
      <c r="I5157">
        <v>13755</v>
      </c>
      <c r="J5157" t="s">
        <v>294</v>
      </c>
      <c r="K5157">
        <v>31</v>
      </c>
      <c r="L5157" t="s">
        <v>294</v>
      </c>
      <c r="M5157">
        <v>98</v>
      </c>
      <c r="N5157" t="s">
        <v>654</v>
      </c>
      <c r="O5157">
        <v>3</v>
      </c>
      <c r="P5157" t="s">
        <v>655</v>
      </c>
      <c r="Q5157">
        <v>1</v>
      </c>
      <c r="R5157" t="s">
        <v>669</v>
      </c>
      <c r="S5157">
        <v>1</v>
      </c>
      <c r="T5157" t="s">
        <v>661</v>
      </c>
      <c r="U5157">
        <v>8</v>
      </c>
      <c r="V5157">
        <v>3</v>
      </c>
      <c r="W5157">
        <v>180</v>
      </c>
      <c r="X5157">
        <v>2020</v>
      </c>
    </row>
    <row r="5158" spans="1:24" x14ac:dyDescent="0.25">
      <c r="A5158">
        <v>5245</v>
      </c>
      <c r="B5158" t="s">
        <v>10</v>
      </c>
      <c r="C5158">
        <v>57</v>
      </c>
      <c r="D5158" t="s">
        <v>9</v>
      </c>
      <c r="E5158">
        <v>1385</v>
      </c>
      <c r="F5158" t="s">
        <v>651</v>
      </c>
      <c r="G5158">
        <v>160</v>
      </c>
      <c r="H5158" t="s">
        <v>658</v>
      </c>
      <c r="I5158">
        <v>13755</v>
      </c>
      <c r="J5158" t="s">
        <v>299</v>
      </c>
      <c r="K5158">
        <v>27</v>
      </c>
      <c r="L5158" t="s">
        <v>690</v>
      </c>
      <c r="M5158">
        <v>89</v>
      </c>
      <c r="N5158" t="s">
        <v>654</v>
      </c>
      <c r="O5158">
        <v>3</v>
      </c>
      <c r="P5158" t="s">
        <v>655</v>
      </c>
      <c r="Q5158">
        <v>1</v>
      </c>
      <c r="R5158" t="s">
        <v>669</v>
      </c>
      <c r="S5158">
        <v>1</v>
      </c>
      <c r="T5158" t="s">
        <v>661</v>
      </c>
      <c r="U5158">
        <v>8</v>
      </c>
      <c r="V5158">
        <v>3</v>
      </c>
      <c r="W5158">
        <v>180</v>
      </c>
      <c r="X5158">
        <v>2020</v>
      </c>
    </row>
    <row r="5159" spans="1:24" x14ac:dyDescent="0.25">
      <c r="A5159">
        <v>5244</v>
      </c>
      <c r="B5159" t="s">
        <v>10</v>
      </c>
      <c r="C5159">
        <v>57</v>
      </c>
      <c r="D5159" t="s">
        <v>323</v>
      </c>
      <c r="E5159">
        <v>381</v>
      </c>
      <c r="F5159" t="s">
        <v>651</v>
      </c>
      <c r="G5159">
        <v>160</v>
      </c>
      <c r="H5159" t="s">
        <v>658</v>
      </c>
      <c r="I5159">
        <v>13755</v>
      </c>
      <c r="J5159" t="s">
        <v>682</v>
      </c>
      <c r="K5159">
        <v>20</v>
      </c>
      <c r="L5159" t="s">
        <v>904</v>
      </c>
      <c r="M5159">
        <v>61</v>
      </c>
      <c r="N5159" t="s">
        <v>654</v>
      </c>
      <c r="O5159">
        <v>3</v>
      </c>
      <c r="P5159" t="s">
        <v>746</v>
      </c>
      <c r="Q5159">
        <v>2</v>
      </c>
      <c r="R5159" t="s">
        <v>669</v>
      </c>
      <c r="S5159">
        <v>1</v>
      </c>
      <c r="T5159" t="s">
        <v>661</v>
      </c>
      <c r="U5159">
        <v>8</v>
      </c>
      <c r="V5159">
        <v>3</v>
      </c>
      <c r="W5159">
        <v>180</v>
      </c>
      <c r="X5159">
        <v>2020</v>
      </c>
    </row>
    <row r="5160" spans="1:24" x14ac:dyDescent="0.25">
      <c r="A5160">
        <v>5242</v>
      </c>
      <c r="B5160" t="s">
        <v>37</v>
      </c>
      <c r="C5160">
        <v>50</v>
      </c>
      <c r="D5160" t="s">
        <v>41</v>
      </c>
      <c r="E5160">
        <v>1322</v>
      </c>
      <c r="F5160" t="s">
        <v>651</v>
      </c>
      <c r="G5160">
        <v>160</v>
      </c>
      <c r="H5160" t="s">
        <v>658</v>
      </c>
      <c r="I5160">
        <v>13755</v>
      </c>
      <c r="J5160" t="s">
        <v>707</v>
      </c>
      <c r="K5160">
        <v>59</v>
      </c>
      <c r="L5160" t="s">
        <v>709</v>
      </c>
      <c r="M5160">
        <v>243</v>
      </c>
      <c r="N5160" t="s">
        <v>654</v>
      </c>
      <c r="O5160">
        <v>3</v>
      </c>
      <c r="P5160" t="s">
        <v>655</v>
      </c>
      <c r="Q5160">
        <v>1</v>
      </c>
      <c r="R5160" t="s">
        <v>669</v>
      </c>
      <c r="S5160">
        <v>1</v>
      </c>
      <c r="T5160" t="s">
        <v>661</v>
      </c>
      <c r="U5160">
        <v>8</v>
      </c>
      <c r="V5160">
        <v>4</v>
      </c>
      <c r="W5160">
        <v>240</v>
      </c>
      <c r="X5160">
        <v>2020</v>
      </c>
    </row>
    <row r="5161" spans="1:24" x14ac:dyDescent="0.25">
      <c r="A5161">
        <v>5241</v>
      </c>
      <c r="B5161" t="s">
        <v>28</v>
      </c>
      <c r="C5161">
        <v>49</v>
      </c>
      <c r="D5161" t="s">
        <v>321</v>
      </c>
      <c r="E5161">
        <v>369</v>
      </c>
      <c r="F5161" t="s">
        <v>651</v>
      </c>
      <c r="G5161">
        <v>160</v>
      </c>
      <c r="H5161" t="s">
        <v>773</v>
      </c>
      <c r="I5161">
        <v>11846</v>
      </c>
      <c r="J5161" t="s">
        <v>1931</v>
      </c>
      <c r="K5161">
        <v>80</v>
      </c>
      <c r="L5161" t="s">
        <v>878</v>
      </c>
      <c r="M5161">
        <v>329</v>
      </c>
      <c r="N5161" t="s">
        <v>654</v>
      </c>
      <c r="O5161">
        <v>3</v>
      </c>
      <c r="P5161" t="s">
        <v>655</v>
      </c>
      <c r="Q5161">
        <v>1</v>
      </c>
      <c r="R5161" t="s">
        <v>669</v>
      </c>
      <c r="S5161">
        <v>1</v>
      </c>
      <c r="T5161" t="s">
        <v>769</v>
      </c>
      <c r="U5161">
        <v>3</v>
      </c>
      <c r="V5161">
        <v>5</v>
      </c>
      <c r="W5161">
        <v>300</v>
      </c>
      <c r="X5161">
        <v>2020</v>
      </c>
    </row>
    <row r="5162" spans="1:24" x14ac:dyDescent="0.25">
      <c r="A5162">
        <v>5239</v>
      </c>
      <c r="B5162" t="s">
        <v>28</v>
      </c>
      <c r="C5162">
        <v>49</v>
      </c>
      <c r="D5162" t="s">
        <v>322</v>
      </c>
      <c r="E5162">
        <v>367</v>
      </c>
      <c r="F5162" t="s">
        <v>651</v>
      </c>
      <c r="G5162">
        <v>160</v>
      </c>
      <c r="H5162" t="s">
        <v>773</v>
      </c>
      <c r="I5162">
        <v>11846</v>
      </c>
      <c r="J5162" t="s">
        <v>932</v>
      </c>
      <c r="K5162">
        <v>77</v>
      </c>
      <c r="L5162" t="s">
        <v>839</v>
      </c>
      <c r="M5162">
        <v>327</v>
      </c>
      <c r="N5162" t="s">
        <v>668</v>
      </c>
      <c r="O5162">
        <v>4</v>
      </c>
      <c r="P5162" t="s">
        <v>655</v>
      </c>
      <c r="Q5162">
        <v>1</v>
      </c>
      <c r="R5162" t="s">
        <v>669</v>
      </c>
      <c r="S5162">
        <v>1</v>
      </c>
      <c r="T5162" t="s">
        <v>769</v>
      </c>
      <c r="U5162">
        <v>3</v>
      </c>
      <c r="V5162">
        <v>6</v>
      </c>
      <c r="W5162">
        <v>360</v>
      </c>
      <c r="X5162">
        <v>2020</v>
      </c>
    </row>
    <row r="5163" spans="1:24" x14ac:dyDescent="0.25">
      <c r="A5163">
        <v>5238</v>
      </c>
      <c r="B5163" t="s">
        <v>28</v>
      </c>
      <c r="C5163">
        <v>49</v>
      </c>
      <c r="D5163" t="s">
        <v>322</v>
      </c>
      <c r="E5163">
        <v>367</v>
      </c>
      <c r="F5163" t="s">
        <v>651</v>
      </c>
      <c r="G5163">
        <v>160</v>
      </c>
      <c r="H5163" t="s">
        <v>773</v>
      </c>
      <c r="I5163">
        <v>11846</v>
      </c>
      <c r="J5163" t="s">
        <v>932</v>
      </c>
      <c r="K5163">
        <v>77</v>
      </c>
      <c r="L5163" t="s">
        <v>839</v>
      </c>
      <c r="M5163">
        <v>327</v>
      </c>
      <c r="N5163" t="s">
        <v>654</v>
      </c>
      <c r="O5163">
        <v>3</v>
      </c>
      <c r="P5163" t="s">
        <v>655</v>
      </c>
      <c r="Q5163">
        <v>1</v>
      </c>
      <c r="R5163" t="s">
        <v>669</v>
      </c>
      <c r="S5163">
        <v>1</v>
      </c>
      <c r="T5163" t="s">
        <v>718</v>
      </c>
      <c r="U5163">
        <v>2</v>
      </c>
      <c r="V5163">
        <v>6</v>
      </c>
      <c r="W5163">
        <v>360</v>
      </c>
      <c r="X5163">
        <v>2020</v>
      </c>
    </row>
    <row r="5164" spans="1:24" x14ac:dyDescent="0.25">
      <c r="A5164">
        <v>5237</v>
      </c>
      <c r="B5164" t="s">
        <v>93</v>
      </c>
      <c r="C5164">
        <v>48</v>
      </c>
      <c r="D5164" t="s">
        <v>452</v>
      </c>
      <c r="E5164">
        <v>363</v>
      </c>
      <c r="F5164" t="s">
        <v>651</v>
      </c>
      <c r="G5164">
        <v>160</v>
      </c>
      <c r="H5164" t="s">
        <v>773</v>
      </c>
      <c r="I5164">
        <v>11846</v>
      </c>
      <c r="J5164" t="s">
        <v>295</v>
      </c>
      <c r="K5164">
        <v>30</v>
      </c>
      <c r="L5164" t="s">
        <v>295</v>
      </c>
      <c r="M5164">
        <v>96</v>
      </c>
      <c r="N5164" t="s">
        <v>654</v>
      </c>
      <c r="O5164">
        <v>3</v>
      </c>
      <c r="P5164" t="s">
        <v>655</v>
      </c>
      <c r="Q5164">
        <v>1</v>
      </c>
      <c r="R5164" t="s">
        <v>669</v>
      </c>
      <c r="S5164">
        <v>1</v>
      </c>
      <c r="T5164" t="s">
        <v>769</v>
      </c>
      <c r="U5164">
        <v>3</v>
      </c>
      <c r="V5164">
        <v>3</v>
      </c>
      <c r="W5164">
        <v>180</v>
      </c>
      <c r="X5164">
        <v>2020</v>
      </c>
    </row>
    <row r="5165" spans="1:24" x14ac:dyDescent="0.25">
      <c r="A5165">
        <v>5236</v>
      </c>
      <c r="B5165" t="s">
        <v>93</v>
      </c>
      <c r="C5165">
        <v>48</v>
      </c>
      <c r="D5165" t="s">
        <v>453</v>
      </c>
      <c r="E5165">
        <v>362</v>
      </c>
      <c r="F5165" t="s">
        <v>651</v>
      </c>
      <c r="G5165">
        <v>160</v>
      </c>
      <c r="H5165" t="s">
        <v>773</v>
      </c>
      <c r="I5165">
        <v>11846</v>
      </c>
      <c r="J5165" t="s">
        <v>703</v>
      </c>
      <c r="K5165">
        <v>16</v>
      </c>
      <c r="L5165" t="s">
        <v>704</v>
      </c>
      <c r="M5165">
        <v>56</v>
      </c>
      <c r="N5165" t="s">
        <v>654</v>
      </c>
      <c r="O5165">
        <v>3</v>
      </c>
      <c r="P5165" t="s">
        <v>655</v>
      </c>
      <c r="Q5165">
        <v>1</v>
      </c>
      <c r="R5165" t="s">
        <v>669</v>
      </c>
      <c r="S5165">
        <v>1</v>
      </c>
      <c r="T5165" t="s">
        <v>661</v>
      </c>
      <c r="U5165">
        <v>8</v>
      </c>
      <c r="V5165">
        <v>3</v>
      </c>
      <c r="W5165">
        <v>180</v>
      </c>
      <c r="X5165">
        <v>2020</v>
      </c>
    </row>
    <row r="5166" spans="1:24" x14ac:dyDescent="0.25">
      <c r="A5166">
        <v>5233</v>
      </c>
      <c r="B5166" t="s">
        <v>224</v>
      </c>
      <c r="C5166">
        <v>46</v>
      </c>
      <c r="D5166" t="s">
        <v>470</v>
      </c>
      <c r="E5166">
        <v>341</v>
      </c>
      <c r="F5166" t="s">
        <v>651</v>
      </c>
      <c r="G5166">
        <v>160</v>
      </c>
      <c r="H5166" t="s">
        <v>773</v>
      </c>
      <c r="I5166">
        <v>11846</v>
      </c>
      <c r="J5166" t="s">
        <v>1080</v>
      </c>
      <c r="K5166">
        <v>49</v>
      </c>
      <c r="L5166" t="s">
        <v>3779</v>
      </c>
      <c r="M5166">
        <v>186</v>
      </c>
      <c r="N5166" t="s">
        <v>654</v>
      </c>
      <c r="O5166">
        <v>3</v>
      </c>
      <c r="P5166" t="s">
        <v>655</v>
      </c>
      <c r="Q5166">
        <v>1</v>
      </c>
      <c r="R5166" t="s">
        <v>669</v>
      </c>
      <c r="S5166">
        <v>1</v>
      </c>
      <c r="T5166" t="s">
        <v>661</v>
      </c>
      <c r="U5166">
        <v>8</v>
      </c>
      <c r="V5166">
        <v>4</v>
      </c>
      <c r="W5166">
        <v>240</v>
      </c>
      <c r="X5166">
        <v>2020</v>
      </c>
    </row>
    <row r="5167" spans="1:24" x14ac:dyDescent="0.25">
      <c r="A5167">
        <v>5232</v>
      </c>
      <c r="B5167" t="s">
        <v>224</v>
      </c>
      <c r="C5167">
        <v>46</v>
      </c>
      <c r="D5167" t="s">
        <v>470</v>
      </c>
      <c r="E5167">
        <v>341</v>
      </c>
      <c r="F5167" t="s">
        <v>651</v>
      </c>
      <c r="G5167">
        <v>160</v>
      </c>
      <c r="H5167" t="s">
        <v>773</v>
      </c>
      <c r="I5167">
        <v>11846</v>
      </c>
      <c r="J5167" t="s">
        <v>1080</v>
      </c>
      <c r="K5167">
        <v>49</v>
      </c>
      <c r="L5167" t="s">
        <v>3780</v>
      </c>
      <c r="M5167">
        <v>184</v>
      </c>
      <c r="N5167" t="s">
        <v>654</v>
      </c>
      <c r="O5167">
        <v>3</v>
      </c>
      <c r="P5167" t="s">
        <v>655</v>
      </c>
      <c r="Q5167">
        <v>1</v>
      </c>
      <c r="R5167" t="s">
        <v>669</v>
      </c>
      <c r="S5167">
        <v>1</v>
      </c>
      <c r="T5167" t="s">
        <v>661</v>
      </c>
      <c r="U5167">
        <v>8</v>
      </c>
      <c r="V5167">
        <v>4</v>
      </c>
      <c r="W5167">
        <v>240</v>
      </c>
      <c r="X5167">
        <v>2020</v>
      </c>
    </row>
    <row r="5168" spans="1:24" x14ac:dyDescent="0.25">
      <c r="A5168">
        <v>5231</v>
      </c>
      <c r="B5168" t="s">
        <v>204</v>
      </c>
      <c r="C5168">
        <v>45</v>
      </c>
      <c r="D5168" t="s">
        <v>354</v>
      </c>
      <c r="E5168">
        <v>605</v>
      </c>
      <c r="F5168" t="s">
        <v>651</v>
      </c>
      <c r="G5168">
        <v>160</v>
      </c>
      <c r="H5168" t="s">
        <v>666</v>
      </c>
      <c r="I5168">
        <v>8767</v>
      </c>
      <c r="J5168" t="s">
        <v>679</v>
      </c>
      <c r="K5168">
        <v>32</v>
      </c>
      <c r="L5168" t="s">
        <v>1734</v>
      </c>
      <c r="M5168">
        <v>468</v>
      </c>
      <c r="N5168" t="s">
        <v>654</v>
      </c>
      <c r="O5168">
        <v>3</v>
      </c>
      <c r="P5168" t="s">
        <v>655</v>
      </c>
      <c r="Q5168">
        <v>1</v>
      </c>
      <c r="R5168" t="s">
        <v>669</v>
      </c>
      <c r="S5168">
        <v>1</v>
      </c>
      <c r="T5168" t="s">
        <v>657</v>
      </c>
      <c r="U5168">
        <v>7</v>
      </c>
      <c r="V5168">
        <v>3</v>
      </c>
      <c r="W5168">
        <v>180</v>
      </c>
      <c r="X5168">
        <v>2020</v>
      </c>
    </row>
    <row r="5169" spans="1:24" x14ac:dyDescent="0.25">
      <c r="A5169">
        <v>5230</v>
      </c>
      <c r="B5169" t="s">
        <v>204</v>
      </c>
      <c r="C5169">
        <v>45</v>
      </c>
      <c r="D5169" t="s">
        <v>354</v>
      </c>
      <c r="E5169">
        <v>605</v>
      </c>
      <c r="F5169" t="s">
        <v>651</v>
      </c>
      <c r="G5169">
        <v>160</v>
      </c>
      <c r="H5169" t="s">
        <v>666</v>
      </c>
      <c r="I5169">
        <v>8767</v>
      </c>
      <c r="J5169" t="s">
        <v>679</v>
      </c>
      <c r="K5169">
        <v>32</v>
      </c>
      <c r="L5169" t="s">
        <v>1946</v>
      </c>
      <c r="M5169">
        <v>465</v>
      </c>
      <c r="N5169" t="s">
        <v>654</v>
      </c>
      <c r="O5169">
        <v>3</v>
      </c>
      <c r="P5169" t="s">
        <v>655</v>
      </c>
      <c r="Q5169">
        <v>1</v>
      </c>
      <c r="R5169" t="s">
        <v>669</v>
      </c>
      <c r="S5169">
        <v>1</v>
      </c>
      <c r="T5169" t="s">
        <v>657</v>
      </c>
      <c r="U5169">
        <v>7</v>
      </c>
      <c r="V5169">
        <v>3</v>
      </c>
      <c r="W5169">
        <v>180</v>
      </c>
      <c r="X5169">
        <v>2020</v>
      </c>
    </row>
    <row r="5170" spans="1:24" x14ac:dyDescent="0.25">
      <c r="A5170">
        <v>5229</v>
      </c>
      <c r="B5170" t="s">
        <v>204</v>
      </c>
      <c r="C5170">
        <v>45</v>
      </c>
      <c r="D5170" t="s">
        <v>354</v>
      </c>
      <c r="E5170">
        <v>605</v>
      </c>
      <c r="F5170" t="s">
        <v>651</v>
      </c>
      <c r="G5170">
        <v>160</v>
      </c>
      <c r="H5170" t="s">
        <v>666</v>
      </c>
      <c r="I5170">
        <v>8767</v>
      </c>
      <c r="J5170" t="s">
        <v>679</v>
      </c>
      <c r="K5170">
        <v>32</v>
      </c>
      <c r="L5170" t="s">
        <v>680</v>
      </c>
      <c r="M5170">
        <v>466</v>
      </c>
      <c r="N5170" t="s">
        <v>654</v>
      </c>
      <c r="O5170">
        <v>3</v>
      </c>
      <c r="P5170" t="s">
        <v>655</v>
      </c>
      <c r="Q5170">
        <v>1</v>
      </c>
      <c r="R5170" t="s">
        <v>669</v>
      </c>
      <c r="S5170">
        <v>1</v>
      </c>
      <c r="T5170" t="s">
        <v>657</v>
      </c>
      <c r="U5170">
        <v>7</v>
      </c>
      <c r="V5170">
        <v>3</v>
      </c>
      <c r="W5170">
        <v>180</v>
      </c>
      <c r="X5170">
        <v>2020</v>
      </c>
    </row>
    <row r="5171" spans="1:24" x14ac:dyDescent="0.25">
      <c r="A5171">
        <v>5228</v>
      </c>
      <c r="B5171" t="s">
        <v>204</v>
      </c>
      <c r="C5171">
        <v>45</v>
      </c>
      <c r="D5171" t="s">
        <v>354</v>
      </c>
      <c r="E5171">
        <v>605</v>
      </c>
      <c r="F5171" t="s">
        <v>651</v>
      </c>
      <c r="G5171">
        <v>160</v>
      </c>
      <c r="H5171" t="s">
        <v>666</v>
      </c>
      <c r="I5171">
        <v>8767</v>
      </c>
      <c r="J5171" t="s">
        <v>679</v>
      </c>
      <c r="K5171">
        <v>32</v>
      </c>
      <c r="L5171" t="s">
        <v>1612</v>
      </c>
      <c r="M5171">
        <v>463</v>
      </c>
      <c r="N5171" t="s">
        <v>654</v>
      </c>
      <c r="O5171">
        <v>3</v>
      </c>
      <c r="P5171" t="s">
        <v>655</v>
      </c>
      <c r="Q5171">
        <v>1</v>
      </c>
      <c r="R5171" t="s">
        <v>669</v>
      </c>
      <c r="S5171">
        <v>1</v>
      </c>
      <c r="T5171" t="s">
        <v>657</v>
      </c>
      <c r="U5171">
        <v>7</v>
      </c>
      <c r="V5171">
        <v>3</v>
      </c>
      <c r="W5171">
        <v>180</v>
      </c>
      <c r="X5171">
        <v>2020</v>
      </c>
    </row>
    <row r="5172" spans="1:24" x14ac:dyDescent="0.25">
      <c r="A5172">
        <v>5226</v>
      </c>
      <c r="B5172" t="s">
        <v>204</v>
      </c>
      <c r="C5172">
        <v>45</v>
      </c>
      <c r="D5172" t="s">
        <v>354</v>
      </c>
      <c r="E5172">
        <v>605</v>
      </c>
      <c r="F5172" t="s">
        <v>651</v>
      </c>
      <c r="G5172">
        <v>160</v>
      </c>
      <c r="H5172" t="s">
        <v>666</v>
      </c>
      <c r="I5172">
        <v>8767</v>
      </c>
      <c r="J5172" t="s">
        <v>673</v>
      </c>
      <c r="K5172">
        <v>34</v>
      </c>
      <c r="L5172" t="s">
        <v>673</v>
      </c>
      <c r="M5172">
        <v>104</v>
      </c>
      <c r="N5172" t="s">
        <v>654</v>
      </c>
      <c r="O5172">
        <v>3</v>
      </c>
      <c r="P5172" t="s">
        <v>655</v>
      </c>
      <c r="Q5172">
        <v>1</v>
      </c>
      <c r="R5172" t="s">
        <v>669</v>
      </c>
      <c r="S5172">
        <v>1</v>
      </c>
      <c r="T5172" t="s">
        <v>657</v>
      </c>
      <c r="U5172">
        <v>7</v>
      </c>
      <c r="V5172">
        <v>3</v>
      </c>
      <c r="W5172">
        <v>180</v>
      </c>
      <c r="X5172">
        <v>2020</v>
      </c>
    </row>
    <row r="5173" spans="1:24" x14ac:dyDescent="0.25">
      <c r="A5173">
        <v>5225</v>
      </c>
      <c r="B5173" t="s">
        <v>204</v>
      </c>
      <c r="C5173">
        <v>45</v>
      </c>
      <c r="D5173" t="s">
        <v>355</v>
      </c>
      <c r="E5173">
        <v>604</v>
      </c>
      <c r="F5173" t="s">
        <v>651</v>
      </c>
      <c r="G5173">
        <v>160</v>
      </c>
      <c r="H5173" t="s">
        <v>666</v>
      </c>
      <c r="I5173">
        <v>8767</v>
      </c>
      <c r="J5173" t="s">
        <v>659</v>
      </c>
      <c r="K5173">
        <v>35</v>
      </c>
      <c r="L5173" t="s">
        <v>3713</v>
      </c>
      <c r="M5173">
        <v>122</v>
      </c>
      <c r="N5173" t="s">
        <v>654</v>
      </c>
      <c r="O5173">
        <v>3</v>
      </c>
      <c r="P5173" t="s">
        <v>655</v>
      </c>
      <c r="Q5173">
        <v>1</v>
      </c>
      <c r="R5173" t="s">
        <v>669</v>
      </c>
      <c r="S5173">
        <v>1</v>
      </c>
      <c r="T5173" t="s">
        <v>661</v>
      </c>
      <c r="U5173">
        <v>8</v>
      </c>
      <c r="V5173">
        <v>3</v>
      </c>
      <c r="W5173">
        <v>180</v>
      </c>
      <c r="X5173">
        <v>2020</v>
      </c>
    </row>
    <row r="5174" spans="1:24" x14ac:dyDescent="0.25">
      <c r="A5174">
        <v>5223</v>
      </c>
      <c r="B5174" t="s">
        <v>204</v>
      </c>
      <c r="C5174">
        <v>45</v>
      </c>
      <c r="D5174" t="s">
        <v>355</v>
      </c>
      <c r="E5174">
        <v>604</v>
      </c>
      <c r="F5174" t="s">
        <v>651</v>
      </c>
      <c r="G5174">
        <v>160</v>
      </c>
      <c r="H5174" t="s">
        <v>666</v>
      </c>
      <c r="I5174">
        <v>8767</v>
      </c>
      <c r="J5174" t="s">
        <v>679</v>
      </c>
      <c r="K5174">
        <v>32</v>
      </c>
      <c r="L5174" t="s">
        <v>1734</v>
      </c>
      <c r="M5174">
        <v>468</v>
      </c>
      <c r="N5174" t="s">
        <v>654</v>
      </c>
      <c r="O5174">
        <v>3</v>
      </c>
      <c r="P5174" t="s">
        <v>655</v>
      </c>
      <c r="Q5174">
        <v>1</v>
      </c>
      <c r="R5174" t="s">
        <v>669</v>
      </c>
      <c r="S5174">
        <v>1</v>
      </c>
      <c r="T5174" t="s">
        <v>661</v>
      </c>
      <c r="U5174">
        <v>8</v>
      </c>
      <c r="V5174">
        <v>3</v>
      </c>
      <c r="W5174">
        <v>180</v>
      </c>
      <c r="X5174">
        <v>2020</v>
      </c>
    </row>
    <row r="5175" spans="1:24" x14ac:dyDescent="0.25">
      <c r="A5175">
        <v>5222</v>
      </c>
      <c r="B5175" t="s">
        <v>204</v>
      </c>
      <c r="C5175">
        <v>45</v>
      </c>
      <c r="D5175" t="s">
        <v>355</v>
      </c>
      <c r="E5175">
        <v>604</v>
      </c>
      <c r="F5175" t="s">
        <v>651</v>
      </c>
      <c r="G5175">
        <v>160</v>
      </c>
      <c r="H5175" t="s">
        <v>666</v>
      </c>
      <c r="I5175">
        <v>8767</v>
      </c>
      <c r="J5175" t="s">
        <v>679</v>
      </c>
      <c r="K5175">
        <v>32</v>
      </c>
      <c r="L5175" t="s">
        <v>1946</v>
      </c>
      <c r="M5175">
        <v>465</v>
      </c>
      <c r="N5175" t="s">
        <v>654</v>
      </c>
      <c r="O5175">
        <v>3</v>
      </c>
      <c r="P5175" t="s">
        <v>655</v>
      </c>
      <c r="Q5175">
        <v>1</v>
      </c>
      <c r="R5175" t="s">
        <v>669</v>
      </c>
      <c r="S5175">
        <v>1</v>
      </c>
      <c r="T5175" t="s">
        <v>661</v>
      </c>
      <c r="U5175">
        <v>8</v>
      </c>
      <c r="V5175">
        <v>3</v>
      </c>
      <c r="W5175">
        <v>180</v>
      </c>
      <c r="X5175">
        <v>2020</v>
      </c>
    </row>
    <row r="5176" spans="1:24" x14ac:dyDescent="0.25">
      <c r="A5176">
        <v>5221</v>
      </c>
      <c r="B5176" t="s">
        <v>204</v>
      </c>
      <c r="C5176">
        <v>45</v>
      </c>
      <c r="D5176" t="s">
        <v>355</v>
      </c>
      <c r="E5176">
        <v>604</v>
      </c>
      <c r="F5176" t="s">
        <v>651</v>
      </c>
      <c r="G5176">
        <v>160</v>
      </c>
      <c r="H5176" t="s">
        <v>666</v>
      </c>
      <c r="I5176">
        <v>8767</v>
      </c>
      <c r="J5176" t="s">
        <v>679</v>
      </c>
      <c r="K5176">
        <v>32</v>
      </c>
      <c r="L5176" t="s">
        <v>680</v>
      </c>
      <c r="M5176">
        <v>466</v>
      </c>
      <c r="N5176" t="s">
        <v>654</v>
      </c>
      <c r="O5176">
        <v>3</v>
      </c>
      <c r="P5176" t="s">
        <v>655</v>
      </c>
      <c r="Q5176">
        <v>1</v>
      </c>
      <c r="R5176" t="s">
        <v>669</v>
      </c>
      <c r="S5176">
        <v>1</v>
      </c>
      <c r="T5176" t="s">
        <v>661</v>
      </c>
      <c r="U5176">
        <v>8</v>
      </c>
      <c r="V5176">
        <v>3</v>
      </c>
      <c r="W5176">
        <v>180</v>
      </c>
      <c r="X5176">
        <v>2020</v>
      </c>
    </row>
    <row r="5177" spans="1:24" x14ac:dyDescent="0.25">
      <c r="A5177">
        <v>5220</v>
      </c>
      <c r="B5177" t="s">
        <v>204</v>
      </c>
      <c r="C5177">
        <v>45</v>
      </c>
      <c r="D5177" t="s">
        <v>355</v>
      </c>
      <c r="E5177">
        <v>604</v>
      </c>
      <c r="F5177" t="s">
        <v>651</v>
      </c>
      <c r="G5177">
        <v>160</v>
      </c>
      <c r="H5177" t="s">
        <v>666</v>
      </c>
      <c r="I5177">
        <v>8767</v>
      </c>
      <c r="J5177" t="s">
        <v>673</v>
      </c>
      <c r="K5177">
        <v>34</v>
      </c>
      <c r="L5177" t="s">
        <v>673</v>
      </c>
      <c r="M5177">
        <v>104</v>
      </c>
      <c r="N5177" t="s">
        <v>654</v>
      </c>
      <c r="O5177">
        <v>3</v>
      </c>
      <c r="P5177" t="s">
        <v>655</v>
      </c>
      <c r="Q5177">
        <v>1</v>
      </c>
      <c r="R5177" t="s">
        <v>669</v>
      </c>
      <c r="S5177">
        <v>1</v>
      </c>
      <c r="T5177" t="s">
        <v>661</v>
      </c>
      <c r="U5177">
        <v>8</v>
      </c>
      <c r="V5177">
        <v>3</v>
      </c>
      <c r="W5177">
        <v>180</v>
      </c>
      <c r="X5177">
        <v>2020</v>
      </c>
    </row>
    <row r="5178" spans="1:24" x14ac:dyDescent="0.25">
      <c r="A5178">
        <v>5219</v>
      </c>
      <c r="B5178" t="s">
        <v>26</v>
      </c>
      <c r="C5178">
        <v>44</v>
      </c>
      <c r="D5178" t="s">
        <v>322</v>
      </c>
      <c r="E5178">
        <v>334</v>
      </c>
      <c r="F5178" t="s">
        <v>651</v>
      </c>
      <c r="G5178">
        <v>160</v>
      </c>
      <c r="H5178" t="s">
        <v>666</v>
      </c>
      <c r="I5178">
        <v>8767</v>
      </c>
      <c r="J5178" t="s">
        <v>932</v>
      </c>
      <c r="K5178">
        <v>77</v>
      </c>
      <c r="L5178" t="s">
        <v>839</v>
      </c>
      <c r="M5178">
        <v>327</v>
      </c>
      <c r="N5178" t="s">
        <v>654</v>
      </c>
      <c r="O5178">
        <v>3</v>
      </c>
      <c r="P5178" t="s">
        <v>655</v>
      </c>
      <c r="Q5178">
        <v>1</v>
      </c>
      <c r="R5178" t="s">
        <v>669</v>
      </c>
      <c r="S5178">
        <v>1</v>
      </c>
      <c r="T5178" t="s">
        <v>657</v>
      </c>
      <c r="U5178">
        <v>7</v>
      </c>
      <c r="V5178">
        <v>6</v>
      </c>
      <c r="W5178">
        <v>360</v>
      </c>
      <c r="X5178">
        <v>2020</v>
      </c>
    </row>
    <row r="5179" spans="1:24" x14ac:dyDescent="0.25">
      <c r="A5179">
        <v>5218</v>
      </c>
      <c r="B5179" t="s">
        <v>26</v>
      </c>
      <c r="C5179">
        <v>44</v>
      </c>
      <c r="D5179" t="s">
        <v>25</v>
      </c>
      <c r="E5179">
        <v>1363</v>
      </c>
      <c r="F5179" t="s">
        <v>651</v>
      </c>
      <c r="G5179">
        <v>160</v>
      </c>
      <c r="H5179" t="s">
        <v>666</v>
      </c>
      <c r="I5179">
        <v>8767</v>
      </c>
      <c r="J5179" t="s">
        <v>932</v>
      </c>
      <c r="K5179">
        <v>77</v>
      </c>
      <c r="L5179" t="s">
        <v>839</v>
      </c>
      <c r="M5179">
        <v>327</v>
      </c>
      <c r="N5179" t="s">
        <v>654</v>
      </c>
      <c r="O5179">
        <v>3</v>
      </c>
      <c r="P5179" t="s">
        <v>655</v>
      </c>
      <c r="Q5179">
        <v>1</v>
      </c>
      <c r="R5179" t="s">
        <v>669</v>
      </c>
      <c r="S5179">
        <v>1</v>
      </c>
      <c r="T5179" t="s">
        <v>718</v>
      </c>
      <c r="U5179">
        <v>2</v>
      </c>
      <c r="V5179">
        <v>6</v>
      </c>
      <c r="W5179">
        <v>360</v>
      </c>
      <c r="X5179">
        <v>2020</v>
      </c>
    </row>
    <row r="5180" spans="1:24" x14ac:dyDescent="0.25">
      <c r="A5180">
        <v>5214</v>
      </c>
      <c r="B5180" t="s">
        <v>59</v>
      </c>
      <c r="C5180">
        <v>42</v>
      </c>
      <c r="D5180" t="s">
        <v>58</v>
      </c>
      <c r="E5180">
        <v>1283</v>
      </c>
      <c r="F5180" t="s">
        <v>651</v>
      </c>
      <c r="G5180">
        <v>160</v>
      </c>
      <c r="H5180" t="s">
        <v>1060</v>
      </c>
      <c r="I5180">
        <v>6305</v>
      </c>
      <c r="J5180" t="s">
        <v>682</v>
      </c>
      <c r="K5180">
        <v>20</v>
      </c>
      <c r="L5180" t="s">
        <v>904</v>
      </c>
      <c r="M5180">
        <v>61</v>
      </c>
      <c r="N5180" t="s">
        <v>654</v>
      </c>
      <c r="O5180">
        <v>3</v>
      </c>
      <c r="P5180" t="s">
        <v>655</v>
      </c>
      <c r="Q5180">
        <v>1</v>
      </c>
      <c r="R5180" t="s">
        <v>669</v>
      </c>
      <c r="S5180">
        <v>1</v>
      </c>
      <c r="T5180" t="s">
        <v>661</v>
      </c>
      <c r="U5180">
        <v>8</v>
      </c>
      <c r="V5180">
        <v>3</v>
      </c>
      <c r="W5180">
        <v>180</v>
      </c>
      <c r="X5180">
        <v>2020</v>
      </c>
    </row>
    <row r="5181" spans="1:24" x14ac:dyDescent="0.25">
      <c r="A5181">
        <v>5212</v>
      </c>
      <c r="B5181" t="s">
        <v>59</v>
      </c>
      <c r="C5181">
        <v>42</v>
      </c>
      <c r="D5181" t="s">
        <v>58</v>
      </c>
      <c r="E5181">
        <v>1283</v>
      </c>
      <c r="F5181" t="s">
        <v>651</v>
      </c>
      <c r="G5181">
        <v>160</v>
      </c>
      <c r="H5181" t="s">
        <v>1060</v>
      </c>
      <c r="I5181">
        <v>6305</v>
      </c>
      <c r="J5181" t="s">
        <v>756</v>
      </c>
      <c r="K5181">
        <v>19</v>
      </c>
      <c r="L5181" t="s">
        <v>756</v>
      </c>
      <c r="M5181">
        <v>60</v>
      </c>
      <c r="N5181" t="s">
        <v>654</v>
      </c>
      <c r="O5181">
        <v>3</v>
      </c>
      <c r="P5181" t="s">
        <v>655</v>
      </c>
      <c r="Q5181">
        <v>1</v>
      </c>
      <c r="R5181" t="s">
        <v>669</v>
      </c>
      <c r="S5181">
        <v>1</v>
      </c>
      <c r="T5181" t="s">
        <v>661</v>
      </c>
      <c r="U5181">
        <v>8</v>
      </c>
      <c r="V5181">
        <v>3</v>
      </c>
      <c r="W5181">
        <v>180</v>
      </c>
      <c r="X5181">
        <v>2020</v>
      </c>
    </row>
    <row r="5182" spans="1:24" x14ac:dyDescent="0.25">
      <c r="A5182">
        <v>5211</v>
      </c>
      <c r="B5182" t="s">
        <v>59</v>
      </c>
      <c r="C5182">
        <v>42</v>
      </c>
      <c r="D5182" t="s">
        <v>58</v>
      </c>
      <c r="E5182">
        <v>1283</v>
      </c>
      <c r="F5182" t="s">
        <v>651</v>
      </c>
      <c r="G5182">
        <v>160</v>
      </c>
      <c r="H5182" t="s">
        <v>1060</v>
      </c>
      <c r="I5182">
        <v>6305</v>
      </c>
      <c r="J5182" t="s">
        <v>802</v>
      </c>
      <c r="K5182">
        <v>12</v>
      </c>
      <c r="L5182" t="s">
        <v>802</v>
      </c>
      <c r="M5182">
        <v>36</v>
      </c>
      <c r="N5182" t="s">
        <v>668</v>
      </c>
      <c r="O5182">
        <v>4</v>
      </c>
      <c r="P5182" t="s">
        <v>655</v>
      </c>
      <c r="Q5182">
        <v>1</v>
      </c>
      <c r="R5182" t="s">
        <v>669</v>
      </c>
      <c r="S5182">
        <v>1</v>
      </c>
      <c r="T5182" t="s">
        <v>661</v>
      </c>
      <c r="U5182">
        <v>8</v>
      </c>
      <c r="V5182">
        <v>3</v>
      </c>
      <c r="W5182">
        <v>180</v>
      </c>
      <c r="X5182">
        <v>2020</v>
      </c>
    </row>
    <row r="5183" spans="1:24" x14ac:dyDescent="0.25">
      <c r="A5183">
        <v>5210</v>
      </c>
      <c r="B5183" t="s">
        <v>59</v>
      </c>
      <c r="C5183">
        <v>42</v>
      </c>
      <c r="D5183" t="s">
        <v>58</v>
      </c>
      <c r="E5183">
        <v>1283</v>
      </c>
      <c r="F5183" t="s">
        <v>651</v>
      </c>
      <c r="G5183">
        <v>160</v>
      </c>
      <c r="H5183" t="s">
        <v>1060</v>
      </c>
      <c r="I5183">
        <v>6305</v>
      </c>
      <c r="J5183" t="s">
        <v>65</v>
      </c>
      <c r="K5183">
        <v>15</v>
      </c>
      <c r="L5183" t="s">
        <v>65</v>
      </c>
      <c r="M5183">
        <v>51</v>
      </c>
      <c r="N5183" t="s">
        <v>654</v>
      </c>
      <c r="O5183">
        <v>3</v>
      </c>
      <c r="P5183" t="s">
        <v>689</v>
      </c>
      <c r="Q5183">
        <v>4</v>
      </c>
      <c r="R5183" t="s">
        <v>669</v>
      </c>
      <c r="S5183">
        <v>1</v>
      </c>
      <c r="T5183" t="s">
        <v>661</v>
      </c>
      <c r="U5183">
        <v>8</v>
      </c>
      <c r="V5183">
        <v>4</v>
      </c>
      <c r="W5183">
        <v>240</v>
      </c>
      <c r="X5183">
        <v>2020</v>
      </c>
    </row>
    <row r="5184" spans="1:24" x14ac:dyDescent="0.25">
      <c r="A5184">
        <v>5209</v>
      </c>
      <c r="B5184" t="s">
        <v>59</v>
      </c>
      <c r="C5184">
        <v>42</v>
      </c>
      <c r="D5184" t="s">
        <v>58</v>
      </c>
      <c r="E5184">
        <v>1283</v>
      </c>
      <c r="F5184" t="s">
        <v>651</v>
      </c>
      <c r="G5184">
        <v>160</v>
      </c>
      <c r="H5184" t="s">
        <v>1060</v>
      </c>
      <c r="I5184">
        <v>6305</v>
      </c>
      <c r="J5184" t="s">
        <v>65</v>
      </c>
      <c r="K5184">
        <v>15</v>
      </c>
      <c r="L5184" t="s">
        <v>65</v>
      </c>
      <c r="M5184">
        <v>51</v>
      </c>
      <c r="N5184" t="s">
        <v>654</v>
      </c>
      <c r="O5184">
        <v>3</v>
      </c>
      <c r="P5184" t="s">
        <v>655</v>
      </c>
      <c r="Q5184">
        <v>1</v>
      </c>
      <c r="R5184" t="s">
        <v>669</v>
      </c>
      <c r="S5184">
        <v>1</v>
      </c>
      <c r="T5184" t="s">
        <v>661</v>
      </c>
      <c r="U5184">
        <v>8</v>
      </c>
      <c r="V5184">
        <v>4</v>
      </c>
      <c r="W5184">
        <v>240</v>
      </c>
      <c r="X5184">
        <v>2020</v>
      </c>
    </row>
    <row r="5185" spans="1:24" x14ac:dyDescent="0.25">
      <c r="A5185">
        <v>5201</v>
      </c>
      <c r="B5185" t="s">
        <v>74</v>
      </c>
      <c r="C5185">
        <v>40</v>
      </c>
      <c r="D5185" t="s">
        <v>402</v>
      </c>
      <c r="E5185">
        <v>309</v>
      </c>
      <c r="F5185" t="s">
        <v>651</v>
      </c>
      <c r="G5185">
        <v>160</v>
      </c>
      <c r="H5185" t="s">
        <v>697</v>
      </c>
      <c r="I5185">
        <v>11198</v>
      </c>
      <c r="J5185" t="s">
        <v>915</v>
      </c>
      <c r="K5185">
        <v>78</v>
      </c>
      <c r="L5185" t="s">
        <v>1143</v>
      </c>
      <c r="M5185">
        <v>340</v>
      </c>
      <c r="N5185" t="s">
        <v>654</v>
      </c>
      <c r="O5185">
        <v>3</v>
      </c>
      <c r="P5185" t="s">
        <v>655</v>
      </c>
      <c r="Q5185">
        <v>1</v>
      </c>
      <c r="R5185" t="s">
        <v>669</v>
      </c>
      <c r="S5185">
        <v>1</v>
      </c>
      <c r="T5185" t="s">
        <v>661</v>
      </c>
      <c r="U5185">
        <v>8</v>
      </c>
      <c r="V5185">
        <v>3</v>
      </c>
      <c r="W5185">
        <v>180</v>
      </c>
      <c r="X5185">
        <v>2020</v>
      </c>
    </row>
    <row r="5186" spans="1:24" x14ac:dyDescent="0.25">
      <c r="A5186">
        <v>5200</v>
      </c>
      <c r="B5186" t="s">
        <v>74</v>
      </c>
      <c r="C5186">
        <v>40</v>
      </c>
      <c r="D5186" t="s">
        <v>402</v>
      </c>
      <c r="E5186">
        <v>309</v>
      </c>
      <c r="F5186" t="s">
        <v>651</v>
      </c>
      <c r="G5186">
        <v>160</v>
      </c>
      <c r="H5186" t="s">
        <v>697</v>
      </c>
      <c r="I5186">
        <v>11198</v>
      </c>
      <c r="J5186" t="s">
        <v>915</v>
      </c>
      <c r="K5186">
        <v>78</v>
      </c>
      <c r="L5186" t="s">
        <v>1266</v>
      </c>
      <c r="M5186">
        <v>334</v>
      </c>
      <c r="N5186" t="s">
        <v>654</v>
      </c>
      <c r="O5186">
        <v>3</v>
      </c>
      <c r="P5186" t="s">
        <v>655</v>
      </c>
      <c r="Q5186">
        <v>1</v>
      </c>
      <c r="R5186" t="s">
        <v>669</v>
      </c>
      <c r="S5186">
        <v>1</v>
      </c>
      <c r="T5186" t="s">
        <v>661</v>
      </c>
      <c r="U5186">
        <v>8</v>
      </c>
      <c r="V5186">
        <v>3</v>
      </c>
      <c r="W5186">
        <v>180</v>
      </c>
      <c r="X5186">
        <v>2020</v>
      </c>
    </row>
    <row r="5187" spans="1:24" x14ac:dyDescent="0.25">
      <c r="A5187">
        <v>5198</v>
      </c>
      <c r="B5187" t="s">
        <v>247</v>
      </c>
      <c r="C5187">
        <v>39</v>
      </c>
      <c r="D5187" t="s">
        <v>322</v>
      </c>
      <c r="E5187">
        <v>303</v>
      </c>
      <c r="F5187" t="s">
        <v>651</v>
      </c>
      <c r="G5187">
        <v>160</v>
      </c>
      <c r="H5187" t="s">
        <v>817</v>
      </c>
      <c r="I5187">
        <v>11010</v>
      </c>
      <c r="J5187" t="s">
        <v>1931</v>
      </c>
      <c r="K5187">
        <v>80</v>
      </c>
      <c r="L5187" t="s">
        <v>878</v>
      </c>
      <c r="M5187">
        <v>329</v>
      </c>
      <c r="N5187" t="s">
        <v>654</v>
      </c>
      <c r="O5187">
        <v>3</v>
      </c>
      <c r="P5187" t="s">
        <v>655</v>
      </c>
      <c r="Q5187">
        <v>1</v>
      </c>
      <c r="R5187" t="s">
        <v>669</v>
      </c>
      <c r="S5187">
        <v>1</v>
      </c>
      <c r="T5187" t="s">
        <v>661</v>
      </c>
      <c r="U5187">
        <v>8</v>
      </c>
      <c r="V5187">
        <v>5</v>
      </c>
      <c r="W5187">
        <v>300</v>
      </c>
      <c r="X5187">
        <v>2020</v>
      </c>
    </row>
    <row r="5188" spans="1:24" x14ac:dyDescent="0.25">
      <c r="A5188">
        <v>5197</v>
      </c>
      <c r="B5188" t="s">
        <v>247</v>
      </c>
      <c r="C5188">
        <v>39</v>
      </c>
      <c r="D5188" t="s">
        <v>477</v>
      </c>
      <c r="E5188">
        <v>301</v>
      </c>
      <c r="F5188" t="s">
        <v>651</v>
      </c>
      <c r="G5188">
        <v>160</v>
      </c>
      <c r="H5188" t="s">
        <v>817</v>
      </c>
      <c r="I5188">
        <v>11010</v>
      </c>
      <c r="J5188" t="s">
        <v>1055</v>
      </c>
      <c r="K5188">
        <v>69</v>
      </c>
      <c r="L5188" t="s">
        <v>3781</v>
      </c>
      <c r="M5188">
        <v>300</v>
      </c>
      <c r="N5188" t="s">
        <v>654</v>
      </c>
      <c r="O5188">
        <v>3</v>
      </c>
      <c r="P5188" t="s">
        <v>746</v>
      </c>
      <c r="Q5188">
        <v>2</v>
      </c>
      <c r="R5188" t="s">
        <v>669</v>
      </c>
      <c r="S5188">
        <v>1</v>
      </c>
      <c r="T5188" t="s">
        <v>661</v>
      </c>
      <c r="U5188">
        <v>8</v>
      </c>
      <c r="V5188">
        <v>4</v>
      </c>
      <c r="W5188">
        <v>240</v>
      </c>
      <c r="X5188">
        <v>2020</v>
      </c>
    </row>
    <row r="5189" spans="1:24" x14ac:dyDescent="0.25">
      <c r="A5189">
        <v>5195</v>
      </c>
      <c r="B5189" t="s">
        <v>247</v>
      </c>
      <c r="C5189">
        <v>39</v>
      </c>
      <c r="D5189" t="s">
        <v>490</v>
      </c>
      <c r="E5189">
        <v>299</v>
      </c>
      <c r="F5189" t="s">
        <v>651</v>
      </c>
      <c r="G5189">
        <v>160</v>
      </c>
      <c r="H5189" t="s">
        <v>817</v>
      </c>
      <c r="I5189">
        <v>11010</v>
      </c>
      <c r="J5189" t="s">
        <v>691</v>
      </c>
      <c r="K5189">
        <v>21</v>
      </c>
      <c r="L5189" t="s">
        <v>3765</v>
      </c>
      <c r="M5189">
        <v>69</v>
      </c>
      <c r="N5189" t="s">
        <v>654</v>
      </c>
      <c r="O5189">
        <v>3</v>
      </c>
      <c r="P5189" t="s">
        <v>655</v>
      </c>
      <c r="Q5189">
        <v>1</v>
      </c>
      <c r="R5189" t="s">
        <v>669</v>
      </c>
      <c r="S5189">
        <v>1</v>
      </c>
      <c r="T5189" t="s">
        <v>661</v>
      </c>
      <c r="U5189">
        <v>8</v>
      </c>
      <c r="V5189">
        <v>3</v>
      </c>
      <c r="W5189">
        <v>180</v>
      </c>
      <c r="X5189">
        <v>2020</v>
      </c>
    </row>
    <row r="5190" spans="1:24" x14ac:dyDescent="0.25">
      <c r="A5190">
        <v>5194</v>
      </c>
      <c r="B5190" t="s">
        <v>247</v>
      </c>
      <c r="C5190">
        <v>39</v>
      </c>
      <c r="D5190" t="s">
        <v>490</v>
      </c>
      <c r="E5190">
        <v>299</v>
      </c>
      <c r="F5190" t="s">
        <v>651</v>
      </c>
      <c r="G5190">
        <v>160</v>
      </c>
      <c r="H5190" t="s">
        <v>817</v>
      </c>
      <c r="I5190">
        <v>11010</v>
      </c>
      <c r="J5190" t="s">
        <v>699</v>
      </c>
      <c r="K5190">
        <v>10</v>
      </c>
      <c r="L5190" t="s">
        <v>700</v>
      </c>
      <c r="M5190">
        <v>348</v>
      </c>
      <c r="N5190" t="s">
        <v>668</v>
      </c>
      <c r="O5190">
        <v>4</v>
      </c>
      <c r="P5190" t="s">
        <v>655</v>
      </c>
      <c r="Q5190">
        <v>1</v>
      </c>
      <c r="R5190" t="s">
        <v>669</v>
      </c>
      <c r="S5190">
        <v>1</v>
      </c>
      <c r="T5190" t="s">
        <v>1613</v>
      </c>
      <c r="U5190">
        <v>107</v>
      </c>
      <c r="V5190">
        <v>3</v>
      </c>
      <c r="W5190">
        <v>180</v>
      </c>
      <c r="X5190">
        <v>2020</v>
      </c>
    </row>
    <row r="5191" spans="1:24" x14ac:dyDescent="0.25">
      <c r="A5191">
        <v>5193</v>
      </c>
      <c r="B5191" t="s">
        <v>247</v>
      </c>
      <c r="C5191">
        <v>39</v>
      </c>
      <c r="D5191" t="s">
        <v>311</v>
      </c>
      <c r="E5191">
        <v>602</v>
      </c>
      <c r="F5191" t="s">
        <v>651</v>
      </c>
      <c r="G5191">
        <v>160</v>
      </c>
      <c r="H5191" t="s">
        <v>817</v>
      </c>
      <c r="I5191">
        <v>11010</v>
      </c>
      <c r="J5191" t="s">
        <v>684</v>
      </c>
      <c r="K5191">
        <v>22</v>
      </c>
      <c r="L5191" t="s">
        <v>685</v>
      </c>
      <c r="M5191">
        <v>72</v>
      </c>
      <c r="N5191" t="s">
        <v>654</v>
      </c>
      <c r="O5191">
        <v>3</v>
      </c>
      <c r="P5191" t="s">
        <v>655</v>
      </c>
      <c r="Q5191">
        <v>1</v>
      </c>
      <c r="R5191" t="s">
        <v>669</v>
      </c>
      <c r="S5191">
        <v>1</v>
      </c>
      <c r="T5191" t="s">
        <v>729</v>
      </c>
      <c r="U5191">
        <v>4</v>
      </c>
      <c r="V5191">
        <v>3</v>
      </c>
      <c r="W5191">
        <v>180</v>
      </c>
      <c r="X5191">
        <v>2020</v>
      </c>
    </row>
    <row r="5192" spans="1:24" x14ac:dyDescent="0.25">
      <c r="A5192">
        <v>5192</v>
      </c>
      <c r="B5192" t="s">
        <v>247</v>
      </c>
      <c r="C5192">
        <v>39</v>
      </c>
      <c r="D5192" t="s">
        <v>311</v>
      </c>
      <c r="E5192">
        <v>602</v>
      </c>
      <c r="F5192" t="s">
        <v>651</v>
      </c>
      <c r="G5192">
        <v>160</v>
      </c>
      <c r="H5192" t="s">
        <v>817</v>
      </c>
      <c r="I5192">
        <v>11010</v>
      </c>
      <c r="J5192" t="s">
        <v>684</v>
      </c>
      <c r="K5192">
        <v>22</v>
      </c>
      <c r="L5192" t="s">
        <v>685</v>
      </c>
      <c r="M5192">
        <v>72</v>
      </c>
      <c r="N5192" t="s">
        <v>654</v>
      </c>
      <c r="O5192">
        <v>3</v>
      </c>
      <c r="P5192" t="s">
        <v>655</v>
      </c>
      <c r="Q5192">
        <v>1</v>
      </c>
      <c r="R5192" t="s">
        <v>669</v>
      </c>
      <c r="S5192">
        <v>1</v>
      </c>
      <c r="T5192" t="s">
        <v>661</v>
      </c>
      <c r="U5192">
        <v>8</v>
      </c>
      <c r="V5192">
        <v>3</v>
      </c>
      <c r="W5192">
        <v>180</v>
      </c>
      <c r="X5192">
        <v>2020</v>
      </c>
    </row>
    <row r="5193" spans="1:24" x14ac:dyDescent="0.25">
      <c r="A5193">
        <v>5188</v>
      </c>
      <c r="B5193" t="s">
        <v>247</v>
      </c>
      <c r="C5193">
        <v>39</v>
      </c>
      <c r="D5193" t="s">
        <v>311</v>
      </c>
      <c r="E5193">
        <v>602</v>
      </c>
      <c r="F5193" t="s">
        <v>651</v>
      </c>
      <c r="G5193">
        <v>160</v>
      </c>
      <c r="H5193" t="s">
        <v>817</v>
      </c>
      <c r="I5193">
        <v>11010</v>
      </c>
      <c r="J5193" t="s">
        <v>864</v>
      </c>
      <c r="K5193">
        <v>14</v>
      </c>
      <c r="L5193" t="s">
        <v>3782</v>
      </c>
      <c r="M5193">
        <v>49</v>
      </c>
      <c r="N5193" t="s">
        <v>668</v>
      </c>
      <c r="O5193">
        <v>4</v>
      </c>
      <c r="P5193" t="s">
        <v>655</v>
      </c>
      <c r="Q5193">
        <v>1</v>
      </c>
      <c r="R5193" t="s">
        <v>669</v>
      </c>
      <c r="S5193">
        <v>1</v>
      </c>
      <c r="T5193" t="s">
        <v>729</v>
      </c>
      <c r="U5193">
        <v>4</v>
      </c>
      <c r="V5193">
        <v>3</v>
      </c>
      <c r="W5193">
        <v>180</v>
      </c>
      <c r="X5193">
        <v>2020</v>
      </c>
    </row>
    <row r="5194" spans="1:24" x14ac:dyDescent="0.25">
      <c r="A5194">
        <v>5187</v>
      </c>
      <c r="B5194" t="s">
        <v>247</v>
      </c>
      <c r="C5194">
        <v>39</v>
      </c>
      <c r="D5194" t="s">
        <v>311</v>
      </c>
      <c r="E5194">
        <v>602</v>
      </c>
      <c r="F5194" t="s">
        <v>651</v>
      </c>
      <c r="G5194">
        <v>160</v>
      </c>
      <c r="H5194" t="s">
        <v>817</v>
      </c>
      <c r="I5194">
        <v>11010</v>
      </c>
      <c r="J5194" t="s">
        <v>1084</v>
      </c>
      <c r="K5194">
        <v>118</v>
      </c>
      <c r="L5194" t="s">
        <v>1084</v>
      </c>
      <c r="M5194">
        <v>59</v>
      </c>
      <c r="N5194" t="s">
        <v>654</v>
      </c>
      <c r="O5194">
        <v>3</v>
      </c>
      <c r="P5194" t="s">
        <v>655</v>
      </c>
      <c r="Q5194">
        <v>1</v>
      </c>
      <c r="R5194" t="s">
        <v>669</v>
      </c>
      <c r="S5194">
        <v>1</v>
      </c>
      <c r="T5194" t="s">
        <v>661</v>
      </c>
      <c r="U5194">
        <v>8</v>
      </c>
      <c r="V5194">
        <v>3</v>
      </c>
      <c r="W5194">
        <v>180</v>
      </c>
      <c r="X5194">
        <v>2020</v>
      </c>
    </row>
    <row r="5195" spans="1:24" x14ac:dyDescent="0.25">
      <c r="A5195">
        <v>5185</v>
      </c>
      <c r="B5195" t="s">
        <v>247</v>
      </c>
      <c r="C5195">
        <v>39</v>
      </c>
      <c r="D5195" t="s">
        <v>311</v>
      </c>
      <c r="E5195">
        <v>602</v>
      </c>
      <c r="F5195" t="s">
        <v>651</v>
      </c>
      <c r="G5195">
        <v>160</v>
      </c>
      <c r="H5195" t="s">
        <v>817</v>
      </c>
      <c r="I5195">
        <v>11010</v>
      </c>
      <c r="J5195" t="s">
        <v>894</v>
      </c>
      <c r="K5195">
        <v>18</v>
      </c>
      <c r="L5195" t="s">
        <v>894</v>
      </c>
      <c r="M5195">
        <v>58</v>
      </c>
      <c r="N5195" t="s">
        <v>654</v>
      </c>
      <c r="O5195">
        <v>3</v>
      </c>
      <c r="P5195" t="s">
        <v>655</v>
      </c>
      <c r="Q5195">
        <v>1</v>
      </c>
      <c r="R5195" t="s">
        <v>669</v>
      </c>
      <c r="S5195">
        <v>1</v>
      </c>
      <c r="T5195" t="s">
        <v>661</v>
      </c>
      <c r="U5195">
        <v>8</v>
      </c>
      <c r="V5195">
        <v>3</v>
      </c>
      <c r="W5195">
        <v>180</v>
      </c>
      <c r="X5195">
        <v>2020</v>
      </c>
    </row>
    <row r="5196" spans="1:24" x14ac:dyDescent="0.25">
      <c r="A5196">
        <v>5182</v>
      </c>
      <c r="B5196" t="s">
        <v>247</v>
      </c>
      <c r="C5196">
        <v>39</v>
      </c>
      <c r="D5196" t="s">
        <v>311</v>
      </c>
      <c r="E5196">
        <v>602</v>
      </c>
      <c r="F5196" t="s">
        <v>651</v>
      </c>
      <c r="G5196">
        <v>160</v>
      </c>
      <c r="H5196" t="s">
        <v>817</v>
      </c>
      <c r="I5196">
        <v>11010</v>
      </c>
      <c r="J5196" t="s">
        <v>691</v>
      </c>
      <c r="K5196">
        <v>21</v>
      </c>
      <c r="L5196" t="s">
        <v>1609</v>
      </c>
      <c r="M5196">
        <v>66</v>
      </c>
      <c r="N5196" t="s">
        <v>654</v>
      </c>
      <c r="O5196">
        <v>3</v>
      </c>
      <c r="P5196" t="s">
        <v>655</v>
      </c>
      <c r="Q5196">
        <v>1</v>
      </c>
      <c r="R5196" t="s">
        <v>669</v>
      </c>
      <c r="S5196">
        <v>1</v>
      </c>
      <c r="T5196" t="s">
        <v>661</v>
      </c>
      <c r="U5196">
        <v>8</v>
      </c>
      <c r="V5196">
        <v>3</v>
      </c>
      <c r="W5196">
        <v>180</v>
      </c>
      <c r="X5196">
        <v>2020</v>
      </c>
    </row>
    <row r="5197" spans="1:24" x14ac:dyDescent="0.25">
      <c r="A5197">
        <v>5180</v>
      </c>
      <c r="B5197" t="s">
        <v>247</v>
      </c>
      <c r="C5197">
        <v>39</v>
      </c>
      <c r="D5197" t="s">
        <v>311</v>
      </c>
      <c r="E5197">
        <v>602</v>
      </c>
      <c r="F5197" t="s">
        <v>651</v>
      </c>
      <c r="G5197">
        <v>160</v>
      </c>
      <c r="H5197" t="s">
        <v>817</v>
      </c>
      <c r="I5197">
        <v>11010</v>
      </c>
      <c r="J5197" t="s">
        <v>691</v>
      </c>
      <c r="K5197">
        <v>21</v>
      </c>
      <c r="L5197" t="s">
        <v>1923</v>
      </c>
      <c r="M5197">
        <v>67</v>
      </c>
      <c r="N5197" t="s">
        <v>654</v>
      </c>
      <c r="O5197">
        <v>3</v>
      </c>
      <c r="P5197" t="s">
        <v>655</v>
      </c>
      <c r="Q5197">
        <v>1</v>
      </c>
      <c r="R5197" t="s">
        <v>669</v>
      </c>
      <c r="S5197">
        <v>1</v>
      </c>
      <c r="T5197" t="s">
        <v>661</v>
      </c>
      <c r="U5197">
        <v>8</v>
      </c>
      <c r="V5197">
        <v>3</v>
      </c>
      <c r="W5197">
        <v>180</v>
      </c>
      <c r="X5197">
        <v>2020</v>
      </c>
    </row>
    <row r="5198" spans="1:24" x14ac:dyDescent="0.25">
      <c r="A5198">
        <v>5178</v>
      </c>
      <c r="B5198" t="s">
        <v>247</v>
      </c>
      <c r="C5198">
        <v>39</v>
      </c>
      <c r="D5198" t="s">
        <v>311</v>
      </c>
      <c r="E5198">
        <v>602</v>
      </c>
      <c r="F5198" t="s">
        <v>651</v>
      </c>
      <c r="G5198">
        <v>160</v>
      </c>
      <c r="H5198" t="s">
        <v>817</v>
      </c>
      <c r="I5198">
        <v>11010</v>
      </c>
      <c r="J5198" t="s">
        <v>703</v>
      </c>
      <c r="K5198">
        <v>16</v>
      </c>
      <c r="L5198" t="s">
        <v>703</v>
      </c>
      <c r="M5198">
        <v>54</v>
      </c>
      <c r="N5198" t="s">
        <v>654</v>
      </c>
      <c r="O5198">
        <v>3</v>
      </c>
      <c r="P5198" t="s">
        <v>655</v>
      </c>
      <c r="Q5198">
        <v>1</v>
      </c>
      <c r="R5198" t="s">
        <v>669</v>
      </c>
      <c r="S5198">
        <v>1</v>
      </c>
      <c r="T5198" t="s">
        <v>661</v>
      </c>
      <c r="U5198">
        <v>8</v>
      </c>
      <c r="V5198">
        <v>3</v>
      </c>
      <c r="W5198">
        <v>180</v>
      </c>
      <c r="X5198">
        <v>2020</v>
      </c>
    </row>
    <row r="5199" spans="1:24" x14ac:dyDescent="0.25">
      <c r="A5199">
        <v>5177</v>
      </c>
      <c r="B5199" t="s">
        <v>247</v>
      </c>
      <c r="C5199">
        <v>39</v>
      </c>
      <c r="D5199" t="s">
        <v>311</v>
      </c>
      <c r="E5199">
        <v>602</v>
      </c>
      <c r="F5199" t="s">
        <v>651</v>
      </c>
      <c r="G5199">
        <v>160</v>
      </c>
      <c r="H5199" t="s">
        <v>817</v>
      </c>
      <c r="I5199">
        <v>11010</v>
      </c>
      <c r="J5199" t="s">
        <v>756</v>
      </c>
      <c r="K5199">
        <v>19</v>
      </c>
      <c r="L5199" t="s">
        <v>756</v>
      </c>
      <c r="M5199">
        <v>60</v>
      </c>
      <c r="N5199" t="s">
        <v>654</v>
      </c>
      <c r="O5199">
        <v>3</v>
      </c>
      <c r="P5199" t="s">
        <v>655</v>
      </c>
      <c r="Q5199">
        <v>1</v>
      </c>
      <c r="R5199" t="s">
        <v>669</v>
      </c>
      <c r="S5199">
        <v>1</v>
      </c>
      <c r="T5199" t="s">
        <v>661</v>
      </c>
      <c r="U5199">
        <v>8</v>
      </c>
      <c r="V5199">
        <v>3</v>
      </c>
      <c r="W5199">
        <v>180</v>
      </c>
      <c r="X5199">
        <v>2020</v>
      </c>
    </row>
    <row r="5200" spans="1:24" x14ac:dyDescent="0.25">
      <c r="A5200">
        <v>5176</v>
      </c>
      <c r="B5200" t="s">
        <v>247</v>
      </c>
      <c r="C5200">
        <v>39</v>
      </c>
      <c r="D5200" t="s">
        <v>311</v>
      </c>
      <c r="E5200">
        <v>602</v>
      </c>
      <c r="F5200" t="s">
        <v>651</v>
      </c>
      <c r="G5200">
        <v>160</v>
      </c>
      <c r="H5200" t="s">
        <v>817</v>
      </c>
      <c r="I5200">
        <v>11010</v>
      </c>
      <c r="J5200" t="s">
        <v>868</v>
      </c>
      <c r="K5200">
        <v>23</v>
      </c>
      <c r="L5200" t="s">
        <v>868</v>
      </c>
      <c r="M5200">
        <v>73</v>
      </c>
      <c r="N5200" t="s">
        <v>654</v>
      </c>
      <c r="O5200">
        <v>3</v>
      </c>
      <c r="P5200" t="s">
        <v>655</v>
      </c>
      <c r="Q5200">
        <v>1</v>
      </c>
      <c r="R5200" t="s">
        <v>669</v>
      </c>
      <c r="S5200">
        <v>1</v>
      </c>
      <c r="T5200" t="s">
        <v>661</v>
      </c>
      <c r="U5200">
        <v>8</v>
      </c>
      <c r="V5200">
        <v>3</v>
      </c>
      <c r="W5200">
        <v>180</v>
      </c>
      <c r="X5200">
        <v>2020</v>
      </c>
    </row>
    <row r="5201" spans="1:24" x14ac:dyDescent="0.25">
      <c r="A5201">
        <v>5173</v>
      </c>
      <c r="B5201" t="s">
        <v>247</v>
      </c>
      <c r="C5201">
        <v>39</v>
      </c>
      <c r="D5201" t="s">
        <v>311</v>
      </c>
      <c r="E5201">
        <v>602</v>
      </c>
      <c r="F5201" t="s">
        <v>651</v>
      </c>
      <c r="G5201">
        <v>160</v>
      </c>
      <c r="H5201" t="s">
        <v>817</v>
      </c>
      <c r="I5201">
        <v>11010</v>
      </c>
      <c r="J5201" t="s">
        <v>802</v>
      </c>
      <c r="K5201">
        <v>12</v>
      </c>
      <c r="L5201" t="s">
        <v>802</v>
      </c>
      <c r="M5201">
        <v>36</v>
      </c>
      <c r="N5201" t="s">
        <v>654</v>
      </c>
      <c r="O5201">
        <v>3</v>
      </c>
      <c r="P5201" t="s">
        <v>655</v>
      </c>
      <c r="Q5201">
        <v>1</v>
      </c>
      <c r="R5201" t="s">
        <v>669</v>
      </c>
      <c r="S5201">
        <v>1</v>
      </c>
      <c r="T5201" t="s">
        <v>661</v>
      </c>
      <c r="U5201">
        <v>8</v>
      </c>
      <c r="V5201">
        <v>3</v>
      </c>
      <c r="W5201">
        <v>180</v>
      </c>
      <c r="X5201">
        <v>2020</v>
      </c>
    </row>
    <row r="5202" spans="1:24" x14ac:dyDescent="0.25">
      <c r="A5202">
        <v>5171</v>
      </c>
      <c r="B5202" t="s">
        <v>247</v>
      </c>
      <c r="C5202">
        <v>39</v>
      </c>
      <c r="D5202" t="s">
        <v>311</v>
      </c>
      <c r="E5202">
        <v>602</v>
      </c>
      <c r="F5202" t="s">
        <v>651</v>
      </c>
      <c r="G5202">
        <v>160</v>
      </c>
      <c r="H5202" t="s">
        <v>817</v>
      </c>
      <c r="I5202">
        <v>11010</v>
      </c>
      <c r="J5202" t="s">
        <v>1011</v>
      </c>
      <c r="K5202">
        <v>17</v>
      </c>
      <c r="L5202" t="s">
        <v>1011</v>
      </c>
      <c r="M5202">
        <v>57</v>
      </c>
      <c r="N5202" t="s">
        <v>654</v>
      </c>
      <c r="O5202">
        <v>3</v>
      </c>
      <c r="P5202" t="s">
        <v>655</v>
      </c>
      <c r="Q5202">
        <v>1</v>
      </c>
      <c r="R5202" t="s">
        <v>669</v>
      </c>
      <c r="S5202">
        <v>1</v>
      </c>
      <c r="T5202" t="s">
        <v>661</v>
      </c>
      <c r="U5202">
        <v>8</v>
      </c>
      <c r="V5202">
        <v>3</v>
      </c>
      <c r="W5202">
        <v>180</v>
      </c>
      <c r="X5202">
        <v>2020</v>
      </c>
    </row>
    <row r="5203" spans="1:24" x14ac:dyDescent="0.25">
      <c r="A5203">
        <v>5170</v>
      </c>
      <c r="B5203" t="s">
        <v>249</v>
      </c>
      <c r="C5203">
        <v>38</v>
      </c>
      <c r="D5203" t="s">
        <v>330</v>
      </c>
      <c r="E5203">
        <v>635</v>
      </c>
      <c r="F5203" t="s">
        <v>651</v>
      </c>
      <c r="G5203">
        <v>160</v>
      </c>
      <c r="H5203" t="s">
        <v>713</v>
      </c>
      <c r="I5203">
        <v>3939</v>
      </c>
      <c r="J5203" t="s">
        <v>1088</v>
      </c>
      <c r="K5203">
        <v>38</v>
      </c>
      <c r="L5203" t="s">
        <v>1089</v>
      </c>
      <c r="M5203">
        <v>135</v>
      </c>
      <c r="N5203" t="s">
        <v>654</v>
      </c>
      <c r="O5203">
        <v>3</v>
      </c>
      <c r="P5203" t="s">
        <v>655</v>
      </c>
      <c r="Q5203">
        <v>1</v>
      </c>
      <c r="R5203" t="s">
        <v>669</v>
      </c>
      <c r="S5203">
        <v>1</v>
      </c>
      <c r="T5203" t="s">
        <v>661</v>
      </c>
      <c r="U5203">
        <v>8</v>
      </c>
      <c r="V5203">
        <v>3</v>
      </c>
      <c r="W5203">
        <v>180</v>
      </c>
      <c r="X5203">
        <v>2020</v>
      </c>
    </row>
    <row r="5204" spans="1:24" x14ac:dyDescent="0.25">
      <c r="A5204">
        <v>5169</v>
      </c>
      <c r="B5204" t="s">
        <v>249</v>
      </c>
      <c r="C5204">
        <v>38</v>
      </c>
      <c r="D5204" t="s">
        <v>330</v>
      </c>
      <c r="E5204">
        <v>635</v>
      </c>
      <c r="F5204" t="s">
        <v>651</v>
      </c>
      <c r="G5204">
        <v>160</v>
      </c>
      <c r="H5204" t="s">
        <v>713</v>
      </c>
      <c r="I5204">
        <v>3939</v>
      </c>
      <c r="J5204" t="s">
        <v>1011</v>
      </c>
      <c r="K5204">
        <v>17</v>
      </c>
      <c r="L5204" t="s">
        <v>1011</v>
      </c>
      <c r="M5204">
        <v>57</v>
      </c>
      <c r="N5204" t="s">
        <v>654</v>
      </c>
      <c r="O5204">
        <v>3</v>
      </c>
      <c r="P5204" t="s">
        <v>655</v>
      </c>
      <c r="Q5204">
        <v>1</v>
      </c>
      <c r="R5204" t="s">
        <v>669</v>
      </c>
      <c r="S5204">
        <v>1</v>
      </c>
      <c r="T5204" t="s">
        <v>661</v>
      </c>
      <c r="U5204">
        <v>8</v>
      </c>
      <c r="V5204">
        <v>3</v>
      </c>
      <c r="W5204">
        <v>180</v>
      </c>
      <c r="X5204">
        <v>2020</v>
      </c>
    </row>
    <row r="5205" spans="1:24" x14ac:dyDescent="0.25">
      <c r="A5205">
        <v>5168</v>
      </c>
      <c r="B5205" t="s">
        <v>249</v>
      </c>
      <c r="C5205">
        <v>38</v>
      </c>
      <c r="D5205" t="s">
        <v>330</v>
      </c>
      <c r="E5205">
        <v>635</v>
      </c>
      <c r="F5205" t="s">
        <v>651</v>
      </c>
      <c r="G5205">
        <v>160</v>
      </c>
      <c r="H5205" t="s">
        <v>2505</v>
      </c>
      <c r="I5205">
        <v>3946</v>
      </c>
      <c r="J5205" t="s">
        <v>864</v>
      </c>
      <c r="K5205">
        <v>14</v>
      </c>
      <c r="L5205" t="s">
        <v>3783</v>
      </c>
      <c r="M5205">
        <v>362</v>
      </c>
      <c r="N5205" t="s">
        <v>654</v>
      </c>
      <c r="O5205">
        <v>3</v>
      </c>
      <c r="P5205" t="s">
        <v>655</v>
      </c>
      <c r="Q5205">
        <v>1</v>
      </c>
      <c r="R5205" t="s">
        <v>669</v>
      </c>
      <c r="S5205">
        <v>1</v>
      </c>
      <c r="T5205" t="s">
        <v>661</v>
      </c>
      <c r="U5205">
        <v>8</v>
      </c>
      <c r="V5205">
        <v>3</v>
      </c>
      <c r="W5205">
        <v>180</v>
      </c>
      <c r="X5205">
        <v>2020</v>
      </c>
    </row>
    <row r="5206" spans="1:24" x14ac:dyDescent="0.25">
      <c r="A5206">
        <v>5166</v>
      </c>
      <c r="B5206" t="s">
        <v>249</v>
      </c>
      <c r="C5206">
        <v>38</v>
      </c>
      <c r="D5206" t="s">
        <v>356</v>
      </c>
      <c r="E5206">
        <v>599</v>
      </c>
      <c r="F5206" t="s">
        <v>651</v>
      </c>
      <c r="G5206">
        <v>160</v>
      </c>
      <c r="H5206" t="s">
        <v>713</v>
      </c>
      <c r="I5206">
        <v>3939</v>
      </c>
      <c r="J5206" t="s">
        <v>738</v>
      </c>
      <c r="K5206">
        <v>61</v>
      </c>
      <c r="L5206" t="s">
        <v>738</v>
      </c>
      <c r="M5206">
        <v>252</v>
      </c>
      <c r="N5206" t="s">
        <v>654</v>
      </c>
      <c r="O5206">
        <v>3</v>
      </c>
      <c r="P5206" t="s">
        <v>655</v>
      </c>
      <c r="Q5206">
        <v>1</v>
      </c>
      <c r="R5206" t="s">
        <v>669</v>
      </c>
      <c r="S5206">
        <v>1</v>
      </c>
      <c r="T5206" t="s">
        <v>661</v>
      </c>
      <c r="U5206">
        <v>8</v>
      </c>
      <c r="V5206">
        <v>4</v>
      </c>
      <c r="W5206">
        <v>240</v>
      </c>
      <c r="X5206">
        <v>2020</v>
      </c>
    </row>
    <row r="5207" spans="1:24" x14ac:dyDescent="0.25">
      <c r="A5207">
        <v>5159</v>
      </c>
      <c r="B5207" t="s">
        <v>249</v>
      </c>
      <c r="C5207">
        <v>38</v>
      </c>
      <c r="D5207" t="s">
        <v>356</v>
      </c>
      <c r="E5207">
        <v>599</v>
      </c>
      <c r="F5207" t="s">
        <v>651</v>
      </c>
      <c r="G5207">
        <v>160</v>
      </c>
      <c r="H5207" t="s">
        <v>713</v>
      </c>
      <c r="I5207">
        <v>3939</v>
      </c>
      <c r="J5207" t="s">
        <v>705</v>
      </c>
      <c r="K5207">
        <v>70</v>
      </c>
      <c r="L5207" t="s">
        <v>3784</v>
      </c>
      <c r="M5207">
        <v>305</v>
      </c>
      <c r="N5207" t="s">
        <v>654</v>
      </c>
      <c r="O5207">
        <v>3</v>
      </c>
      <c r="P5207" t="s">
        <v>655</v>
      </c>
      <c r="Q5207">
        <v>1</v>
      </c>
      <c r="R5207" t="s">
        <v>669</v>
      </c>
      <c r="S5207">
        <v>1</v>
      </c>
      <c r="T5207" t="s">
        <v>661</v>
      </c>
      <c r="U5207">
        <v>8</v>
      </c>
      <c r="V5207">
        <v>4</v>
      </c>
      <c r="W5207">
        <v>240</v>
      </c>
      <c r="X5207">
        <v>2020</v>
      </c>
    </row>
    <row r="5208" spans="1:24" x14ac:dyDescent="0.25">
      <c r="A5208">
        <v>5158</v>
      </c>
      <c r="B5208" t="s">
        <v>249</v>
      </c>
      <c r="C5208">
        <v>38</v>
      </c>
      <c r="D5208" t="s">
        <v>356</v>
      </c>
      <c r="E5208">
        <v>599</v>
      </c>
      <c r="F5208" t="s">
        <v>651</v>
      </c>
      <c r="G5208">
        <v>160</v>
      </c>
      <c r="H5208" t="s">
        <v>713</v>
      </c>
      <c r="I5208">
        <v>3939</v>
      </c>
      <c r="J5208" t="s">
        <v>714</v>
      </c>
      <c r="K5208">
        <v>52</v>
      </c>
      <c r="L5208" t="s">
        <v>928</v>
      </c>
      <c r="M5208">
        <v>202</v>
      </c>
      <c r="N5208" t="s">
        <v>654</v>
      </c>
      <c r="O5208">
        <v>3</v>
      </c>
      <c r="P5208" t="s">
        <v>655</v>
      </c>
      <c r="Q5208">
        <v>1</v>
      </c>
      <c r="R5208" t="s">
        <v>669</v>
      </c>
      <c r="S5208">
        <v>1</v>
      </c>
      <c r="T5208" t="s">
        <v>661</v>
      </c>
      <c r="U5208">
        <v>8</v>
      </c>
      <c r="V5208">
        <v>4</v>
      </c>
      <c r="W5208">
        <v>240</v>
      </c>
      <c r="X5208">
        <v>2020</v>
      </c>
    </row>
    <row r="5209" spans="1:24" x14ac:dyDescent="0.25">
      <c r="A5209">
        <v>5157</v>
      </c>
      <c r="B5209" t="s">
        <v>249</v>
      </c>
      <c r="C5209">
        <v>38</v>
      </c>
      <c r="D5209" t="s">
        <v>330</v>
      </c>
      <c r="E5209">
        <v>635</v>
      </c>
      <c r="F5209" t="s">
        <v>651</v>
      </c>
      <c r="G5209">
        <v>160</v>
      </c>
      <c r="H5209" t="s">
        <v>713</v>
      </c>
      <c r="I5209">
        <v>3939</v>
      </c>
      <c r="J5209" t="s">
        <v>684</v>
      </c>
      <c r="K5209">
        <v>22</v>
      </c>
      <c r="L5209" t="s">
        <v>685</v>
      </c>
      <c r="M5209">
        <v>72</v>
      </c>
      <c r="N5209" t="s">
        <v>654</v>
      </c>
      <c r="O5209">
        <v>3</v>
      </c>
      <c r="P5209" t="s">
        <v>655</v>
      </c>
      <c r="Q5209">
        <v>1</v>
      </c>
      <c r="R5209" t="s">
        <v>669</v>
      </c>
      <c r="S5209">
        <v>1</v>
      </c>
      <c r="T5209" t="s">
        <v>661</v>
      </c>
      <c r="U5209">
        <v>8</v>
      </c>
      <c r="V5209">
        <v>3</v>
      </c>
      <c r="W5209">
        <v>180</v>
      </c>
      <c r="X5209">
        <v>2020</v>
      </c>
    </row>
    <row r="5210" spans="1:24" x14ac:dyDescent="0.25">
      <c r="A5210">
        <v>5156</v>
      </c>
      <c r="B5210" t="s">
        <v>249</v>
      </c>
      <c r="C5210">
        <v>38</v>
      </c>
      <c r="D5210" t="s">
        <v>330</v>
      </c>
      <c r="E5210">
        <v>635</v>
      </c>
      <c r="F5210" t="s">
        <v>651</v>
      </c>
      <c r="G5210">
        <v>160</v>
      </c>
      <c r="H5210" t="s">
        <v>713</v>
      </c>
      <c r="I5210">
        <v>3939</v>
      </c>
      <c r="J5210" t="s">
        <v>682</v>
      </c>
      <c r="K5210">
        <v>20</v>
      </c>
      <c r="L5210" t="s">
        <v>904</v>
      </c>
      <c r="M5210">
        <v>61</v>
      </c>
      <c r="N5210" t="s">
        <v>654</v>
      </c>
      <c r="O5210">
        <v>3</v>
      </c>
      <c r="P5210" t="s">
        <v>689</v>
      </c>
      <c r="Q5210">
        <v>4</v>
      </c>
      <c r="R5210" t="s">
        <v>669</v>
      </c>
      <c r="S5210">
        <v>1</v>
      </c>
      <c r="T5210" t="s">
        <v>661</v>
      </c>
      <c r="U5210">
        <v>8</v>
      </c>
      <c r="V5210">
        <v>3</v>
      </c>
      <c r="W5210">
        <v>180</v>
      </c>
      <c r="X5210">
        <v>2020</v>
      </c>
    </row>
    <row r="5211" spans="1:24" x14ac:dyDescent="0.25">
      <c r="A5211">
        <v>5155</v>
      </c>
      <c r="B5211" t="s">
        <v>249</v>
      </c>
      <c r="C5211">
        <v>38</v>
      </c>
      <c r="D5211" t="s">
        <v>330</v>
      </c>
      <c r="E5211">
        <v>635</v>
      </c>
      <c r="F5211" t="s">
        <v>651</v>
      </c>
      <c r="G5211">
        <v>160</v>
      </c>
      <c r="H5211" t="s">
        <v>713</v>
      </c>
      <c r="I5211">
        <v>3939</v>
      </c>
      <c r="J5211" t="s">
        <v>682</v>
      </c>
      <c r="K5211">
        <v>20</v>
      </c>
      <c r="L5211" t="s">
        <v>904</v>
      </c>
      <c r="M5211">
        <v>61</v>
      </c>
      <c r="N5211" t="s">
        <v>654</v>
      </c>
      <c r="O5211">
        <v>3</v>
      </c>
      <c r="P5211" t="s">
        <v>655</v>
      </c>
      <c r="Q5211">
        <v>1</v>
      </c>
      <c r="R5211" t="s">
        <v>669</v>
      </c>
      <c r="S5211">
        <v>1</v>
      </c>
      <c r="T5211" t="s">
        <v>661</v>
      </c>
      <c r="U5211">
        <v>8</v>
      </c>
      <c r="V5211">
        <v>3</v>
      </c>
      <c r="W5211">
        <v>180</v>
      </c>
      <c r="X5211">
        <v>2020</v>
      </c>
    </row>
    <row r="5212" spans="1:24" x14ac:dyDescent="0.25">
      <c r="A5212">
        <v>5154</v>
      </c>
      <c r="B5212" t="s">
        <v>249</v>
      </c>
      <c r="C5212">
        <v>38</v>
      </c>
      <c r="D5212" t="s">
        <v>316</v>
      </c>
      <c r="E5212">
        <v>596</v>
      </c>
      <c r="F5212" t="s">
        <v>651</v>
      </c>
      <c r="G5212">
        <v>160</v>
      </c>
      <c r="H5212" t="s">
        <v>713</v>
      </c>
      <c r="I5212">
        <v>3939</v>
      </c>
      <c r="J5212" t="s">
        <v>294</v>
      </c>
      <c r="K5212">
        <v>31</v>
      </c>
      <c r="L5212" t="s">
        <v>294</v>
      </c>
      <c r="M5212">
        <v>98</v>
      </c>
      <c r="N5212" t="s">
        <v>654</v>
      </c>
      <c r="O5212">
        <v>3</v>
      </c>
      <c r="P5212" t="s">
        <v>689</v>
      </c>
      <c r="Q5212">
        <v>4</v>
      </c>
      <c r="R5212" t="s">
        <v>669</v>
      </c>
      <c r="S5212">
        <v>1</v>
      </c>
      <c r="T5212" t="s">
        <v>661</v>
      </c>
      <c r="U5212">
        <v>8</v>
      </c>
      <c r="V5212">
        <v>3</v>
      </c>
      <c r="W5212">
        <v>180</v>
      </c>
      <c r="X5212">
        <v>2020</v>
      </c>
    </row>
    <row r="5213" spans="1:24" x14ac:dyDescent="0.25">
      <c r="A5213">
        <v>5153</v>
      </c>
      <c r="B5213" t="s">
        <v>249</v>
      </c>
      <c r="C5213">
        <v>38</v>
      </c>
      <c r="D5213" t="s">
        <v>316</v>
      </c>
      <c r="E5213">
        <v>596</v>
      </c>
      <c r="F5213" t="s">
        <v>651</v>
      </c>
      <c r="G5213">
        <v>160</v>
      </c>
      <c r="H5213" t="s">
        <v>713</v>
      </c>
      <c r="I5213">
        <v>3939</v>
      </c>
      <c r="J5213" t="s">
        <v>294</v>
      </c>
      <c r="K5213">
        <v>31</v>
      </c>
      <c r="L5213" t="s">
        <v>294</v>
      </c>
      <c r="M5213">
        <v>98</v>
      </c>
      <c r="N5213" t="s">
        <v>654</v>
      </c>
      <c r="O5213">
        <v>3</v>
      </c>
      <c r="P5213" t="s">
        <v>655</v>
      </c>
      <c r="Q5213">
        <v>1</v>
      </c>
      <c r="R5213" t="s">
        <v>669</v>
      </c>
      <c r="S5213">
        <v>1</v>
      </c>
      <c r="T5213" t="s">
        <v>661</v>
      </c>
      <c r="U5213">
        <v>8</v>
      </c>
      <c r="V5213">
        <v>3</v>
      </c>
      <c r="W5213">
        <v>180</v>
      </c>
      <c r="X5213">
        <v>2020</v>
      </c>
    </row>
    <row r="5214" spans="1:24" x14ac:dyDescent="0.25">
      <c r="A5214">
        <v>5152</v>
      </c>
      <c r="B5214" t="s">
        <v>249</v>
      </c>
      <c r="C5214">
        <v>38</v>
      </c>
      <c r="D5214" t="s">
        <v>316</v>
      </c>
      <c r="E5214">
        <v>596</v>
      </c>
      <c r="F5214" t="s">
        <v>651</v>
      </c>
      <c r="G5214">
        <v>160</v>
      </c>
      <c r="H5214" t="s">
        <v>713</v>
      </c>
      <c r="I5214">
        <v>3939</v>
      </c>
      <c r="J5214" t="s">
        <v>299</v>
      </c>
      <c r="K5214">
        <v>27</v>
      </c>
      <c r="L5214" t="s">
        <v>690</v>
      </c>
      <c r="M5214">
        <v>89</v>
      </c>
      <c r="N5214" t="s">
        <v>654</v>
      </c>
      <c r="O5214">
        <v>3</v>
      </c>
      <c r="P5214" t="s">
        <v>655</v>
      </c>
      <c r="Q5214">
        <v>1</v>
      </c>
      <c r="R5214" t="s">
        <v>669</v>
      </c>
      <c r="S5214">
        <v>1</v>
      </c>
      <c r="T5214" t="s">
        <v>661</v>
      </c>
      <c r="U5214">
        <v>8</v>
      </c>
      <c r="V5214">
        <v>3</v>
      </c>
      <c r="W5214">
        <v>180</v>
      </c>
      <c r="X5214">
        <v>2020</v>
      </c>
    </row>
    <row r="5215" spans="1:24" x14ac:dyDescent="0.25">
      <c r="A5215">
        <v>5150</v>
      </c>
      <c r="B5215" t="s">
        <v>249</v>
      </c>
      <c r="C5215">
        <v>38</v>
      </c>
      <c r="D5215" t="s">
        <v>316</v>
      </c>
      <c r="E5215">
        <v>596</v>
      </c>
      <c r="F5215" t="s">
        <v>651</v>
      </c>
      <c r="G5215">
        <v>160</v>
      </c>
      <c r="H5215" t="s">
        <v>713</v>
      </c>
      <c r="I5215">
        <v>3939</v>
      </c>
      <c r="J5215" t="s">
        <v>301</v>
      </c>
      <c r="K5215">
        <v>26</v>
      </c>
      <c r="L5215" t="s">
        <v>930</v>
      </c>
      <c r="M5215">
        <v>84</v>
      </c>
      <c r="N5215" t="s">
        <v>654</v>
      </c>
      <c r="O5215">
        <v>3</v>
      </c>
      <c r="P5215" t="s">
        <v>655</v>
      </c>
      <c r="Q5215">
        <v>1</v>
      </c>
      <c r="R5215" t="s">
        <v>669</v>
      </c>
      <c r="S5215">
        <v>1</v>
      </c>
      <c r="T5215" t="s">
        <v>661</v>
      </c>
      <c r="U5215">
        <v>8</v>
      </c>
      <c r="V5215">
        <v>3</v>
      </c>
      <c r="W5215">
        <v>180</v>
      </c>
      <c r="X5215">
        <v>2020</v>
      </c>
    </row>
    <row r="5216" spans="1:24" x14ac:dyDescent="0.25">
      <c r="A5216">
        <v>5149</v>
      </c>
      <c r="B5216" t="s">
        <v>242</v>
      </c>
      <c r="C5216">
        <v>37</v>
      </c>
      <c r="D5216" t="s">
        <v>492</v>
      </c>
      <c r="E5216">
        <v>292</v>
      </c>
      <c r="F5216" t="s">
        <v>651</v>
      </c>
      <c r="G5216">
        <v>160</v>
      </c>
      <c r="H5216" t="s">
        <v>821</v>
      </c>
      <c r="I5216">
        <v>10029</v>
      </c>
      <c r="J5216" t="s">
        <v>742</v>
      </c>
      <c r="K5216">
        <v>48</v>
      </c>
      <c r="L5216" t="s">
        <v>3785</v>
      </c>
      <c r="M5216">
        <v>170</v>
      </c>
      <c r="N5216" t="s">
        <v>654</v>
      </c>
      <c r="O5216">
        <v>3</v>
      </c>
      <c r="P5216" t="s">
        <v>655</v>
      </c>
      <c r="Q5216">
        <v>1</v>
      </c>
      <c r="R5216" t="s">
        <v>669</v>
      </c>
      <c r="S5216">
        <v>1</v>
      </c>
      <c r="T5216" t="s">
        <v>661</v>
      </c>
      <c r="U5216">
        <v>8</v>
      </c>
      <c r="V5216">
        <v>4</v>
      </c>
      <c r="W5216">
        <v>240</v>
      </c>
      <c r="X5216">
        <v>2020</v>
      </c>
    </row>
    <row r="5217" spans="1:24" x14ac:dyDescent="0.25">
      <c r="A5217">
        <v>5143</v>
      </c>
      <c r="B5217" t="s">
        <v>140</v>
      </c>
      <c r="C5217">
        <v>34</v>
      </c>
      <c r="D5217" t="s">
        <v>357</v>
      </c>
      <c r="E5217">
        <v>595</v>
      </c>
      <c r="F5217" t="s">
        <v>651</v>
      </c>
      <c r="G5217">
        <v>160</v>
      </c>
      <c r="H5217" t="s">
        <v>652</v>
      </c>
      <c r="I5217">
        <v>2094</v>
      </c>
      <c r="J5217" t="s">
        <v>691</v>
      </c>
      <c r="K5217">
        <v>21</v>
      </c>
      <c r="L5217" t="s">
        <v>1609</v>
      </c>
      <c r="M5217">
        <v>66</v>
      </c>
      <c r="N5217" t="s">
        <v>654</v>
      </c>
      <c r="O5217">
        <v>3</v>
      </c>
      <c r="P5217" t="s">
        <v>655</v>
      </c>
      <c r="Q5217">
        <v>1</v>
      </c>
      <c r="R5217" t="s">
        <v>669</v>
      </c>
      <c r="S5217">
        <v>1</v>
      </c>
      <c r="T5217" t="s">
        <v>661</v>
      </c>
      <c r="U5217">
        <v>8</v>
      </c>
      <c r="V5217">
        <v>3</v>
      </c>
      <c r="W5217">
        <v>180</v>
      </c>
      <c r="X5217">
        <v>2020</v>
      </c>
    </row>
    <row r="5218" spans="1:24" x14ac:dyDescent="0.25">
      <c r="A5218">
        <v>5142</v>
      </c>
      <c r="B5218" t="s">
        <v>140</v>
      </c>
      <c r="C5218">
        <v>34</v>
      </c>
      <c r="D5218" t="s">
        <v>357</v>
      </c>
      <c r="E5218">
        <v>595</v>
      </c>
      <c r="F5218" t="s">
        <v>651</v>
      </c>
      <c r="G5218">
        <v>160</v>
      </c>
      <c r="H5218" t="s">
        <v>652</v>
      </c>
      <c r="I5218">
        <v>2094</v>
      </c>
      <c r="J5218" t="s">
        <v>1084</v>
      </c>
      <c r="K5218">
        <v>118</v>
      </c>
      <c r="L5218" t="s">
        <v>1084</v>
      </c>
      <c r="M5218">
        <v>59</v>
      </c>
      <c r="N5218" t="s">
        <v>654</v>
      </c>
      <c r="O5218">
        <v>3</v>
      </c>
      <c r="P5218" t="s">
        <v>655</v>
      </c>
      <c r="Q5218">
        <v>1</v>
      </c>
      <c r="R5218" t="s">
        <v>669</v>
      </c>
      <c r="S5218">
        <v>1</v>
      </c>
      <c r="T5218" t="s">
        <v>661</v>
      </c>
      <c r="U5218">
        <v>8</v>
      </c>
      <c r="V5218">
        <v>3</v>
      </c>
      <c r="W5218">
        <v>180</v>
      </c>
      <c r="X5218">
        <v>2020</v>
      </c>
    </row>
    <row r="5219" spans="1:24" x14ac:dyDescent="0.25">
      <c r="A5219">
        <v>5141</v>
      </c>
      <c r="B5219" t="s">
        <v>140</v>
      </c>
      <c r="C5219">
        <v>34</v>
      </c>
      <c r="D5219" t="s">
        <v>357</v>
      </c>
      <c r="E5219">
        <v>595</v>
      </c>
      <c r="F5219" t="s">
        <v>651</v>
      </c>
      <c r="G5219">
        <v>160</v>
      </c>
      <c r="H5219" t="s">
        <v>652</v>
      </c>
      <c r="I5219">
        <v>2094</v>
      </c>
      <c r="J5219" t="s">
        <v>894</v>
      </c>
      <c r="K5219">
        <v>18</v>
      </c>
      <c r="L5219" t="s">
        <v>894</v>
      </c>
      <c r="M5219">
        <v>58</v>
      </c>
      <c r="N5219" t="s">
        <v>654</v>
      </c>
      <c r="O5219">
        <v>3</v>
      </c>
      <c r="P5219" t="s">
        <v>655</v>
      </c>
      <c r="Q5219">
        <v>1</v>
      </c>
      <c r="R5219" t="s">
        <v>669</v>
      </c>
      <c r="S5219">
        <v>1</v>
      </c>
      <c r="T5219" t="s">
        <v>661</v>
      </c>
      <c r="U5219">
        <v>8</v>
      </c>
      <c r="V5219">
        <v>3</v>
      </c>
      <c r="W5219">
        <v>180</v>
      </c>
      <c r="X5219">
        <v>2020</v>
      </c>
    </row>
    <row r="5220" spans="1:24" x14ac:dyDescent="0.25">
      <c r="A5220">
        <v>5140</v>
      </c>
      <c r="B5220" t="s">
        <v>140</v>
      </c>
      <c r="C5220">
        <v>34</v>
      </c>
      <c r="D5220" t="s">
        <v>357</v>
      </c>
      <c r="E5220">
        <v>595</v>
      </c>
      <c r="F5220" t="s">
        <v>651</v>
      </c>
      <c r="G5220">
        <v>160</v>
      </c>
      <c r="H5220" t="s">
        <v>652</v>
      </c>
      <c r="I5220">
        <v>2094</v>
      </c>
      <c r="J5220" t="s">
        <v>756</v>
      </c>
      <c r="K5220">
        <v>19</v>
      </c>
      <c r="L5220" t="s">
        <v>756</v>
      </c>
      <c r="M5220">
        <v>60</v>
      </c>
      <c r="N5220" t="s">
        <v>654</v>
      </c>
      <c r="O5220">
        <v>3</v>
      </c>
      <c r="P5220" t="s">
        <v>655</v>
      </c>
      <c r="Q5220">
        <v>1</v>
      </c>
      <c r="R5220" t="s">
        <v>669</v>
      </c>
      <c r="S5220">
        <v>1</v>
      </c>
      <c r="T5220" t="s">
        <v>718</v>
      </c>
      <c r="U5220">
        <v>2</v>
      </c>
      <c r="V5220">
        <v>3</v>
      </c>
      <c r="W5220">
        <v>180</v>
      </c>
      <c r="X5220">
        <v>2020</v>
      </c>
    </row>
    <row r="5221" spans="1:24" x14ac:dyDescent="0.25">
      <c r="A5221">
        <v>5139</v>
      </c>
      <c r="B5221" t="s">
        <v>140</v>
      </c>
      <c r="C5221">
        <v>34</v>
      </c>
      <c r="D5221" t="s">
        <v>357</v>
      </c>
      <c r="E5221">
        <v>595</v>
      </c>
      <c r="F5221" t="s">
        <v>651</v>
      </c>
      <c r="G5221">
        <v>160</v>
      </c>
      <c r="H5221" t="s">
        <v>652</v>
      </c>
      <c r="I5221">
        <v>2094</v>
      </c>
      <c r="J5221" t="s">
        <v>756</v>
      </c>
      <c r="K5221">
        <v>19</v>
      </c>
      <c r="L5221" t="s">
        <v>756</v>
      </c>
      <c r="M5221">
        <v>60</v>
      </c>
      <c r="N5221" t="s">
        <v>654</v>
      </c>
      <c r="O5221">
        <v>3</v>
      </c>
      <c r="P5221" t="s">
        <v>655</v>
      </c>
      <c r="Q5221">
        <v>1</v>
      </c>
      <c r="R5221" t="s">
        <v>669</v>
      </c>
      <c r="S5221">
        <v>1</v>
      </c>
      <c r="T5221" t="s">
        <v>661</v>
      </c>
      <c r="U5221">
        <v>8</v>
      </c>
      <c r="V5221">
        <v>3</v>
      </c>
      <c r="W5221">
        <v>180</v>
      </c>
      <c r="X5221">
        <v>2020</v>
      </c>
    </row>
    <row r="5222" spans="1:24" x14ac:dyDescent="0.25">
      <c r="A5222">
        <v>5138</v>
      </c>
      <c r="B5222" t="s">
        <v>140</v>
      </c>
      <c r="C5222">
        <v>34</v>
      </c>
      <c r="D5222" t="s">
        <v>357</v>
      </c>
      <c r="E5222">
        <v>595</v>
      </c>
      <c r="F5222" t="s">
        <v>651</v>
      </c>
      <c r="G5222">
        <v>160</v>
      </c>
      <c r="H5222" t="s">
        <v>652</v>
      </c>
      <c r="I5222">
        <v>2094</v>
      </c>
      <c r="J5222" t="s">
        <v>802</v>
      </c>
      <c r="K5222">
        <v>12</v>
      </c>
      <c r="L5222" t="s">
        <v>802</v>
      </c>
      <c r="M5222">
        <v>36</v>
      </c>
      <c r="N5222" t="s">
        <v>654</v>
      </c>
      <c r="O5222">
        <v>3</v>
      </c>
      <c r="P5222" t="s">
        <v>655</v>
      </c>
      <c r="Q5222">
        <v>1</v>
      </c>
      <c r="R5222" t="s">
        <v>669</v>
      </c>
      <c r="S5222">
        <v>1</v>
      </c>
      <c r="T5222" t="s">
        <v>661</v>
      </c>
      <c r="U5222">
        <v>8</v>
      </c>
      <c r="V5222">
        <v>3</v>
      </c>
      <c r="W5222">
        <v>180</v>
      </c>
      <c r="X5222">
        <v>2020</v>
      </c>
    </row>
    <row r="5223" spans="1:24" x14ac:dyDescent="0.25">
      <c r="A5223">
        <v>5137</v>
      </c>
      <c r="B5223" t="s">
        <v>140</v>
      </c>
      <c r="C5223">
        <v>34</v>
      </c>
      <c r="D5223" t="s">
        <v>503</v>
      </c>
      <c r="E5223">
        <v>263</v>
      </c>
      <c r="F5223" t="s">
        <v>651</v>
      </c>
      <c r="G5223">
        <v>160</v>
      </c>
      <c r="H5223" t="s">
        <v>652</v>
      </c>
      <c r="I5223">
        <v>2094</v>
      </c>
      <c r="J5223" t="s">
        <v>716</v>
      </c>
      <c r="K5223">
        <v>68</v>
      </c>
      <c r="L5223" t="s">
        <v>1915</v>
      </c>
      <c r="M5223">
        <v>294</v>
      </c>
      <c r="N5223" t="s">
        <v>654</v>
      </c>
      <c r="O5223">
        <v>3</v>
      </c>
      <c r="P5223" t="s">
        <v>655</v>
      </c>
      <c r="Q5223">
        <v>1</v>
      </c>
      <c r="R5223" t="s">
        <v>669</v>
      </c>
      <c r="S5223">
        <v>1</v>
      </c>
      <c r="T5223" t="s">
        <v>661</v>
      </c>
      <c r="U5223">
        <v>8</v>
      </c>
      <c r="V5223">
        <v>4</v>
      </c>
      <c r="W5223">
        <v>240</v>
      </c>
      <c r="X5223">
        <v>2020</v>
      </c>
    </row>
    <row r="5224" spans="1:24" x14ac:dyDescent="0.25">
      <c r="A5224">
        <v>5136</v>
      </c>
      <c r="B5224" t="s">
        <v>140</v>
      </c>
      <c r="C5224">
        <v>34</v>
      </c>
      <c r="D5224" t="s">
        <v>358</v>
      </c>
      <c r="E5224">
        <v>594</v>
      </c>
      <c r="F5224" t="s">
        <v>651</v>
      </c>
      <c r="G5224">
        <v>160</v>
      </c>
      <c r="H5224" t="s">
        <v>652</v>
      </c>
      <c r="I5224">
        <v>2094</v>
      </c>
      <c r="J5224" t="s">
        <v>693</v>
      </c>
      <c r="K5224">
        <v>56</v>
      </c>
      <c r="L5224" t="s">
        <v>3786</v>
      </c>
      <c r="M5224">
        <v>231</v>
      </c>
      <c r="N5224" t="s">
        <v>654</v>
      </c>
      <c r="O5224">
        <v>3</v>
      </c>
      <c r="P5224" t="s">
        <v>655</v>
      </c>
      <c r="Q5224">
        <v>1</v>
      </c>
      <c r="R5224" t="s">
        <v>669</v>
      </c>
      <c r="S5224">
        <v>1</v>
      </c>
      <c r="T5224" t="s">
        <v>661</v>
      </c>
      <c r="U5224">
        <v>8</v>
      </c>
      <c r="V5224">
        <v>4</v>
      </c>
      <c r="W5224">
        <v>240</v>
      </c>
      <c r="X5224">
        <v>2020</v>
      </c>
    </row>
    <row r="5225" spans="1:24" x14ac:dyDescent="0.25">
      <c r="A5225">
        <v>5135</v>
      </c>
      <c r="B5225" t="s">
        <v>140</v>
      </c>
      <c r="C5225">
        <v>34</v>
      </c>
      <c r="D5225" t="s">
        <v>358</v>
      </c>
      <c r="E5225">
        <v>594</v>
      </c>
      <c r="F5225" t="s">
        <v>651</v>
      </c>
      <c r="G5225">
        <v>160</v>
      </c>
      <c r="H5225" t="s">
        <v>652</v>
      </c>
      <c r="I5225">
        <v>2094</v>
      </c>
      <c r="J5225" t="s">
        <v>730</v>
      </c>
      <c r="K5225">
        <v>66</v>
      </c>
      <c r="L5225" t="s">
        <v>3739</v>
      </c>
      <c r="M5225">
        <v>284</v>
      </c>
      <c r="N5225" t="s">
        <v>654</v>
      </c>
      <c r="O5225">
        <v>3</v>
      </c>
      <c r="P5225" t="s">
        <v>655</v>
      </c>
      <c r="Q5225">
        <v>1</v>
      </c>
      <c r="R5225" t="s">
        <v>669</v>
      </c>
      <c r="S5225">
        <v>1</v>
      </c>
      <c r="T5225" t="s">
        <v>661</v>
      </c>
      <c r="U5225">
        <v>8</v>
      </c>
      <c r="V5225">
        <v>4</v>
      </c>
      <c r="W5225">
        <v>240</v>
      </c>
      <c r="X5225">
        <v>2020</v>
      </c>
    </row>
    <row r="5226" spans="1:24" x14ac:dyDescent="0.25">
      <c r="A5226">
        <v>5134</v>
      </c>
      <c r="B5226" t="s">
        <v>140</v>
      </c>
      <c r="C5226">
        <v>34</v>
      </c>
      <c r="D5226" t="s">
        <v>358</v>
      </c>
      <c r="E5226">
        <v>594</v>
      </c>
      <c r="F5226" t="s">
        <v>651</v>
      </c>
      <c r="G5226">
        <v>160</v>
      </c>
      <c r="H5226" t="s">
        <v>652</v>
      </c>
      <c r="I5226">
        <v>2094</v>
      </c>
      <c r="J5226" t="s">
        <v>695</v>
      </c>
      <c r="K5226">
        <v>54</v>
      </c>
      <c r="L5226" t="s">
        <v>3787</v>
      </c>
      <c r="M5226">
        <v>214</v>
      </c>
      <c r="N5226" t="s">
        <v>654</v>
      </c>
      <c r="O5226">
        <v>3</v>
      </c>
      <c r="P5226" t="s">
        <v>655</v>
      </c>
      <c r="Q5226">
        <v>1</v>
      </c>
      <c r="R5226" t="s">
        <v>669</v>
      </c>
      <c r="S5226">
        <v>1</v>
      </c>
      <c r="T5226" t="s">
        <v>661</v>
      </c>
      <c r="U5226">
        <v>8</v>
      </c>
      <c r="V5226">
        <v>4</v>
      </c>
      <c r="W5226">
        <v>240</v>
      </c>
      <c r="X5226">
        <v>2020</v>
      </c>
    </row>
    <row r="5227" spans="1:24" x14ac:dyDescent="0.25">
      <c r="A5227">
        <v>5132</v>
      </c>
      <c r="B5227" t="s">
        <v>140</v>
      </c>
      <c r="C5227">
        <v>34</v>
      </c>
      <c r="D5227" t="s">
        <v>358</v>
      </c>
      <c r="E5227">
        <v>594</v>
      </c>
      <c r="F5227" t="s">
        <v>651</v>
      </c>
      <c r="G5227">
        <v>160</v>
      </c>
      <c r="H5227" t="s">
        <v>652</v>
      </c>
      <c r="I5227">
        <v>2094</v>
      </c>
      <c r="J5227" t="s">
        <v>695</v>
      </c>
      <c r="K5227">
        <v>54</v>
      </c>
      <c r="L5227" t="s">
        <v>748</v>
      </c>
      <c r="M5227">
        <v>211</v>
      </c>
      <c r="N5227" t="s">
        <v>654</v>
      </c>
      <c r="O5227">
        <v>3</v>
      </c>
      <c r="P5227" t="s">
        <v>655</v>
      </c>
      <c r="Q5227">
        <v>1</v>
      </c>
      <c r="R5227" t="s">
        <v>669</v>
      </c>
      <c r="S5227">
        <v>1</v>
      </c>
      <c r="T5227" t="s">
        <v>661</v>
      </c>
      <c r="U5227">
        <v>8</v>
      </c>
      <c r="V5227">
        <v>4</v>
      </c>
      <c r="W5227">
        <v>240</v>
      </c>
      <c r="X5227">
        <v>2020</v>
      </c>
    </row>
    <row r="5228" spans="1:24" x14ac:dyDescent="0.25">
      <c r="A5228">
        <v>5130</v>
      </c>
      <c r="B5228" t="s">
        <v>140</v>
      </c>
      <c r="C5228">
        <v>34</v>
      </c>
      <c r="D5228" t="s">
        <v>358</v>
      </c>
      <c r="E5228">
        <v>594</v>
      </c>
      <c r="F5228" t="s">
        <v>651</v>
      </c>
      <c r="G5228">
        <v>160</v>
      </c>
      <c r="H5228" t="s">
        <v>652</v>
      </c>
      <c r="I5228">
        <v>2094</v>
      </c>
      <c r="J5228" t="s">
        <v>693</v>
      </c>
      <c r="K5228">
        <v>56</v>
      </c>
      <c r="L5228" t="s">
        <v>3788</v>
      </c>
      <c r="M5228">
        <v>230</v>
      </c>
      <c r="N5228" t="s">
        <v>654</v>
      </c>
      <c r="O5228">
        <v>3</v>
      </c>
      <c r="P5228" t="s">
        <v>655</v>
      </c>
      <c r="Q5228">
        <v>1</v>
      </c>
      <c r="R5228" t="s">
        <v>669</v>
      </c>
      <c r="S5228">
        <v>1</v>
      </c>
      <c r="T5228" t="s">
        <v>661</v>
      </c>
      <c r="U5228">
        <v>8</v>
      </c>
      <c r="V5228">
        <v>4</v>
      </c>
      <c r="W5228">
        <v>240</v>
      </c>
      <c r="X5228">
        <v>2020</v>
      </c>
    </row>
    <row r="5229" spans="1:24" x14ac:dyDescent="0.25">
      <c r="A5229">
        <v>5129</v>
      </c>
      <c r="B5229" t="s">
        <v>140</v>
      </c>
      <c r="C5229">
        <v>34</v>
      </c>
      <c r="D5229" t="s">
        <v>358</v>
      </c>
      <c r="E5229">
        <v>594</v>
      </c>
      <c r="F5229" t="s">
        <v>651</v>
      </c>
      <c r="G5229">
        <v>160</v>
      </c>
      <c r="H5229" t="s">
        <v>652</v>
      </c>
      <c r="I5229">
        <v>2094</v>
      </c>
      <c r="J5229" t="s">
        <v>730</v>
      </c>
      <c r="K5229">
        <v>66</v>
      </c>
      <c r="L5229" t="s">
        <v>3789</v>
      </c>
      <c r="M5229">
        <v>279</v>
      </c>
      <c r="N5229" t="s">
        <v>654</v>
      </c>
      <c r="O5229">
        <v>3</v>
      </c>
      <c r="P5229" t="s">
        <v>655</v>
      </c>
      <c r="Q5229">
        <v>1</v>
      </c>
      <c r="R5229" t="s">
        <v>669</v>
      </c>
      <c r="S5229">
        <v>1</v>
      </c>
      <c r="T5229" t="s">
        <v>661</v>
      </c>
      <c r="U5229">
        <v>8</v>
      </c>
      <c r="V5229">
        <v>4</v>
      </c>
      <c r="W5229">
        <v>240</v>
      </c>
      <c r="X5229">
        <v>2020</v>
      </c>
    </row>
    <row r="5230" spans="1:24" x14ac:dyDescent="0.25">
      <c r="A5230">
        <v>5128</v>
      </c>
      <c r="B5230" t="s">
        <v>140</v>
      </c>
      <c r="C5230">
        <v>34</v>
      </c>
      <c r="D5230" t="s">
        <v>359</v>
      </c>
      <c r="E5230">
        <v>593</v>
      </c>
      <c r="F5230" t="s">
        <v>651</v>
      </c>
      <c r="G5230">
        <v>160</v>
      </c>
      <c r="H5230" t="s">
        <v>652</v>
      </c>
      <c r="I5230">
        <v>2094</v>
      </c>
      <c r="J5230" t="s">
        <v>1088</v>
      </c>
      <c r="K5230">
        <v>38</v>
      </c>
      <c r="L5230" t="s">
        <v>1089</v>
      </c>
      <c r="M5230">
        <v>135</v>
      </c>
      <c r="N5230" t="s">
        <v>654</v>
      </c>
      <c r="O5230">
        <v>3</v>
      </c>
      <c r="P5230" t="s">
        <v>655</v>
      </c>
      <c r="Q5230">
        <v>1</v>
      </c>
      <c r="R5230" t="s">
        <v>669</v>
      </c>
      <c r="S5230">
        <v>1</v>
      </c>
      <c r="T5230" t="s">
        <v>661</v>
      </c>
      <c r="U5230">
        <v>8</v>
      </c>
      <c r="V5230">
        <v>3</v>
      </c>
      <c r="W5230">
        <v>180</v>
      </c>
      <c r="X5230">
        <v>2020</v>
      </c>
    </row>
    <row r="5231" spans="1:24" x14ac:dyDescent="0.25">
      <c r="A5231">
        <v>5127</v>
      </c>
      <c r="B5231" t="s">
        <v>140</v>
      </c>
      <c r="C5231">
        <v>34</v>
      </c>
      <c r="D5231" t="s">
        <v>359</v>
      </c>
      <c r="E5231">
        <v>593</v>
      </c>
      <c r="F5231" t="s">
        <v>651</v>
      </c>
      <c r="G5231">
        <v>160</v>
      </c>
      <c r="H5231" t="s">
        <v>652</v>
      </c>
      <c r="I5231">
        <v>2094</v>
      </c>
      <c r="J5231" t="s">
        <v>765</v>
      </c>
      <c r="K5231">
        <v>76</v>
      </c>
      <c r="L5231" t="s">
        <v>766</v>
      </c>
      <c r="M5231">
        <v>137</v>
      </c>
      <c r="N5231" t="s">
        <v>654</v>
      </c>
      <c r="O5231">
        <v>3</v>
      </c>
      <c r="P5231" t="s">
        <v>655</v>
      </c>
      <c r="Q5231">
        <v>1</v>
      </c>
      <c r="R5231" t="s">
        <v>669</v>
      </c>
      <c r="S5231">
        <v>1</v>
      </c>
      <c r="T5231" t="s">
        <v>661</v>
      </c>
      <c r="U5231">
        <v>8</v>
      </c>
      <c r="V5231">
        <v>3</v>
      </c>
      <c r="W5231">
        <v>180</v>
      </c>
      <c r="X5231">
        <v>2020</v>
      </c>
    </row>
    <row r="5232" spans="1:24" x14ac:dyDescent="0.25">
      <c r="A5232">
        <v>5125</v>
      </c>
      <c r="B5232" t="s">
        <v>140</v>
      </c>
      <c r="C5232">
        <v>34</v>
      </c>
      <c r="D5232" t="s">
        <v>359</v>
      </c>
      <c r="E5232">
        <v>593</v>
      </c>
      <c r="F5232" t="s">
        <v>651</v>
      </c>
      <c r="G5232">
        <v>160</v>
      </c>
      <c r="H5232" t="s">
        <v>652</v>
      </c>
      <c r="I5232">
        <v>2094</v>
      </c>
      <c r="J5232" t="s">
        <v>792</v>
      </c>
      <c r="K5232">
        <v>6</v>
      </c>
      <c r="L5232" t="s">
        <v>3778</v>
      </c>
      <c r="M5232">
        <v>20</v>
      </c>
      <c r="N5232" t="s">
        <v>654</v>
      </c>
      <c r="O5232">
        <v>3</v>
      </c>
      <c r="P5232" t="s">
        <v>655</v>
      </c>
      <c r="Q5232">
        <v>1</v>
      </c>
      <c r="R5232" t="s">
        <v>669</v>
      </c>
      <c r="S5232">
        <v>1</v>
      </c>
      <c r="T5232" t="s">
        <v>661</v>
      </c>
      <c r="U5232">
        <v>8</v>
      </c>
      <c r="V5232">
        <v>3</v>
      </c>
      <c r="W5232">
        <v>180</v>
      </c>
      <c r="X5232">
        <v>2020</v>
      </c>
    </row>
    <row r="5233" spans="1:24" x14ac:dyDescent="0.25">
      <c r="A5233">
        <v>5124</v>
      </c>
      <c r="B5233" t="s">
        <v>140</v>
      </c>
      <c r="C5233">
        <v>34</v>
      </c>
      <c r="D5233" t="s">
        <v>359</v>
      </c>
      <c r="E5233">
        <v>593</v>
      </c>
      <c r="F5233" t="s">
        <v>651</v>
      </c>
      <c r="G5233">
        <v>160</v>
      </c>
      <c r="H5233" t="s">
        <v>652</v>
      </c>
      <c r="I5233">
        <v>2094</v>
      </c>
      <c r="J5233" t="s">
        <v>792</v>
      </c>
      <c r="K5233">
        <v>6</v>
      </c>
      <c r="L5233" t="s">
        <v>1927</v>
      </c>
      <c r="M5233">
        <v>17</v>
      </c>
      <c r="N5233" t="s">
        <v>654</v>
      </c>
      <c r="O5233">
        <v>3</v>
      </c>
      <c r="P5233" t="s">
        <v>655</v>
      </c>
      <c r="Q5233">
        <v>1</v>
      </c>
      <c r="R5233" t="s">
        <v>669</v>
      </c>
      <c r="S5233">
        <v>1</v>
      </c>
      <c r="T5233" t="s">
        <v>718</v>
      </c>
      <c r="U5233">
        <v>2</v>
      </c>
      <c r="V5233">
        <v>3</v>
      </c>
      <c r="W5233">
        <v>180</v>
      </c>
      <c r="X5233">
        <v>2020</v>
      </c>
    </row>
    <row r="5234" spans="1:24" x14ac:dyDescent="0.25">
      <c r="A5234">
        <v>5123</v>
      </c>
      <c r="B5234" t="s">
        <v>140</v>
      </c>
      <c r="C5234">
        <v>34</v>
      </c>
      <c r="D5234" t="s">
        <v>359</v>
      </c>
      <c r="E5234">
        <v>593</v>
      </c>
      <c r="F5234" t="s">
        <v>651</v>
      </c>
      <c r="G5234">
        <v>160</v>
      </c>
      <c r="H5234" t="s">
        <v>652</v>
      </c>
      <c r="I5234">
        <v>2094</v>
      </c>
      <c r="J5234" t="s">
        <v>792</v>
      </c>
      <c r="K5234">
        <v>6</v>
      </c>
      <c r="L5234" t="s">
        <v>1927</v>
      </c>
      <c r="M5234">
        <v>17</v>
      </c>
      <c r="N5234" t="s">
        <v>654</v>
      </c>
      <c r="O5234">
        <v>3</v>
      </c>
      <c r="P5234" t="s">
        <v>655</v>
      </c>
      <c r="Q5234">
        <v>1</v>
      </c>
      <c r="R5234" t="s">
        <v>669</v>
      </c>
      <c r="S5234">
        <v>1</v>
      </c>
      <c r="T5234" t="s">
        <v>661</v>
      </c>
      <c r="U5234">
        <v>8</v>
      </c>
      <c r="V5234">
        <v>3</v>
      </c>
      <c r="W5234">
        <v>180</v>
      </c>
      <c r="X5234">
        <v>2020</v>
      </c>
    </row>
    <row r="5235" spans="1:24" x14ac:dyDescent="0.25">
      <c r="A5235">
        <v>5121</v>
      </c>
      <c r="B5235" t="s">
        <v>140</v>
      </c>
      <c r="C5235">
        <v>34</v>
      </c>
      <c r="D5235" t="s">
        <v>360</v>
      </c>
      <c r="E5235">
        <v>592</v>
      </c>
      <c r="F5235" t="s">
        <v>651</v>
      </c>
      <c r="G5235">
        <v>160</v>
      </c>
      <c r="H5235" t="s">
        <v>652</v>
      </c>
      <c r="I5235">
        <v>2094</v>
      </c>
      <c r="J5235" t="s">
        <v>659</v>
      </c>
      <c r="K5235">
        <v>35</v>
      </c>
      <c r="L5235" t="s">
        <v>3790</v>
      </c>
      <c r="M5235">
        <v>121</v>
      </c>
      <c r="N5235" t="s">
        <v>654</v>
      </c>
      <c r="O5235">
        <v>3</v>
      </c>
      <c r="P5235" t="s">
        <v>655</v>
      </c>
      <c r="Q5235">
        <v>1</v>
      </c>
      <c r="R5235" t="s">
        <v>669</v>
      </c>
      <c r="S5235">
        <v>1</v>
      </c>
      <c r="T5235" t="s">
        <v>661</v>
      </c>
      <c r="U5235">
        <v>8</v>
      </c>
      <c r="V5235">
        <v>3</v>
      </c>
      <c r="W5235">
        <v>180</v>
      </c>
      <c r="X5235">
        <v>2020</v>
      </c>
    </row>
    <row r="5236" spans="1:24" x14ac:dyDescent="0.25">
      <c r="A5236">
        <v>5118</v>
      </c>
      <c r="B5236" t="s">
        <v>140</v>
      </c>
      <c r="C5236">
        <v>34</v>
      </c>
      <c r="D5236" t="s">
        <v>360</v>
      </c>
      <c r="E5236">
        <v>592</v>
      </c>
      <c r="F5236" t="s">
        <v>651</v>
      </c>
      <c r="G5236">
        <v>160</v>
      </c>
      <c r="H5236" t="s">
        <v>652</v>
      </c>
      <c r="I5236">
        <v>2094</v>
      </c>
      <c r="J5236" t="s">
        <v>659</v>
      </c>
      <c r="K5236">
        <v>35</v>
      </c>
      <c r="L5236" t="s">
        <v>2610</v>
      </c>
      <c r="M5236">
        <v>114</v>
      </c>
      <c r="N5236" t="s">
        <v>654</v>
      </c>
      <c r="O5236">
        <v>3</v>
      </c>
      <c r="P5236" t="s">
        <v>655</v>
      </c>
      <c r="Q5236">
        <v>1</v>
      </c>
      <c r="R5236" t="s">
        <v>669</v>
      </c>
      <c r="S5236">
        <v>1</v>
      </c>
      <c r="T5236" t="s">
        <v>661</v>
      </c>
      <c r="U5236">
        <v>8</v>
      </c>
      <c r="V5236">
        <v>3</v>
      </c>
      <c r="W5236">
        <v>180</v>
      </c>
      <c r="X5236">
        <v>2020</v>
      </c>
    </row>
    <row r="5237" spans="1:24" x14ac:dyDescent="0.25">
      <c r="A5237">
        <v>5117</v>
      </c>
      <c r="B5237" t="s">
        <v>140</v>
      </c>
      <c r="C5237">
        <v>34</v>
      </c>
      <c r="D5237" t="s">
        <v>360</v>
      </c>
      <c r="E5237">
        <v>592</v>
      </c>
      <c r="F5237" t="s">
        <v>651</v>
      </c>
      <c r="G5237">
        <v>160</v>
      </c>
      <c r="H5237" t="s">
        <v>652</v>
      </c>
      <c r="I5237">
        <v>2094</v>
      </c>
      <c r="J5237" t="s">
        <v>659</v>
      </c>
      <c r="K5237">
        <v>35</v>
      </c>
      <c r="L5237" t="s">
        <v>3791</v>
      </c>
      <c r="M5237">
        <v>113</v>
      </c>
      <c r="N5237" t="s">
        <v>654</v>
      </c>
      <c r="O5237">
        <v>3</v>
      </c>
      <c r="P5237" t="s">
        <v>655</v>
      </c>
      <c r="Q5237">
        <v>1</v>
      </c>
      <c r="R5237" t="s">
        <v>669</v>
      </c>
      <c r="S5237">
        <v>1</v>
      </c>
      <c r="T5237" t="s">
        <v>661</v>
      </c>
      <c r="U5237">
        <v>8</v>
      </c>
      <c r="V5237">
        <v>3</v>
      </c>
      <c r="W5237">
        <v>180</v>
      </c>
      <c r="X5237">
        <v>2020</v>
      </c>
    </row>
    <row r="5238" spans="1:24" x14ac:dyDescent="0.25">
      <c r="A5238">
        <v>5115</v>
      </c>
      <c r="B5238" t="s">
        <v>140</v>
      </c>
      <c r="C5238">
        <v>34</v>
      </c>
      <c r="D5238" t="s">
        <v>360</v>
      </c>
      <c r="E5238">
        <v>592</v>
      </c>
      <c r="F5238" t="s">
        <v>651</v>
      </c>
      <c r="G5238">
        <v>160</v>
      </c>
      <c r="H5238" t="s">
        <v>652</v>
      </c>
      <c r="I5238">
        <v>2094</v>
      </c>
      <c r="J5238" t="s">
        <v>659</v>
      </c>
      <c r="K5238">
        <v>35</v>
      </c>
      <c r="L5238" t="s">
        <v>925</v>
      </c>
      <c r="M5238">
        <v>112</v>
      </c>
      <c r="N5238" t="s">
        <v>654</v>
      </c>
      <c r="O5238">
        <v>3</v>
      </c>
      <c r="P5238" t="s">
        <v>655</v>
      </c>
      <c r="Q5238">
        <v>1</v>
      </c>
      <c r="R5238" t="s">
        <v>669</v>
      </c>
      <c r="S5238">
        <v>1</v>
      </c>
      <c r="T5238" t="s">
        <v>661</v>
      </c>
      <c r="U5238">
        <v>8</v>
      </c>
      <c r="V5238">
        <v>3</v>
      </c>
      <c r="W5238">
        <v>180</v>
      </c>
      <c r="X5238">
        <v>2020</v>
      </c>
    </row>
    <row r="5239" spans="1:24" x14ac:dyDescent="0.25">
      <c r="A5239">
        <v>5114</v>
      </c>
      <c r="B5239" t="s">
        <v>140</v>
      </c>
      <c r="C5239">
        <v>34</v>
      </c>
      <c r="D5239" t="s">
        <v>360</v>
      </c>
      <c r="E5239">
        <v>592</v>
      </c>
      <c r="F5239" t="s">
        <v>651</v>
      </c>
      <c r="G5239">
        <v>160</v>
      </c>
      <c r="H5239" t="s">
        <v>652</v>
      </c>
      <c r="I5239">
        <v>2094</v>
      </c>
      <c r="J5239" t="s">
        <v>673</v>
      </c>
      <c r="K5239">
        <v>34</v>
      </c>
      <c r="L5239" t="s">
        <v>3792</v>
      </c>
      <c r="M5239">
        <v>108</v>
      </c>
      <c r="N5239" t="s">
        <v>654</v>
      </c>
      <c r="O5239">
        <v>3</v>
      </c>
      <c r="P5239" t="s">
        <v>655</v>
      </c>
      <c r="Q5239">
        <v>1</v>
      </c>
      <c r="R5239" t="s">
        <v>669</v>
      </c>
      <c r="S5239">
        <v>1</v>
      </c>
      <c r="T5239" t="s">
        <v>661</v>
      </c>
      <c r="U5239">
        <v>8</v>
      </c>
      <c r="V5239">
        <v>4</v>
      </c>
      <c r="W5239">
        <v>240</v>
      </c>
      <c r="X5239">
        <v>2020</v>
      </c>
    </row>
    <row r="5240" spans="1:24" x14ac:dyDescent="0.25">
      <c r="A5240">
        <v>5113</v>
      </c>
      <c r="B5240" t="s">
        <v>140</v>
      </c>
      <c r="C5240">
        <v>34</v>
      </c>
      <c r="D5240" t="s">
        <v>360</v>
      </c>
      <c r="E5240">
        <v>592</v>
      </c>
      <c r="F5240" t="s">
        <v>651</v>
      </c>
      <c r="G5240">
        <v>160</v>
      </c>
      <c r="H5240" t="s">
        <v>652</v>
      </c>
      <c r="I5240">
        <v>2094</v>
      </c>
      <c r="J5240" t="s">
        <v>673</v>
      </c>
      <c r="K5240">
        <v>34</v>
      </c>
      <c r="L5240" t="s">
        <v>674</v>
      </c>
      <c r="M5240">
        <v>107</v>
      </c>
      <c r="N5240" t="s">
        <v>654</v>
      </c>
      <c r="O5240">
        <v>3</v>
      </c>
      <c r="P5240" t="s">
        <v>655</v>
      </c>
      <c r="Q5240">
        <v>1</v>
      </c>
      <c r="R5240" t="s">
        <v>669</v>
      </c>
      <c r="S5240">
        <v>1</v>
      </c>
      <c r="T5240" t="s">
        <v>661</v>
      </c>
      <c r="U5240">
        <v>8</v>
      </c>
      <c r="V5240">
        <v>4</v>
      </c>
      <c r="W5240">
        <v>240</v>
      </c>
      <c r="X5240">
        <v>2020</v>
      </c>
    </row>
    <row r="5241" spans="1:24" x14ac:dyDescent="0.25">
      <c r="A5241">
        <v>5112</v>
      </c>
      <c r="B5241" t="s">
        <v>140</v>
      </c>
      <c r="C5241">
        <v>34</v>
      </c>
      <c r="D5241" t="s">
        <v>360</v>
      </c>
      <c r="E5241">
        <v>592</v>
      </c>
      <c r="F5241" t="s">
        <v>651</v>
      </c>
      <c r="G5241">
        <v>160</v>
      </c>
      <c r="H5241" t="s">
        <v>652</v>
      </c>
      <c r="I5241">
        <v>2094</v>
      </c>
      <c r="J5241" t="s">
        <v>673</v>
      </c>
      <c r="K5241">
        <v>34</v>
      </c>
      <c r="L5241" t="s">
        <v>673</v>
      </c>
      <c r="M5241">
        <v>104</v>
      </c>
      <c r="N5241" t="s">
        <v>654</v>
      </c>
      <c r="O5241">
        <v>3</v>
      </c>
      <c r="P5241" t="s">
        <v>655</v>
      </c>
      <c r="Q5241">
        <v>1</v>
      </c>
      <c r="R5241" t="s">
        <v>669</v>
      </c>
      <c r="S5241">
        <v>1</v>
      </c>
      <c r="T5241" t="s">
        <v>661</v>
      </c>
      <c r="U5241">
        <v>8</v>
      </c>
      <c r="V5241">
        <v>3</v>
      </c>
      <c r="W5241">
        <v>180</v>
      </c>
      <c r="X5241">
        <v>2020</v>
      </c>
    </row>
    <row r="5242" spans="1:24" x14ac:dyDescent="0.25">
      <c r="A5242">
        <v>5111</v>
      </c>
      <c r="B5242" t="s">
        <v>206</v>
      </c>
      <c r="C5242">
        <v>33</v>
      </c>
      <c r="D5242" t="s">
        <v>506</v>
      </c>
      <c r="E5242">
        <v>257</v>
      </c>
      <c r="F5242" t="s">
        <v>651</v>
      </c>
      <c r="G5242">
        <v>160</v>
      </c>
      <c r="H5242" t="s">
        <v>719</v>
      </c>
      <c r="I5242">
        <v>7630</v>
      </c>
      <c r="J5242" t="s">
        <v>659</v>
      </c>
      <c r="K5242">
        <v>35</v>
      </c>
      <c r="L5242" t="s">
        <v>3793</v>
      </c>
      <c r="M5242">
        <v>380</v>
      </c>
      <c r="N5242" t="s">
        <v>654</v>
      </c>
      <c r="O5242">
        <v>3</v>
      </c>
      <c r="P5242" t="s">
        <v>655</v>
      </c>
      <c r="Q5242">
        <v>1</v>
      </c>
      <c r="R5242" t="s">
        <v>669</v>
      </c>
      <c r="S5242">
        <v>1</v>
      </c>
      <c r="T5242" t="s">
        <v>661</v>
      </c>
      <c r="U5242">
        <v>8</v>
      </c>
      <c r="V5242">
        <v>3</v>
      </c>
      <c r="W5242">
        <v>180</v>
      </c>
      <c r="X5242">
        <v>2020</v>
      </c>
    </row>
    <row r="5243" spans="1:24" x14ac:dyDescent="0.25">
      <c r="A5243">
        <v>5110</v>
      </c>
      <c r="B5243" t="s">
        <v>18</v>
      </c>
      <c r="C5243">
        <v>31</v>
      </c>
      <c r="D5243" t="s">
        <v>457</v>
      </c>
      <c r="E5243">
        <v>242</v>
      </c>
      <c r="F5243" t="s">
        <v>734</v>
      </c>
      <c r="G5243">
        <v>122</v>
      </c>
      <c r="H5243" t="s">
        <v>1126</v>
      </c>
      <c r="I5243">
        <v>13789</v>
      </c>
      <c r="J5243" t="s">
        <v>705</v>
      </c>
      <c r="K5243">
        <v>70</v>
      </c>
      <c r="L5243" t="s">
        <v>3794</v>
      </c>
      <c r="M5243">
        <v>309</v>
      </c>
      <c r="N5243" t="s">
        <v>668</v>
      </c>
      <c r="O5243">
        <v>4</v>
      </c>
      <c r="P5243" t="s">
        <v>655</v>
      </c>
      <c r="Q5243">
        <v>1</v>
      </c>
      <c r="R5243" t="s">
        <v>669</v>
      </c>
      <c r="S5243">
        <v>1</v>
      </c>
      <c r="T5243" t="s">
        <v>661</v>
      </c>
      <c r="U5243">
        <v>8</v>
      </c>
      <c r="V5243">
        <v>4</v>
      </c>
      <c r="W5243">
        <v>240</v>
      </c>
      <c r="X5243">
        <v>2020</v>
      </c>
    </row>
    <row r="5244" spans="1:24" x14ac:dyDescent="0.25">
      <c r="A5244">
        <v>5109</v>
      </c>
      <c r="B5244" t="s">
        <v>18</v>
      </c>
      <c r="C5244">
        <v>31</v>
      </c>
      <c r="D5244" t="s">
        <v>513</v>
      </c>
      <c r="E5244">
        <v>239</v>
      </c>
      <c r="F5244" t="s">
        <v>734</v>
      </c>
      <c r="G5244">
        <v>122</v>
      </c>
      <c r="H5244" t="s">
        <v>1126</v>
      </c>
      <c r="I5244">
        <v>13789</v>
      </c>
      <c r="J5244" t="s">
        <v>301</v>
      </c>
      <c r="K5244">
        <v>26</v>
      </c>
      <c r="L5244" t="s">
        <v>930</v>
      </c>
      <c r="M5244">
        <v>84</v>
      </c>
      <c r="N5244" t="s">
        <v>654</v>
      </c>
      <c r="O5244">
        <v>3</v>
      </c>
      <c r="P5244" t="s">
        <v>655</v>
      </c>
      <c r="Q5244">
        <v>1</v>
      </c>
      <c r="R5244" t="s">
        <v>669</v>
      </c>
      <c r="S5244">
        <v>1</v>
      </c>
      <c r="T5244" t="s">
        <v>661</v>
      </c>
      <c r="U5244">
        <v>8</v>
      </c>
      <c r="V5244">
        <v>3</v>
      </c>
      <c r="W5244">
        <v>180</v>
      </c>
      <c r="X5244">
        <v>2020</v>
      </c>
    </row>
    <row r="5245" spans="1:24" x14ac:dyDescent="0.25">
      <c r="A5245">
        <v>5106</v>
      </c>
      <c r="B5245" t="s">
        <v>18</v>
      </c>
      <c r="C5245">
        <v>31</v>
      </c>
      <c r="D5245" t="s">
        <v>512</v>
      </c>
      <c r="E5245">
        <v>241</v>
      </c>
      <c r="F5245" t="s">
        <v>651</v>
      </c>
      <c r="G5245">
        <v>160</v>
      </c>
      <c r="H5245" t="s">
        <v>719</v>
      </c>
      <c r="I5245">
        <v>7630</v>
      </c>
      <c r="J5245" t="s">
        <v>703</v>
      </c>
      <c r="K5245">
        <v>16</v>
      </c>
      <c r="L5245" t="s">
        <v>704</v>
      </c>
      <c r="M5245">
        <v>56</v>
      </c>
      <c r="N5245" t="s">
        <v>654</v>
      </c>
      <c r="O5245">
        <v>3</v>
      </c>
      <c r="P5245" t="s">
        <v>655</v>
      </c>
      <c r="Q5245">
        <v>1</v>
      </c>
      <c r="R5245" t="s">
        <v>669</v>
      </c>
      <c r="S5245">
        <v>1</v>
      </c>
      <c r="T5245" t="s">
        <v>661</v>
      </c>
      <c r="U5245">
        <v>8</v>
      </c>
      <c r="V5245">
        <v>3</v>
      </c>
      <c r="W5245">
        <v>180</v>
      </c>
      <c r="X5245">
        <v>2020</v>
      </c>
    </row>
    <row r="5246" spans="1:24" x14ac:dyDescent="0.25">
      <c r="A5246">
        <v>5105</v>
      </c>
      <c r="B5246" t="s">
        <v>112</v>
      </c>
      <c r="C5246">
        <v>29</v>
      </c>
      <c r="D5246" t="s">
        <v>519</v>
      </c>
      <c r="E5246">
        <v>229</v>
      </c>
      <c r="F5246" t="s">
        <v>651</v>
      </c>
      <c r="G5246">
        <v>160</v>
      </c>
      <c r="H5246" t="s">
        <v>719</v>
      </c>
      <c r="I5246">
        <v>7630</v>
      </c>
      <c r="J5246" t="s">
        <v>693</v>
      </c>
      <c r="K5246">
        <v>56</v>
      </c>
      <c r="L5246" t="s">
        <v>3674</v>
      </c>
      <c r="M5246">
        <v>226</v>
      </c>
      <c r="N5246" t="s">
        <v>654</v>
      </c>
      <c r="O5246">
        <v>3</v>
      </c>
      <c r="P5246" t="s">
        <v>655</v>
      </c>
      <c r="Q5246">
        <v>1</v>
      </c>
      <c r="R5246" t="s">
        <v>669</v>
      </c>
      <c r="S5246">
        <v>1</v>
      </c>
      <c r="T5246" t="s">
        <v>661</v>
      </c>
      <c r="U5246">
        <v>8</v>
      </c>
      <c r="V5246">
        <v>4</v>
      </c>
      <c r="W5246">
        <v>240</v>
      </c>
      <c r="X5246">
        <v>2020</v>
      </c>
    </row>
    <row r="5247" spans="1:24" x14ac:dyDescent="0.25">
      <c r="A5247">
        <v>5104</v>
      </c>
      <c r="B5247" t="s">
        <v>112</v>
      </c>
      <c r="C5247">
        <v>29</v>
      </c>
      <c r="D5247" t="s">
        <v>521</v>
      </c>
      <c r="E5247">
        <v>226</v>
      </c>
      <c r="F5247" t="s">
        <v>651</v>
      </c>
      <c r="G5247">
        <v>160</v>
      </c>
      <c r="H5247" t="s">
        <v>719</v>
      </c>
      <c r="I5247">
        <v>7630</v>
      </c>
      <c r="J5247" t="s">
        <v>714</v>
      </c>
      <c r="K5247">
        <v>52</v>
      </c>
      <c r="L5247" t="s">
        <v>926</v>
      </c>
      <c r="M5247">
        <v>203</v>
      </c>
      <c r="N5247" t="s">
        <v>668</v>
      </c>
      <c r="O5247">
        <v>4</v>
      </c>
      <c r="P5247" t="s">
        <v>655</v>
      </c>
      <c r="Q5247">
        <v>1</v>
      </c>
      <c r="R5247" t="s">
        <v>669</v>
      </c>
      <c r="S5247">
        <v>1</v>
      </c>
      <c r="T5247" t="s">
        <v>718</v>
      </c>
      <c r="U5247">
        <v>2</v>
      </c>
      <c r="V5247">
        <v>4</v>
      </c>
      <c r="W5247">
        <v>240</v>
      </c>
      <c r="X5247">
        <v>2020</v>
      </c>
    </row>
    <row r="5248" spans="1:24" x14ac:dyDescent="0.25">
      <c r="A5248">
        <v>5102</v>
      </c>
      <c r="B5248" t="s">
        <v>22</v>
      </c>
      <c r="C5248">
        <v>28</v>
      </c>
      <c r="D5248" t="s">
        <v>502</v>
      </c>
      <c r="E5248">
        <v>212</v>
      </c>
      <c r="F5248" t="s">
        <v>651</v>
      </c>
      <c r="G5248">
        <v>160</v>
      </c>
      <c r="H5248" t="s">
        <v>675</v>
      </c>
      <c r="I5248">
        <v>5952</v>
      </c>
      <c r="J5248" t="s">
        <v>932</v>
      </c>
      <c r="K5248">
        <v>77</v>
      </c>
      <c r="L5248" t="s">
        <v>1926</v>
      </c>
      <c r="M5248">
        <v>331</v>
      </c>
      <c r="N5248" t="s">
        <v>668</v>
      </c>
      <c r="O5248">
        <v>4</v>
      </c>
      <c r="P5248" t="s">
        <v>655</v>
      </c>
      <c r="Q5248">
        <v>1</v>
      </c>
      <c r="R5248" t="s">
        <v>669</v>
      </c>
      <c r="S5248">
        <v>1</v>
      </c>
      <c r="T5248" t="s">
        <v>661</v>
      </c>
      <c r="U5248">
        <v>8</v>
      </c>
      <c r="V5248">
        <v>4</v>
      </c>
      <c r="W5248">
        <v>240</v>
      </c>
      <c r="X5248">
        <v>2020</v>
      </c>
    </row>
    <row r="5249" spans="1:24" x14ac:dyDescent="0.25">
      <c r="A5249">
        <v>5100</v>
      </c>
      <c r="B5249" t="s">
        <v>22</v>
      </c>
      <c r="C5249">
        <v>28</v>
      </c>
      <c r="D5249" t="s">
        <v>532</v>
      </c>
      <c r="E5249">
        <v>208</v>
      </c>
      <c r="F5249" t="s">
        <v>651</v>
      </c>
      <c r="G5249">
        <v>160</v>
      </c>
      <c r="H5249" t="s">
        <v>675</v>
      </c>
      <c r="I5249">
        <v>5952</v>
      </c>
      <c r="J5249" t="s">
        <v>714</v>
      </c>
      <c r="K5249">
        <v>52</v>
      </c>
      <c r="L5249" t="s">
        <v>926</v>
      </c>
      <c r="M5249">
        <v>203</v>
      </c>
      <c r="N5249" t="s">
        <v>668</v>
      </c>
      <c r="O5249">
        <v>4</v>
      </c>
      <c r="P5249" t="s">
        <v>655</v>
      </c>
      <c r="Q5249">
        <v>1</v>
      </c>
      <c r="R5249" t="s">
        <v>669</v>
      </c>
      <c r="S5249">
        <v>1</v>
      </c>
      <c r="T5249" t="s">
        <v>661</v>
      </c>
      <c r="U5249">
        <v>8</v>
      </c>
      <c r="V5249">
        <v>4</v>
      </c>
      <c r="W5249">
        <v>240</v>
      </c>
      <c r="X5249">
        <v>2020</v>
      </c>
    </row>
    <row r="5250" spans="1:24" x14ac:dyDescent="0.25">
      <c r="A5250">
        <v>5099</v>
      </c>
      <c r="B5250" t="s">
        <v>22</v>
      </c>
      <c r="C5250">
        <v>28</v>
      </c>
      <c r="D5250" t="s">
        <v>526</v>
      </c>
      <c r="E5250">
        <v>220</v>
      </c>
      <c r="F5250" t="s">
        <v>734</v>
      </c>
      <c r="G5250">
        <v>122</v>
      </c>
      <c r="H5250" t="s">
        <v>735</v>
      </c>
      <c r="I5250">
        <v>13756</v>
      </c>
      <c r="J5250" t="s">
        <v>1219</v>
      </c>
      <c r="K5250">
        <v>42</v>
      </c>
      <c r="L5250" t="s">
        <v>1263</v>
      </c>
      <c r="M5250">
        <v>149</v>
      </c>
      <c r="N5250" t="s">
        <v>654</v>
      </c>
      <c r="O5250">
        <v>3</v>
      </c>
      <c r="P5250" t="s">
        <v>655</v>
      </c>
      <c r="Q5250">
        <v>1</v>
      </c>
      <c r="R5250" t="s">
        <v>669</v>
      </c>
      <c r="S5250">
        <v>1</v>
      </c>
      <c r="T5250" t="s">
        <v>661</v>
      </c>
      <c r="U5250">
        <v>8</v>
      </c>
      <c r="V5250">
        <v>4</v>
      </c>
      <c r="W5250">
        <v>240</v>
      </c>
      <c r="X5250">
        <v>2020</v>
      </c>
    </row>
    <row r="5251" spans="1:24" x14ac:dyDescent="0.25">
      <c r="A5251">
        <v>5094</v>
      </c>
      <c r="B5251" t="s">
        <v>22</v>
      </c>
      <c r="C5251">
        <v>28</v>
      </c>
      <c r="D5251" t="s">
        <v>477</v>
      </c>
      <c r="E5251">
        <v>206</v>
      </c>
      <c r="F5251" t="s">
        <v>651</v>
      </c>
      <c r="G5251">
        <v>160</v>
      </c>
      <c r="H5251" t="s">
        <v>675</v>
      </c>
      <c r="I5251">
        <v>5952</v>
      </c>
      <c r="J5251" t="s">
        <v>707</v>
      </c>
      <c r="K5251">
        <v>59</v>
      </c>
      <c r="L5251" t="s">
        <v>708</v>
      </c>
      <c r="M5251">
        <v>242</v>
      </c>
      <c r="N5251" t="s">
        <v>654</v>
      </c>
      <c r="O5251">
        <v>3</v>
      </c>
      <c r="P5251" t="s">
        <v>655</v>
      </c>
      <c r="Q5251">
        <v>1</v>
      </c>
      <c r="R5251" t="s">
        <v>669</v>
      </c>
      <c r="S5251">
        <v>1</v>
      </c>
      <c r="T5251" t="s">
        <v>661</v>
      </c>
      <c r="U5251">
        <v>8</v>
      </c>
      <c r="V5251">
        <v>4</v>
      </c>
      <c r="W5251">
        <v>240</v>
      </c>
      <c r="X5251">
        <v>2020</v>
      </c>
    </row>
    <row r="5252" spans="1:24" x14ac:dyDescent="0.25">
      <c r="A5252">
        <v>5063</v>
      </c>
      <c r="B5252" t="s">
        <v>95</v>
      </c>
      <c r="C5252">
        <v>26</v>
      </c>
      <c r="D5252" t="s">
        <v>509</v>
      </c>
      <c r="E5252">
        <v>192</v>
      </c>
      <c r="F5252" t="s">
        <v>651</v>
      </c>
      <c r="G5252">
        <v>160</v>
      </c>
      <c r="H5252" t="s">
        <v>833</v>
      </c>
      <c r="I5252">
        <v>5562</v>
      </c>
      <c r="J5252" t="s">
        <v>864</v>
      </c>
      <c r="K5252">
        <v>14</v>
      </c>
      <c r="L5252" t="s">
        <v>1257</v>
      </c>
      <c r="M5252">
        <v>354</v>
      </c>
      <c r="N5252" t="s">
        <v>654</v>
      </c>
      <c r="O5252">
        <v>3</v>
      </c>
      <c r="P5252" t="s">
        <v>655</v>
      </c>
      <c r="Q5252">
        <v>1</v>
      </c>
      <c r="R5252" t="s">
        <v>669</v>
      </c>
      <c r="S5252">
        <v>1</v>
      </c>
      <c r="T5252" t="s">
        <v>661</v>
      </c>
      <c r="U5252">
        <v>8</v>
      </c>
      <c r="V5252">
        <v>4</v>
      </c>
      <c r="W5252">
        <v>240</v>
      </c>
      <c r="X5252">
        <v>2020</v>
      </c>
    </row>
    <row r="5253" spans="1:24" x14ac:dyDescent="0.25">
      <c r="A5253">
        <v>5057</v>
      </c>
      <c r="B5253" t="s">
        <v>95</v>
      </c>
      <c r="C5253">
        <v>26</v>
      </c>
      <c r="D5253" t="s">
        <v>426</v>
      </c>
      <c r="E5253">
        <v>190</v>
      </c>
      <c r="F5253" t="s">
        <v>651</v>
      </c>
      <c r="G5253">
        <v>160</v>
      </c>
      <c r="H5253" t="s">
        <v>833</v>
      </c>
      <c r="I5253">
        <v>5562</v>
      </c>
      <c r="J5253" t="s">
        <v>699</v>
      </c>
      <c r="K5253">
        <v>10</v>
      </c>
      <c r="L5253" t="s">
        <v>3711</v>
      </c>
      <c r="M5253">
        <v>343</v>
      </c>
      <c r="N5253" t="s">
        <v>654</v>
      </c>
      <c r="O5253">
        <v>3</v>
      </c>
      <c r="P5253" t="s">
        <v>655</v>
      </c>
      <c r="Q5253">
        <v>1</v>
      </c>
      <c r="R5253" t="s">
        <v>669</v>
      </c>
      <c r="S5253">
        <v>1</v>
      </c>
      <c r="T5253" t="s">
        <v>1665</v>
      </c>
      <c r="U5253">
        <v>263</v>
      </c>
      <c r="V5253">
        <v>3</v>
      </c>
      <c r="W5253">
        <v>180</v>
      </c>
      <c r="X5253">
        <v>2020</v>
      </c>
    </row>
    <row r="5254" spans="1:24" x14ac:dyDescent="0.25">
      <c r="A5254">
        <v>5046</v>
      </c>
      <c r="B5254" t="s">
        <v>104</v>
      </c>
      <c r="C5254">
        <v>25</v>
      </c>
      <c r="D5254" t="s">
        <v>536</v>
      </c>
      <c r="E5254">
        <v>185</v>
      </c>
      <c r="F5254" t="s">
        <v>651</v>
      </c>
      <c r="G5254">
        <v>160</v>
      </c>
      <c r="H5254" t="s">
        <v>747</v>
      </c>
      <c r="I5254">
        <v>4847</v>
      </c>
      <c r="J5254" t="s">
        <v>3795</v>
      </c>
      <c r="K5254">
        <v>64</v>
      </c>
      <c r="L5254" t="s">
        <v>3796</v>
      </c>
      <c r="M5254">
        <v>275</v>
      </c>
      <c r="N5254" t="s">
        <v>654</v>
      </c>
      <c r="O5254">
        <v>3</v>
      </c>
      <c r="P5254" t="s">
        <v>655</v>
      </c>
      <c r="Q5254">
        <v>1</v>
      </c>
      <c r="R5254" t="s">
        <v>669</v>
      </c>
      <c r="S5254">
        <v>1</v>
      </c>
      <c r="T5254" t="s">
        <v>718</v>
      </c>
      <c r="U5254">
        <v>2</v>
      </c>
      <c r="V5254">
        <v>4</v>
      </c>
      <c r="W5254">
        <v>240</v>
      </c>
      <c r="X5254">
        <v>2020</v>
      </c>
    </row>
    <row r="5255" spans="1:24" x14ac:dyDescent="0.25">
      <c r="A5255">
        <v>5045</v>
      </c>
      <c r="B5255" t="s">
        <v>104</v>
      </c>
      <c r="C5255">
        <v>25</v>
      </c>
      <c r="D5255" t="s">
        <v>537</v>
      </c>
      <c r="E5255">
        <v>184</v>
      </c>
      <c r="F5255" t="s">
        <v>651</v>
      </c>
      <c r="G5255">
        <v>160</v>
      </c>
      <c r="H5255" t="s">
        <v>747</v>
      </c>
      <c r="I5255">
        <v>4847</v>
      </c>
      <c r="J5255" t="s">
        <v>3795</v>
      </c>
      <c r="K5255">
        <v>64</v>
      </c>
      <c r="L5255" t="s">
        <v>3797</v>
      </c>
      <c r="M5255">
        <v>273</v>
      </c>
      <c r="N5255" t="s">
        <v>654</v>
      </c>
      <c r="O5255">
        <v>3</v>
      </c>
      <c r="P5255" t="s">
        <v>655</v>
      </c>
      <c r="Q5255">
        <v>1</v>
      </c>
      <c r="R5255" t="s">
        <v>669</v>
      </c>
      <c r="S5255">
        <v>1</v>
      </c>
      <c r="T5255" t="s">
        <v>718</v>
      </c>
      <c r="U5255">
        <v>2</v>
      </c>
      <c r="V5255">
        <v>4</v>
      </c>
      <c r="W5255">
        <v>240</v>
      </c>
      <c r="X5255">
        <v>2020</v>
      </c>
    </row>
    <row r="5256" spans="1:24" x14ac:dyDescent="0.25">
      <c r="A5256">
        <v>5044</v>
      </c>
      <c r="B5256" t="s">
        <v>32</v>
      </c>
      <c r="C5256">
        <v>24</v>
      </c>
      <c r="D5256" t="s">
        <v>316</v>
      </c>
      <c r="E5256">
        <v>176</v>
      </c>
      <c r="F5256" t="s">
        <v>651</v>
      </c>
      <c r="G5256">
        <v>160</v>
      </c>
      <c r="H5256" t="s">
        <v>747</v>
      </c>
      <c r="I5256">
        <v>4847</v>
      </c>
      <c r="J5256" t="s">
        <v>301</v>
      </c>
      <c r="K5256">
        <v>26</v>
      </c>
      <c r="L5256" t="s">
        <v>3716</v>
      </c>
      <c r="M5256">
        <v>83</v>
      </c>
      <c r="N5256" t="s">
        <v>654</v>
      </c>
      <c r="O5256">
        <v>3</v>
      </c>
      <c r="P5256" t="s">
        <v>655</v>
      </c>
      <c r="Q5256">
        <v>1</v>
      </c>
      <c r="R5256" t="s">
        <v>669</v>
      </c>
      <c r="S5256">
        <v>1</v>
      </c>
      <c r="T5256" t="s">
        <v>661</v>
      </c>
      <c r="U5256">
        <v>8</v>
      </c>
      <c r="V5256">
        <v>3</v>
      </c>
      <c r="W5256">
        <v>180</v>
      </c>
      <c r="X5256">
        <v>2020</v>
      </c>
    </row>
    <row r="5257" spans="1:24" x14ac:dyDescent="0.25">
      <c r="A5257">
        <v>5042</v>
      </c>
      <c r="B5257" t="s">
        <v>32</v>
      </c>
      <c r="C5257">
        <v>24</v>
      </c>
      <c r="D5257" t="s">
        <v>540</v>
      </c>
      <c r="E5257">
        <v>172</v>
      </c>
      <c r="F5257" t="s">
        <v>651</v>
      </c>
      <c r="G5257">
        <v>160</v>
      </c>
      <c r="H5257" t="s">
        <v>747</v>
      </c>
      <c r="I5257">
        <v>4847</v>
      </c>
      <c r="J5257" t="s">
        <v>792</v>
      </c>
      <c r="K5257">
        <v>6</v>
      </c>
      <c r="L5257" t="s">
        <v>1927</v>
      </c>
      <c r="M5257">
        <v>17</v>
      </c>
      <c r="N5257" t="s">
        <v>654</v>
      </c>
      <c r="O5257">
        <v>3</v>
      </c>
      <c r="P5257" t="s">
        <v>655</v>
      </c>
      <c r="Q5257">
        <v>1</v>
      </c>
      <c r="R5257" t="s">
        <v>669</v>
      </c>
      <c r="S5257">
        <v>1</v>
      </c>
      <c r="T5257" t="s">
        <v>661</v>
      </c>
      <c r="U5257">
        <v>8</v>
      </c>
      <c r="V5257">
        <v>3</v>
      </c>
      <c r="W5257">
        <v>180</v>
      </c>
      <c r="X5257">
        <v>2020</v>
      </c>
    </row>
    <row r="5258" spans="1:24" x14ac:dyDescent="0.25">
      <c r="A5258">
        <v>5037</v>
      </c>
      <c r="B5258" t="s">
        <v>198</v>
      </c>
      <c r="C5258">
        <v>21</v>
      </c>
      <c r="D5258" t="s">
        <v>321</v>
      </c>
      <c r="E5258">
        <v>161</v>
      </c>
      <c r="F5258" t="s">
        <v>651</v>
      </c>
      <c r="G5258">
        <v>160</v>
      </c>
      <c r="H5258" t="s">
        <v>739</v>
      </c>
      <c r="I5258">
        <v>4413</v>
      </c>
      <c r="J5258" t="s">
        <v>1931</v>
      </c>
      <c r="K5258">
        <v>80</v>
      </c>
      <c r="L5258" t="s">
        <v>878</v>
      </c>
      <c r="M5258">
        <v>329</v>
      </c>
      <c r="N5258" t="s">
        <v>654</v>
      </c>
      <c r="O5258">
        <v>3</v>
      </c>
      <c r="P5258" t="s">
        <v>655</v>
      </c>
      <c r="Q5258">
        <v>1</v>
      </c>
      <c r="R5258" t="s">
        <v>669</v>
      </c>
      <c r="S5258">
        <v>1</v>
      </c>
      <c r="T5258" t="s">
        <v>769</v>
      </c>
      <c r="U5258">
        <v>3</v>
      </c>
      <c r="V5258">
        <v>5</v>
      </c>
      <c r="W5258">
        <v>300</v>
      </c>
      <c r="X5258">
        <v>2020</v>
      </c>
    </row>
    <row r="5259" spans="1:24" x14ac:dyDescent="0.25">
      <c r="A5259">
        <v>5036</v>
      </c>
      <c r="B5259" t="s">
        <v>198</v>
      </c>
      <c r="C5259">
        <v>21</v>
      </c>
      <c r="D5259" t="s">
        <v>321</v>
      </c>
      <c r="E5259">
        <v>161</v>
      </c>
      <c r="F5259" t="s">
        <v>651</v>
      </c>
      <c r="G5259">
        <v>160</v>
      </c>
      <c r="H5259" t="s">
        <v>739</v>
      </c>
      <c r="I5259">
        <v>4413</v>
      </c>
      <c r="J5259" t="s">
        <v>1931</v>
      </c>
      <c r="K5259">
        <v>80</v>
      </c>
      <c r="L5259" t="s">
        <v>878</v>
      </c>
      <c r="M5259">
        <v>329</v>
      </c>
      <c r="N5259" t="s">
        <v>654</v>
      </c>
      <c r="O5259">
        <v>3</v>
      </c>
      <c r="P5259" t="s">
        <v>655</v>
      </c>
      <c r="Q5259">
        <v>1</v>
      </c>
      <c r="R5259" t="s">
        <v>669</v>
      </c>
      <c r="S5259">
        <v>1</v>
      </c>
      <c r="T5259" t="s">
        <v>718</v>
      </c>
      <c r="U5259">
        <v>2</v>
      </c>
      <c r="V5259">
        <v>5</v>
      </c>
      <c r="W5259">
        <v>300</v>
      </c>
      <c r="X5259">
        <v>2020</v>
      </c>
    </row>
    <row r="5260" spans="1:24" x14ac:dyDescent="0.25">
      <c r="A5260">
        <v>5035</v>
      </c>
      <c r="B5260" t="s">
        <v>198</v>
      </c>
      <c r="C5260">
        <v>21</v>
      </c>
      <c r="D5260" t="s">
        <v>547</v>
      </c>
      <c r="E5260">
        <v>160</v>
      </c>
      <c r="F5260" t="s">
        <v>651</v>
      </c>
      <c r="G5260">
        <v>160</v>
      </c>
      <c r="H5260" t="s">
        <v>739</v>
      </c>
      <c r="I5260">
        <v>4413</v>
      </c>
      <c r="J5260" t="s">
        <v>751</v>
      </c>
      <c r="K5260">
        <v>79</v>
      </c>
      <c r="L5260" t="s">
        <v>752</v>
      </c>
      <c r="M5260">
        <v>328</v>
      </c>
      <c r="N5260" t="s">
        <v>654</v>
      </c>
      <c r="O5260">
        <v>3</v>
      </c>
      <c r="P5260" t="s">
        <v>655</v>
      </c>
      <c r="Q5260">
        <v>1</v>
      </c>
      <c r="R5260" t="s">
        <v>669</v>
      </c>
      <c r="S5260">
        <v>1</v>
      </c>
      <c r="T5260" t="s">
        <v>769</v>
      </c>
      <c r="U5260">
        <v>3</v>
      </c>
      <c r="V5260">
        <v>6</v>
      </c>
      <c r="W5260">
        <v>360</v>
      </c>
      <c r="X5260">
        <v>2020</v>
      </c>
    </row>
    <row r="5261" spans="1:24" x14ac:dyDescent="0.25">
      <c r="A5261">
        <v>5034</v>
      </c>
      <c r="B5261" t="s">
        <v>198</v>
      </c>
      <c r="C5261">
        <v>21</v>
      </c>
      <c r="D5261" t="s">
        <v>547</v>
      </c>
      <c r="E5261">
        <v>160</v>
      </c>
      <c r="F5261" t="s">
        <v>651</v>
      </c>
      <c r="G5261">
        <v>160</v>
      </c>
      <c r="H5261" t="s">
        <v>739</v>
      </c>
      <c r="I5261">
        <v>4413</v>
      </c>
      <c r="J5261" t="s">
        <v>751</v>
      </c>
      <c r="K5261">
        <v>79</v>
      </c>
      <c r="L5261" t="s">
        <v>752</v>
      </c>
      <c r="M5261">
        <v>328</v>
      </c>
      <c r="N5261" t="s">
        <v>654</v>
      </c>
      <c r="O5261">
        <v>3</v>
      </c>
      <c r="P5261" t="s">
        <v>655</v>
      </c>
      <c r="Q5261">
        <v>1</v>
      </c>
      <c r="R5261" t="s">
        <v>669</v>
      </c>
      <c r="S5261">
        <v>1</v>
      </c>
      <c r="T5261" t="s">
        <v>718</v>
      </c>
      <c r="U5261">
        <v>2</v>
      </c>
      <c r="V5261">
        <v>6</v>
      </c>
      <c r="W5261">
        <v>360</v>
      </c>
      <c r="X5261">
        <v>2020</v>
      </c>
    </row>
    <row r="5262" spans="1:24" x14ac:dyDescent="0.25">
      <c r="A5262">
        <v>5033</v>
      </c>
      <c r="B5262" t="s">
        <v>198</v>
      </c>
      <c r="C5262">
        <v>21</v>
      </c>
      <c r="D5262" t="s">
        <v>322</v>
      </c>
      <c r="E5262">
        <v>159</v>
      </c>
      <c r="F5262" t="s">
        <v>651</v>
      </c>
      <c r="G5262">
        <v>160</v>
      </c>
      <c r="H5262" t="s">
        <v>739</v>
      </c>
      <c r="I5262">
        <v>4413</v>
      </c>
      <c r="J5262" t="s">
        <v>932</v>
      </c>
      <c r="K5262">
        <v>77</v>
      </c>
      <c r="L5262" t="s">
        <v>839</v>
      </c>
      <c r="M5262">
        <v>327</v>
      </c>
      <c r="N5262" t="s">
        <v>654</v>
      </c>
      <c r="O5262">
        <v>3</v>
      </c>
      <c r="P5262" t="s">
        <v>655</v>
      </c>
      <c r="Q5262">
        <v>1</v>
      </c>
      <c r="R5262" t="s">
        <v>669</v>
      </c>
      <c r="S5262">
        <v>1</v>
      </c>
      <c r="T5262" t="s">
        <v>769</v>
      </c>
      <c r="U5262">
        <v>3</v>
      </c>
      <c r="V5262">
        <v>6</v>
      </c>
      <c r="W5262">
        <v>360</v>
      </c>
      <c r="X5262">
        <v>2020</v>
      </c>
    </row>
    <row r="5263" spans="1:24" x14ac:dyDescent="0.25">
      <c r="A5263">
        <v>5032</v>
      </c>
      <c r="B5263" t="s">
        <v>198</v>
      </c>
      <c r="C5263">
        <v>21</v>
      </c>
      <c r="D5263" t="s">
        <v>322</v>
      </c>
      <c r="E5263">
        <v>159</v>
      </c>
      <c r="F5263" t="s">
        <v>651</v>
      </c>
      <c r="G5263">
        <v>160</v>
      </c>
      <c r="H5263" t="s">
        <v>739</v>
      </c>
      <c r="I5263">
        <v>4413</v>
      </c>
      <c r="J5263" t="s">
        <v>932</v>
      </c>
      <c r="K5263">
        <v>77</v>
      </c>
      <c r="L5263" t="s">
        <v>839</v>
      </c>
      <c r="M5263">
        <v>327</v>
      </c>
      <c r="N5263" t="s">
        <v>654</v>
      </c>
      <c r="O5263">
        <v>3</v>
      </c>
      <c r="P5263" t="s">
        <v>655</v>
      </c>
      <c r="Q5263">
        <v>1</v>
      </c>
      <c r="R5263" t="s">
        <v>669</v>
      </c>
      <c r="S5263">
        <v>1</v>
      </c>
      <c r="T5263" t="s">
        <v>718</v>
      </c>
      <c r="U5263">
        <v>2</v>
      </c>
      <c r="V5263">
        <v>6</v>
      </c>
      <c r="W5263">
        <v>360</v>
      </c>
      <c r="X5263">
        <v>2020</v>
      </c>
    </row>
    <row r="5264" spans="1:24" x14ac:dyDescent="0.25">
      <c r="A5264">
        <v>5031</v>
      </c>
      <c r="B5264" t="s">
        <v>14</v>
      </c>
      <c r="C5264">
        <v>20</v>
      </c>
      <c r="D5264" t="s">
        <v>548</v>
      </c>
      <c r="E5264">
        <v>158</v>
      </c>
      <c r="F5264" t="s">
        <v>651</v>
      </c>
      <c r="G5264">
        <v>160</v>
      </c>
      <c r="H5264" t="s">
        <v>739</v>
      </c>
      <c r="I5264">
        <v>4413</v>
      </c>
      <c r="J5264" t="s">
        <v>679</v>
      </c>
      <c r="K5264">
        <v>32</v>
      </c>
      <c r="L5264" t="s">
        <v>3798</v>
      </c>
      <c r="M5264">
        <v>100</v>
      </c>
      <c r="N5264" t="s">
        <v>654</v>
      </c>
      <c r="O5264">
        <v>3</v>
      </c>
      <c r="P5264" t="s">
        <v>655</v>
      </c>
      <c r="Q5264">
        <v>1</v>
      </c>
      <c r="R5264" t="s">
        <v>669</v>
      </c>
      <c r="S5264">
        <v>1</v>
      </c>
      <c r="T5264" t="s">
        <v>657</v>
      </c>
      <c r="U5264">
        <v>7</v>
      </c>
      <c r="V5264">
        <v>3</v>
      </c>
      <c r="W5264">
        <v>180</v>
      </c>
      <c r="X5264">
        <v>2020</v>
      </c>
    </row>
    <row r="5265" spans="1:24" x14ac:dyDescent="0.25">
      <c r="A5265">
        <v>5028</v>
      </c>
      <c r="B5265" t="s">
        <v>14</v>
      </c>
      <c r="C5265">
        <v>20</v>
      </c>
      <c r="D5265" t="s">
        <v>549</v>
      </c>
      <c r="E5265">
        <v>156</v>
      </c>
      <c r="F5265" t="s">
        <v>651</v>
      </c>
      <c r="G5265">
        <v>160</v>
      </c>
      <c r="H5265" t="s">
        <v>739</v>
      </c>
      <c r="I5265">
        <v>4413</v>
      </c>
      <c r="J5265" t="s">
        <v>673</v>
      </c>
      <c r="K5265">
        <v>34</v>
      </c>
      <c r="L5265" t="s">
        <v>673</v>
      </c>
      <c r="M5265">
        <v>104</v>
      </c>
      <c r="N5265" t="s">
        <v>654</v>
      </c>
      <c r="O5265">
        <v>3</v>
      </c>
      <c r="P5265" t="s">
        <v>655</v>
      </c>
      <c r="Q5265">
        <v>1</v>
      </c>
      <c r="R5265" t="s">
        <v>669</v>
      </c>
      <c r="S5265">
        <v>1</v>
      </c>
      <c r="T5265" t="s">
        <v>657</v>
      </c>
      <c r="U5265">
        <v>7</v>
      </c>
      <c r="V5265">
        <v>3</v>
      </c>
      <c r="W5265">
        <v>180</v>
      </c>
      <c r="X5265">
        <v>2020</v>
      </c>
    </row>
    <row r="5266" spans="1:24" x14ac:dyDescent="0.25">
      <c r="A5266">
        <v>5025</v>
      </c>
      <c r="B5266" t="s">
        <v>192</v>
      </c>
      <c r="C5266">
        <v>19</v>
      </c>
      <c r="D5266" t="s">
        <v>560</v>
      </c>
      <c r="E5266">
        <v>136</v>
      </c>
      <c r="F5266" t="s">
        <v>651</v>
      </c>
      <c r="G5266">
        <v>160</v>
      </c>
      <c r="H5266" t="s">
        <v>739</v>
      </c>
      <c r="I5266">
        <v>4413</v>
      </c>
      <c r="J5266" t="s">
        <v>851</v>
      </c>
      <c r="K5266">
        <v>43</v>
      </c>
      <c r="L5266" t="s">
        <v>3799</v>
      </c>
      <c r="M5266">
        <v>473</v>
      </c>
      <c r="N5266" t="s">
        <v>654</v>
      </c>
      <c r="O5266">
        <v>3</v>
      </c>
      <c r="P5266" t="s">
        <v>655</v>
      </c>
      <c r="Q5266">
        <v>1</v>
      </c>
      <c r="R5266" t="s">
        <v>669</v>
      </c>
      <c r="S5266">
        <v>1</v>
      </c>
      <c r="T5266" t="s">
        <v>661</v>
      </c>
      <c r="U5266">
        <v>8</v>
      </c>
      <c r="V5266">
        <v>4</v>
      </c>
      <c r="W5266">
        <v>240</v>
      </c>
      <c r="X5266">
        <v>2020</v>
      </c>
    </row>
    <row r="5267" spans="1:24" x14ac:dyDescent="0.25">
      <c r="A5267">
        <v>5021</v>
      </c>
      <c r="B5267" t="s">
        <v>30</v>
      </c>
      <c r="C5267">
        <v>18</v>
      </c>
      <c r="D5267" t="s">
        <v>562</v>
      </c>
      <c r="E5267">
        <v>132</v>
      </c>
      <c r="F5267" t="s">
        <v>651</v>
      </c>
      <c r="G5267">
        <v>160</v>
      </c>
      <c r="H5267" t="s">
        <v>739</v>
      </c>
      <c r="I5267">
        <v>4413</v>
      </c>
      <c r="J5267" t="s">
        <v>980</v>
      </c>
      <c r="K5267">
        <v>67</v>
      </c>
      <c r="L5267" t="s">
        <v>3800</v>
      </c>
      <c r="M5267">
        <v>291</v>
      </c>
      <c r="N5267" t="s">
        <v>654</v>
      </c>
      <c r="O5267">
        <v>3</v>
      </c>
      <c r="P5267" t="s">
        <v>655</v>
      </c>
      <c r="Q5267">
        <v>1</v>
      </c>
      <c r="R5267" t="s">
        <v>669</v>
      </c>
      <c r="S5267">
        <v>1</v>
      </c>
      <c r="T5267" t="s">
        <v>661</v>
      </c>
      <c r="U5267">
        <v>8</v>
      </c>
      <c r="V5267">
        <v>4</v>
      </c>
      <c r="W5267">
        <v>240</v>
      </c>
      <c r="X5267">
        <v>2020</v>
      </c>
    </row>
    <row r="5268" spans="1:24" x14ac:dyDescent="0.25">
      <c r="A5268">
        <v>5020</v>
      </c>
      <c r="B5268" t="s">
        <v>30</v>
      </c>
      <c r="C5268">
        <v>18</v>
      </c>
      <c r="D5268" t="s">
        <v>361</v>
      </c>
      <c r="E5268">
        <v>130</v>
      </c>
      <c r="F5268" t="s">
        <v>651</v>
      </c>
      <c r="G5268">
        <v>160</v>
      </c>
      <c r="H5268" t="s">
        <v>739</v>
      </c>
      <c r="I5268">
        <v>4413</v>
      </c>
      <c r="J5268" t="s">
        <v>714</v>
      </c>
      <c r="K5268">
        <v>52</v>
      </c>
      <c r="L5268" t="s">
        <v>3801</v>
      </c>
      <c r="M5268">
        <v>200</v>
      </c>
      <c r="N5268" t="s">
        <v>654</v>
      </c>
      <c r="O5268">
        <v>3</v>
      </c>
      <c r="P5268" t="s">
        <v>655</v>
      </c>
      <c r="Q5268">
        <v>1</v>
      </c>
      <c r="R5268" t="s">
        <v>669</v>
      </c>
      <c r="S5268">
        <v>1</v>
      </c>
      <c r="T5268" t="s">
        <v>661</v>
      </c>
      <c r="U5268">
        <v>8</v>
      </c>
      <c r="V5268">
        <v>4</v>
      </c>
      <c r="W5268">
        <v>240</v>
      </c>
      <c r="X5268">
        <v>2020</v>
      </c>
    </row>
    <row r="5269" spans="1:24" x14ac:dyDescent="0.25">
      <c r="A5269">
        <v>5017</v>
      </c>
      <c r="B5269" t="s">
        <v>218</v>
      </c>
      <c r="C5269">
        <v>17</v>
      </c>
      <c r="D5269" t="s">
        <v>425</v>
      </c>
      <c r="E5269">
        <v>118</v>
      </c>
      <c r="F5269" t="s">
        <v>651</v>
      </c>
      <c r="G5269">
        <v>160</v>
      </c>
      <c r="H5269" t="s">
        <v>744</v>
      </c>
      <c r="I5269">
        <v>3143</v>
      </c>
      <c r="J5269" t="s">
        <v>684</v>
      </c>
      <c r="K5269">
        <v>22</v>
      </c>
      <c r="L5269" t="s">
        <v>3802</v>
      </c>
      <c r="M5269">
        <v>71</v>
      </c>
      <c r="N5269" t="s">
        <v>654</v>
      </c>
      <c r="O5269">
        <v>3</v>
      </c>
      <c r="P5269" t="s">
        <v>655</v>
      </c>
      <c r="Q5269">
        <v>1</v>
      </c>
      <c r="R5269" t="s">
        <v>669</v>
      </c>
      <c r="S5269">
        <v>1</v>
      </c>
      <c r="T5269" t="s">
        <v>661</v>
      </c>
      <c r="U5269">
        <v>8</v>
      </c>
      <c r="V5269">
        <v>3</v>
      </c>
      <c r="W5269">
        <v>180</v>
      </c>
      <c r="X5269">
        <v>2020</v>
      </c>
    </row>
    <row r="5270" spans="1:24" x14ac:dyDescent="0.25">
      <c r="A5270">
        <v>5016</v>
      </c>
      <c r="B5270" t="s">
        <v>218</v>
      </c>
      <c r="C5270">
        <v>17</v>
      </c>
      <c r="D5270" t="s">
        <v>569</v>
      </c>
      <c r="E5270">
        <v>115</v>
      </c>
      <c r="F5270" t="s">
        <v>651</v>
      </c>
      <c r="G5270">
        <v>160</v>
      </c>
      <c r="H5270" t="s">
        <v>744</v>
      </c>
      <c r="I5270">
        <v>3143</v>
      </c>
      <c r="J5270" t="s">
        <v>705</v>
      </c>
      <c r="K5270">
        <v>70</v>
      </c>
      <c r="L5270" t="s">
        <v>3803</v>
      </c>
      <c r="M5270">
        <v>302</v>
      </c>
      <c r="N5270" t="s">
        <v>654</v>
      </c>
      <c r="O5270">
        <v>3</v>
      </c>
      <c r="P5270" t="s">
        <v>655</v>
      </c>
      <c r="Q5270">
        <v>1</v>
      </c>
      <c r="R5270" t="s">
        <v>669</v>
      </c>
      <c r="S5270">
        <v>1</v>
      </c>
      <c r="T5270" t="s">
        <v>661</v>
      </c>
      <c r="U5270">
        <v>8</v>
      </c>
      <c r="V5270">
        <v>4</v>
      </c>
      <c r="W5270">
        <v>240</v>
      </c>
      <c r="X5270">
        <v>2020</v>
      </c>
    </row>
    <row r="5271" spans="1:24" x14ac:dyDescent="0.25">
      <c r="A5271">
        <v>5015</v>
      </c>
      <c r="B5271" t="s">
        <v>218</v>
      </c>
      <c r="C5271">
        <v>17</v>
      </c>
      <c r="D5271" t="s">
        <v>569</v>
      </c>
      <c r="E5271">
        <v>115</v>
      </c>
      <c r="F5271" t="s">
        <v>651</v>
      </c>
      <c r="G5271">
        <v>160</v>
      </c>
      <c r="H5271" t="s">
        <v>744</v>
      </c>
      <c r="I5271">
        <v>3143</v>
      </c>
      <c r="J5271" t="s">
        <v>705</v>
      </c>
      <c r="K5271">
        <v>70</v>
      </c>
      <c r="L5271" t="s">
        <v>890</v>
      </c>
      <c r="M5271">
        <v>301</v>
      </c>
      <c r="N5271" t="s">
        <v>654</v>
      </c>
      <c r="O5271">
        <v>3</v>
      </c>
      <c r="P5271" t="s">
        <v>655</v>
      </c>
      <c r="Q5271">
        <v>1</v>
      </c>
      <c r="R5271" t="s">
        <v>669</v>
      </c>
      <c r="S5271">
        <v>1</v>
      </c>
      <c r="T5271" t="s">
        <v>661</v>
      </c>
      <c r="U5271">
        <v>8</v>
      </c>
      <c r="V5271">
        <v>4</v>
      </c>
      <c r="W5271">
        <v>240</v>
      </c>
      <c r="X5271">
        <v>2020</v>
      </c>
    </row>
    <row r="5272" spans="1:24" x14ac:dyDescent="0.25">
      <c r="A5272">
        <v>5012</v>
      </c>
      <c r="B5272" t="s">
        <v>218</v>
      </c>
      <c r="C5272">
        <v>17</v>
      </c>
      <c r="D5272" t="s">
        <v>569</v>
      </c>
      <c r="E5272">
        <v>115</v>
      </c>
      <c r="F5272" t="s">
        <v>651</v>
      </c>
      <c r="G5272">
        <v>160</v>
      </c>
      <c r="H5272" t="s">
        <v>744</v>
      </c>
      <c r="I5272">
        <v>3143</v>
      </c>
      <c r="J5272" t="s">
        <v>716</v>
      </c>
      <c r="K5272">
        <v>68</v>
      </c>
      <c r="L5272" t="s">
        <v>1915</v>
      </c>
      <c r="M5272">
        <v>294</v>
      </c>
      <c r="N5272" t="s">
        <v>654</v>
      </c>
      <c r="O5272">
        <v>3</v>
      </c>
      <c r="P5272" t="s">
        <v>655</v>
      </c>
      <c r="Q5272">
        <v>1</v>
      </c>
      <c r="R5272" t="s">
        <v>669</v>
      </c>
      <c r="S5272">
        <v>1</v>
      </c>
      <c r="T5272" t="s">
        <v>661</v>
      </c>
      <c r="U5272">
        <v>8</v>
      </c>
      <c r="V5272">
        <v>4</v>
      </c>
      <c r="W5272">
        <v>240</v>
      </c>
      <c r="X5272">
        <v>2020</v>
      </c>
    </row>
    <row r="5273" spans="1:24" x14ac:dyDescent="0.25">
      <c r="A5273">
        <v>5010</v>
      </c>
      <c r="B5273" t="s">
        <v>218</v>
      </c>
      <c r="C5273">
        <v>17</v>
      </c>
      <c r="D5273" t="s">
        <v>573</v>
      </c>
      <c r="E5273">
        <v>108</v>
      </c>
      <c r="F5273" t="s">
        <v>651</v>
      </c>
      <c r="G5273">
        <v>160</v>
      </c>
      <c r="H5273" t="s">
        <v>744</v>
      </c>
      <c r="I5273">
        <v>3143</v>
      </c>
      <c r="J5273" t="s">
        <v>730</v>
      </c>
      <c r="K5273">
        <v>66</v>
      </c>
      <c r="L5273" t="s">
        <v>969</v>
      </c>
      <c r="M5273">
        <v>290</v>
      </c>
      <c r="N5273" t="s">
        <v>654</v>
      </c>
      <c r="O5273">
        <v>3</v>
      </c>
      <c r="P5273" t="s">
        <v>655</v>
      </c>
      <c r="Q5273">
        <v>1</v>
      </c>
      <c r="R5273" t="s">
        <v>669</v>
      </c>
      <c r="S5273">
        <v>1</v>
      </c>
      <c r="T5273" t="s">
        <v>661</v>
      </c>
      <c r="U5273">
        <v>8</v>
      </c>
      <c r="V5273">
        <v>4</v>
      </c>
      <c r="W5273">
        <v>240</v>
      </c>
      <c r="X5273">
        <v>2020</v>
      </c>
    </row>
    <row r="5274" spans="1:24" x14ac:dyDescent="0.25">
      <c r="A5274">
        <v>5007</v>
      </c>
      <c r="B5274" t="s">
        <v>108</v>
      </c>
      <c r="C5274">
        <v>13</v>
      </c>
      <c r="D5274" t="s">
        <v>582</v>
      </c>
      <c r="E5274">
        <v>86</v>
      </c>
      <c r="F5274" t="s">
        <v>651</v>
      </c>
      <c r="G5274">
        <v>160</v>
      </c>
      <c r="H5274" t="s">
        <v>854</v>
      </c>
      <c r="I5274">
        <v>1</v>
      </c>
      <c r="J5274" t="s">
        <v>868</v>
      </c>
      <c r="K5274">
        <v>23</v>
      </c>
      <c r="L5274" t="s">
        <v>1579</v>
      </c>
      <c r="M5274">
        <v>74</v>
      </c>
      <c r="N5274" t="s">
        <v>654</v>
      </c>
      <c r="O5274">
        <v>3</v>
      </c>
      <c r="P5274" t="s">
        <v>655</v>
      </c>
      <c r="Q5274">
        <v>1</v>
      </c>
      <c r="R5274" t="s">
        <v>669</v>
      </c>
      <c r="S5274">
        <v>1</v>
      </c>
      <c r="T5274" t="s">
        <v>661</v>
      </c>
      <c r="U5274">
        <v>8</v>
      </c>
      <c r="V5274">
        <v>3</v>
      </c>
      <c r="W5274">
        <v>180</v>
      </c>
      <c r="X5274">
        <v>2020</v>
      </c>
    </row>
    <row r="5275" spans="1:24" x14ac:dyDescent="0.25">
      <c r="A5275">
        <v>5006</v>
      </c>
      <c r="B5275" t="s">
        <v>125</v>
      </c>
      <c r="C5275">
        <v>11</v>
      </c>
      <c r="D5275" t="s">
        <v>402</v>
      </c>
      <c r="E5275">
        <v>78</v>
      </c>
      <c r="F5275" t="s">
        <v>651</v>
      </c>
      <c r="G5275">
        <v>160</v>
      </c>
      <c r="H5275" t="s">
        <v>658</v>
      </c>
      <c r="I5275">
        <v>13755</v>
      </c>
      <c r="J5275" t="s">
        <v>1088</v>
      </c>
      <c r="K5275">
        <v>38</v>
      </c>
      <c r="L5275" t="s">
        <v>1265</v>
      </c>
      <c r="M5275">
        <v>136</v>
      </c>
      <c r="N5275" t="s">
        <v>654</v>
      </c>
      <c r="O5275">
        <v>3</v>
      </c>
      <c r="P5275" t="s">
        <v>746</v>
      </c>
      <c r="Q5275">
        <v>2</v>
      </c>
      <c r="R5275" t="s">
        <v>669</v>
      </c>
      <c r="S5275">
        <v>1</v>
      </c>
      <c r="T5275" t="s">
        <v>661</v>
      </c>
      <c r="U5275">
        <v>8</v>
      </c>
      <c r="V5275">
        <v>3</v>
      </c>
      <c r="W5275">
        <v>180</v>
      </c>
      <c r="X5275">
        <v>2020</v>
      </c>
    </row>
    <row r="5276" spans="1:24" x14ac:dyDescent="0.25">
      <c r="A5276">
        <v>5005</v>
      </c>
      <c r="B5276" t="s">
        <v>12</v>
      </c>
      <c r="C5276">
        <v>7</v>
      </c>
      <c r="D5276" t="s">
        <v>591</v>
      </c>
      <c r="E5276">
        <v>69</v>
      </c>
      <c r="F5276" t="s">
        <v>651</v>
      </c>
      <c r="G5276">
        <v>160</v>
      </c>
      <c r="H5276" t="s">
        <v>658</v>
      </c>
      <c r="I5276">
        <v>13755</v>
      </c>
      <c r="J5276" t="s">
        <v>955</v>
      </c>
      <c r="K5276">
        <v>29</v>
      </c>
      <c r="L5276" t="s">
        <v>955</v>
      </c>
      <c r="M5276">
        <v>95</v>
      </c>
      <c r="N5276" t="s">
        <v>654</v>
      </c>
      <c r="O5276">
        <v>3</v>
      </c>
      <c r="P5276" t="s">
        <v>655</v>
      </c>
      <c r="Q5276">
        <v>1</v>
      </c>
      <c r="R5276" t="s">
        <v>669</v>
      </c>
      <c r="S5276">
        <v>1</v>
      </c>
      <c r="T5276" t="s">
        <v>718</v>
      </c>
      <c r="U5276">
        <v>2</v>
      </c>
      <c r="V5276">
        <v>3</v>
      </c>
      <c r="W5276">
        <v>180</v>
      </c>
      <c r="X5276">
        <v>2020</v>
      </c>
    </row>
    <row r="5277" spans="1:24" x14ac:dyDescent="0.25">
      <c r="A5277">
        <v>5004</v>
      </c>
      <c r="B5277" t="s">
        <v>12</v>
      </c>
      <c r="C5277">
        <v>7</v>
      </c>
      <c r="D5277" t="s">
        <v>593</v>
      </c>
      <c r="E5277">
        <v>67</v>
      </c>
      <c r="F5277" t="s">
        <v>651</v>
      </c>
      <c r="G5277">
        <v>160</v>
      </c>
      <c r="H5277" t="s">
        <v>934</v>
      </c>
      <c r="I5277">
        <v>3452</v>
      </c>
      <c r="J5277" t="s">
        <v>807</v>
      </c>
      <c r="K5277">
        <v>25</v>
      </c>
      <c r="L5277" t="s">
        <v>1603</v>
      </c>
      <c r="M5277">
        <v>81</v>
      </c>
      <c r="N5277" t="s">
        <v>654</v>
      </c>
      <c r="O5277">
        <v>3</v>
      </c>
      <c r="P5277" t="s">
        <v>689</v>
      </c>
      <c r="Q5277">
        <v>4</v>
      </c>
      <c r="R5277" t="s">
        <v>669</v>
      </c>
      <c r="S5277">
        <v>1</v>
      </c>
      <c r="T5277" t="s">
        <v>661</v>
      </c>
      <c r="U5277">
        <v>8</v>
      </c>
      <c r="V5277">
        <v>3</v>
      </c>
      <c r="W5277">
        <v>180</v>
      </c>
      <c r="X5277">
        <v>2020</v>
      </c>
    </row>
    <row r="5278" spans="1:24" x14ac:dyDescent="0.25">
      <c r="A5278">
        <v>5003</v>
      </c>
      <c r="B5278" t="s">
        <v>12</v>
      </c>
      <c r="C5278">
        <v>7</v>
      </c>
      <c r="D5278" t="s">
        <v>396</v>
      </c>
      <c r="E5278">
        <v>64</v>
      </c>
      <c r="F5278" t="s">
        <v>651</v>
      </c>
      <c r="G5278">
        <v>160</v>
      </c>
      <c r="H5278" t="s">
        <v>3321</v>
      </c>
      <c r="I5278">
        <v>9280</v>
      </c>
      <c r="J5278" t="s">
        <v>295</v>
      </c>
      <c r="K5278">
        <v>30</v>
      </c>
      <c r="L5278" t="s">
        <v>295</v>
      </c>
      <c r="M5278">
        <v>96</v>
      </c>
      <c r="N5278" t="s">
        <v>654</v>
      </c>
      <c r="O5278">
        <v>3</v>
      </c>
      <c r="P5278" t="s">
        <v>689</v>
      </c>
      <c r="Q5278">
        <v>4</v>
      </c>
      <c r="R5278" t="s">
        <v>669</v>
      </c>
      <c r="S5278">
        <v>1</v>
      </c>
      <c r="T5278" t="s">
        <v>661</v>
      </c>
      <c r="U5278">
        <v>8</v>
      </c>
      <c r="V5278">
        <v>3</v>
      </c>
      <c r="W5278">
        <v>180</v>
      </c>
      <c r="X5278">
        <v>2020</v>
      </c>
    </row>
    <row r="5279" spans="1:24" x14ac:dyDescent="0.25">
      <c r="A5279">
        <v>5002</v>
      </c>
      <c r="B5279" t="s">
        <v>202</v>
      </c>
      <c r="C5279">
        <v>6</v>
      </c>
      <c r="D5279" t="s">
        <v>322</v>
      </c>
      <c r="E5279">
        <v>56</v>
      </c>
      <c r="F5279" t="s">
        <v>651</v>
      </c>
      <c r="G5279">
        <v>160</v>
      </c>
      <c r="H5279" t="s">
        <v>658</v>
      </c>
      <c r="I5279">
        <v>13755</v>
      </c>
      <c r="J5279" t="s">
        <v>932</v>
      </c>
      <c r="K5279">
        <v>77</v>
      </c>
      <c r="L5279" t="s">
        <v>839</v>
      </c>
      <c r="M5279">
        <v>327</v>
      </c>
      <c r="N5279" t="s">
        <v>654</v>
      </c>
      <c r="O5279">
        <v>3</v>
      </c>
      <c r="P5279" t="s">
        <v>655</v>
      </c>
      <c r="Q5279">
        <v>1</v>
      </c>
      <c r="R5279" t="s">
        <v>669</v>
      </c>
      <c r="S5279">
        <v>1</v>
      </c>
      <c r="T5279" t="s">
        <v>718</v>
      </c>
      <c r="U5279">
        <v>2</v>
      </c>
      <c r="V5279">
        <v>6</v>
      </c>
      <c r="W5279">
        <v>360</v>
      </c>
      <c r="X5279">
        <v>2020</v>
      </c>
    </row>
    <row r="5280" spans="1:24" x14ac:dyDescent="0.25">
      <c r="A5280">
        <v>5000</v>
      </c>
      <c r="B5280" t="s">
        <v>16</v>
      </c>
      <c r="C5280">
        <v>5</v>
      </c>
      <c r="D5280" t="s">
        <v>458</v>
      </c>
      <c r="E5280">
        <v>48</v>
      </c>
      <c r="F5280" t="s">
        <v>651</v>
      </c>
      <c r="G5280">
        <v>160</v>
      </c>
      <c r="H5280" t="s">
        <v>658</v>
      </c>
      <c r="I5280">
        <v>13755</v>
      </c>
      <c r="J5280" t="s">
        <v>767</v>
      </c>
      <c r="K5280">
        <v>44</v>
      </c>
      <c r="L5280" t="s">
        <v>2347</v>
      </c>
      <c r="M5280">
        <v>153</v>
      </c>
      <c r="N5280" t="s">
        <v>654</v>
      </c>
      <c r="O5280">
        <v>3</v>
      </c>
      <c r="P5280" t="s">
        <v>655</v>
      </c>
      <c r="Q5280">
        <v>1</v>
      </c>
      <c r="R5280" t="s">
        <v>669</v>
      </c>
      <c r="S5280">
        <v>1</v>
      </c>
      <c r="T5280" t="s">
        <v>661</v>
      </c>
      <c r="U5280">
        <v>8</v>
      </c>
      <c r="V5280">
        <v>4</v>
      </c>
      <c r="W5280">
        <v>240</v>
      </c>
      <c r="X5280">
        <v>2020</v>
      </c>
    </row>
    <row r="5281" spans="1:24" x14ac:dyDescent="0.25">
      <c r="A5281">
        <v>4999</v>
      </c>
      <c r="B5281" t="s">
        <v>183</v>
      </c>
      <c r="C5281">
        <v>4</v>
      </c>
      <c r="D5281" t="s">
        <v>463</v>
      </c>
      <c r="E5281">
        <v>27</v>
      </c>
      <c r="F5281" t="s">
        <v>651</v>
      </c>
      <c r="G5281">
        <v>160</v>
      </c>
      <c r="H5281" t="s">
        <v>658</v>
      </c>
      <c r="I5281">
        <v>13755</v>
      </c>
      <c r="J5281" t="s">
        <v>909</v>
      </c>
      <c r="K5281">
        <v>39</v>
      </c>
      <c r="L5281" t="s">
        <v>1925</v>
      </c>
      <c r="M5281">
        <v>138</v>
      </c>
      <c r="N5281" t="s">
        <v>654</v>
      </c>
      <c r="O5281">
        <v>3</v>
      </c>
      <c r="P5281" t="s">
        <v>746</v>
      </c>
      <c r="Q5281">
        <v>2</v>
      </c>
      <c r="R5281" t="s">
        <v>669</v>
      </c>
      <c r="S5281">
        <v>1</v>
      </c>
      <c r="T5281" t="s">
        <v>661</v>
      </c>
      <c r="U5281">
        <v>8</v>
      </c>
      <c r="V5281">
        <v>4</v>
      </c>
      <c r="W5281">
        <v>240</v>
      </c>
      <c r="X5281">
        <v>2020</v>
      </c>
    </row>
    <row r="5282" spans="1:24" x14ac:dyDescent="0.25">
      <c r="A5282">
        <v>4997</v>
      </c>
      <c r="B5282" t="s">
        <v>110</v>
      </c>
      <c r="C5282">
        <v>2</v>
      </c>
      <c r="D5282" t="s">
        <v>617</v>
      </c>
      <c r="E5282">
        <v>20</v>
      </c>
      <c r="F5282" t="s">
        <v>651</v>
      </c>
      <c r="G5282">
        <v>160</v>
      </c>
      <c r="H5282" t="s">
        <v>658</v>
      </c>
      <c r="I5282">
        <v>13755</v>
      </c>
      <c r="J5282" t="s">
        <v>716</v>
      </c>
      <c r="K5282">
        <v>68</v>
      </c>
      <c r="L5282" t="s">
        <v>1915</v>
      </c>
      <c r="M5282">
        <v>294</v>
      </c>
      <c r="N5282" t="s">
        <v>668</v>
      </c>
      <c r="O5282">
        <v>4</v>
      </c>
      <c r="P5282" t="s">
        <v>655</v>
      </c>
      <c r="Q5282">
        <v>1</v>
      </c>
      <c r="R5282" t="s">
        <v>669</v>
      </c>
      <c r="S5282">
        <v>1</v>
      </c>
      <c r="T5282" t="s">
        <v>661</v>
      </c>
      <c r="U5282">
        <v>8</v>
      </c>
      <c r="V5282">
        <v>4</v>
      </c>
      <c r="W5282">
        <v>240</v>
      </c>
      <c r="X5282">
        <v>2020</v>
      </c>
    </row>
    <row r="5283" spans="1:24" x14ac:dyDescent="0.25">
      <c r="A5283">
        <v>4995</v>
      </c>
      <c r="B5283" t="s">
        <v>110</v>
      </c>
      <c r="C5283">
        <v>2</v>
      </c>
      <c r="D5283" t="s">
        <v>563</v>
      </c>
      <c r="E5283">
        <v>19</v>
      </c>
      <c r="F5283" t="s">
        <v>651</v>
      </c>
      <c r="G5283">
        <v>160</v>
      </c>
      <c r="H5283" t="s">
        <v>658</v>
      </c>
      <c r="I5283">
        <v>13755</v>
      </c>
      <c r="J5283" t="s">
        <v>3131</v>
      </c>
      <c r="K5283">
        <v>50</v>
      </c>
      <c r="L5283" t="s">
        <v>3804</v>
      </c>
      <c r="M5283">
        <v>192</v>
      </c>
      <c r="N5283" t="s">
        <v>654</v>
      </c>
      <c r="O5283">
        <v>3</v>
      </c>
      <c r="P5283" t="s">
        <v>655</v>
      </c>
      <c r="Q5283">
        <v>1</v>
      </c>
      <c r="R5283" t="s">
        <v>669</v>
      </c>
      <c r="S5283">
        <v>1</v>
      </c>
      <c r="T5283" t="s">
        <v>661</v>
      </c>
      <c r="U5283">
        <v>8</v>
      </c>
      <c r="V5283">
        <v>4</v>
      </c>
      <c r="W5283">
        <v>240</v>
      </c>
      <c r="X5283">
        <v>2020</v>
      </c>
    </row>
    <row r="5284" spans="1:24" x14ac:dyDescent="0.25">
      <c r="A5284">
        <v>4993</v>
      </c>
      <c r="B5284" t="s">
        <v>226</v>
      </c>
      <c r="C5284">
        <v>1</v>
      </c>
      <c r="D5284" t="s">
        <v>622</v>
      </c>
      <c r="E5284">
        <v>14</v>
      </c>
      <c r="F5284" t="s">
        <v>651</v>
      </c>
      <c r="G5284">
        <v>160</v>
      </c>
      <c r="H5284" t="s">
        <v>658</v>
      </c>
      <c r="I5284">
        <v>13755</v>
      </c>
      <c r="J5284" t="s">
        <v>705</v>
      </c>
      <c r="K5284">
        <v>70</v>
      </c>
      <c r="L5284" t="s">
        <v>3805</v>
      </c>
      <c r="M5284">
        <v>476</v>
      </c>
      <c r="N5284" t="s">
        <v>654</v>
      </c>
      <c r="O5284">
        <v>3</v>
      </c>
      <c r="P5284" t="s">
        <v>655</v>
      </c>
      <c r="Q5284">
        <v>1</v>
      </c>
      <c r="R5284" t="s">
        <v>669</v>
      </c>
      <c r="S5284">
        <v>1</v>
      </c>
      <c r="T5284" t="s">
        <v>661</v>
      </c>
      <c r="U5284">
        <v>8</v>
      </c>
      <c r="V5284">
        <v>4</v>
      </c>
      <c r="W5284">
        <v>240</v>
      </c>
      <c r="X5284">
        <v>2020</v>
      </c>
    </row>
    <row r="5285" spans="1:24" x14ac:dyDescent="0.25">
      <c r="A5285">
        <v>4992</v>
      </c>
      <c r="B5285" t="s">
        <v>226</v>
      </c>
      <c r="C5285">
        <v>1</v>
      </c>
      <c r="D5285" t="s">
        <v>622</v>
      </c>
      <c r="E5285">
        <v>14</v>
      </c>
      <c r="F5285" t="s">
        <v>651</v>
      </c>
      <c r="G5285">
        <v>160</v>
      </c>
      <c r="H5285" t="s">
        <v>658</v>
      </c>
      <c r="I5285">
        <v>13755</v>
      </c>
      <c r="J5285" t="s">
        <v>705</v>
      </c>
      <c r="K5285">
        <v>70</v>
      </c>
      <c r="L5285" t="s">
        <v>706</v>
      </c>
      <c r="M5285">
        <v>477</v>
      </c>
      <c r="N5285" t="s">
        <v>654</v>
      </c>
      <c r="O5285">
        <v>3</v>
      </c>
      <c r="P5285" t="s">
        <v>655</v>
      </c>
      <c r="Q5285">
        <v>1</v>
      </c>
      <c r="R5285" t="s">
        <v>669</v>
      </c>
      <c r="S5285">
        <v>1</v>
      </c>
      <c r="T5285" t="s">
        <v>661</v>
      </c>
      <c r="U5285">
        <v>8</v>
      </c>
      <c r="V5285">
        <v>4</v>
      </c>
      <c r="W5285">
        <v>240</v>
      </c>
      <c r="X5285">
        <v>2020</v>
      </c>
    </row>
    <row r="5286" spans="1:24" x14ac:dyDescent="0.25">
      <c r="A5286">
        <v>4990</v>
      </c>
      <c r="B5286" t="s">
        <v>226</v>
      </c>
      <c r="C5286">
        <v>1</v>
      </c>
      <c r="D5286" t="s">
        <v>628</v>
      </c>
      <c r="E5286">
        <v>6</v>
      </c>
      <c r="F5286" t="s">
        <v>651</v>
      </c>
      <c r="G5286">
        <v>160</v>
      </c>
      <c r="H5286" t="s">
        <v>658</v>
      </c>
      <c r="I5286">
        <v>13755</v>
      </c>
      <c r="J5286" t="s">
        <v>693</v>
      </c>
      <c r="K5286">
        <v>56</v>
      </c>
      <c r="L5286" t="s">
        <v>3674</v>
      </c>
      <c r="M5286">
        <v>226</v>
      </c>
      <c r="N5286" t="s">
        <v>654</v>
      </c>
      <c r="O5286">
        <v>3</v>
      </c>
      <c r="P5286" t="s">
        <v>655</v>
      </c>
      <c r="Q5286">
        <v>1</v>
      </c>
      <c r="R5286" t="s">
        <v>669</v>
      </c>
      <c r="S5286">
        <v>1</v>
      </c>
      <c r="T5286" t="s">
        <v>661</v>
      </c>
      <c r="U5286">
        <v>8</v>
      </c>
      <c r="V5286">
        <v>4</v>
      </c>
      <c r="W5286">
        <v>240</v>
      </c>
      <c r="X5286">
        <v>2020</v>
      </c>
    </row>
    <row r="5287" spans="1:24" x14ac:dyDescent="0.25">
      <c r="A5287">
        <v>4985</v>
      </c>
      <c r="B5287" t="s">
        <v>14</v>
      </c>
      <c r="C5287">
        <v>20</v>
      </c>
      <c r="D5287" t="s">
        <v>557</v>
      </c>
      <c r="E5287">
        <v>143</v>
      </c>
      <c r="F5287" t="s">
        <v>651</v>
      </c>
      <c r="G5287">
        <v>160</v>
      </c>
      <c r="H5287" t="s">
        <v>739</v>
      </c>
      <c r="I5287">
        <v>4413</v>
      </c>
      <c r="J5287" t="s">
        <v>736</v>
      </c>
      <c r="K5287">
        <v>8</v>
      </c>
      <c r="L5287" t="s">
        <v>736</v>
      </c>
      <c r="M5287">
        <v>27</v>
      </c>
      <c r="N5287" t="s">
        <v>654</v>
      </c>
      <c r="O5287">
        <v>3</v>
      </c>
      <c r="P5287" t="s">
        <v>655</v>
      </c>
      <c r="Q5287">
        <v>1</v>
      </c>
      <c r="R5287" t="s">
        <v>669</v>
      </c>
      <c r="S5287">
        <v>1</v>
      </c>
      <c r="T5287" t="s">
        <v>657</v>
      </c>
      <c r="U5287">
        <v>7</v>
      </c>
      <c r="V5287">
        <v>3</v>
      </c>
      <c r="W5287">
        <v>180</v>
      </c>
      <c r="X5287">
        <v>2020</v>
      </c>
    </row>
    <row r="5288" spans="1:24" x14ac:dyDescent="0.25">
      <c r="A5288">
        <v>4953</v>
      </c>
      <c r="B5288" t="s">
        <v>215</v>
      </c>
      <c r="C5288">
        <v>41</v>
      </c>
      <c r="D5288" t="s">
        <v>342</v>
      </c>
      <c r="E5288">
        <v>636</v>
      </c>
      <c r="F5288" t="s">
        <v>651</v>
      </c>
      <c r="G5288">
        <v>160</v>
      </c>
      <c r="H5288" t="s">
        <v>1207</v>
      </c>
      <c r="I5288">
        <v>5188</v>
      </c>
      <c r="J5288" t="s">
        <v>691</v>
      </c>
      <c r="K5288">
        <v>21</v>
      </c>
      <c r="L5288" t="s">
        <v>1609</v>
      </c>
      <c r="M5288">
        <v>66</v>
      </c>
      <c r="N5288" t="s">
        <v>654</v>
      </c>
      <c r="O5288">
        <v>3</v>
      </c>
      <c r="P5288" t="s">
        <v>655</v>
      </c>
      <c r="Q5288">
        <v>1</v>
      </c>
      <c r="R5288" t="s">
        <v>669</v>
      </c>
      <c r="S5288">
        <v>1</v>
      </c>
      <c r="T5288" t="s">
        <v>661</v>
      </c>
      <c r="U5288">
        <v>8</v>
      </c>
      <c r="V5288">
        <v>3</v>
      </c>
      <c r="W5288">
        <v>180</v>
      </c>
      <c r="X5288">
        <v>2020</v>
      </c>
    </row>
    <row r="5289" spans="1:24" x14ac:dyDescent="0.25">
      <c r="A5289">
        <v>4950</v>
      </c>
      <c r="B5289" t="s">
        <v>215</v>
      </c>
      <c r="C5289">
        <v>41</v>
      </c>
      <c r="D5289" t="s">
        <v>389</v>
      </c>
      <c r="E5289">
        <v>319</v>
      </c>
      <c r="F5289" t="s">
        <v>651</v>
      </c>
      <c r="G5289">
        <v>160</v>
      </c>
      <c r="H5289" t="s">
        <v>1207</v>
      </c>
      <c r="I5289">
        <v>5188</v>
      </c>
      <c r="J5289" t="s">
        <v>682</v>
      </c>
      <c r="K5289">
        <v>20</v>
      </c>
      <c r="L5289" t="s">
        <v>904</v>
      </c>
      <c r="M5289">
        <v>61</v>
      </c>
      <c r="N5289" t="s">
        <v>654</v>
      </c>
      <c r="O5289">
        <v>3</v>
      </c>
      <c r="P5289" t="s">
        <v>655</v>
      </c>
      <c r="Q5289">
        <v>1</v>
      </c>
      <c r="R5289" t="s">
        <v>669</v>
      </c>
      <c r="S5289">
        <v>1</v>
      </c>
      <c r="T5289" t="s">
        <v>661</v>
      </c>
      <c r="U5289">
        <v>8</v>
      </c>
      <c r="V5289">
        <v>3</v>
      </c>
      <c r="W5289">
        <v>180</v>
      </c>
      <c r="X5289">
        <v>2020</v>
      </c>
    </row>
    <row r="5290" spans="1:24" x14ac:dyDescent="0.25">
      <c r="A5290">
        <v>4949</v>
      </c>
      <c r="B5290" t="s">
        <v>215</v>
      </c>
      <c r="C5290">
        <v>41</v>
      </c>
      <c r="D5290" t="s">
        <v>389</v>
      </c>
      <c r="E5290">
        <v>319</v>
      </c>
      <c r="F5290" t="s">
        <v>651</v>
      </c>
      <c r="G5290">
        <v>160</v>
      </c>
      <c r="H5290" t="s">
        <v>1207</v>
      </c>
      <c r="I5290">
        <v>5188</v>
      </c>
      <c r="J5290" t="s">
        <v>65</v>
      </c>
      <c r="K5290">
        <v>15</v>
      </c>
      <c r="L5290" t="s">
        <v>65</v>
      </c>
      <c r="M5290">
        <v>51</v>
      </c>
      <c r="N5290" t="s">
        <v>654</v>
      </c>
      <c r="O5290">
        <v>3</v>
      </c>
      <c r="P5290" t="s">
        <v>689</v>
      </c>
      <c r="Q5290">
        <v>4</v>
      </c>
      <c r="R5290" t="s">
        <v>669</v>
      </c>
      <c r="S5290">
        <v>1</v>
      </c>
      <c r="T5290" t="s">
        <v>661</v>
      </c>
      <c r="U5290">
        <v>8</v>
      </c>
      <c r="V5290">
        <v>4</v>
      </c>
      <c r="W5290">
        <v>240</v>
      </c>
      <c r="X5290">
        <v>2020</v>
      </c>
    </row>
    <row r="5291" spans="1:24" x14ac:dyDescent="0.25">
      <c r="A5291">
        <v>4948</v>
      </c>
      <c r="B5291" t="s">
        <v>215</v>
      </c>
      <c r="C5291">
        <v>41</v>
      </c>
      <c r="D5291" t="s">
        <v>389</v>
      </c>
      <c r="E5291">
        <v>319</v>
      </c>
      <c r="F5291" t="s">
        <v>651</v>
      </c>
      <c r="G5291">
        <v>160</v>
      </c>
      <c r="H5291" t="s">
        <v>1207</v>
      </c>
      <c r="I5291">
        <v>5188</v>
      </c>
      <c r="J5291" t="s">
        <v>65</v>
      </c>
      <c r="K5291">
        <v>15</v>
      </c>
      <c r="L5291" t="s">
        <v>65</v>
      </c>
      <c r="M5291">
        <v>51</v>
      </c>
      <c r="N5291" t="s">
        <v>654</v>
      </c>
      <c r="O5291">
        <v>3</v>
      </c>
      <c r="P5291" t="s">
        <v>655</v>
      </c>
      <c r="Q5291">
        <v>1</v>
      </c>
      <c r="R5291" t="s">
        <v>669</v>
      </c>
      <c r="S5291">
        <v>1</v>
      </c>
      <c r="T5291" t="s">
        <v>661</v>
      </c>
      <c r="U5291">
        <v>8</v>
      </c>
      <c r="V5291">
        <v>4</v>
      </c>
      <c r="W5291">
        <v>240</v>
      </c>
      <c r="X5291">
        <v>2020</v>
      </c>
    </row>
    <row r="5292" spans="1:24" x14ac:dyDescent="0.25">
      <c r="A5292">
        <v>3266</v>
      </c>
      <c r="B5292" t="s">
        <v>30</v>
      </c>
      <c r="C5292">
        <v>18</v>
      </c>
      <c r="D5292" t="s">
        <v>426</v>
      </c>
      <c r="E5292">
        <v>105</v>
      </c>
      <c r="F5292" t="s">
        <v>651</v>
      </c>
      <c r="G5292">
        <v>160</v>
      </c>
      <c r="H5292" t="s">
        <v>922</v>
      </c>
      <c r="I5292">
        <v>8163</v>
      </c>
      <c r="J5292" t="s">
        <v>699</v>
      </c>
      <c r="K5292">
        <v>10</v>
      </c>
      <c r="L5292" t="s">
        <v>1096</v>
      </c>
      <c r="M5292">
        <v>341</v>
      </c>
      <c r="N5292" t="s">
        <v>654</v>
      </c>
      <c r="O5292">
        <v>3</v>
      </c>
      <c r="P5292" t="s">
        <v>655</v>
      </c>
      <c r="Q5292">
        <v>1</v>
      </c>
      <c r="R5292" t="s">
        <v>669</v>
      </c>
      <c r="S5292">
        <v>1</v>
      </c>
      <c r="T5292" t="s">
        <v>1611</v>
      </c>
      <c r="U5292">
        <v>11</v>
      </c>
      <c r="V5292">
        <v>3</v>
      </c>
      <c r="W5292">
        <v>180</v>
      </c>
      <c r="X5292">
        <v>2020</v>
      </c>
    </row>
    <row r="5293" spans="1:24" x14ac:dyDescent="0.25">
      <c r="A5293">
        <v>3255</v>
      </c>
      <c r="B5293" t="s">
        <v>218</v>
      </c>
      <c r="C5293">
        <v>17</v>
      </c>
      <c r="D5293" t="s">
        <v>569</v>
      </c>
      <c r="E5293">
        <v>115</v>
      </c>
      <c r="F5293" t="s">
        <v>651</v>
      </c>
      <c r="G5293">
        <v>160</v>
      </c>
      <c r="H5293" t="s">
        <v>744</v>
      </c>
      <c r="I5293">
        <v>3143</v>
      </c>
      <c r="J5293" t="s">
        <v>738</v>
      </c>
      <c r="K5293">
        <v>61</v>
      </c>
      <c r="L5293" t="s">
        <v>3806</v>
      </c>
      <c r="M5293">
        <v>262</v>
      </c>
      <c r="N5293" t="s">
        <v>654</v>
      </c>
      <c r="O5293">
        <v>3</v>
      </c>
      <c r="P5293" t="s">
        <v>655</v>
      </c>
      <c r="Q5293">
        <v>1</v>
      </c>
      <c r="R5293" t="s">
        <v>669</v>
      </c>
      <c r="S5293">
        <v>1</v>
      </c>
      <c r="T5293" t="s">
        <v>718</v>
      </c>
      <c r="U5293">
        <v>2</v>
      </c>
      <c r="V5293">
        <v>4</v>
      </c>
      <c r="W5293">
        <v>240</v>
      </c>
      <c r="X5293">
        <v>2020</v>
      </c>
    </row>
    <row r="5294" spans="1:24" x14ac:dyDescent="0.25">
      <c r="A5294">
        <v>3254</v>
      </c>
      <c r="B5294" t="s">
        <v>210</v>
      </c>
      <c r="C5294">
        <v>23</v>
      </c>
      <c r="D5294" t="s">
        <v>544</v>
      </c>
      <c r="E5294">
        <v>166</v>
      </c>
      <c r="F5294" t="s">
        <v>651</v>
      </c>
      <c r="G5294">
        <v>160</v>
      </c>
      <c r="H5294" t="s">
        <v>739</v>
      </c>
      <c r="I5294">
        <v>4413</v>
      </c>
      <c r="J5294" t="s">
        <v>659</v>
      </c>
      <c r="K5294">
        <v>35</v>
      </c>
      <c r="L5294" t="s">
        <v>1604</v>
      </c>
      <c r="M5294">
        <v>379</v>
      </c>
      <c r="N5294" t="s">
        <v>654</v>
      </c>
      <c r="O5294">
        <v>3</v>
      </c>
      <c r="P5294" t="s">
        <v>655</v>
      </c>
      <c r="Q5294">
        <v>1</v>
      </c>
      <c r="R5294" t="s">
        <v>669</v>
      </c>
      <c r="S5294">
        <v>1</v>
      </c>
      <c r="T5294" t="s">
        <v>661</v>
      </c>
      <c r="U5294">
        <v>8</v>
      </c>
      <c r="V5294">
        <v>3</v>
      </c>
      <c r="W5294">
        <v>180</v>
      </c>
      <c r="X5294">
        <v>2020</v>
      </c>
    </row>
    <row r="5295" spans="1:24" x14ac:dyDescent="0.25">
      <c r="A5295">
        <v>3248</v>
      </c>
      <c r="B5295" t="s">
        <v>110</v>
      </c>
      <c r="C5295">
        <v>2</v>
      </c>
      <c r="D5295" t="s">
        <v>563</v>
      </c>
      <c r="E5295">
        <v>19</v>
      </c>
      <c r="F5295" t="s">
        <v>651</v>
      </c>
      <c r="G5295">
        <v>160</v>
      </c>
      <c r="H5295" t="s">
        <v>658</v>
      </c>
      <c r="I5295">
        <v>13755</v>
      </c>
      <c r="J5295" t="s">
        <v>3131</v>
      </c>
      <c r="K5295">
        <v>50</v>
      </c>
      <c r="L5295" t="s">
        <v>2728</v>
      </c>
      <c r="M5295">
        <v>191</v>
      </c>
      <c r="N5295" t="s">
        <v>654</v>
      </c>
      <c r="O5295">
        <v>3</v>
      </c>
      <c r="P5295" t="s">
        <v>655</v>
      </c>
      <c r="Q5295">
        <v>1</v>
      </c>
      <c r="R5295" t="s">
        <v>669</v>
      </c>
      <c r="S5295">
        <v>1</v>
      </c>
      <c r="T5295" t="s">
        <v>661</v>
      </c>
      <c r="U5295">
        <v>8</v>
      </c>
      <c r="V5295">
        <v>4</v>
      </c>
      <c r="W5295">
        <v>240</v>
      </c>
      <c r="X5295">
        <v>2020</v>
      </c>
    </row>
    <row r="5296" spans="1:24" x14ac:dyDescent="0.25">
      <c r="A5296">
        <v>3245</v>
      </c>
      <c r="B5296" t="s">
        <v>76</v>
      </c>
      <c r="C5296">
        <v>61</v>
      </c>
      <c r="D5296" t="s">
        <v>346</v>
      </c>
      <c r="E5296">
        <v>624</v>
      </c>
      <c r="F5296" t="s">
        <v>651</v>
      </c>
      <c r="G5296">
        <v>160</v>
      </c>
      <c r="H5296" t="s">
        <v>658</v>
      </c>
      <c r="I5296">
        <v>13755</v>
      </c>
      <c r="J5296" t="s">
        <v>699</v>
      </c>
      <c r="K5296">
        <v>10</v>
      </c>
      <c r="L5296" t="s">
        <v>1096</v>
      </c>
      <c r="M5296">
        <v>341</v>
      </c>
      <c r="N5296" t="s">
        <v>654</v>
      </c>
      <c r="O5296">
        <v>3</v>
      </c>
      <c r="P5296" t="s">
        <v>655</v>
      </c>
      <c r="Q5296">
        <v>1</v>
      </c>
      <c r="R5296" t="s">
        <v>669</v>
      </c>
      <c r="S5296">
        <v>1</v>
      </c>
      <c r="T5296" t="s">
        <v>3747</v>
      </c>
      <c r="U5296">
        <v>20</v>
      </c>
      <c r="V5296">
        <v>3</v>
      </c>
      <c r="W5296">
        <v>180</v>
      </c>
      <c r="X5296">
        <v>2020</v>
      </c>
    </row>
    <row r="5297" spans="1:24" x14ac:dyDescent="0.25">
      <c r="A5297">
        <v>3238</v>
      </c>
      <c r="B5297" t="s">
        <v>74</v>
      </c>
      <c r="C5297">
        <v>40</v>
      </c>
      <c r="D5297" t="s">
        <v>485</v>
      </c>
      <c r="E5297">
        <v>314</v>
      </c>
      <c r="F5297" t="s">
        <v>651</v>
      </c>
      <c r="G5297">
        <v>160</v>
      </c>
      <c r="H5297" t="s">
        <v>697</v>
      </c>
      <c r="I5297">
        <v>11198</v>
      </c>
      <c r="J5297" t="s">
        <v>699</v>
      </c>
      <c r="K5297">
        <v>10</v>
      </c>
      <c r="L5297" t="s">
        <v>1241</v>
      </c>
      <c r="M5297">
        <v>346</v>
      </c>
      <c r="N5297" t="s">
        <v>654</v>
      </c>
      <c r="O5297">
        <v>3</v>
      </c>
      <c r="P5297" t="s">
        <v>655</v>
      </c>
      <c r="Q5297">
        <v>1</v>
      </c>
      <c r="R5297" t="s">
        <v>669</v>
      </c>
      <c r="S5297">
        <v>1</v>
      </c>
      <c r="T5297" t="s">
        <v>1770</v>
      </c>
      <c r="U5297">
        <v>141</v>
      </c>
      <c r="V5297">
        <v>3</v>
      </c>
      <c r="W5297">
        <v>180</v>
      </c>
      <c r="X5297">
        <v>2020</v>
      </c>
    </row>
    <row r="5298" spans="1:24" x14ac:dyDescent="0.25">
      <c r="A5298">
        <v>3237</v>
      </c>
      <c r="B5298" t="s">
        <v>74</v>
      </c>
      <c r="C5298">
        <v>40</v>
      </c>
      <c r="D5298" t="s">
        <v>485</v>
      </c>
      <c r="E5298">
        <v>314</v>
      </c>
      <c r="F5298" t="s">
        <v>651</v>
      </c>
      <c r="G5298">
        <v>160</v>
      </c>
      <c r="H5298" t="s">
        <v>697</v>
      </c>
      <c r="I5298">
        <v>11198</v>
      </c>
      <c r="J5298" t="s">
        <v>699</v>
      </c>
      <c r="K5298">
        <v>10</v>
      </c>
      <c r="L5298" t="s">
        <v>700</v>
      </c>
      <c r="M5298">
        <v>348</v>
      </c>
      <c r="N5298" t="s">
        <v>654</v>
      </c>
      <c r="O5298">
        <v>3</v>
      </c>
      <c r="P5298" t="s">
        <v>655</v>
      </c>
      <c r="Q5298">
        <v>1</v>
      </c>
      <c r="R5298" t="s">
        <v>669</v>
      </c>
      <c r="S5298">
        <v>1</v>
      </c>
      <c r="T5298" t="s">
        <v>1305</v>
      </c>
      <c r="U5298">
        <v>143</v>
      </c>
      <c r="V5298">
        <v>3</v>
      </c>
      <c r="W5298">
        <v>180</v>
      </c>
      <c r="X5298">
        <v>2020</v>
      </c>
    </row>
    <row r="5299" spans="1:24" x14ac:dyDescent="0.25">
      <c r="A5299">
        <v>3236</v>
      </c>
      <c r="B5299" t="s">
        <v>74</v>
      </c>
      <c r="C5299">
        <v>40</v>
      </c>
      <c r="D5299" t="s">
        <v>485</v>
      </c>
      <c r="E5299">
        <v>314</v>
      </c>
      <c r="F5299" t="s">
        <v>651</v>
      </c>
      <c r="G5299">
        <v>160</v>
      </c>
      <c r="H5299" t="s">
        <v>697</v>
      </c>
      <c r="I5299">
        <v>11198</v>
      </c>
      <c r="J5299" t="s">
        <v>699</v>
      </c>
      <c r="K5299">
        <v>10</v>
      </c>
      <c r="L5299" t="s">
        <v>700</v>
      </c>
      <c r="M5299">
        <v>348</v>
      </c>
      <c r="N5299" t="s">
        <v>654</v>
      </c>
      <c r="O5299">
        <v>3</v>
      </c>
      <c r="P5299" t="s">
        <v>655</v>
      </c>
      <c r="Q5299">
        <v>1</v>
      </c>
      <c r="R5299" t="s">
        <v>669</v>
      </c>
      <c r="S5299">
        <v>1</v>
      </c>
      <c r="T5299" t="s">
        <v>1846</v>
      </c>
      <c r="U5299">
        <v>144</v>
      </c>
      <c r="V5299">
        <v>3</v>
      </c>
      <c r="W5299">
        <v>180</v>
      </c>
      <c r="X5299">
        <v>2020</v>
      </c>
    </row>
    <row r="5300" spans="1:24" x14ac:dyDescent="0.25">
      <c r="A5300">
        <v>3235</v>
      </c>
      <c r="B5300" t="s">
        <v>74</v>
      </c>
      <c r="C5300">
        <v>40</v>
      </c>
      <c r="D5300" t="s">
        <v>485</v>
      </c>
      <c r="E5300">
        <v>314</v>
      </c>
      <c r="F5300" t="s">
        <v>651</v>
      </c>
      <c r="G5300">
        <v>160</v>
      </c>
      <c r="H5300" t="s">
        <v>697</v>
      </c>
      <c r="I5300">
        <v>11198</v>
      </c>
      <c r="J5300" t="s">
        <v>699</v>
      </c>
      <c r="K5300">
        <v>10</v>
      </c>
      <c r="L5300" t="s">
        <v>1241</v>
      </c>
      <c r="M5300">
        <v>346</v>
      </c>
      <c r="N5300" t="s">
        <v>654</v>
      </c>
      <c r="O5300">
        <v>3</v>
      </c>
      <c r="P5300" t="s">
        <v>655</v>
      </c>
      <c r="Q5300">
        <v>1</v>
      </c>
      <c r="R5300" t="s">
        <v>669</v>
      </c>
      <c r="S5300">
        <v>1</v>
      </c>
      <c r="T5300" t="s">
        <v>1419</v>
      </c>
      <c r="U5300">
        <v>34</v>
      </c>
      <c r="V5300">
        <v>3</v>
      </c>
      <c r="W5300">
        <v>180</v>
      </c>
      <c r="X5300">
        <v>2020</v>
      </c>
    </row>
    <row r="5301" spans="1:24" x14ac:dyDescent="0.25">
      <c r="A5301">
        <v>3234</v>
      </c>
      <c r="B5301" t="s">
        <v>74</v>
      </c>
      <c r="C5301">
        <v>40</v>
      </c>
      <c r="D5301" t="s">
        <v>485</v>
      </c>
      <c r="E5301">
        <v>314</v>
      </c>
      <c r="F5301" t="s">
        <v>651</v>
      </c>
      <c r="G5301">
        <v>160</v>
      </c>
      <c r="H5301" t="s">
        <v>697</v>
      </c>
      <c r="I5301">
        <v>11198</v>
      </c>
      <c r="J5301" t="s">
        <v>699</v>
      </c>
      <c r="K5301">
        <v>10</v>
      </c>
      <c r="L5301" t="s">
        <v>1096</v>
      </c>
      <c r="M5301">
        <v>341</v>
      </c>
      <c r="N5301" t="s">
        <v>654</v>
      </c>
      <c r="O5301">
        <v>3</v>
      </c>
      <c r="P5301" t="s">
        <v>689</v>
      </c>
      <c r="Q5301">
        <v>4</v>
      </c>
      <c r="R5301" t="s">
        <v>669</v>
      </c>
      <c r="S5301">
        <v>1</v>
      </c>
      <c r="T5301" t="s">
        <v>1749</v>
      </c>
      <c r="U5301">
        <v>12</v>
      </c>
      <c r="V5301">
        <v>3</v>
      </c>
      <c r="W5301">
        <v>180</v>
      </c>
      <c r="X5301">
        <v>2020</v>
      </c>
    </row>
    <row r="5302" spans="1:24" x14ac:dyDescent="0.25">
      <c r="A5302">
        <v>3233</v>
      </c>
      <c r="B5302" t="s">
        <v>74</v>
      </c>
      <c r="C5302">
        <v>40</v>
      </c>
      <c r="D5302" t="s">
        <v>485</v>
      </c>
      <c r="E5302">
        <v>314</v>
      </c>
      <c r="F5302" t="s">
        <v>651</v>
      </c>
      <c r="G5302">
        <v>160</v>
      </c>
      <c r="H5302" t="s">
        <v>697</v>
      </c>
      <c r="I5302">
        <v>11198</v>
      </c>
      <c r="J5302" t="s">
        <v>699</v>
      </c>
      <c r="K5302">
        <v>10</v>
      </c>
      <c r="L5302" t="s">
        <v>1096</v>
      </c>
      <c r="M5302">
        <v>341</v>
      </c>
      <c r="N5302" t="s">
        <v>654</v>
      </c>
      <c r="O5302">
        <v>3</v>
      </c>
      <c r="P5302" t="s">
        <v>655</v>
      </c>
      <c r="Q5302">
        <v>1</v>
      </c>
      <c r="R5302" t="s">
        <v>669</v>
      </c>
      <c r="S5302">
        <v>1</v>
      </c>
      <c r="T5302" t="s">
        <v>1749</v>
      </c>
      <c r="U5302">
        <v>12</v>
      </c>
      <c r="V5302">
        <v>3</v>
      </c>
      <c r="W5302">
        <v>180</v>
      </c>
      <c r="X5302">
        <v>2020</v>
      </c>
    </row>
    <row r="5303" spans="1:24" x14ac:dyDescent="0.25">
      <c r="A5303">
        <v>3229</v>
      </c>
      <c r="B5303" t="s">
        <v>140</v>
      </c>
      <c r="C5303">
        <v>34</v>
      </c>
      <c r="D5303" t="s">
        <v>426</v>
      </c>
      <c r="E5303">
        <v>265</v>
      </c>
      <c r="F5303" t="s">
        <v>651</v>
      </c>
      <c r="G5303">
        <v>160</v>
      </c>
      <c r="H5303" t="s">
        <v>652</v>
      </c>
      <c r="I5303">
        <v>2094</v>
      </c>
      <c r="J5303" t="s">
        <v>699</v>
      </c>
      <c r="K5303">
        <v>10</v>
      </c>
      <c r="L5303" t="s">
        <v>1241</v>
      </c>
      <c r="M5303">
        <v>346</v>
      </c>
      <c r="N5303" t="s">
        <v>654</v>
      </c>
      <c r="O5303">
        <v>3</v>
      </c>
      <c r="P5303" t="s">
        <v>655</v>
      </c>
      <c r="Q5303">
        <v>1</v>
      </c>
      <c r="R5303" t="s">
        <v>669</v>
      </c>
      <c r="S5303">
        <v>1</v>
      </c>
      <c r="T5303" t="s">
        <v>1754</v>
      </c>
      <c r="U5303">
        <v>48</v>
      </c>
      <c r="V5303">
        <v>3</v>
      </c>
      <c r="W5303">
        <v>180</v>
      </c>
      <c r="X5303">
        <v>2020</v>
      </c>
    </row>
    <row r="5304" spans="1:24" x14ac:dyDescent="0.25">
      <c r="A5304">
        <v>3226</v>
      </c>
      <c r="B5304" t="s">
        <v>140</v>
      </c>
      <c r="C5304">
        <v>34</v>
      </c>
      <c r="D5304" t="s">
        <v>426</v>
      </c>
      <c r="E5304">
        <v>265</v>
      </c>
      <c r="F5304" t="s">
        <v>651</v>
      </c>
      <c r="G5304">
        <v>160</v>
      </c>
      <c r="H5304" t="s">
        <v>652</v>
      </c>
      <c r="I5304">
        <v>2094</v>
      </c>
      <c r="J5304" t="s">
        <v>699</v>
      </c>
      <c r="K5304">
        <v>10</v>
      </c>
      <c r="L5304" t="s">
        <v>700</v>
      </c>
      <c r="M5304">
        <v>348</v>
      </c>
      <c r="N5304" t="s">
        <v>654</v>
      </c>
      <c r="O5304">
        <v>3</v>
      </c>
      <c r="P5304" t="s">
        <v>655</v>
      </c>
      <c r="Q5304">
        <v>1</v>
      </c>
      <c r="R5304" t="s">
        <v>669</v>
      </c>
      <c r="S5304">
        <v>1</v>
      </c>
      <c r="T5304" t="s">
        <v>1423</v>
      </c>
      <c r="U5304">
        <v>47</v>
      </c>
      <c r="V5304">
        <v>3</v>
      </c>
      <c r="W5304">
        <v>180</v>
      </c>
      <c r="X5304">
        <v>2020</v>
      </c>
    </row>
    <row r="5305" spans="1:24" x14ac:dyDescent="0.25">
      <c r="A5305">
        <v>3225</v>
      </c>
      <c r="B5305" t="s">
        <v>140</v>
      </c>
      <c r="C5305">
        <v>34</v>
      </c>
      <c r="D5305" t="s">
        <v>426</v>
      </c>
      <c r="E5305">
        <v>265</v>
      </c>
      <c r="F5305" t="s">
        <v>651</v>
      </c>
      <c r="G5305">
        <v>160</v>
      </c>
      <c r="H5305" t="s">
        <v>652</v>
      </c>
      <c r="I5305">
        <v>2094</v>
      </c>
      <c r="J5305" t="s">
        <v>699</v>
      </c>
      <c r="K5305">
        <v>10</v>
      </c>
      <c r="L5305" t="s">
        <v>1241</v>
      </c>
      <c r="M5305">
        <v>346</v>
      </c>
      <c r="N5305" t="s">
        <v>654</v>
      </c>
      <c r="O5305">
        <v>3</v>
      </c>
      <c r="P5305" t="s">
        <v>655</v>
      </c>
      <c r="Q5305">
        <v>1</v>
      </c>
      <c r="R5305" t="s">
        <v>669</v>
      </c>
      <c r="S5305">
        <v>1</v>
      </c>
      <c r="T5305" t="s">
        <v>1505</v>
      </c>
      <c r="U5305">
        <v>59</v>
      </c>
      <c r="V5305">
        <v>3</v>
      </c>
      <c r="W5305">
        <v>180</v>
      </c>
      <c r="X5305">
        <v>2020</v>
      </c>
    </row>
    <row r="5306" spans="1:24" x14ac:dyDescent="0.25">
      <c r="A5306">
        <v>3224</v>
      </c>
      <c r="B5306" t="s">
        <v>140</v>
      </c>
      <c r="C5306">
        <v>34</v>
      </c>
      <c r="D5306" t="s">
        <v>426</v>
      </c>
      <c r="E5306">
        <v>265</v>
      </c>
      <c r="F5306" t="s">
        <v>651</v>
      </c>
      <c r="G5306">
        <v>160</v>
      </c>
      <c r="H5306" t="s">
        <v>652</v>
      </c>
      <c r="I5306">
        <v>2094</v>
      </c>
      <c r="J5306" t="s">
        <v>699</v>
      </c>
      <c r="K5306">
        <v>10</v>
      </c>
      <c r="L5306" t="s">
        <v>700</v>
      </c>
      <c r="M5306">
        <v>348</v>
      </c>
      <c r="N5306" t="s">
        <v>654</v>
      </c>
      <c r="O5306">
        <v>3</v>
      </c>
      <c r="P5306" t="s">
        <v>655</v>
      </c>
      <c r="Q5306">
        <v>1</v>
      </c>
      <c r="R5306" t="s">
        <v>669</v>
      </c>
      <c r="S5306">
        <v>1</v>
      </c>
      <c r="T5306" t="s">
        <v>1000</v>
      </c>
      <c r="U5306">
        <v>60</v>
      </c>
      <c r="V5306">
        <v>3</v>
      </c>
      <c r="W5306">
        <v>180</v>
      </c>
      <c r="X5306">
        <v>2020</v>
      </c>
    </row>
    <row r="5307" spans="1:24" x14ac:dyDescent="0.25">
      <c r="A5307">
        <v>3223</v>
      </c>
      <c r="B5307" t="s">
        <v>140</v>
      </c>
      <c r="C5307">
        <v>34</v>
      </c>
      <c r="D5307" t="s">
        <v>426</v>
      </c>
      <c r="E5307">
        <v>265</v>
      </c>
      <c r="F5307" t="s">
        <v>651</v>
      </c>
      <c r="G5307">
        <v>160</v>
      </c>
      <c r="H5307" t="s">
        <v>652</v>
      </c>
      <c r="I5307">
        <v>2094</v>
      </c>
      <c r="J5307" t="s">
        <v>699</v>
      </c>
      <c r="K5307">
        <v>10</v>
      </c>
      <c r="L5307" t="s">
        <v>1241</v>
      </c>
      <c r="M5307">
        <v>346</v>
      </c>
      <c r="N5307" t="s">
        <v>654</v>
      </c>
      <c r="O5307">
        <v>3</v>
      </c>
      <c r="P5307" t="s">
        <v>655</v>
      </c>
      <c r="Q5307">
        <v>1</v>
      </c>
      <c r="R5307" t="s">
        <v>669</v>
      </c>
      <c r="S5307">
        <v>1</v>
      </c>
      <c r="T5307" t="s">
        <v>1419</v>
      </c>
      <c r="U5307">
        <v>34</v>
      </c>
      <c r="V5307">
        <v>3</v>
      </c>
      <c r="W5307">
        <v>180</v>
      </c>
      <c r="X5307">
        <v>2020</v>
      </c>
    </row>
    <row r="5308" spans="1:24" x14ac:dyDescent="0.25">
      <c r="A5308">
        <v>3222</v>
      </c>
      <c r="B5308" t="s">
        <v>140</v>
      </c>
      <c r="C5308">
        <v>34</v>
      </c>
      <c r="D5308" t="s">
        <v>426</v>
      </c>
      <c r="E5308">
        <v>265</v>
      </c>
      <c r="F5308" t="s">
        <v>651</v>
      </c>
      <c r="G5308">
        <v>160</v>
      </c>
      <c r="H5308" t="s">
        <v>652</v>
      </c>
      <c r="I5308">
        <v>2094</v>
      </c>
      <c r="J5308" t="s">
        <v>699</v>
      </c>
      <c r="K5308">
        <v>10</v>
      </c>
      <c r="L5308" t="s">
        <v>700</v>
      </c>
      <c r="M5308">
        <v>348</v>
      </c>
      <c r="N5308" t="s">
        <v>654</v>
      </c>
      <c r="O5308">
        <v>3</v>
      </c>
      <c r="P5308" t="s">
        <v>655</v>
      </c>
      <c r="Q5308">
        <v>1</v>
      </c>
      <c r="R5308" t="s">
        <v>669</v>
      </c>
      <c r="S5308">
        <v>1</v>
      </c>
      <c r="T5308" t="s">
        <v>1667</v>
      </c>
      <c r="U5308">
        <v>37</v>
      </c>
      <c r="V5308">
        <v>3</v>
      </c>
      <c r="W5308">
        <v>180</v>
      </c>
      <c r="X5308">
        <v>2020</v>
      </c>
    </row>
    <row r="5309" spans="1:24" x14ac:dyDescent="0.25">
      <c r="A5309">
        <v>3221</v>
      </c>
      <c r="B5309" t="s">
        <v>140</v>
      </c>
      <c r="C5309">
        <v>34</v>
      </c>
      <c r="D5309" t="s">
        <v>426</v>
      </c>
      <c r="E5309">
        <v>265</v>
      </c>
      <c r="F5309" t="s">
        <v>651</v>
      </c>
      <c r="G5309">
        <v>160</v>
      </c>
      <c r="H5309" t="s">
        <v>652</v>
      </c>
      <c r="I5309">
        <v>2094</v>
      </c>
      <c r="J5309" t="s">
        <v>699</v>
      </c>
      <c r="K5309">
        <v>10</v>
      </c>
      <c r="L5309" t="s">
        <v>700</v>
      </c>
      <c r="M5309">
        <v>348</v>
      </c>
      <c r="N5309" t="s">
        <v>654</v>
      </c>
      <c r="O5309">
        <v>3</v>
      </c>
      <c r="P5309" t="s">
        <v>655</v>
      </c>
      <c r="Q5309">
        <v>1</v>
      </c>
      <c r="R5309" t="s">
        <v>669</v>
      </c>
      <c r="S5309">
        <v>1</v>
      </c>
      <c r="T5309" t="s">
        <v>1010</v>
      </c>
      <c r="U5309">
        <v>36</v>
      </c>
      <c r="V5309">
        <v>3</v>
      </c>
      <c r="W5309">
        <v>180</v>
      </c>
      <c r="X5309">
        <v>2020</v>
      </c>
    </row>
    <row r="5310" spans="1:24" x14ac:dyDescent="0.25">
      <c r="A5310">
        <v>3219</v>
      </c>
      <c r="B5310" t="s">
        <v>140</v>
      </c>
      <c r="C5310">
        <v>34</v>
      </c>
      <c r="D5310" t="s">
        <v>426</v>
      </c>
      <c r="E5310">
        <v>265</v>
      </c>
      <c r="F5310" t="s">
        <v>651</v>
      </c>
      <c r="G5310">
        <v>160</v>
      </c>
      <c r="H5310" t="s">
        <v>652</v>
      </c>
      <c r="I5310">
        <v>2094</v>
      </c>
      <c r="J5310" t="s">
        <v>699</v>
      </c>
      <c r="K5310">
        <v>10</v>
      </c>
      <c r="L5310" t="s">
        <v>1096</v>
      </c>
      <c r="M5310">
        <v>341</v>
      </c>
      <c r="N5310" t="s">
        <v>654</v>
      </c>
      <c r="O5310">
        <v>3</v>
      </c>
      <c r="P5310" t="s">
        <v>655</v>
      </c>
      <c r="Q5310">
        <v>1</v>
      </c>
      <c r="R5310" t="s">
        <v>669</v>
      </c>
      <c r="S5310">
        <v>1</v>
      </c>
      <c r="T5310" t="s">
        <v>1749</v>
      </c>
      <c r="U5310">
        <v>12</v>
      </c>
      <c r="V5310">
        <v>3</v>
      </c>
      <c r="W5310">
        <v>180</v>
      </c>
      <c r="X5310">
        <v>2020</v>
      </c>
    </row>
    <row r="5311" spans="1:24" x14ac:dyDescent="0.25">
      <c r="A5311">
        <v>3218</v>
      </c>
      <c r="B5311" t="s">
        <v>140</v>
      </c>
      <c r="C5311">
        <v>34</v>
      </c>
      <c r="D5311" t="s">
        <v>426</v>
      </c>
      <c r="E5311">
        <v>265</v>
      </c>
      <c r="F5311" t="s">
        <v>651</v>
      </c>
      <c r="G5311">
        <v>160</v>
      </c>
      <c r="H5311" t="s">
        <v>652</v>
      </c>
      <c r="I5311">
        <v>2094</v>
      </c>
      <c r="J5311" t="s">
        <v>699</v>
      </c>
      <c r="K5311">
        <v>10</v>
      </c>
      <c r="L5311" t="s">
        <v>1096</v>
      </c>
      <c r="M5311">
        <v>341</v>
      </c>
      <c r="N5311" t="s">
        <v>654</v>
      </c>
      <c r="O5311">
        <v>3</v>
      </c>
      <c r="P5311" t="s">
        <v>655</v>
      </c>
      <c r="Q5311">
        <v>1</v>
      </c>
      <c r="R5311" t="s">
        <v>669</v>
      </c>
      <c r="S5311">
        <v>1</v>
      </c>
      <c r="T5311" t="s">
        <v>1611</v>
      </c>
      <c r="U5311">
        <v>11</v>
      </c>
      <c r="V5311">
        <v>3</v>
      </c>
      <c r="W5311">
        <v>180</v>
      </c>
      <c r="X5311">
        <v>2020</v>
      </c>
    </row>
    <row r="5312" spans="1:24" x14ac:dyDescent="0.25">
      <c r="A5312">
        <v>3216</v>
      </c>
      <c r="B5312" t="s">
        <v>32</v>
      </c>
      <c r="C5312">
        <v>24</v>
      </c>
      <c r="D5312" t="s">
        <v>426</v>
      </c>
      <c r="E5312">
        <v>168</v>
      </c>
      <c r="F5312" t="s">
        <v>651</v>
      </c>
      <c r="G5312">
        <v>160</v>
      </c>
      <c r="H5312" t="s">
        <v>747</v>
      </c>
      <c r="I5312">
        <v>4847</v>
      </c>
      <c r="J5312" t="s">
        <v>699</v>
      </c>
      <c r="K5312">
        <v>10</v>
      </c>
      <c r="L5312" t="s">
        <v>1096</v>
      </c>
      <c r="M5312">
        <v>341</v>
      </c>
      <c r="N5312" t="s">
        <v>654</v>
      </c>
      <c r="O5312">
        <v>3</v>
      </c>
      <c r="P5312" t="s">
        <v>746</v>
      </c>
      <c r="Q5312">
        <v>2</v>
      </c>
      <c r="R5312" t="s">
        <v>669</v>
      </c>
      <c r="S5312">
        <v>1</v>
      </c>
      <c r="T5312" t="s">
        <v>1751</v>
      </c>
      <c r="U5312">
        <v>14</v>
      </c>
      <c r="V5312">
        <v>3</v>
      </c>
      <c r="W5312">
        <v>180</v>
      </c>
      <c r="X5312">
        <v>2020</v>
      </c>
    </row>
    <row r="5313" spans="1:24" x14ac:dyDescent="0.25">
      <c r="A5313">
        <v>3212</v>
      </c>
      <c r="B5313" t="s">
        <v>32</v>
      </c>
      <c r="C5313">
        <v>24</v>
      </c>
      <c r="D5313" t="s">
        <v>426</v>
      </c>
      <c r="E5313">
        <v>168</v>
      </c>
      <c r="F5313" t="s">
        <v>651</v>
      </c>
      <c r="G5313">
        <v>160</v>
      </c>
      <c r="H5313" t="s">
        <v>747</v>
      </c>
      <c r="I5313">
        <v>4847</v>
      </c>
      <c r="J5313" t="s">
        <v>699</v>
      </c>
      <c r="K5313">
        <v>10</v>
      </c>
      <c r="L5313" t="s">
        <v>1096</v>
      </c>
      <c r="M5313">
        <v>341</v>
      </c>
      <c r="N5313" t="s">
        <v>654</v>
      </c>
      <c r="O5313">
        <v>3</v>
      </c>
      <c r="P5313" t="s">
        <v>655</v>
      </c>
      <c r="Q5313">
        <v>1</v>
      </c>
      <c r="R5313" t="s">
        <v>669</v>
      </c>
      <c r="S5313">
        <v>1</v>
      </c>
      <c r="T5313" t="s">
        <v>1751</v>
      </c>
      <c r="U5313">
        <v>14</v>
      </c>
      <c r="V5313">
        <v>3</v>
      </c>
      <c r="W5313">
        <v>180</v>
      </c>
      <c r="X5313">
        <v>2020</v>
      </c>
    </row>
    <row r="5314" spans="1:24" x14ac:dyDescent="0.25">
      <c r="A5314">
        <v>3211</v>
      </c>
      <c r="B5314" t="s">
        <v>32</v>
      </c>
      <c r="C5314">
        <v>24</v>
      </c>
      <c r="D5314" t="s">
        <v>426</v>
      </c>
      <c r="E5314">
        <v>168</v>
      </c>
      <c r="F5314" t="s">
        <v>651</v>
      </c>
      <c r="G5314">
        <v>160</v>
      </c>
      <c r="H5314" t="s">
        <v>747</v>
      </c>
      <c r="I5314">
        <v>4847</v>
      </c>
      <c r="J5314" t="s">
        <v>699</v>
      </c>
      <c r="K5314">
        <v>10</v>
      </c>
      <c r="L5314" t="s">
        <v>1096</v>
      </c>
      <c r="M5314">
        <v>341</v>
      </c>
      <c r="N5314" t="s">
        <v>654</v>
      </c>
      <c r="O5314">
        <v>3</v>
      </c>
      <c r="P5314" t="s">
        <v>655</v>
      </c>
      <c r="Q5314">
        <v>1</v>
      </c>
      <c r="R5314" t="s">
        <v>669</v>
      </c>
      <c r="S5314">
        <v>1</v>
      </c>
      <c r="T5314" t="s">
        <v>1749</v>
      </c>
      <c r="U5314">
        <v>12</v>
      </c>
      <c r="V5314">
        <v>3</v>
      </c>
      <c r="W5314">
        <v>180</v>
      </c>
      <c r="X5314">
        <v>2020</v>
      </c>
    </row>
    <row r="5315" spans="1:24" x14ac:dyDescent="0.25">
      <c r="A5315">
        <v>3210</v>
      </c>
      <c r="B5315" t="s">
        <v>32</v>
      </c>
      <c r="C5315">
        <v>24</v>
      </c>
      <c r="D5315" t="s">
        <v>426</v>
      </c>
      <c r="E5315">
        <v>168</v>
      </c>
      <c r="F5315" t="s">
        <v>651</v>
      </c>
      <c r="G5315">
        <v>160</v>
      </c>
      <c r="H5315" t="s">
        <v>747</v>
      </c>
      <c r="I5315">
        <v>4847</v>
      </c>
      <c r="J5315" t="s">
        <v>699</v>
      </c>
      <c r="K5315">
        <v>10</v>
      </c>
      <c r="L5315" t="s">
        <v>1096</v>
      </c>
      <c r="M5315">
        <v>341</v>
      </c>
      <c r="N5315" t="s">
        <v>654</v>
      </c>
      <c r="O5315">
        <v>3</v>
      </c>
      <c r="P5315" t="s">
        <v>655</v>
      </c>
      <c r="Q5315">
        <v>1</v>
      </c>
      <c r="R5315" t="s">
        <v>669</v>
      </c>
      <c r="S5315">
        <v>1</v>
      </c>
      <c r="T5315" t="s">
        <v>1611</v>
      </c>
      <c r="U5315">
        <v>11</v>
      </c>
      <c r="V5315">
        <v>3</v>
      </c>
      <c r="W5315">
        <v>180</v>
      </c>
      <c r="X5315">
        <v>2020</v>
      </c>
    </row>
    <row r="5316" spans="1:24" x14ac:dyDescent="0.25">
      <c r="A5316">
        <v>3208</v>
      </c>
      <c r="B5316" t="s">
        <v>32</v>
      </c>
      <c r="C5316">
        <v>24</v>
      </c>
      <c r="D5316" t="s">
        <v>426</v>
      </c>
      <c r="E5316">
        <v>168</v>
      </c>
      <c r="F5316" t="s">
        <v>651</v>
      </c>
      <c r="G5316">
        <v>160</v>
      </c>
      <c r="H5316" t="s">
        <v>747</v>
      </c>
      <c r="I5316">
        <v>4847</v>
      </c>
      <c r="J5316" t="s">
        <v>699</v>
      </c>
      <c r="K5316">
        <v>10</v>
      </c>
      <c r="L5316" t="s">
        <v>700</v>
      </c>
      <c r="M5316">
        <v>348</v>
      </c>
      <c r="N5316" t="s">
        <v>654</v>
      </c>
      <c r="O5316">
        <v>3</v>
      </c>
      <c r="P5316" t="s">
        <v>655</v>
      </c>
      <c r="Q5316">
        <v>1</v>
      </c>
      <c r="R5316" t="s">
        <v>669</v>
      </c>
      <c r="S5316">
        <v>1</v>
      </c>
      <c r="T5316" t="s">
        <v>1009</v>
      </c>
      <c r="U5316">
        <v>35</v>
      </c>
      <c r="V5316">
        <v>3</v>
      </c>
      <c r="W5316">
        <v>180</v>
      </c>
      <c r="X5316">
        <v>2020</v>
      </c>
    </row>
    <row r="5317" spans="1:24" x14ac:dyDescent="0.25">
      <c r="A5317">
        <v>3204</v>
      </c>
      <c r="B5317" t="s">
        <v>218</v>
      </c>
      <c r="C5317">
        <v>17</v>
      </c>
      <c r="D5317" t="s">
        <v>426</v>
      </c>
      <c r="E5317">
        <v>122</v>
      </c>
      <c r="F5317" t="s">
        <v>651</v>
      </c>
      <c r="G5317">
        <v>160</v>
      </c>
      <c r="H5317" t="s">
        <v>744</v>
      </c>
      <c r="I5317">
        <v>3143</v>
      </c>
      <c r="J5317" t="s">
        <v>699</v>
      </c>
      <c r="K5317">
        <v>10</v>
      </c>
      <c r="L5317" t="s">
        <v>1096</v>
      </c>
      <c r="M5317">
        <v>341</v>
      </c>
      <c r="N5317" t="s">
        <v>654</v>
      </c>
      <c r="O5317">
        <v>3</v>
      </c>
      <c r="P5317" t="s">
        <v>655</v>
      </c>
      <c r="Q5317">
        <v>1</v>
      </c>
      <c r="R5317" t="s">
        <v>669</v>
      </c>
      <c r="S5317">
        <v>1</v>
      </c>
      <c r="T5317" t="s">
        <v>1749</v>
      </c>
      <c r="U5317">
        <v>12</v>
      </c>
      <c r="V5317">
        <v>3</v>
      </c>
      <c r="W5317">
        <v>180</v>
      </c>
      <c r="X5317">
        <v>2020</v>
      </c>
    </row>
    <row r="5318" spans="1:24" x14ac:dyDescent="0.25">
      <c r="A5318">
        <v>3203</v>
      </c>
      <c r="B5318" t="s">
        <v>218</v>
      </c>
      <c r="C5318">
        <v>17</v>
      </c>
      <c r="D5318" t="s">
        <v>426</v>
      </c>
      <c r="E5318">
        <v>122</v>
      </c>
      <c r="F5318" t="s">
        <v>651</v>
      </c>
      <c r="G5318">
        <v>160</v>
      </c>
      <c r="H5318" t="s">
        <v>744</v>
      </c>
      <c r="I5318">
        <v>3143</v>
      </c>
      <c r="J5318" t="s">
        <v>699</v>
      </c>
      <c r="K5318">
        <v>10</v>
      </c>
      <c r="L5318" t="s">
        <v>1096</v>
      </c>
      <c r="M5318">
        <v>341</v>
      </c>
      <c r="N5318" t="s">
        <v>654</v>
      </c>
      <c r="O5318">
        <v>3</v>
      </c>
      <c r="P5318" t="s">
        <v>689</v>
      </c>
      <c r="Q5318">
        <v>4</v>
      </c>
      <c r="R5318" t="s">
        <v>669</v>
      </c>
      <c r="S5318">
        <v>1</v>
      </c>
      <c r="T5318" t="s">
        <v>1611</v>
      </c>
      <c r="U5318">
        <v>11</v>
      </c>
      <c r="V5318">
        <v>3</v>
      </c>
      <c r="W5318">
        <v>180</v>
      </c>
      <c r="X5318">
        <v>2020</v>
      </c>
    </row>
    <row r="5319" spans="1:24" x14ac:dyDescent="0.25">
      <c r="A5319">
        <v>3202</v>
      </c>
      <c r="B5319" t="s">
        <v>218</v>
      </c>
      <c r="C5319">
        <v>17</v>
      </c>
      <c r="D5319" t="s">
        <v>426</v>
      </c>
      <c r="E5319">
        <v>122</v>
      </c>
      <c r="F5319" t="s">
        <v>651</v>
      </c>
      <c r="G5319">
        <v>160</v>
      </c>
      <c r="H5319" t="s">
        <v>744</v>
      </c>
      <c r="I5319">
        <v>3143</v>
      </c>
      <c r="J5319" t="s">
        <v>699</v>
      </c>
      <c r="K5319">
        <v>10</v>
      </c>
      <c r="L5319" t="s">
        <v>1096</v>
      </c>
      <c r="M5319">
        <v>341</v>
      </c>
      <c r="N5319" t="s">
        <v>654</v>
      </c>
      <c r="O5319">
        <v>3</v>
      </c>
      <c r="P5319" t="s">
        <v>655</v>
      </c>
      <c r="Q5319">
        <v>1</v>
      </c>
      <c r="R5319" t="s">
        <v>669</v>
      </c>
      <c r="S5319">
        <v>1</v>
      </c>
      <c r="T5319" t="s">
        <v>1611</v>
      </c>
      <c r="U5319">
        <v>11</v>
      </c>
      <c r="V5319">
        <v>3</v>
      </c>
      <c r="W5319">
        <v>180</v>
      </c>
      <c r="X5319">
        <v>2020</v>
      </c>
    </row>
    <row r="5320" spans="1:24" x14ac:dyDescent="0.25">
      <c r="A5320">
        <v>3199</v>
      </c>
      <c r="B5320" t="s">
        <v>22</v>
      </c>
      <c r="C5320">
        <v>28</v>
      </c>
      <c r="D5320" t="s">
        <v>426</v>
      </c>
      <c r="E5320">
        <v>214</v>
      </c>
      <c r="F5320" t="s">
        <v>651</v>
      </c>
      <c r="G5320">
        <v>160</v>
      </c>
      <c r="H5320" t="s">
        <v>675</v>
      </c>
      <c r="I5320">
        <v>5952</v>
      </c>
      <c r="J5320" t="s">
        <v>699</v>
      </c>
      <c r="K5320">
        <v>10</v>
      </c>
      <c r="L5320" t="s">
        <v>1096</v>
      </c>
      <c r="M5320">
        <v>341</v>
      </c>
      <c r="N5320" t="s">
        <v>654</v>
      </c>
      <c r="O5320">
        <v>3</v>
      </c>
      <c r="P5320" t="s">
        <v>655</v>
      </c>
      <c r="Q5320">
        <v>1</v>
      </c>
      <c r="R5320" t="s">
        <v>669</v>
      </c>
      <c r="S5320">
        <v>1</v>
      </c>
      <c r="T5320" t="s">
        <v>1611</v>
      </c>
      <c r="U5320">
        <v>11</v>
      </c>
      <c r="V5320">
        <v>3</v>
      </c>
      <c r="W5320">
        <v>180</v>
      </c>
      <c r="X5320">
        <v>2020</v>
      </c>
    </row>
    <row r="5321" spans="1:24" x14ac:dyDescent="0.25">
      <c r="A5321">
        <v>3191</v>
      </c>
      <c r="B5321" t="s">
        <v>16</v>
      </c>
      <c r="C5321">
        <v>5</v>
      </c>
      <c r="D5321" t="s">
        <v>439</v>
      </c>
      <c r="E5321">
        <v>47</v>
      </c>
      <c r="F5321" t="s">
        <v>651</v>
      </c>
      <c r="G5321">
        <v>160</v>
      </c>
      <c r="H5321" t="s">
        <v>658</v>
      </c>
      <c r="I5321">
        <v>13755</v>
      </c>
      <c r="J5321" t="s">
        <v>699</v>
      </c>
      <c r="K5321">
        <v>10</v>
      </c>
      <c r="L5321" t="s">
        <v>700</v>
      </c>
      <c r="M5321">
        <v>348</v>
      </c>
      <c r="N5321" t="s">
        <v>654</v>
      </c>
      <c r="O5321">
        <v>3</v>
      </c>
      <c r="P5321" t="s">
        <v>655</v>
      </c>
      <c r="Q5321">
        <v>1</v>
      </c>
      <c r="R5321" t="s">
        <v>669</v>
      </c>
      <c r="S5321">
        <v>1</v>
      </c>
      <c r="T5321" t="s">
        <v>3807</v>
      </c>
      <c r="U5321">
        <v>201</v>
      </c>
      <c r="V5321">
        <v>3</v>
      </c>
      <c r="W5321">
        <v>180</v>
      </c>
      <c r="X5321">
        <v>2020</v>
      </c>
    </row>
    <row r="5322" spans="1:24" x14ac:dyDescent="0.25">
      <c r="A5322">
        <v>3188</v>
      </c>
      <c r="B5322" t="s">
        <v>16</v>
      </c>
      <c r="C5322">
        <v>5</v>
      </c>
      <c r="D5322" t="s">
        <v>439</v>
      </c>
      <c r="E5322">
        <v>47</v>
      </c>
      <c r="F5322" t="s">
        <v>651</v>
      </c>
      <c r="G5322">
        <v>160</v>
      </c>
      <c r="H5322" t="s">
        <v>658</v>
      </c>
      <c r="I5322">
        <v>13755</v>
      </c>
      <c r="J5322" t="s">
        <v>699</v>
      </c>
      <c r="K5322">
        <v>10</v>
      </c>
      <c r="L5322" t="s">
        <v>3808</v>
      </c>
      <c r="M5322">
        <v>500</v>
      </c>
      <c r="N5322" t="s">
        <v>654</v>
      </c>
      <c r="O5322">
        <v>3</v>
      </c>
      <c r="P5322" t="s">
        <v>655</v>
      </c>
      <c r="Q5322">
        <v>1</v>
      </c>
      <c r="R5322" t="s">
        <v>669</v>
      </c>
      <c r="S5322">
        <v>1</v>
      </c>
      <c r="T5322" t="s">
        <v>3809</v>
      </c>
      <c r="U5322">
        <v>258</v>
      </c>
      <c r="V5322">
        <v>3</v>
      </c>
      <c r="W5322">
        <v>180</v>
      </c>
      <c r="X5322">
        <v>2020</v>
      </c>
    </row>
    <row r="5323" spans="1:24" x14ac:dyDescent="0.25">
      <c r="A5323">
        <v>3187</v>
      </c>
      <c r="B5323" t="s">
        <v>16</v>
      </c>
      <c r="C5323">
        <v>5</v>
      </c>
      <c r="D5323" t="s">
        <v>439</v>
      </c>
      <c r="E5323">
        <v>47</v>
      </c>
      <c r="F5323" t="s">
        <v>651</v>
      </c>
      <c r="G5323">
        <v>160</v>
      </c>
      <c r="H5323" t="s">
        <v>658</v>
      </c>
      <c r="I5323">
        <v>13755</v>
      </c>
      <c r="J5323" t="s">
        <v>699</v>
      </c>
      <c r="K5323">
        <v>10</v>
      </c>
      <c r="L5323" t="s">
        <v>3808</v>
      </c>
      <c r="M5323">
        <v>500</v>
      </c>
      <c r="N5323" t="s">
        <v>654</v>
      </c>
      <c r="O5323">
        <v>3</v>
      </c>
      <c r="P5323" t="s">
        <v>655</v>
      </c>
      <c r="Q5323">
        <v>1</v>
      </c>
      <c r="R5323" t="s">
        <v>669</v>
      </c>
      <c r="S5323">
        <v>1</v>
      </c>
      <c r="T5323" t="s">
        <v>3810</v>
      </c>
      <c r="U5323">
        <v>257</v>
      </c>
      <c r="V5323">
        <v>3</v>
      </c>
      <c r="W5323">
        <v>180</v>
      </c>
      <c r="X5323">
        <v>2020</v>
      </c>
    </row>
    <row r="5324" spans="1:24" x14ac:dyDescent="0.25">
      <c r="A5324">
        <v>3186</v>
      </c>
      <c r="B5324" t="s">
        <v>16</v>
      </c>
      <c r="C5324">
        <v>5</v>
      </c>
      <c r="D5324" t="s">
        <v>439</v>
      </c>
      <c r="E5324">
        <v>47</v>
      </c>
      <c r="F5324" t="s">
        <v>651</v>
      </c>
      <c r="G5324">
        <v>160</v>
      </c>
      <c r="H5324" t="s">
        <v>658</v>
      </c>
      <c r="I5324">
        <v>13755</v>
      </c>
      <c r="J5324" t="s">
        <v>699</v>
      </c>
      <c r="K5324">
        <v>10</v>
      </c>
      <c r="L5324" t="s">
        <v>1692</v>
      </c>
      <c r="M5324">
        <v>502</v>
      </c>
      <c r="N5324" t="s">
        <v>654</v>
      </c>
      <c r="O5324">
        <v>3</v>
      </c>
      <c r="P5324" t="s">
        <v>655</v>
      </c>
      <c r="Q5324">
        <v>1</v>
      </c>
      <c r="R5324" t="s">
        <v>669</v>
      </c>
      <c r="S5324">
        <v>1</v>
      </c>
      <c r="T5324" t="s">
        <v>3811</v>
      </c>
      <c r="U5324">
        <v>255</v>
      </c>
      <c r="V5324">
        <v>3</v>
      </c>
      <c r="W5324">
        <v>180</v>
      </c>
      <c r="X5324">
        <v>2020</v>
      </c>
    </row>
    <row r="5325" spans="1:24" x14ac:dyDescent="0.25">
      <c r="A5325">
        <v>3185</v>
      </c>
      <c r="B5325" t="s">
        <v>16</v>
      </c>
      <c r="C5325">
        <v>5</v>
      </c>
      <c r="D5325" t="s">
        <v>439</v>
      </c>
      <c r="E5325">
        <v>47</v>
      </c>
      <c r="F5325" t="s">
        <v>651</v>
      </c>
      <c r="G5325">
        <v>160</v>
      </c>
      <c r="H5325" t="s">
        <v>658</v>
      </c>
      <c r="I5325">
        <v>13755</v>
      </c>
      <c r="J5325" t="s">
        <v>699</v>
      </c>
      <c r="K5325">
        <v>10</v>
      </c>
      <c r="L5325" t="s">
        <v>1932</v>
      </c>
      <c r="M5325">
        <v>501</v>
      </c>
      <c r="N5325" t="s">
        <v>654</v>
      </c>
      <c r="O5325">
        <v>3</v>
      </c>
      <c r="P5325" t="s">
        <v>655</v>
      </c>
      <c r="Q5325">
        <v>1</v>
      </c>
      <c r="R5325" t="s">
        <v>669</v>
      </c>
      <c r="S5325">
        <v>1</v>
      </c>
      <c r="T5325" t="s">
        <v>1411</v>
      </c>
      <c r="U5325">
        <v>195</v>
      </c>
      <c r="V5325">
        <v>3</v>
      </c>
      <c r="W5325">
        <v>180</v>
      </c>
      <c r="X5325">
        <v>2020</v>
      </c>
    </row>
    <row r="5326" spans="1:24" x14ac:dyDescent="0.25">
      <c r="A5326">
        <v>3158</v>
      </c>
      <c r="B5326" t="s">
        <v>16</v>
      </c>
      <c r="C5326">
        <v>5</v>
      </c>
      <c r="D5326" t="s">
        <v>426</v>
      </c>
      <c r="E5326">
        <v>46</v>
      </c>
      <c r="F5326" t="s">
        <v>651</v>
      </c>
      <c r="G5326">
        <v>160</v>
      </c>
      <c r="H5326" t="s">
        <v>658</v>
      </c>
      <c r="I5326">
        <v>13755</v>
      </c>
      <c r="J5326" t="s">
        <v>699</v>
      </c>
      <c r="K5326">
        <v>10</v>
      </c>
      <c r="L5326" t="s">
        <v>1096</v>
      </c>
      <c r="M5326">
        <v>341</v>
      </c>
      <c r="N5326" t="s">
        <v>654</v>
      </c>
      <c r="O5326">
        <v>3</v>
      </c>
      <c r="P5326" t="s">
        <v>655</v>
      </c>
      <c r="Q5326">
        <v>1</v>
      </c>
      <c r="R5326" t="s">
        <v>669</v>
      </c>
      <c r="S5326">
        <v>1</v>
      </c>
      <c r="T5326" t="s">
        <v>1750</v>
      </c>
      <c r="U5326">
        <v>13</v>
      </c>
      <c r="V5326">
        <v>3</v>
      </c>
      <c r="W5326">
        <v>180</v>
      </c>
      <c r="X5326">
        <v>2020</v>
      </c>
    </row>
    <row r="5327" spans="1:24" x14ac:dyDescent="0.25">
      <c r="A5327">
        <v>3157</v>
      </c>
      <c r="B5327" t="s">
        <v>16</v>
      </c>
      <c r="C5327">
        <v>5</v>
      </c>
      <c r="D5327" t="s">
        <v>426</v>
      </c>
      <c r="E5327">
        <v>46</v>
      </c>
      <c r="F5327" t="s">
        <v>651</v>
      </c>
      <c r="G5327">
        <v>160</v>
      </c>
      <c r="H5327" t="s">
        <v>658</v>
      </c>
      <c r="I5327">
        <v>13755</v>
      </c>
      <c r="J5327" t="s">
        <v>699</v>
      </c>
      <c r="K5327">
        <v>10</v>
      </c>
      <c r="L5327" t="s">
        <v>1096</v>
      </c>
      <c r="M5327">
        <v>341</v>
      </c>
      <c r="N5327" t="s">
        <v>654</v>
      </c>
      <c r="O5327">
        <v>3</v>
      </c>
      <c r="P5327" t="s">
        <v>655</v>
      </c>
      <c r="Q5327">
        <v>1</v>
      </c>
      <c r="R5327" t="s">
        <v>669</v>
      </c>
      <c r="S5327">
        <v>1</v>
      </c>
      <c r="T5327" t="s">
        <v>1752</v>
      </c>
      <c r="U5327">
        <v>15</v>
      </c>
      <c r="V5327">
        <v>3</v>
      </c>
      <c r="W5327">
        <v>180</v>
      </c>
      <c r="X5327">
        <v>2020</v>
      </c>
    </row>
    <row r="5328" spans="1:24" x14ac:dyDescent="0.25">
      <c r="A5328">
        <v>3156</v>
      </c>
      <c r="B5328" t="s">
        <v>16</v>
      </c>
      <c r="C5328">
        <v>5</v>
      </c>
      <c r="D5328" t="s">
        <v>426</v>
      </c>
      <c r="E5328">
        <v>46</v>
      </c>
      <c r="F5328" t="s">
        <v>651</v>
      </c>
      <c r="G5328">
        <v>160</v>
      </c>
      <c r="H5328" t="s">
        <v>658</v>
      </c>
      <c r="I5328">
        <v>13755</v>
      </c>
      <c r="J5328" t="s">
        <v>699</v>
      </c>
      <c r="K5328">
        <v>10</v>
      </c>
      <c r="L5328" t="s">
        <v>1096</v>
      </c>
      <c r="M5328">
        <v>341</v>
      </c>
      <c r="N5328" t="s">
        <v>654</v>
      </c>
      <c r="O5328">
        <v>3</v>
      </c>
      <c r="P5328" t="s">
        <v>655</v>
      </c>
      <c r="Q5328">
        <v>1</v>
      </c>
      <c r="R5328" t="s">
        <v>669</v>
      </c>
      <c r="S5328">
        <v>1</v>
      </c>
      <c r="T5328" t="s">
        <v>1751</v>
      </c>
      <c r="U5328">
        <v>14</v>
      </c>
      <c r="V5328">
        <v>3</v>
      </c>
      <c r="W5328">
        <v>180</v>
      </c>
      <c r="X5328">
        <v>2020</v>
      </c>
    </row>
    <row r="5329" spans="1:24" x14ac:dyDescent="0.25">
      <c r="A5329">
        <v>3155</v>
      </c>
      <c r="B5329" t="s">
        <v>16</v>
      </c>
      <c r="C5329">
        <v>5</v>
      </c>
      <c r="D5329" t="s">
        <v>426</v>
      </c>
      <c r="E5329">
        <v>46</v>
      </c>
      <c r="F5329" t="s">
        <v>651</v>
      </c>
      <c r="G5329">
        <v>160</v>
      </c>
      <c r="H5329" t="s">
        <v>658</v>
      </c>
      <c r="I5329">
        <v>13755</v>
      </c>
      <c r="J5329" t="s">
        <v>699</v>
      </c>
      <c r="K5329">
        <v>10</v>
      </c>
      <c r="L5329" t="s">
        <v>1096</v>
      </c>
      <c r="M5329">
        <v>341</v>
      </c>
      <c r="N5329" t="s">
        <v>654</v>
      </c>
      <c r="O5329">
        <v>3</v>
      </c>
      <c r="P5329" t="s">
        <v>655</v>
      </c>
      <c r="Q5329">
        <v>1</v>
      </c>
      <c r="R5329" t="s">
        <v>669</v>
      </c>
      <c r="S5329">
        <v>1</v>
      </c>
      <c r="T5329" t="s">
        <v>1749</v>
      </c>
      <c r="U5329">
        <v>12</v>
      </c>
      <c r="V5329">
        <v>3</v>
      </c>
      <c r="W5329">
        <v>180</v>
      </c>
      <c r="X5329">
        <v>2020</v>
      </c>
    </row>
    <row r="5330" spans="1:24" x14ac:dyDescent="0.25">
      <c r="A5330">
        <v>3154</v>
      </c>
      <c r="B5330" t="s">
        <v>16</v>
      </c>
      <c r="C5330">
        <v>5</v>
      </c>
      <c r="D5330" t="s">
        <v>426</v>
      </c>
      <c r="E5330">
        <v>46</v>
      </c>
      <c r="F5330" t="s">
        <v>651</v>
      </c>
      <c r="G5330">
        <v>160</v>
      </c>
      <c r="H5330" t="s">
        <v>658</v>
      </c>
      <c r="I5330">
        <v>13755</v>
      </c>
      <c r="J5330" t="s">
        <v>699</v>
      </c>
      <c r="K5330">
        <v>10</v>
      </c>
      <c r="L5330" t="s">
        <v>1096</v>
      </c>
      <c r="M5330">
        <v>341</v>
      </c>
      <c r="N5330" t="s">
        <v>654</v>
      </c>
      <c r="O5330">
        <v>3</v>
      </c>
      <c r="P5330" t="s">
        <v>655</v>
      </c>
      <c r="Q5330">
        <v>1</v>
      </c>
      <c r="R5330" t="s">
        <v>669</v>
      </c>
      <c r="S5330">
        <v>1</v>
      </c>
      <c r="T5330" t="s">
        <v>1611</v>
      </c>
      <c r="U5330">
        <v>11</v>
      </c>
      <c r="V5330">
        <v>3</v>
      </c>
      <c r="W5330">
        <v>180</v>
      </c>
      <c r="X5330">
        <v>2020</v>
      </c>
    </row>
    <row r="5331" spans="1:24" x14ac:dyDescent="0.25">
      <c r="A5331">
        <v>3153</v>
      </c>
      <c r="B5331" t="s">
        <v>16</v>
      </c>
      <c r="C5331">
        <v>5</v>
      </c>
      <c r="D5331" t="s">
        <v>426</v>
      </c>
      <c r="E5331">
        <v>46</v>
      </c>
      <c r="F5331" t="s">
        <v>651</v>
      </c>
      <c r="G5331">
        <v>160</v>
      </c>
      <c r="H5331" t="s">
        <v>658</v>
      </c>
      <c r="I5331">
        <v>13755</v>
      </c>
      <c r="J5331" t="s">
        <v>699</v>
      </c>
      <c r="K5331">
        <v>10</v>
      </c>
      <c r="L5331" t="s">
        <v>1096</v>
      </c>
      <c r="M5331">
        <v>341</v>
      </c>
      <c r="N5331" t="s">
        <v>654</v>
      </c>
      <c r="O5331">
        <v>3</v>
      </c>
      <c r="P5331" t="s">
        <v>655</v>
      </c>
      <c r="Q5331">
        <v>1</v>
      </c>
      <c r="R5331" t="s">
        <v>669</v>
      </c>
      <c r="S5331">
        <v>1</v>
      </c>
      <c r="T5331" t="s">
        <v>1295</v>
      </c>
      <c r="U5331">
        <v>10</v>
      </c>
      <c r="V5331">
        <v>3</v>
      </c>
      <c r="W5331">
        <v>180</v>
      </c>
      <c r="X5331">
        <v>2020</v>
      </c>
    </row>
    <row r="5332" spans="1:24" x14ac:dyDescent="0.25">
      <c r="A5332">
        <v>3152</v>
      </c>
      <c r="B5332" t="s">
        <v>14</v>
      </c>
      <c r="C5332">
        <v>20</v>
      </c>
      <c r="D5332" t="s">
        <v>426</v>
      </c>
      <c r="E5332">
        <v>145</v>
      </c>
      <c r="F5332" t="s">
        <v>651</v>
      </c>
      <c r="G5332">
        <v>160</v>
      </c>
      <c r="H5332" t="s">
        <v>739</v>
      </c>
      <c r="I5332">
        <v>4413</v>
      </c>
      <c r="J5332" t="s">
        <v>699</v>
      </c>
      <c r="K5332">
        <v>10</v>
      </c>
      <c r="L5332" t="s">
        <v>3812</v>
      </c>
      <c r="M5332">
        <v>503</v>
      </c>
      <c r="N5332" t="s">
        <v>654</v>
      </c>
      <c r="O5332">
        <v>3</v>
      </c>
      <c r="P5332" t="s">
        <v>655</v>
      </c>
      <c r="Q5332">
        <v>1</v>
      </c>
      <c r="R5332" t="s">
        <v>669</v>
      </c>
      <c r="S5332">
        <v>1</v>
      </c>
      <c r="T5332" t="s">
        <v>3813</v>
      </c>
      <c r="U5332">
        <v>168</v>
      </c>
      <c r="V5332">
        <v>3</v>
      </c>
      <c r="W5332">
        <v>180</v>
      </c>
      <c r="X5332">
        <v>2020</v>
      </c>
    </row>
    <row r="5333" spans="1:24" x14ac:dyDescent="0.25">
      <c r="A5333">
        <v>3151</v>
      </c>
      <c r="B5333" t="s">
        <v>14</v>
      </c>
      <c r="C5333">
        <v>20</v>
      </c>
      <c r="D5333" t="s">
        <v>426</v>
      </c>
      <c r="E5333">
        <v>145</v>
      </c>
      <c r="F5333" t="s">
        <v>651</v>
      </c>
      <c r="G5333">
        <v>160</v>
      </c>
      <c r="H5333" t="s">
        <v>739</v>
      </c>
      <c r="I5333">
        <v>4413</v>
      </c>
      <c r="J5333" t="s">
        <v>699</v>
      </c>
      <c r="K5333">
        <v>10</v>
      </c>
      <c r="L5333" t="s">
        <v>3814</v>
      </c>
      <c r="M5333">
        <v>504</v>
      </c>
      <c r="N5333" t="s">
        <v>654</v>
      </c>
      <c r="O5333">
        <v>3</v>
      </c>
      <c r="P5333" t="s">
        <v>655</v>
      </c>
      <c r="Q5333">
        <v>1</v>
      </c>
      <c r="R5333" t="s">
        <v>669</v>
      </c>
      <c r="S5333">
        <v>1</v>
      </c>
      <c r="T5333" t="s">
        <v>3815</v>
      </c>
      <c r="U5333">
        <v>182</v>
      </c>
      <c r="V5333">
        <v>3</v>
      </c>
      <c r="W5333">
        <v>180</v>
      </c>
      <c r="X5333">
        <v>2020</v>
      </c>
    </row>
    <row r="5334" spans="1:24" x14ac:dyDescent="0.25">
      <c r="A5334">
        <v>3150</v>
      </c>
      <c r="B5334" t="s">
        <v>14</v>
      </c>
      <c r="C5334">
        <v>20</v>
      </c>
      <c r="D5334" t="s">
        <v>426</v>
      </c>
      <c r="E5334">
        <v>145</v>
      </c>
      <c r="F5334" t="s">
        <v>651</v>
      </c>
      <c r="G5334">
        <v>160</v>
      </c>
      <c r="H5334" t="s">
        <v>739</v>
      </c>
      <c r="I5334">
        <v>4413</v>
      </c>
      <c r="J5334" t="s">
        <v>699</v>
      </c>
      <c r="K5334">
        <v>10</v>
      </c>
      <c r="L5334" t="s">
        <v>3814</v>
      </c>
      <c r="M5334">
        <v>504</v>
      </c>
      <c r="N5334" t="s">
        <v>654</v>
      </c>
      <c r="O5334">
        <v>3</v>
      </c>
      <c r="P5334" t="s">
        <v>655</v>
      </c>
      <c r="Q5334">
        <v>1</v>
      </c>
      <c r="R5334" t="s">
        <v>669</v>
      </c>
      <c r="S5334">
        <v>1</v>
      </c>
      <c r="T5334" t="s">
        <v>3816</v>
      </c>
      <c r="U5334">
        <v>181</v>
      </c>
      <c r="V5334">
        <v>3</v>
      </c>
      <c r="W5334">
        <v>180</v>
      </c>
      <c r="X5334">
        <v>2020</v>
      </c>
    </row>
    <row r="5335" spans="1:24" x14ac:dyDescent="0.25">
      <c r="A5335">
        <v>3149</v>
      </c>
      <c r="B5335" t="s">
        <v>14</v>
      </c>
      <c r="C5335">
        <v>20</v>
      </c>
      <c r="D5335" t="s">
        <v>426</v>
      </c>
      <c r="E5335">
        <v>145</v>
      </c>
      <c r="F5335" t="s">
        <v>651</v>
      </c>
      <c r="G5335">
        <v>160</v>
      </c>
      <c r="H5335" t="s">
        <v>739</v>
      </c>
      <c r="I5335">
        <v>4413</v>
      </c>
      <c r="J5335" t="s">
        <v>699</v>
      </c>
      <c r="K5335">
        <v>10</v>
      </c>
      <c r="L5335" t="s">
        <v>1757</v>
      </c>
      <c r="M5335">
        <v>349</v>
      </c>
      <c r="N5335" t="s">
        <v>654</v>
      </c>
      <c r="O5335">
        <v>3</v>
      </c>
      <c r="P5335" t="s">
        <v>655</v>
      </c>
      <c r="Q5335">
        <v>1</v>
      </c>
      <c r="R5335" t="s">
        <v>669</v>
      </c>
      <c r="S5335">
        <v>1</v>
      </c>
      <c r="T5335" t="s">
        <v>3734</v>
      </c>
      <c r="U5335">
        <v>193</v>
      </c>
      <c r="V5335">
        <v>3</v>
      </c>
      <c r="W5335">
        <v>180</v>
      </c>
      <c r="X5335">
        <v>2020</v>
      </c>
    </row>
    <row r="5336" spans="1:24" x14ac:dyDescent="0.25">
      <c r="A5336">
        <v>3148</v>
      </c>
      <c r="B5336" t="s">
        <v>14</v>
      </c>
      <c r="C5336">
        <v>20</v>
      </c>
      <c r="D5336" t="s">
        <v>426</v>
      </c>
      <c r="E5336">
        <v>145</v>
      </c>
      <c r="F5336" t="s">
        <v>651</v>
      </c>
      <c r="G5336">
        <v>160</v>
      </c>
      <c r="H5336" t="s">
        <v>739</v>
      </c>
      <c r="I5336">
        <v>4413</v>
      </c>
      <c r="J5336" t="s">
        <v>699</v>
      </c>
      <c r="K5336">
        <v>10</v>
      </c>
      <c r="L5336" t="s">
        <v>1757</v>
      </c>
      <c r="M5336">
        <v>349</v>
      </c>
      <c r="N5336" t="s">
        <v>654</v>
      </c>
      <c r="O5336">
        <v>3</v>
      </c>
      <c r="P5336" t="s">
        <v>655</v>
      </c>
      <c r="Q5336">
        <v>1</v>
      </c>
      <c r="R5336" t="s">
        <v>669</v>
      </c>
      <c r="S5336">
        <v>1</v>
      </c>
      <c r="T5336" t="s">
        <v>3735</v>
      </c>
      <c r="U5336">
        <v>192</v>
      </c>
      <c r="V5336">
        <v>3</v>
      </c>
      <c r="W5336">
        <v>180</v>
      </c>
      <c r="X5336">
        <v>2020</v>
      </c>
    </row>
    <row r="5337" spans="1:24" x14ac:dyDescent="0.25">
      <c r="A5337">
        <v>3147</v>
      </c>
      <c r="B5337" t="s">
        <v>14</v>
      </c>
      <c r="C5337">
        <v>20</v>
      </c>
      <c r="D5337" t="s">
        <v>426</v>
      </c>
      <c r="E5337">
        <v>145</v>
      </c>
      <c r="F5337" t="s">
        <v>651</v>
      </c>
      <c r="G5337">
        <v>160</v>
      </c>
      <c r="H5337" t="s">
        <v>739</v>
      </c>
      <c r="I5337">
        <v>4413</v>
      </c>
      <c r="J5337" t="s">
        <v>699</v>
      </c>
      <c r="K5337">
        <v>10</v>
      </c>
      <c r="L5337" t="s">
        <v>1692</v>
      </c>
      <c r="M5337">
        <v>502</v>
      </c>
      <c r="N5337" t="s">
        <v>654</v>
      </c>
      <c r="O5337">
        <v>3</v>
      </c>
      <c r="P5337" t="s">
        <v>655</v>
      </c>
      <c r="Q5337">
        <v>1</v>
      </c>
      <c r="R5337" t="s">
        <v>669</v>
      </c>
      <c r="S5337">
        <v>1</v>
      </c>
      <c r="T5337" t="s">
        <v>3817</v>
      </c>
      <c r="U5337">
        <v>176</v>
      </c>
      <c r="V5337">
        <v>3</v>
      </c>
      <c r="W5337">
        <v>180</v>
      </c>
      <c r="X5337">
        <v>2020</v>
      </c>
    </row>
    <row r="5338" spans="1:24" x14ac:dyDescent="0.25">
      <c r="A5338">
        <v>3146</v>
      </c>
      <c r="B5338" t="s">
        <v>14</v>
      </c>
      <c r="C5338">
        <v>20</v>
      </c>
      <c r="D5338" t="s">
        <v>426</v>
      </c>
      <c r="E5338">
        <v>145</v>
      </c>
      <c r="F5338" t="s">
        <v>651</v>
      </c>
      <c r="G5338">
        <v>160</v>
      </c>
      <c r="H5338" t="s">
        <v>739</v>
      </c>
      <c r="I5338">
        <v>4413</v>
      </c>
      <c r="J5338" t="s">
        <v>699</v>
      </c>
      <c r="K5338">
        <v>10</v>
      </c>
      <c r="L5338" t="s">
        <v>1692</v>
      </c>
      <c r="M5338">
        <v>502</v>
      </c>
      <c r="N5338" t="s">
        <v>654</v>
      </c>
      <c r="O5338">
        <v>3</v>
      </c>
      <c r="P5338" t="s">
        <v>655</v>
      </c>
      <c r="Q5338">
        <v>1</v>
      </c>
      <c r="R5338" t="s">
        <v>669</v>
      </c>
      <c r="S5338">
        <v>1</v>
      </c>
      <c r="T5338" t="s">
        <v>3722</v>
      </c>
      <c r="U5338">
        <v>180</v>
      </c>
      <c r="V5338">
        <v>3</v>
      </c>
      <c r="W5338">
        <v>180</v>
      </c>
      <c r="X5338">
        <v>2020</v>
      </c>
    </row>
    <row r="5339" spans="1:24" x14ac:dyDescent="0.25">
      <c r="A5339">
        <v>3145</v>
      </c>
      <c r="B5339" t="s">
        <v>14</v>
      </c>
      <c r="C5339">
        <v>20</v>
      </c>
      <c r="D5339" t="s">
        <v>426</v>
      </c>
      <c r="E5339">
        <v>145</v>
      </c>
      <c r="F5339" t="s">
        <v>651</v>
      </c>
      <c r="G5339">
        <v>160</v>
      </c>
      <c r="H5339" t="s">
        <v>739</v>
      </c>
      <c r="I5339">
        <v>4413</v>
      </c>
      <c r="J5339" t="s">
        <v>699</v>
      </c>
      <c r="K5339">
        <v>10</v>
      </c>
      <c r="L5339" t="s">
        <v>1692</v>
      </c>
      <c r="M5339">
        <v>502</v>
      </c>
      <c r="N5339" t="s">
        <v>654</v>
      </c>
      <c r="O5339">
        <v>3</v>
      </c>
      <c r="P5339" t="s">
        <v>655</v>
      </c>
      <c r="Q5339">
        <v>1</v>
      </c>
      <c r="R5339" t="s">
        <v>669</v>
      </c>
      <c r="S5339">
        <v>1</v>
      </c>
      <c r="T5339" t="s">
        <v>3725</v>
      </c>
      <c r="U5339">
        <v>179</v>
      </c>
      <c r="V5339">
        <v>3</v>
      </c>
      <c r="W5339">
        <v>180</v>
      </c>
      <c r="X5339">
        <v>2020</v>
      </c>
    </row>
    <row r="5340" spans="1:24" x14ac:dyDescent="0.25">
      <c r="A5340">
        <v>3144</v>
      </c>
      <c r="B5340" t="s">
        <v>14</v>
      </c>
      <c r="C5340">
        <v>20</v>
      </c>
      <c r="D5340" t="s">
        <v>426</v>
      </c>
      <c r="E5340">
        <v>145</v>
      </c>
      <c r="F5340" t="s">
        <v>651</v>
      </c>
      <c r="G5340">
        <v>160</v>
      </c>
      <c r="H5340" t="s">
        <v>739</v>
      </c>
      <c r="I5340">
        <v>4413</v>
      </c>
      <c r="J5340" t="s">
        <v>699</v>
      </c>
      <c r="K5340">
        <v>10</v>
      </c>
      <c r="L5340" t="s">
        <v>1692</v>
      </c>
      <c r="M5340">
        <v>502</v>
      </c>
      <c r="N5340" t="s">
        <v>654</v>
      </c>
      <c r="O5340">
        <v>3</v>
      </c>
      <c r="P5340" t="s">
        <v>655</v>
      </c>
      <c r="Q5340">
        <v>1</v>
      </c>
      <c r="R5340" t="s">
        <v>669</v>
      </c>
      <c r="S5340">
        <v>1</v>
      </c>
      <c r="T5340" t="s">
        <v>3818</v>
      </c>
      <c r="U5340">
        <v>178</v>
      </c>
      <c r="V5340">
        <v>3</v>
      </c>
      <c r="W5340">
        <v>180</v>
      </c>
      <c r="X5340">
        <v>2020</v>
      </c>
    </row>
    <row r="5341" spans="1:24" x14ac:dyDescent="0.25">
      <c r="A5341">
        <v>3143</v>
      </c>
      <c r="B5341" t="s">
        <v>14</v>
      </c>
      <c r="C5341">
        <v>20</v>
      </c>
      <c r="D5341" t="s">
        <v>426</v>
      </c>
      <c r="E5341">
        <v>145</v>
      </c>
      <c r="F5341" t="s">
        <v>651</v>
      </c>
      <c r="G5341">
        <v>160</v>
      </c>
      <c r="H5341" t="s">
        <v>739</v>
      </c>
      <c r="I5341">
        <v>4413</v>
      </c>
      <c r="J5341" t="s">
        <v>699</v>
      </c>
      <c r="K5341">
        <v>10</v>
      </c>
      <c r="L5341" t="s">
        <v>1692</v>
      </c>
      <c r="M5341">
        <v>502</v>
      </c>
      <c r="N5341" t="s">
        <v>654</v>
      </c>
      <c r="O5341">
        <v>3</v>
      </c>
      <c r="P5341" t="s">
        <v>655</v>
      </c>
      <c r="Q5341">
        <v>1</v>
      </c>
      <c r="R5341" t="s">
        <v>669</v>
      </c>
      <c r="S5341">
        <v>1</v>
      </c>
      <c r="T5341" t="s">
        <v>3819</v>
      </c>
      <c r="U5341">
        <v>177</v>
      </c>
      <c r="V5341">
        <v>3</v>
      </c>
      <c r="W5341">
        <v>180</v>
      </c>
      <c r="X5341">
        <v>2020</v>
      </c>
    </row>
    <row r="5342" spans="1:24" x14ac:dyDescent="0.25">
      <c r="A5342">
        <v>3142</v>
      </c>
      <c r="B5342" t="s">
        <v>14</v>
      </c>
      <c r="C5342">
        <v>20</v>
      </c>
      <c r="D5342" t="s">
        <v>426</v>
      </c>
      <c r="E5342">
        <v>145</v>
      </c>
      <c r="F5342" t="s">
        <v>651</v>
      </c>
      <c r="G5342">
        <v>160</v>
      </c>
      <c r="H5342" t="s">
        <v>739</v>
      </c>
      <c r="I5342">
        <v>4413</v>
      </c>
      <c r="J5342" t="s">
        <v>699</v>
      </c>
      <c r="K5342">
        <v>10</v>
      </c>
      <c r="L5342" t="s">
        <v>1692</v>
      </c>
      <c r="M5342">
        <v>502</v>
      </c>
      <c r="N5342" t="s">
        <v>654</v>
      </c>
      <c r="O5342">
        <v>3</v>
      </c>
      <c r="P5342" t="s">
        <v>655</v>
      </c>
      <c r="Q5342">
        <v>1</v>
      </c>
      <c r="R5342" t="s">
        <v>669</v>
      </c>
      <c r="S5342">
        <v>1</v>
      </c>
      <c r="T5342" t="s">
        <v>3820</v>
      </c>
      <c r="U5342">
        <v>173</v>
      </c>
      <c r="V5342">
        <v>3</v>
      </c>
      <c r="W5342">
        <v>180</v>
      </c>
      <c r="X5342">
        <v>2020</v>
      </c>
    </row>
    <row r="5343" spans="1:24" x14ac:dyDescent="0.25">
      <c r="A5343">
        <v>3141</v>
      </c>
      <c r="B5343" t="s">
        <v>14</v>
      </c>
      <c r="C5343">
        <v>20</v>
      </c>
      <c r="D5343" t="s">
        <v>426</v>
      </c>
      <c r="E5343">
        <v>145</v>
      </c>
      <c r="F5343" t="s">
        <v>651</v>
      </c>
      <c r="G5343">
        <v>160</v>
      </c>
      <c r="H5343" t="s">
        <v>739</v>
      </c>
      <c r="I5343">
        <v>4413</v>
      </c>
      <c r="J5343" t="s">
        <v>699</v>
      </c>
      <c r="K5343">
        <v>10</v>
      </c>
      <c r="L5343" t="s">
        <v>1692</v>
      </c>
      <c r="M5343">
        <v>502</v>
      </c>
      <c r="N5343" t="s">
        <v>654</v>
      </c>
      <c r="O5343">
        <v>3</v>
      </c>
      <c r="P5343" t="s">
        <v>655</v>
      </c>
      <c r="Q5343">
        <v>1</v>
      </c>
      <c r="R5343" t="s">
        <v>669</v>
      </c>
      <c r="S5343">
        <v>1</v>
      </c>
      <c r="T5343" t="s">
        <v>3821</v>
      </c>
      <c r="U5343">
        <v>175</v>
      </c>
      <c r="V5343">
        <v>3</v>
      </c>
      <c r="W5343">
        <v>180</v>
      </c>
      <c r="X5343">
        <v>2020</v>
      </c>
    </row>
    <row r="5344" spans="1:24" x14ac:dyDescent="0.25">
      <c r="A5344">
        <v>3140</v>
      </c>
      <c r="B5344" t="s">
        <v>14</v>
      </c>
      <c r="C5344">
        <v>20</v>
      </c>
      <c r="D5344" t="s">
        <v>426</v>
      </c>
      <c r="E5344">
        <v>145</v>
      </c>
      <c r="F5344" t="s">
        <v>651</v>
      </c>
      <c r="G5344">
        <v>160</v>
      </c>
      <c r="H5344" t="s">
        <v>739</v>
      </c>
      <c r="I5344">
        <v>4413</v>
      </c>
      <c r="J5344" t="s">
        <v>699</v>
      </c>
      <c r="K5344">
        <v>10</v>
      </c>
      <c r="L5344" t="s">
        <v>1692</v>
      </c>
      <c r="M5344">
        <v>502</v>
      </c>
      <c r="N5344" t="s">
        <v>654</v>
      </c>
      <c r="O5344">
        <v>3</v>
      </c>
      <c r="P5344" t="s">
        <v>655</v>
      </c>
      <c r="Q5344">
        <v>1</v>
      </c>
      <c r="R5344" t="s">
        <v>669</v>
      </c>
      <c r="S5344">
        <v>1</v>
      </c>
      <c r="T5344" t="s">
        <v>3822</v>
      </c>
      <c r="U5344">
        <v>174</v>
      </c>
      <c r="V5344">
        <v>3</v>
      </c>
      <c r="W5344">
        <v>180</v>
      </c>
      <c r="X5344">
        <v>2020</v>
      </c>
    </row>
    <row r="5345" spans="1:24" x14ac:dyDescent="0.25">
      <c r="A5345">
        <v>3139</v>
      </c>
      <c r="B5345" t="s">
        <v>14</v>
      </c>
      <c r="C5345">
        <v>20</v>
      </c>
      <c r="D5345" t="s">
        <v>426</v>
      </c>
      <c r="E5345">
        <v>145</v>
      </c>
      <c r="F5345" t="s">
        <v>651</v>
      </c>
      <c r="G5345">
        <v>160</v>
      </c>
      <c r="H5345" t="s">
        <v>739</v>
      </c>
      <c r="I5345">
        <v>4413</v>
      </c>
      <c r="J5345" t="s">
        <v>699</v>
      </c>
      <c r="K5345">
        <v>10</v>
      </c>
      <c r="L5345" t="s">
        <v>1692</v>
      </c>
      <c r="M5345">
        <v>502</v>
      </c>
      <c r="N5345" t="s">
        <v>654</v>
      </c>
      <c r="O5345">
        <v>3</v>
      </c>
      <c r="P5345" t="s">
        <v>655</v>
      </c>
      <c r="Q5345">
        <v>1</v>
      </c>
      <c r="R5345" t="s">
        <v>669</v>
      </c>
      <c r="S5345">
        <v>1</v>
      </c>
      <c r="T5345" t="s">
        <v>3823</v>
      </c>
      <c r="U5345">
        <v>172</v>
      </c>
      <c r="V5345">
        <v>3</v>
      </c>
      <c r="W5345">
        <v>180</v>
      </c>
      <c r="X5345">
        <v>2020</v>
      </c>
    </row>
    <row r="5346" spans="1:24" x14ac:dyDescent="0.25">
      <c r="A5346">
        <v>3138</v>
      </c>
      <c r="B5346" t="s">
        <v>14</v>
      </c>
      <c r="C5346">
        <v>20</v>
      </c>
      <c r="D5346" t="s">
        <v>426</v>
      </c>
      <c r="E5346">
        <v>145</v>
      </c>
      <c r="F5346" t="s">
        <v>651</v>
      </c>
      <c r="G5346">
        <v>160</v>
      </c>
      <c r="H5346" t="s">
        <v>739</v>
      </c>
      <c r="I5346">
        <v>4413</v>
      </c>
      <c r="J5346" t="s">
        <v>699</v>
      </c>
      <c r="K5346">
        <v>10</v>
      </c>
      <c r="L5346" t="s">
        <v>1692</v>
      </c>
      <c r="M5346">
        <v>502</v>
      </c>
      <c r="N5346" t="s">
        <v>654</v>
      </c>
      <c r="O5346">
        <v>3</v>
      </c>
      <c r="P5346" t="s">
        <v>655</v>
      </c>
      <c r="Q5346">
        <v>1</v>
      </c>
      <c r="R5346" t="s">
        <v>669</v>
      </c>
      <c r="S5346">
        <v>1</v>
      </c>
      <c r="T5346" t="s">
        <v>3824</v>
      </c>
      <c r="U5346">
        <v>171</v>
      </c>
      <c r="V5346">
        <v>3</v>
      </c>
      <c r="W5346">
        <v>180</v>
      </c>
      <c r="X5346">
        <v>2020</v>
      </c>
    </row>
    <row r="5347" spans="1:24" x14ac:dyDescent="0.25">
      <c r="A5347">
        <v>3137</v>
      </c>
      <c r="B5347" t="s">
        <v>14</v>
      </c>
      <c r="C5347">
        <v>20</v>
      </c>
      <c r="D5347" t="s">
        <v>426</v>
      </c>
      <c r="E5347">
        <v>145</v>
      </c>
      <c r="F5347" t="s">
        <v>651</v>
      </c>
      <c r="G5347">
        <v>160</v>
      </c>
      <c r="H5347" t="s">
        <v>739</v>
      </c>
      <c r="I5347">
        <v>4413</v>
      </c>
      <c r="J5347" t="s">
        <v>699</v>
      </c>
      <c r="K5347">
        <v>10</v>
      </c>
      <c r="L5347" t="s">
        <v>1692</v>
      </c>
      <c r="M5347">
        <v>502</v>
      </c>
      <c r="N5347" t="s">
        <v>654</v>
      </c>
      <c r="O5347">
        <v>3</v>
      </c>
      <c r="P5347" t="s">
        <v>655</v>
      </c>
      <c r="Q5347">
        <v>1</v>
      </c>
      <c r="R5347" t="s">
        <v>669</v>
      </c>
      <c r="S5347">
        <v>1</v>
      </c>
      <c r="T5347" t="s">
        <v>3825</v>
      </c>
      <c r="U5347">
        <v>170</v>
      </c>
      <c r="V5347">
        <v>3</v>
      </c>
      <c r="W5347">
        <v>180</v>
      </c>
      <c r="X5347">
        <v>2020</v>
      </c>
    </row>
    <row r="5348" spans="1:24" x14ac:dyDescent="0.25">
      <c r="A5348">
        <v>3136</v>
      </c>
      <c r="B5348" t="s">
        <v>14</v>
      </c>
      <c r="C5348">
        <v>20</v>
      </c>
      <c r="D5348" t="s">
        <v>426</v>
      </c>
      <c r="E5348">
        <v>145</v>
      </c>
      <c r="F5348" t="s">
        <v>651</v>
      </c>
      <c r="G5348">
        <v>160</v>
      </c>
      <c r="H5348" t="s">
        <v>739</v>
      </c>
      <c r="I5348">
        <v>4413</v>
      </c>
      <c r="J5348" t="s">
        <v>699</v>
      </c>
      <c r="K5348">
        <v>10</v>
      </c>
      <c r="L5348" t="s">
        <v>3826</v>
      </c>
      <c r="M5348">
        <v>506</v>
      </c>
      <c r="N5348" t="s">
        <v>654</v>
      </c>
      <c r="O5348">
        <v>3</v>
      </c>
      <c r="P5348" t="s">
        <v>655</v>
      </c>
      <c r="Q5348">
        <v>1</v>
      </c>
      <c r="R5348" t="s">
        <v>669</v>
      </c>
      <c r="S5348">
        <v>1</v>
      </c>
      <c r="T5348" t="s">
        <v>3705</v>
      </c>
      <c r="U5348">
        <v>169</v>
      </c>
      <c r="V5348">
        <v>3</v>
      </c>
      <c r="W5348">
        <v>180</v>
      </c>
      <c r="X5348">
        <v>2020</v>
      </c>
    </row>
    <row r="5349" spans="1:24" x14ac:dyDescent="0.25">
      <c r="A5349">
        <v>3135</v>
      </c>
      <c r="B5349" t="s">
        <v>14</v>
      </c>
      <c r="C5349">
        <v>20</v>
      </c>
      <c r="D5349" t="s">
        <v>426</v>
      </c>
      <c r="E5349">
        <v>145</v>
      </c>
      <c r="F5349" t="s">
        <v>651</v>
      </c>
      <c r="G5349">
        <v>160</v>
      </c>
      <c r="H5349" t="s">
        <v>739</v>
      </c>
      <c r="I5349">
        <v>4413</v>
      </c>
      <c r="J5349" t="s">
        <v>699</v>
      </c>
      <c r="K5349">
        <v>10</v>
      </c>
      <c r="L5349" t="s">
        <v>1932</v>
      </c>
      <c r="M5349">
        <v>501</v>
      </c>
      <c r="N5349" t="s">
        <v>654</v>
      </c>
      <c r="O5349">
        <v>3</v>
      </c>
      <c r="P5349" t="s">
        <v>655</v>
      </c>
      <c r="Q5349">
        <v>1</v>
      </c>
      <c r="R5349" t="s">
        <v>669</v>
      </c>
      <c r="S5349">
        <v>1</v>
      </c>
      <c r="T5349" t="s">
        <v>3813</v>
      </c>
      <c r="U5349">
        <v>168</v>
      </c>
      <c r="V5349">
        <v>3</v>
      </c>
      <c r="W5349">
        <v>180</v>
      </c>
      <c r="X5349">
        <v>2020</v>
      </c>
    </row>
    <row r="5350" spans="1:24" x14ac:dyDescent="0.25">
      <c r="A5350">
        <v>3134</v>
      </c>
      <c r="B5350" t="s">
        <v>14</v>
      </c>
      <c r="C5350">
        <v>20</v>
      </c>
      <c r="D5350" t="s">
        <v>426</v>
      </c>
      <c r="E5350">
        <v>145</v>
      </c>
      <c r="F5350" t="s">
        <v>651</v>
      </c>
      <c r="G5350">
        <v>160</v>
      </c>
      <c r="H5350" t="s">
        <v>739</v>
      </c>
      <c r="I5350">
        <v>4413</v>
      </c>
      <c r="J5350" t="s">
        <v>699</v>
      </c>
      <c r="K5350">
        <v>10</v>
      </c>
      <c r="L5350" t="s">
        <v>1757</v>
      </c>
      <c r="M5350">
        <v>349</v>
      </c>
      <c r="N5350" t="s">
        <v>654</v>
      </c>
      <c r="O5350">
        <v>3</v>
      </c>
      <c r="P5350" t="s">
        <v>655</v>
      </c>
      <c r="Q5350">
        <v>1</v>
      </c>
      <c r="R5350" t="s">
        <v>669</v>
      </c>
      <c r="S5350">
        <v>1</v>
      </c>
      <c r="T5350" t="s">
        <v>3827</v>
      </c>
      <c r="U5350">
        <v>17</v>
      </c>
      <c r="V5350">
        <v>3</v>
      </c>
      <c r="W5350">
        <v>180</v>
      </c>
      <c r="X5350">
        <v>2020</v>
      </c>
    </row>
    <row r="5351" spans="1:24" x14ac:dyDescent="0.25">
      <c r="A5351">
        <v>3133</v>
      </c>
      <c r="B5351" t="s">
        <v>14</v>
      </c>
      <c r="C5351">
        <v>20</v>
      </c>
      <c r="D5351" t="s">
        <v>426</v>
      </c>
      <c r="E5351">
        <v>145</v>
      </c>
      <c r="F5351" t="s">
        <v>651</v>
      </c>
      <c r="G5351">
        <v>160</v>
      </c>
      <c r="H5351" t="s">
        <v>739</v>
      </c>
      <c r="I5351">
        <v>4413</v>
      </c>
      <c r="J5351" t="s">
        <v>699</v>
      </c>
      <c r="K5351">
        <v>10</v>
      </c>
      <c r="L5351" t="s">
        <v>1757</v>
      </c>
      <c r="M5351">
        <v>349</v>
      </c>
      <c r="N5351" t="s">
        <v>654</v>
      </c>
      <c r="O5351">
        <v>3</v>
      </c>
      <c r="P5351" t="s">
        <v>655</v>
      </c>
      <c r="Q5351">
        <v>1</v>
      </c>
      <c r="R5351" t="s">
        <v>669</v>
      </c>
      <c r="S5351">
        <v>1</v>
      </c>
      <c r="T5351" t="s">
        <v>3747</v>
      </c>
      <c r="U5351">
        <v>20</v>
      </c>
      <c r="V5351">
        <v>3</v>
      </c>
      <c r="W5351">
        <v>180</v>
      </c>
      <c r="X5351">
        <v>2020</v>
      </c>
    </row>
    <row r="5352" spans="1:24" x14ac:dyDescent="0.25">
      <c r="A5352">
        <v>3132</v>
      </c>
      <c r="B5352" t="s">
        <v>14</v>
      </c>
      <c r="C5352">
        <v>20</v>
      </c>
      <c r="D5352" t="s">
        <v>426</v>
      </c>
      <c r="E5352">
        <v>145</v>
      </c>
      <c r="F5352" t="s">
        <v>651</v>
      </c>
      <c r="G5352">
        <v>160</v>
      </c>
      <c r="H5352" t="s">
        <v>739</v>
      </c>
      <c r="I5352">
        <v>4413</v>
      </c>
      <c r="J5352" t="s">
        <v>699</v>
      </c>
      <c r="K5352">
        <v>10</v>
      </c>
      <c r="L5352" t="s">
        <v>1757</v>
      </c>
      <c r="M5352">
        <v>349</v>
      </c>
      <c r="N5352" t="s">
        <v>654</v>
      </c>
      <c r="O5352">
        <v>3</v>
      </c>
      <c r="P5352" t="s">
        <v>655</v>
      </c>
      <c r="Q5352">
        <v>1</v>
      </c>
      <c r="R5352" t="s">
        <v>669</v>
      </c>
      <c r="S5352">
        <v>1</v>
      </c>
      <c r="T5352" t="s">
        <v>3828</v>
      </c>
      <c r="U5352">
        <v>19</v>
      </c>
      <c r="V5352">
        <v>3</v>
      </c>
      <c r="W5352">
        <v>180</v>
      </c>
      <c r="X5352">
        <v>2020</v>
      </c>
    </row>
    <row r="5353" spans="1:24" x14ac:dyDescent="0.25">
      <c r="A5353">
        <v>3131</v>
      </c>
      <c r="B5353" t="s">
        <v>14</v>
      </c>
      <c r="C5353">
        <v>20</v>
      </c>
      <c r="D5353" t="s">
        <v>426</v>
      </c>
      <c r="E5353">
        <v>145</v>
      </c>
      <c r="F5353" t="s">
        <v>651</v>
      </c>
      <c r="G5353">
        <v>160</v>
      </c>
      <c r="H5353" t="s">
        <v>739</v>
      </c>
      <c r="I5353">
        <v>4413</v>
      </c>
      <c r="J5353" t="s">
        <v>699</v>
      </c>
      <c r="K5353">
        <v>10</v>
      </c>
      <c r="L5353" t="s">
        <v>1757</v>
      </c>
      <c r="M5353">
        <v>349</v>
      </c>
      <c r="N5353" t="s">
        <v>654</v>
      </c>
      <c r="O5353">
        <v>3</v>
      </c>
      <c r="P5353" t="s">
        <v>655</v>
      </c>
      <c r="Q5353">
        <v>1</v>
      </c>
      <c r="R5353" t="s">
        <v>669</v>
      </c>
      <c r="S5353">
        <v>1</v>
      </c>
      <c r="T5353" t="s">
        <v>3829</v>
      </c>
      <c r="U5353">
        <v>18</v>
      </c>
      <c r="V5353">
        <v>3</v>
      </c>
      <c r="W5353">
        <v>180</v>
      </c>
      <c r="X5353">
        <v>2020</v>
      </c>
    </row>
    <row r="5354" spans="1:24" x14ac:dyDescent="0.25">
      <c r="A5354">
        <v>3130</v>
      </c>
      <c r="B5354" t="s">
        <v>14</v>
      </c>
      <c r="C5354">
        <v>20</v>
      </c>
      <c r="D5354" t="s">
        <v>426</v>
      </c>
      <c r="E5354">
        <v>145</v>
      </c>
      <c r="F5354" t="s">
        <v>651</v>
      </c>
      <c r="G5354">
        <v>160</v>
      </c>
      <c r="H5354" t="s">
        <v>739</v>
      </c>
      <c r="I5354">
        <v>4413</v>
      </c>
      <c r="J5354" t="s">
        <v>699</v>
      </c>
      <c r="K5354">
        <v>10</v>
      </c>
      <c r="L5354" t="s">
        <v>1757</v>
      </c>
      <c r="M5354">
        <v>349</v>
      </c>
      <c r="N5354" t="s">
        <v>654</v>
      </c>
      <c r="O5354">
        <v>3</v>
      </c>
      <c r="P5354" t="s">
        <v>655</v>
      </c>
      <c r="Q5354">
        <v>1</v>
      </c>
      <c r="R5354" t="s">
        <v>669</v>
      </c>
      <c r="S5354">
        <v>1</v>
      </c>
      <c r="T5354" t="s">
        <v>3830</v>
      </c>
      <c r="U5354">
        <v>16</v>
      </c>
      <c r="V5354">
        <v>3</v>
      </c>
      <c r="W5354">
        <v>180</v>
      </c>
      <c r="X5354">
        <v>2020</v>
      </c>
    </row>
    <row r="5355" spans="1:24" x14ac:dyDescent="0.25">
      <c r="A5355">
        <v>3129</v>
      </c>
      <c r="B5355" t="s">
        <v>14</v>
      </c>
      <c r="C5355">
        <v>20</v>
      </c>
      <c r="D5355" t="s">
        <v>426</v>
      </c>
      <c r="E5355">
        <v>145</v>
      </c>
      <c r="F5355" t="s">
        <v>651</v>
      </c>
      <c r="G5355">
        <v>160</v>
      </c>
      <c r="H5355" t="s">
        <v>739</v>
      </c>
      <c r="I5355">
        <v>4413</v>
      </c>
      <c r="J5355" t="s">
        <v>699</v>
      </c>
      <c r="K5355">
        <v>10</v>
      </c>
      <c r="L5355" t="s">
        <v>1757</v>
      </c>
      <c r="M5355">
        <v>349</v>
      </c>
      <c r="N5355" t="s">
        <v>654</v>
      </c>
      <c r="O5355">
        <v>3</v>
      </c>
      <c r="P5355" t="s">
        <v>655</v>
      </c>
      <c r="Q5355">
        <v>1</v>
      </c>
      <c r="R5355" t="s">
        <v>669</v>
      </c>
      <c r="S5355">
        <v>1</v>
      </c>
      <c r="T5355" t="s">
        <v>1750</v>
      </c>
      <c r="U5355">
        <v>13</v>
      </c>
      <c r="V5355">
        <v>3</v>
      </c>
      <c r="W5355">
        <v>180</v>
      </c>
      <c r="X5355">
        <v>2020</v>
      </c>
    </row>
    <row r="5356" spans="1:24" x14ac:dyDescent="0.25">
      <c r="A5356">
        <v>3128</v>
      </c>
      <c r="B5356" t="s">
        <v>14</v>
      </c>
      <c r="C5356">
        <v>20</v>
      </c>
      <c r="D5356" t="s">
        <v>426</v>
      </c>
      <c r="E5356">
        <v>145</v>
      </c>
      <c r="F5356" t="s">
        <v>651</v>
      </c>
      <c r="G5356">
        <v>160</v>
      </c>
      <c r="H5356" t="s">
        <v>739</v>
      </c>
      <c r="I5356">
        <v>4413</v>
      </c>
      <c r="J5356" t="s">
        <v>699</v>
      </c>
      <c r="K5356">
        <v>10</v>
      </c>
      <c r="L5356" t="s">
        <v>1757</v>
      </c>
      <c r="M5356">
        <v>349</v>
      </c>
      <c r="N5356" t="s">
        <v>654</v>
      </c>
      <c r="O5356">
        <v>3</v>
      </c>
      <c r="P5356" t="s">
        <v>655</v>
      </c>
      <c r="Q5356">
        <v>1</v>
      </c>
      <c r="R5356" t="s">
        <v>669</v>
      </c>
      <c r="S5356">
        <v>1</v>
      </c>
      <c r="T5356" t="s">
        <v>1752</v>
      </c>
      <c r="U5356">
        <v>15</v>
      </c>
      <c r="V5356">
        <v>3</v>
      </c>
      <c r="W5356">
        <v>180</v>
      </c>
      <c r="X5356">
        <v>2020</v>
      </c>
    </row>
    <row r="5357" spans="1:24" x14ac:dyDescent="0.25">
      <c r="A5357">
        <v>3127</v>
      </c>
      <c r="B5357" t="s">
        <v>14</v>
      </c>
      <c r="C5357">
        <v>20</v>
      </c>
      <c r="D5357" t="s">
        <v>426</v>
      </c>
      <c r="E5357">
        <v>145</v>
      </c>
      <c r="F5357" t="s">
        <v>651</v>
      </c>
      <c r="G5357">
        <v>160</v>
      </c>
      <c r="H5357" t="s">
        <v>739</v>
      </c>
      <c r="I5357">
        <v>4413</v>
      </c>
      <c r="J5357" t="s">
        <v>699</v>
      </c>
      <c r="K5357">
        <v>10</v>
      </c>
      <c r="L5357" t="s">
        <v>1757</v>
      </c>
      <c r="M5357">
        <v>349</v>
      </c>
      <c r="N5357" t="s">
        <v>654</v>
      </c>
      <c r="O5357">
        <v>3</v>
      </c>
      <c r="P5357" t="s">
        <v>655</v>
      </c>
      <c r="Q5357">
        <v>1</v>
      </c>
      <c r="R5357" t="s">
        <v>669</v>
      </c>
      <c r="S5357">
        <v>1</v>
      </c>
      <c r="T5357" t="s">
        <v>1751</v>
      </c>
      <c r="U5357">
        <v>14</v>
      </c>
      <c r="V5357">
        <v>3</v>
      </c>
      <c r="W5357">
        <v>180</v>
      </c>
      <c r="X5357">
        <v>2020</v>
      </c>
    </row>
    <row r="5358" spans="1:24" x14ac:dyDescent="0.25">
      <c r="A5358">
        <v>3126</v>
      </c>
      <c r="B5358" t="s">
        <v>14</v>
      </c>
      <c r="C5358">
        <v>20</v>
      </c>
      <c r="D5358" t="s">
        <v>426</v>
      </c>
      <c r="E5358">
        <v>145</v>
      </c>
      <c r="F5358" t="s">
        <v>651</v>
      </c>
      <c r="G5358">
        <v>160</v>
      </c>
      <c r="H5358" t="s">
        <v>739</v>
      </c>
      <c r="I5358">
        <v>4413</v>
      </c>
      <c r="J5358" t="s">
        <v>699</v>
      </c>
      <c r="K5358">
        <v>10</v>
      </c>
      <c r="L5358" t="s">
        <v>1757</v>
      </c>
      <c r="M5358">
        <v>349</v>
      </c>
      <c r="N5358" t="s">
        <v>654</v>
      </c>
      <c r="O5358">
        <v>3</v>
      </c>
      <c r="P5358" t="s">
        <v>655</v>
      </c>
      <c r="Q5358">
        <v>1</v>
      </c>
      <c r="R5358" t="s">
        <v>669</v>
      </c>
      <c r="S5358">
        <v>1</v>
      </c>
      <c r="T5358" t="s">
        <v>1749</v>
      </c>
      <c r="U5358">
        <v>12</v>
      </c>
      <c r="V5358">
        <v>3</v>
      </c>
      <c r="W5358">
        <v>180</v>
      </c>
      <c r="X5358">
        <v>2020</v>
      </c>
    </row>
    <row r="5359" spans="1:24" x14ac:dyDescent="0.25">
      <c r="A5359">
        <v>3125</v>
      </c>
      <c r="B5359" t="s">
        <v>14</v>
      </c>
      <c r="C5359">
        <v>20</v>
      </c>
      <c r="D5359" t="s">
        <v>426</v>
      </c>
      <c r="E5359">
        <v>145</v>
      </c>
      <c r="F5359" t="s">
        <v>651</v>
      </c>
      <c r="G5359">
        <v>160</v>
      </c>
      <c r="H5359" t="s">
        <v>739</v>
      </c>
      <c r="I5359">
        <v>4413</v>
      </c>
      <c r="J5359" t="s">
        <v>699</v>
      </c>
      <c r="K5359">
        <v>10</v>
      </c>
      <c r="L5359" t="s">
        <v>1757</v>
      </c>
      <c r="M5359">
        <v>349</v>
      </c>
      <c r="N5359" t="s">
        <v>654</v>
      </c>
      <c r="O5359">
        <v>3</v>
      </c>
      <c r="P5359" t="s">
        <v>655</v>
      </c>
      <c r="Q5359">
        <v>1</v>
      </c>
      <c r="R5359" t="s">
        <v>669</v>
      </c>
      <c r="S5359">
        <v>1</v>
      </c>
      <c r="T5359" t="s">
        <v>1611</v>
      </c>
      <c r="U5359">
        <v>11</v>
      </c>
      <c r="V5359">
        <v>3</v>
      </c>
      <c r="W5359">
        <v>180</v>
      </c>
      <c r="X5359">
        <v>2020</v>
      </c>
    </row>
    <row r="5360" spans="1:24" x14ac:dyDescent="0.25">
      <c r="A5360">
        <v>3124</v>
      </c>
      <c r="B5360" t="s">
        <v>14</v>
      </c>
      <c r="C5360">
        <v>20</v>
      </c>
      <c r="D5360" t="s">
        <v>426</v>
      </c>
      <c r="E5360">
        <v>145</v>
      </c>
      <c r="F5360" t="s">
        <v>651</v>
      </c>
      <c r="G5360">
        <v>160</v>
      </c>
      <c r="H5360" t="s">
        <v>739</v>
      </c>
      <c r="I5360">
        <v>4413</v>
      </c>
      <c r="J5360" t="s">
        <v>699</v>
      </c>
      <c r="K5360">
        <v>10</v>
      </c>
      <c r="L5360" t="s">
        <v>1757</v>
      </c>
      <c r="M5360">
        <v>349</v>
      </c>
      <c r="N5360" t="s">
        <v>654</v>
      </c>
      <c r="O5360">
        <v>3</v>
      </c>
      <c r="P5360" t="s">
        <v>655</v>
      </c>
      <c r="Q5360">
        <v>1</v>
      </c>
      <c r="R5360" t="s">
        <v>669</v>
      </c>
      <c r="S5360">
        <v>1</v>
      </c>
      <c r="T5360" t="s">
        <v>1295</v>
      </c>
      <c r="U5360">
        <v>10</v>
      </c>
      <c r="V5360">
        <v>3</v>
      </c>
      <c r="W5360">
        <v>180</v>
      </c>
      <c r="X5360">
        <v>2020</v>
      </c>
    </row>
    <row r="5361" spans="1:24" x14ac:dyDescent="0.25">
      <c r="A5361">
        <v>3123</v>
      </c>
      <c r="B5361" t="s">
        <v>14</v>
      </c>
      <c r="C5361">
        <v>20</v>
      </c>
      <c r="D5361" t="s">
        <v>426</v>
      </c>
      <c r="E5361">
        <v>145</v>
      </c>
      <c r="F5361" t="s">
        <v>651</v>
      </c>
      <c r="G5361">
        <v>160</v>
      </c>
      <c r="H5361" t="s">
        <v>739</v>
      </c>
      <c r="I5361">
        <v>4413</v>
      </c>
      <c r="J5361" t="s">
        <v>699</v>
      </c>
      <c r="K5361">
        <v>10</v>
      </c>
      <c r="L5361" t="s">
        <v>3814</v>
      </c>
      <c r="M5361">
        <v>504</v>
      </c>
      <c r="N5361" t="s">
        <v>654</v>
      </c>
      <c r="O5361">
        <v>3</v>
      </c>
      <c r="P5361" t="s">
        <v>655</v>
      </c>
      <c r="Q5361">
        <v>1</v>
      </c>
      <c r="R5361" t="s">
        <v>669</v>
      </c>
      <c r="S5361">
        <v>1</v>
      </c>
      <c r="T5361" t="s">
        <v>3831</v>
      </c>
      <c r="U5361">
        <v>161</v>
      </c>
      <c r="V5361">
        <v>3</v>
      </c>
      <c r="W5361">
        <v>180</v>
      </c>
      <c r="X5361">
        <v>2020</v>
      </c>
    </row>
    <row r="5362" spans="1:24" x14ac:dyDescent="0.25">
      <c r="A5362">
        <v>3122</v>
      </c>
      <c r="B5362" t="s">
        <v>14</v>
      </c>
      <c r="C5362">
        <v>20</v>
      </c>
      <c r="D5362" t="s">
        <v>426</v>
      </c>
      <c r="E5362">
        <v>145</v>
      </c>
      <c r="F5362" t="s">
        <v>651</v>
      </c>
      <c r="G5362">
        <v>160</v>
      </c>
      <c r="H5362" t="s">
        <v>739</v>
      </c>
      <c r="I5362">
        <v>4413</v>
      </c>
      <c r="J5362" t="s">
        <v>699</v>
      </c>
      <c r="K5362">
        <v>10</v>
      </c>
      <c r="L5362" t="s">
        <v>3814</v>
      </c>
      <c r="M5362">
        <v>504</v>
      </c>
      <c r="N5362" t="s">
        <v>654</v>
      </c>
      <c r="O5362">
        <v>3</v>
      </c>
      <c r="P5362" t="s">
        <v>655</v>
      </c>
      <c r="Q5362">
        <v>1</v>
      </c>
      <c r="R5362" t="s">
        <v>669</v>
      </c>
      <c r="S5362">
        <v>1</v>
      </c>
      <c r="T5362" t="s">
        <v>3832</v>
      </c>
      <c r="U5362">
        <v>165</v>
      </c>
      <c r="V5362">
        <v>3</v>
      </c>
      <c r="W5362">
        <v>180</v>
      </c>
      <c r="X5362">
        <v>2020</v>
      </c>
    </row>
    <row r="5363" spans="1:24" x14ac:dyDescent="0.25">
      <c r="A5363">
        <v>3121</v>
      </c>
      <c r="B5363" t="s">
        <v>14</v>
      </c>
      <c r="C5363">
        <v>20</v>
      </c>
      <c r="D5363" t="s">
        <v>426</v>
      </c>
      <c r="E5363">
        <v>145</v>
      </c>
      <c r="F5363" t="s">
        <v>651</v>
      </c>
      <c r="G5363">
        <v>160</v>
      </c>
      <c r="H5363" t="s">
        <v>739</v>
      </c>
      <c r="I5363">
        <v>4413</v>
      </c>
      <c r="J5363" t="s">
        <v>699</v>
      </c>
      <c r="K5363">
        <v>10</v>
      </c>
      <c r="L5363" t="s">
        <v>3812</v>
      </c>
      <c r="M5363">
        <v>503</v>
      </c>
      <c r="N5363" t="s">
        <v>654</v>
      </c>
      <c r="O5363">
        <v>3</v>
      </c>
      <c r="P5363" t="s">
        <v>655</v>
      </c>
      <c r="Q5363">
        <v>1</v>
      </c>
      <c r="R5363" t="s">
        <v>669</v>
      </c>
      <c r="S5363">
        <v>1</v>
      </c>
      <c r="T5363" t="s">
        <v>3833</v>
      </c>
      <c r="U5363">
        <v>153</v>
      </c>
      <c r="V5363">
        <v>3</v>
      </c>
      <c r="W5363">
        <v>180</v>
      </c>
      <c r="X5363">
        <v>2020</v>
      </c>
    </row>
    <row r="5364" spans="1:24" x14ac:dyDescent="0.25">
      <c r="A5364">
        <v>3120</v>
      </c>
      <c r="B5364" t="s">
        <v>14</v>
      </c>
      <c r="C5364">
        <v>20</v>
      </c>
      <c r="D5364" t="s">
        <v>426</v>
      </c>
      <c r="E5364">
        <v>145</v>
      </c>
      <c r="F5364" t="s">
        <v>651</v>
      </c>
      <c r="G5364">
        <v>160</v>
      </c>
      <c r="H5364" t="s">
        <v>739</v>
      </c>
      <c r="I5364">
        <v>4413</v>
      </c>
      <c r="J5364" t="s">
        <v>699</v>
      </c>
      <c r="K5364">
        <v>10</v>
      </c>
      <c r="L5364" t="s">
        <v>3814</v>
      </c>
      <c r="M5364">
        <v>504</v>
      </c>
      <c r="N5364" t="s">
        <v>654</v>
      </c>
      <c r="O5364">
        <v>3</v>
      </c>
      <c r="P5364" t="s">
        <v>655</v>
      </c>
      <c r="Q5364">
        <v>1</v>
      </c>
      <c r="R5364" t="s">
        <v>669</v>
      </c>
      <c r="S5364">
        <v>1</v>
      </c>
      <c r="T5364" t="s">
        <v>3834</v>
      </c>
      <c r="U5364">
        <v>164</v>
      </c>
      <c r="V5364">
        <v>3</v>
      </c>
      <c r="W5364">
        <v>180</v>
      </c>
      <c r="X5364">
        <v>2020</v>
      </c>
    </row>
    <row r="5365" spans="1:24" x14ac:dyDescent="0.25">
      <c r="A5365">
        <v>3119</v>
      </c>
      <c r="B5365" t="s">
        <v>14</v>
      </c>
      <c r="C5365">
        <v>20</v>
      </c>
      <c r="D5365" t="s">
        <v>426</v>
      </c>
      <c r="E5365">
        <v>145</v>
      </c>
      <c r="F5365" t="s">
        <v>651</v>
      </c>
      <c r="G5365">
        <v>160</v>
      </c>
      <c r="H5365" t="s">
        <v>739</v>
      </c>
      <c r="I5365">
        <v>4413</v>
      </c>
      <c r="J5365" t="s">
        <v>699</v>
      </c>
      <c r="K5365">
        <v>10</v>
      </c>
      <c r="L5365" t="s">
        <v>1692</v>
      </c>
      <c r="M5365">
        <v>502</v>
      </c>
      <c r="N5365" t="s">
        <v>654</v>
      </c>
      <c r="O5365">
        <v>3</v>
      </c>
      <c r="P5365" t="s">
        <v>655</v>
      </c>
      <c r="Q5365">
        <v>1</v>
      </c>
      <c r="R5365" t="s">
        <v>669</v>
      </c>
      <c r="S5365">
        <v>1</v>
      </c>
      <c r="T5365" t="s">
        <v>3835</v>
      </c>
      <c r="U5365">
        <v>160</v>
      </c>
      <c r="V5365">
        <v>3</v>
      </c>
      <c r="W5365">
        <v>180</v>
      </c>
      <c r="X5365">
        <v>2020</v>
      </c>
    </row>
    <row r="5366" spans="1:24" x14ac:dyDescent="0.25">
      <c r="A5366">
        <v>3118</v>
      </c>
      <c r="B5366" t="s">
        <v>14</v>
      </c>
      <c r="C5366">
        <v>20</v>
      </c>
      <c r="D5366" t="s">
        <v>426</v>
      </c>
      <c r="E5366">
        <v>145</v>
      </c>
      <c r="F5366" t="s">
        <v>651</v>
      </c>
      <c r="G5366">
        <v>160</v>
      </c>
      <c r="H5366" t="s">
        <v>739</v>
      </c>
      <c r="I5366">
        <v>4413</v>
      </c>
      <c r="J5366" t="s">
        <v>699</v>
      </c>
      <c r="K5366">
        <v>10</v>
      </c>
      <c r="L5366" t="s">
        <v>1692</v>
      </c>
      <c r="M5366">
        <v>502</v>
      </c>
      <c r="N5366" t="s">
        <v>654</v>
      </c>
      <c r="O5366">
        <v>3</v>
      </c>
      <c r="P5366" t="s">
        <v>655</v>
      </c>
      <c r="Q5366">
        <v>1</v>
      </c>
      <c r="R5366" t="s">
        <v>669</v>
      </c>
      <c r="S5366">
        <v>1</v>
      </c>
      <c r="T5366" t="s">
        <v>3836</v>
      </c>
      <c r="U5366">
        <v>159</v>
      </c>
      <c r="V5366">
        <v>3</v>
      </c>
      <c r="W5366">
        <v>180</v>
      </c>
      <c r="X5366">
        <v>2020</v>
      </c>
    </row>
    <row r="5367" spans="1:24" x14ac:dyDescent="0.25">
      <c r="A5367">
        <v>3117</v>
      </c>
      <c r="B5367" t="s">
        <v>14</v>
      </c>
      <c r="C5367">
        <v>20</v>
      </c>
      <c r="D5367" t="s">
        <v>426</v>
      </c>
      <c r="E5367">
        <v>145</v>
      </c>
      <c r="F5367" t="s">
        <v>651</v>
      </c>
      <c r="G5367">
        <v>160</v>
      </c>
      <c r="H5367" t="s">
        <v>739</v>
      </c>
      <c r="I5367">
        <v>4413</v>
      </c>
      <c r="J5367" t="s">
        <v>699</v>
      </c>
      <c r="K5367">
        <v>10</v>
      </c>
      <c r="L5367" t="s">
        <v>1692</v>
      </c>
      <c r="M5367">
        <v>502</v>
      </c>
      <c r="N5367" t="s">
        <v>654</v>
      </c>
      <c r="O5367">
        <v>3</v>
      </c>
      <c r="P5367" t="s">
        <v>655</v>
      </c>
      <c r="Q5367">
        <v>1</v>
      </c>
      <c r="R5367" t="s">
        <v>669</v>
      </c>
      <c r="S5367">
        <v>1</v>
      </c>
      <c r="T5367" t="s">
        <v>3837</v>
      </c>
      <c r="U5367">
        <v>158</v>
      </c>
      <c r="V5367">
        <v>3</v>
      </c>
      <c r="W5367">
        <v>180</v>
      </c>
      <c r="X5367">
        <v>2020</v>
      </c>
    </row>
    <row r="5368" spans="1:24" x14ac:dyDescent="0.25">
      <c r="A5368">
        <v>3116</v>
      </c>
      <c r="B5368" t="s">
        <v>14</v>
      </c>
      <c r="C5368">
        <v>20</v>
      </c>
      <c r="D5368" t="s">
        <v>426</v>
      </c>
      <c r="E5368">
        <v>145</v>
      </c>
      <c r="F5368" t="s">
        <v>651</v>
      </c>
      <c r="G5368">
        <v>160</v>
      </c>
      <c r="H5368" t="s">
        <v>739</v>
      </c>
      <c r="I5368">
        <v>4413</v>
      </c>
      <c r="J5368" t="s">
        <v>699</v>
      </c>
      <c r="K5368">
        <v>10</v>
      </c>
      <c r="L5368" t="s">
        <v>1692</v>
      </c>
      <c r="M5368">
        <v>502</v>
      </c>
      <c r="N5368" t="s">
        <v>654</v>
      </c>
      <c r="O5368">
        <v>3</v>
      </c>
      <c r="P5368" t="s">
        <v>655</v>
      </c>
      <c r="Q5368">
        <v>1</v>
      </c>
      <c r="R5368" t="s">
        <v>669</v>
      </c>
      <c r="S5368">
        <v>1</v>
      </c>
      <c r="T5368" t="s">
        <v>3838</v>
      </c>
      <c r="U5368">
        <v>156</v>
      </c>
      <c r="V5368">
        <v>3</v>
      </c>
      <c r="W5368">
        <v>180</v>
      </c>
      <c r="X5368">
        <v>2020</v>
      </c>
    </row>
    <row r="5369" spans="1:24" x14ac:dyDescent="0.25">
      <c r="A5369">
        <v>3115</v>
      </c>
      <c r="B5369" t="s">
        <v>14</v>
      </c>
      <c r="C5369">
        <v>20</v>
      </c>
      <c r="D5369" t="s">
        <v>426</v>
      </c>
      <c r="E5369">
        <v>145</v>
      </c>
      <c r="F5369" t="s">
        <v>651</v>
      </c>
      <c r="G5369">
        <v>160</v>
      </c>
      <c r="H5369" t="s">
        <v>739</v>
      </c>
      <c r="I5369">
        <v>4413</v>
      </c>
      <c r="J5369" t="s">
        <v>699</v>
      </c>
      <c r="K5369">
        <v>10</v>
      </c>
      <c r="L5369" t="s">
        <v>1692</v>
      </c>
      <c r="M5369">
        <v>502</v>
      </c>
      <c r="N5369" t="s">
        <v>654</v>
      </c>
      <c r="O5369">
        <v>3</v>
      </c>
      <c r="P5369" t="s">
        <v>655</v>
      </c>
      <c r="Q5369">
        <v>1</v>
      </c>
      <c r="R5369" t="s">
        <v>669</v>
      </c>
      <c r="S5369">
        <v>1</v>
      </c>
      <c r="T5369" t="s">
        <v>3839</v>
      </c>
      <c r="U5369">
        <v>157</v>
      </c>
      <c r="V5369">
        <v>3</v>
      </c>
      <c r="W5369">
        <v>180</v>
      </c>
      <c r="X5369">
        <v>2020</v>
      </c>
    </row>
    <row r="5370" spans="1:24" x14ac:dyDescent="0.25">
      <c r="A5370">
        <v>3114</v>
      </c>
      <c r="B5370" t="s">
        <v>14</v>
      </c>
      <c r="C5370">
        <v>20</v>
      </c>
      <c r="D5370" t="s">
        <v>426</v>
      </c>
      <c r="E5370">
        <v>145</v>
      </c>
      <c r="F5370" t="s">
        <v>651</v>
      </c>
      <c r="G5370">
        <v>160</v>
      </c>
      <c r="H5370" t="s">
        <v>739</v>
      </c>
      <c r="I5370">
        <v>4413</v>
      </c>
      <c r="J5370" t="s">
        <v>699</v>
      </c>
      <c r="K5370">
        <v>10</v>
      </c>
      <c r="L5370" t="s">
        <v>1692</v>
      </c>
      <c r="M5370">
        <v>502</v>
      </c>
      <c r="N5370" t="s">
        <v>654</v>
      </c>
      <c r="O5370">
        <v>3</v>
      </c>
      <c r="P5370" t="s">
        <v>655</v>
      </c>
      <c r="Q5370">
        <v>1</v>
      </c>
      <c r="R5370" t="s">
        <v>669</v>
      </c>
      <c r="S5370">
        <v>1</v>
      </c>
      <c r="T5370" t="s">
        <v>3840</v>
      </c>
      <c r="U5370">
        <v>155</v>
      </c>
      <c r="V5370">
        <v>3</v>
      </c>
      <c r="W5370">
        <v>180</v>
      </c>
      <c r="X5370">
        <v>2020</v>
      </c>
    </row>
    <row r="5371" spans="1:24" x14ac:dyDescent="0.25">
      <c r="A5371">
        <v>3113</v>
      </c>
      <c r="B5371" t="s">
        <v>14</v>
      </c>
      <c r="C5371">
        <v>20</v>
      </c>
      <c r="D5371" t="s">
        <v>426</v>
      </c>
      <c r="E5371">
        <v>145</v>
      </c>
      <c r="F5371" t="s">
        <v>651</v>
      </c>
      <c r="G5371">
        <v>160</v>
      </c>
      <c r="H5371" t="s">
        <v>739</v>
      </c>
      <c r="I5371">
        <v>4413</v>
      </c>
      <c r="J5371" t="s">
        <v>699</v>
      </c>
      <c r="K5371">
        <v>10</v>
      </c>
      <c r="L5371" t="s">
        <v>3826</v>
      </c>
      <c r="M5371">
        <v>506</v>
      </c>
      <c r="N5371" t="s">
        <v>654</v>
      </c>
      <c r="O5371">
        <v>3</v>
      </c>
      <c r="P5371" t="s">
        <v>655</v>
      </c>
      <c r="Q5371">
        <v>1</v>
      </c>
      <c r="R5371" t="s">
        <v>669</v>
      </c>
      <c r="S5371">
        <v>1</v>
      </c>
      <c r="T5371" t="s">
        <v>3695</v>
      </c>
      <c r="U5371">
        <v>154</v>
      </c>
      <c r="V5371">
        <v>3</v>
      </c>
      <c r="W5371">
        <v>180</v>
      </c>
      <c r="X5371">
        <v>2020</v>
      </c>
    </row>
    <row r="5372" spans="1:24" x14ac:dyDescent="0.25">
      <c r="A5372">
        <v>3112</v>
      </c>
      <c r="B5372" t="s">
        <v>14</v>
      </c>
      <c r="C5372">
        <v>20</v>
      </c>
      <c r="D5372" t="s">
        <v>426</v>
      </c>
      <c r="E5372">
        <v>145</v>
      </c>
      <c r="F5372" t="s">
        <v>651</v>
      </c>
      <c r="G5372">
        <v>160</v>
      </c>
      <c r="H5372" t="s">
        <v>739</v>
      </c>
      <c r="I5372">
        <v>4413</v>
      </c>
      <c r="J5372" t="s">
        <v>699</v>
      </c>
      <c r="K5372">
        <v>10</v>
      </c>
      <c r="L5372" t="s">
        <v>1932</v>
      </c>
      <c r="M5372">
        <v>501</v>
      </c>
      <c r="N5372" t="s">
        <v>654</v>
      </c>
      <c r="O5372">
        <v>3</v>
      </c>
      <c r="P5372" t="s">
        <v>655</v>
      </c>
      <c r="Q5372">
        <v>1</v>
      </c>
      <c r="R5372" t="s">
        <v>669</v>
      </c>
      <c r="S5372">
        <v>1</v>
      </c>
      <c r="T5372" t="s">
        <v>3833</v>
      </c>
      <c r="U5372">
        <v>153</v>
      </c>
      <c r="V5372">
        <v>3</v>
      </c>
      <c r="W5372">
        <v>180</v>
      </c>
      <c r="X5372">
        <v>2020</v>
      </c>
    </row>
    <row r="5373" spans="1:24" x14ac:dyDescent="0.25">
      <c r="A5373">
        <v>3111</v>
      </c>
      <c r="B5373" t="s">
        <v>14</v>
      </c>
      <c r="C5373">
        <v>20</v>
      </c>
      <c r="D5373" t="s">
        <v>426</v>
      </c>
      <c r="E5373">
        <v>145</v>
      </c>
      <c r="F5373" t="s">
        <v>651</v>
      </c>
      <c r="G5373">
        <v>160</v>
      </c>
      <c r="H5373" t="s">
        <v>739</v>
      </c>
      <c r="I5373">
        <v>4413</v>
      </c>
      <c r="J5373" t="s">
        <v>699</v>
      </c>
      <c r="K5373">
        <v>10</v>
      </c>
      <c r="L5373" t="s">
        <v>1692</v>
      </c>
      <c r="M5373">
        <v>502</v>
      </c>
      <c r="N5373" t="s">
        <v>654</v>
      </c>
      <c r="O5373">
        <v>3</v>
      </c>
      <c r="P5373" t="s">
        <v>655</v>
      </c>
      <c r="Q5373">
        <v>1</v>
      </c>
      <c r="R5373" t="s">
        <v>669</v>
      </c>
      <c r="S5373">
        <v>1</v>
      </c>
      <c r="T5373" t="s">
        <v>3841</v>
      </c>
      <c r="U5373">
        <v>152</v>
      </c>
      <c r="V5373">
        <v>3</v>
      </c>
      <c r="W5373">
        <v>180</v>
      </c>
      <c r="X5373">
        <v>2020</v>
      </c>
    </row>
    <row r="5374" spans="1:24" x14ac:dyDescent="0.25">
      <c r="A5374">
        <v>3110</v>
      </c>
      <c r="B5374" t="s">
        <v>14</v>
      </c>
      <c r="C5374">
        <v>20</v>
      </c>
      <c r="D5374" t="s">
        <v>426</v>
      </c>
      <c r="E5374">
        <v>145</v>
      </c>
      <c r="F5374" t="s">
        <v>651</v>
      </c>
      <c r="G5374">
        <v>160</v>
      </c>
      <c r="H5374" t="s">
        <v>739</v>
      </c>
      <c r="I5374">
        <v>4413</v>
      </c>
      <c r="J5374" t="s">
        <v>699</v>
      </c>
      <c r="K5374">
        <v>10</v>
      </c>
      <c r="L5374" t="s">
        <v>1692</v>
      </c>
      <c r="M5374">
        <v>502</v>
      </c>
      <c r="N5374" t="s">
        <v>654</v>
      </c>
      <c r="O5374">
        <v>3</v>
      </c>
      <c r="P5374" t="s">
        <v>655</v>
      </c>
      <c r="Q5374">
        <v>1</v>
      </c>
      <c r="R5374" t="s">
        <v>669</v>
      </c>
      <c r="S5374">
        <v>1</v>
      </c>
      <c r="T5374" t="s">
        <v>3842</v>
      </c>
      <c r="U5374">
        <v>151</v>
      </c>
      <c r="V5374">
        <v>3</v>
      </c>
      <c r="W5374">
        <v>180</v>
      </c>
      <c r="X5374">
        <v>2020</v>
      </c>
    </row>
    <row r="5375" spans="1:24" x14ac:dyDescent="0.25">
      <c r="A5375">
        <v>3109</v>
      </c>
      <c r="B5375" t="s">
        <v>14</v>
      </c>
      <c r="C5375">
        <v>20</v>
      </c>
      <c r="D5375" t="s">
        <v>426</v>
      </c>
      <c r="E5375">
        <v>145</v>
      </c>
      <c r="F5375" t="s">
        <v>651</v>
      </c>
      <c r="G5375">
        <v>160</v>
      </c>
      <c r="H5375" t="s">
        <v>739</v>
      </c>
      <c r="I5375">
        <v>4413</v>
      </c>
      <c r="J5375" t="s">
        <v>699</v>
      </c>
      <c r="K5375">
        <v>10</v>
      </c>
      <c r="L5375" t="s">
        <v>1692</v>
      </c>
      <c r="M5375">
        <v>502</v>
      </c>
      <c r="N5375" t="s">
        <v>654</v>
      </c>
      <c r="O5375">
        <v>3</v>
      </c>
      <c r="P5375" t="s">
        <v>655</v>
      </c>
      <c r="Q5375">
        <v>1</v>
      </c>
      <c r="R5375" t="s">
        <v>669</v>
      </c>
      <c r="S5375">
        <v>1</v>
      </c>
      <c r="T5375" t="s">
        <v>3843</v>
      </c>
      <c r="U5375">
        <v>150</v>
      </c>
      <c r="V5375">
        <v>3</v>
      </c>
      <c r="W5375">
        <v>180</v>
      </c>
      <c r="X5375">
        <v>2020</v>
      </c>
    </row>
    <row r="5376" spans="1:24" x14ac:dyDescent="0.25">
      <c r="A5376">
        <v>3108</v>
      </c>
      <c r="B5376" t="s">
        <v>14</v>
      </c>
      <c r="C5376">
        <v>20</v>
      </c>
      <c r="D5376" t="s">
        <v>426</v>
      </c>
      <c r="E5376">
        <v>145</v>
      </c>
      <c r="F5376" t="s">
        <v>651</v>
      </c>
      <c r="G5376">
        <v>160</v>
      </c>
      <c r="H5376" t="s">
        <v>739</v>
      </c>
      <c r="I5376">
        <v>4413</v>
      </c>
      <c r="J5376" t="s">
        <v>699</v>
      </c>
      <c r="K5376">
        <v>10</v>
      </c>
      <c r="L5376" t="s">
        <v>1692</v>
      </c>
      <c r="M5376">
        <v>502</v>
      </c>
      <c r="N5376" t="s">
        <v>654</v>
      </c>
      <c r="O5376">
        <v>3</v>
      </c>
      <c r="P5376" t="s">
        <v>655</v>
      </c>
      <c r="Q5376">
        <v>1</v>
      </c>
      <c r="R5376" t="s">
        <v>669</v>
      </c>
      <c r="S5376">
        <v>1</v>
      </c>
      <c r="T5376" t="s">
        <v>3844</v>
      </c>
      <c r="U5376">
        <v>149</v>
      </c>
      <c r="V5376">
        <v>3</v>
      </c>
      <c r="W5376">
        <v>180</v>
      </c>
      <c r="X5376">
        <v>2020</v>
      </c>
    </row>
    <row r="5377" spans="1:24" x14ac:dyDescent="0.25">
      <c r="A5377">
        <v>3107</v>
      </c>
      <c r="B5377" t="s">
        <v>14</v>
      </c>
      <c r="C5377">
        <v>20</v>
      </c>
      <c r="D5377" t="s">
        <v>426</v>
      </c>
      <c r="E5377">
        <v>145</v>
      </c>
      <c r="F5377" t="s">
        <v>651</v>
      </c>
      <c r="G5377">
        <v>160</v>
      </c>
      <c r="H5377" t="s">
        <v>739</v>
      </c>
      <c r="I5377">
        <v>4413</v>
      </c>
      <c r="J5377" t="s">
        <v>699</v>
      </c>
      <c r="K5377">
        <v>10</v>
      </c>
      <c r="L5377" t="s">
        <v>1692</v>
      </c>
      <c r="M5377">
        <v>502</v>
      </c>
      <c r="N5377" t="s">
        <v>654</v>
      </c>
      <c r="O5377">
        <v>3</v>
      </c>
      <c r="P5377" t="s">
        <v>655</v>
      </c>
      <c r="Q5377">
        <v>1</v>
      </c>
      <c r="R5377" t="s">
        <v>669</v>
      </c>
      <c r="S5377">
        <v>1</v>
      </c>
      <c r="T5377" t="s">
        <v>1844</v>
      </c>
      <c r="U5377">
        <v>148</v>
      </c>
      <c r="V5377">
        <v>3</v>
      </c>
      <c r="W5377">
        <v>180</v>
      </c>
      <c r="X5377">
        <v>2020</v>
      </c>
    </row>
    <row r="5378" spans="1:24" x14ac:dyDescent="0.25">
      <c r="A5378">
        <v>3106</v>
      </c>
      <c r="B5378" t="s">
        <v>14</v>
      </c>
      <c r="C5378">
        <v>20</v>
      </c>
      <c r="D5378" t="s">
        <v>426</v>
      </c>
      <c r="E5378">
        <v>145</v>
      </c>
      <c r="F5378" t="s">
        <v>651</v>
      </c>
      <c r="G5378">
        <v>160</v>
      </c>
      <c r="H5378" t="s">
        <v>739</v>
      </c>
      <c r="I5378">
        <v>4413</v>
      </c>
      <c r="J5378" t="s">
        <v>699</v>
      </c>
      <c r="K5378">
        <v>10</v>
      </c>
      <c r="L5378" t="s">
        <v>1692</v>
      </c>
      <c r="M5378">
        <v>502</v>
      </c>
      <c r="N5378" t="s">
        <v>654</v>
      </c>
      <c r="O5378">
        <v>3</v>
      </c>
      <c r="P5378" t="s">
        <v>655</v>
      </c>
      <c r="Q5378">
        <v>1</v>
      </c>
      <c r="R5378" t="s">
        <v>669</v>
      </c>
      <c r="S5378">
        <v>1</v>
      </c>
      <c r="T5378" t="s">
        <v>1302</v>
      </c>
      <c r="U5378">
        <v>147</v>
      </c>
      <c r="V5378">
        <v>3</v>
      </c>
      <c r="W5378">
        <v>180</v>
      </c>
      <c r="X5378">
        <v>2020</v>
      </c>
    </row>
    <row r="5379" spans="1:24" x14ac:dyDescent="0.25">
      <c r="A5379">
        <v>3105</v>
      </c>
      <c r="B5379" t="s">
        <v>14</v>
      </c>
      <c r="C5379">
        <v>20</v>
      </c>
      <c r="D5379" t="s">
        <v>426</v>
      </c>
      <c r="E5379">
        <v>145</v>
      </c>
      <c r="F5379" t="s">
        <v>651</v>
      </c>
      <c r="G5379">
        <v>160</v>
      </c>
      <c r="H5379" t="s">
        <v>739</v>
      </c>
      <c r="I5379">
        <v>4413</v>
      </c>
      <c r="J5379" t="s">
        <v>699</v>
      </c>
      <c r="K5379">
        <v>10</v>
      </c>
      <c r="L5379" t="s">
        <v>1692</v>
      </c>
      <c r="M5379">
        <v>502</v>
      </c>
      <c r="N5379" t="s">
        <v>654</v>
      </c>
      <c r="O5379">
        <v>3</v>
      </c>
      <c r="P5379" t="s">
        <v>655</v>
      </c>
      <c r="Q5379">
        <v>1</v>
      </c>
      <c r="R5379" t="s">
        <v>669</v>
      </c>
      <c r="S5379">
        <v>1</v>
      </c>
      <c r="T5379" t="s">
        <v>1790</v>
      </c>
      <c r="U5379">
        <v>146</v>
      </c>
      <c r="V5379">
        <v>3</v>
      </c>
      <c r="W5379">
        <v>180</v>
      </c>
      <c r="X5379">
        <v>2020</v>
      </c>
    </row>
    <row r="5380" spans="1:24" x14ac:dyDescent="0.25">
      <c r="A5380">
        <v>3104</v>
      </c>
      <c r="B5380" t="s">
        <v>14</v>
      </c>
      <c r="C5380">
        <v>20</v>
      </c>
      <c r="D5380" t="s">
        <v>426</v>
      </c>
      <c r="E5380">
        <v>145</v>
      </c>
      <c r="F5380" t="s">
        <v>651</v>
      </c>
      <c r="G5380">
        <v>160</v>
      </c>
      <c r="H5380" t="s">
        <v>739</v>
      </c>
      <c r="I5380">
        <v>4413</v>
      </c>
      <c r="J5380" t="s">
        <v>699</v>
      </c>
      <c r="K5380">
        <v>10</v>
      </c>
      <c r="L5380" t="s">
        <v>1692</v>
      </c>
      <c r="M5380">
        <v>502</v>
      </c>
      <c r="N5380" t="s">
        <v>654</v>
      </c>
      <c r="O5380">
        <v>3</v>
      </c>
      <c r="P5380" t="s">
        <v>655</v>
      </c>
      <c r="Q5380">
        <v>1</v>
      </c>
      <c r="R5380" t="s">
        <v>669</v>
      </c>
      <c r="S5380">
        <v>1</v>
      </c>
      <c r="T5380" t="s">
        <v>1304</v>
      </c>
      <c r="U5380">
        <v>145</v>
      </c>
      <c r="V5380">
        <v>3</v>
      </c>
      <c r="W5380">
        <v>180</v>
      </c>
      <c r="X5380">
        <v>2020</v>
      </c>
    </row>
    <row r="5381" spans="1:24" x14ac:dyDescent="0.25">
      <c r="A5381">
        <v>3103</v>
      </c>
      <c r="B5381" t="s">
        <v>14</v>
      </c>
      <c r="C5381">
        <v>20</v>
      </c>
      <c r="D5381" t="s">
        <v>426</v>
      </c>
      <c r="E5381">
        <v>145</v>
      </c>
      <c r="F5381" t="s">
        <v>651</v>
      </c>
      <c r="G5381">
        <v>160</v>
      </c>
      <c r="H5381" t="s">
        <v>739</v>
      </c>
      <c r="I5381">
        <v>4413</v>
      </c>
      <c r="J5381" t="s">
        <v>699</v>
      </c>
      <c r="K5381">
        <v>10</v>
      </c>
      <c r="L5381" t="s">
        <v>1692</v>
      </c>
      <c r="M5381">
        <v>502</v>
      </c>
      <c r="N5381" t="s">
        <v>654</v>
      </c>
      <c r="O5381">
        <v>3</v>
      </c>
      <c r="P5381" t="s">
        <v>655</v>
      </c>
      <c r="Q5381">
        <v>1</v>
      </c>
      <c r="R5381" t="s">
        <v>669</v>
      </c>
      <c r="S5381">
        <v>1</v>
      </c>
      <c r="T5381" t="s">
        <v>1846</v>
      </c>
      <c r="U5381">
        <v>144</v>
      </c>
      <c r="V5381">
        <v>3</v>
      </c>
      <c r="W5381">
        <v>180</v>
      </c>
      <c r="X5381">
        <v>2020</v>
      </c>
    </row>
    <row r="5382" spans="1:24" x14ac:dyDescent="0.25">
      <c r="A5382">
        <v>3102</v>
      </c>
      <c r="B5382" t="s">
        <v>14</v>
      </c>
      <c r="C5382">
        <v>20</v>
      </c>
      <c r="D5382" t="s">
        <v>426</v>
      </c>
      <c r="E5382">
        <v>145</v>
      </c>
      <c r="F5382" t="s">
        <v>651</v>
      </c>
      <c r="G5382">
        <v>160</v>
      </c>
      <c r="H5382" t="s">
        <v>739</v>
      </c>
      <c r="I5382">
        <v>4413</v>
      </c>
      <c r="J5382" t="s">
        <v>699</v>
      </c>
      <c r="K5382">
        <v>10</v>
      </c>
      <c r="L5382" t="s">
        <v>1692</v>
      </c>
      <c r="M5382">
        <v>502</v>
      </c>
      <c r="N5382" t="s">
        <v>654</v>
      </c>
      <c r="O5382">
        <v>3</v>
      </c>
      <c r="P5382" t="s">
        <v>655</v>
      </c>
      <c r="Q5382">
        <v>1</v>
      </c>
      <c r="R5382" t="s">
        <v>669</v>
      </c>
      <c r="S5382">
        <v>1</v>
      </c>
      <c r="T5382" t="s">
        <v>1305</v>
      </c>
      <c r="U5382">
        <v>143</v>
      </c>
      <c r="V5382">
        <v>3</v>
      </c>
      <c r="W5382">
        <v>180</v>
      </c>
      <c r="X5382">
        <v>2020</v>
      </c>
    </row>
    <row r="5383" spans="1:24" x14ac:dyDescent="0.25">
      <c r="A5383">
        <v>3101</v>
      </c>
      <c r="B5383" t="s">
        <v>14</v>
      </c>
      <c r="C5383">
        <v>20</v>
      </c>
      <c r="D5383" t="s">
        <v>426</v>
      </c>
      <c r="E5383">
        <v>145</v>
      </c>
      <c r="F5383" t="s">
        <v>651</v>
      </c>
      <c r="G5383">
        <v>160</v>
      </c>
      <c r="H5383" t="s">
        <v>739</v>
      </c>
      <c r="I5383">
        <v>4413</v>
      </c>
      <c r="J5383" t="s">
        <v>699</v>
      </c>
      <c r="K5383">
        <v>10</v>
      </c>
      <c r="L5383" t="s">
        <v>3826</v>
      </c>
      <c r="M5383">
        <v>506</v>
      </c>
      <c r="N5383" t="s">
        <v>654</v>
      </c>
      <c r="O5383">
        <v>3</v>
      </c>
      <c r="P5383" t="s">
        <v>655</v>
      </c>
      <c r="Q5383">
        <v>1</v>
      </c>
      <c r="R5383" t="s">
        <v>669</v>
      </c>
      <c r="S5383">
        <v>1</v>
      </c>
      <c r="T5383" t="s">
        <v>3696</v>
      </c>
      <c r="U5383">
        <v>142</v>
      </c>
      <c r="V5383">
        <v>3</v>
      </c>
      <c r="W5383">
        <v>180</v>
      </c>
      <c r="X5383">
        <v>2020</v>
      </c>
    </row>
    <row r="5384" spans="1:24" x14ac:dyDescent="0.25">
      <c r="A5384">
        <v>3100</v>
      </c>
      <c r="B5384" t="s">
        <v>14</v>
      </c>
      <c r="C5384">
        <v>20</v>
      </c>
      <c r="D5384" t="s">
        <v>426</v>
      </c>
      <c r="E5384">
        <v>145</v>
      </c>
      <c r="F5384" t="s">
        <v>651</v>
      </c>
      <c r="G5384">
        <v>160</v>
      </c>
      <c r="H5384" t="s">
        <v>739</v>
      </c>
      <c r="I5384">
        <v>4413</v>
      </c>
      <c r="J5384" t="s">
        <v>699</v>
      </c>
      <c r="K5384">
        <v>10</v>
      </c>
      <c r="L5384" t="s">
        <v>1932</v>
      </c>
      <c r="M5384">
        <v>501</v>
      </c>
      <c r="N5384" t="s">
        <v>654</v>
      </c>
      <c r="O5384">
        <v>3</v>
      </c>
      <c r="P5384" t="s">
        <v>655</v>
      </c>
      <c r="Q5384">
        <v>1</v>
      </c>
      <c r="R5384" t="s">
        <v>669</v>
      </c>
      <c r="S5384">
        <v>1</v>
      </c>
      <c r="T5384" t="s">
        <v>1770</v>
      </c>
      <c r="U5384">
        <v>141</v>
      </c>
      <c r="V5384">
        <v>3</v>
      </c>
      <c r="W5384">
        <v>180</v>
      </c>
      <c r="X5384">
        <v>2020</v>
      </c>
    </row>
    <row r="5385" spans="1:24" x14ac:dyDescent="0.25">
      <c r="A5385">
        <v>3099</v>
      </c>
      <c r="B5385" t="s">
        <v>14</v>
      </c>
      <c r="C5385">
        <v>20</v>
      </c>
      <c r="D5385" t="s">
        <v>426</v>
      </c>
      <c r="E5385">
        <v>145</v>
      </c>
      <c r="F5385" t="s">
        <v>651</v>
      </c>
      <c r="G5385">
        <v>160</v>
      </c>
      <c r="H5385" t="s">
        <v>739</v>
      </c>
      <c r="I5385">
        <v>4413</v>
      </c>
      <c r="J5385" t="s">
        <v>699</v>
      </c>
      <c r="K5385">
        <v>10</v>
      </c>
      <c r="L5385" t="s">
        <v>3814</v>
      </c>
      <c r="M5385">
        <v>504</v>
      </c>
      <c r="N5385" t="s">
        <v>654</v>
      </c>
      <c r="O5385">
        <v>3</v>
      </c>
      <c r="P5385" t="s">
        <v>655</v>
      </c>
      <c r="Q5385">
        <v>1</v>
      </c>
      <c r="R5385" t="s">
        <v>669</v>
      </c>
      <c r="S5385">
        <v>1</v>
      </c>
      <c r="T5385" t="s">
        <v>3845</v>
      </c>
      <c r="U5385">
        <v>262</v>
      </c>
      <c r="V5385">
        <v>3</v>
      </c>
      <c r="W5385">
        <v>180</v>
      </c>
      <c r="X5385">
        <v>2020</v>
      </c>
    </row>
    <row r="5386" spans="1:24" x14ac:dyDescent="0.25">
      <c r="A5386">
        <v>3098</v>
      </c>
      <c r="B5386" t="s">
        <v>14</v>
      </c>
      <c r="C5386">
        <v>20</v>
      </c>
      <c r="D5386" t="s">
        <v>426</v>
      </c>
      <c r="E5386">
        <v>145</v>
      </c>
      <c r="F5386" t="s">
        <v>651</v>
      </c>
      <c r="G5386">
        <v>160</v>
      </c>
      <c r="H5386" t="s">
        <v>739</v>
      </c>
      <c r="I5386">
        <v>4413</v>
      </c>
      <c r="J5386" t="s">
        <v>699</v>
      </c>
      <c r="K5386">
        <v>10</v>
      </c>
      <c r="L5386" t="s">
        <v>3814</v>
      </c>
      <c r="M5386">
        <v>504</v>
      </c>
      <c r="N5386" t="s">
        <v>654</v>
      </c>
      <c r="O5386">
        <v>3</v>
      </c>
      <c r="P5386" t="s">
        <v>655</v>
      </c>
      <c r="Q5386">
        <v>1</v>
      </c>
      <c r="R5386" t="s">
        <v>669</v>
      </c>
      <c r="S5386">
        <v>1</v>
      </c>
      <c r="T5386" t="s">
        <v>3846</v>
      </c>
      <c r="U5386">
        <v>138</v>
      </c>
      <c r="V5386">
        <v>3</v>
      </c>
      <c r="W5386">
        <v>180</v>
      </c>
      <c r="X5386">
        <v>2020</v>
      </c>
    </row>
    <row r="5387" spans="1:24" x14ac:dyDescent="0.25">
      <c r="A5387">
        <v>3097</v>
      </c>
      <c r="B5387" t="s">
        <v>14</v>
      </c>
      <c r="C5387">
        <v>20</v>
      </c>
      <c r="D5387" t="s">
        <v>426</v>
      </c>
      <c r="E5387">
        <v>145</v>
      </c>
      <c r="F5387" t="s">
        <v>651</v>
      </c>
      <c r="G5387">
        <v>160</v>
      </c>
      <c r="H5387" t="s">
        <v>739</v>
      </c>
      <c r="I5387">
        <v>4413</v>
      </c>
      <c r="J5387" t="s">
        <v>699</v>
      </c>
      <c r="K5387">
        <v>10</v>
      </c>
      <c r="L5387" t="s">
        <v>3814</v>
      </c>
      <c r="M5387">
        <v>504</v>
      </c>
      <c r="N5387" t="s">
        <v>654</v>
      </c>
      <c r="O5387">
        <v>3</v>
      </c>
      <c r="P5387" t="s">
        <v>655</v>
      </c>
      <c r="Q5387">
        <v>1</v>
      </c>
      <c r="R5387" t="s">
        <v>669</v>
      </c>
      <c r="S5387">
        <v>1</v>
      </c>
      <c r="T5387" t="s">
        <v>1488</v>
      </c>
      <c r="U5387">
        <v>137</v>
      </c>
      <c r="V5387">
        <v>3</v>
      </c>
      <c r="W5387">
        <v>180</v>
      </c>
      <c r="X5387">
        <v>2020</v>
      </c>
    </row>
    <row r="5388" spans="1:24" x14ac:dyDescent="0.25">
      <c r="A5388">
        <v>3096</v>
      </c>
      <c r="B5388" t="s">
        <v>14</v>
      </c>
      <c r="C5388">
        <v>20</v>
      </c>
      <c r="D5388" t="s">
        <v>426</v>
      </c>
      <c r="E5388">
        <v>145</v>
      </c>
      <c r="F5388" t="s">
        <v>651</v>
      </c>
      <c r="G5388">
        <v>160</v>
      </c>
      <c r="H5388" t="s">
        <v>739</v>
      </c>
      <c r="I5388">
        <v>4413</v>
      </c>
      <c r="J5388" t="s">
        <v>699</v>
      </c>
      <c r="K5388">
        <v>10</v>
      </c>
      <c r="L5388" t="s">
        <v>3812</v>
      </c>
      <c r="M5388">
        <v>503</v>
      </c>
      <c r="N5388" t="s">
        <v>654</v>
      </c>
      <c r="O5388">
        <v>3</v>
      </c>
      <c r="P5388" t="s">
        <v>655</v>
      </c>
      <c r="Q5388">
        <v>1</v>
      </c>
      <c r="R5388" t="s">
        <v>669</v>
      </c>
      <c r="S5388">
        <v>1</v>
      </c>
      <c r="T5388" t="s">
        <v>1415</v>
      </c>
      <c r="U5388">
        <v>129</v>
      </c>
      <c r="V5388">
        <v>3</v>
      </c>
      <c r="W5388">
        <v>180</v>
      </c>
      <c r="X5388">
        <v>2020</v>
      </c>
    </row>
    <row r="5389" spans="1:24" x14ac:dyDescent="0.25">
      <c r="A5389">
        <v>3095</v>
      </c>
      <c r="B5389" t="s">
        <v>14</v>
      </c>
      <c r="C5389">
        <v>20</v>
      </c>
      <c r="D5389" t="s">
        <v>426</v>
      </c>
      <c r="E5389">
        <v>145</v>
      </c>
      <c r="F5389" t="s">
        <v>651</v>
      </c>
      <c r="G5389">
        <v>160</v>
      </c>
      <c r="H5389" t="s">
        <v>739</v>
      </c>
      <c r="I5389">
        <v>4413</v>
      </c>
      <c r="J5389" t="s">
        <v>699</v>
      </c>
      <c r="K5389">
        <v>10</v>
      </c>
      <c r="L5389" t="s">
        <v>1692</v>
      </c>
      <c r="M5389">
        <v>502</v>
      </c>
      <c r="N5389" t="s">
        <v>654</v>
      </c>
      <c r="O5389">
        <v>3</v>
      </c>
      <c r="P5389" t="s">
        <v>655</v>
      </c>
      <c r="Q5389">
        <v>1</v>
      </c>
      <c r="R5389" t="s">
        <v>669</v>
      </c>
      <c r="S5389">
        <v>1</v>
      </c>
      <c r="T5389" t="s">
        <v>1803</v>
      </c>
      <c r="U5389">
        <v>136</v>
      </c>
      <c r="V5389">
        <v>3</v>
      </c>
      <c r="W5389">
        <v>180</v>
      </c>
      <c r="X5389">
        <v>2020</v>
      </c>
    </row>
    <row r="5390" spans="1:24" x14ac:dyDescent="0.25">
      <c r="A5390">
        <v>3094</v>
      </c>
      <c r="B5390" t="s">
        <v>14</v>
      </c>
      <c r="C5390">
        <v>20</v>
      </c>
      <c r="D5390" t="s">
        <v>426</v>
      </c>
      <c r="E5390">
        <v>145</v>
      </c>
      <c r="F5390" t="s">
        <v>651</v>
      </c>
      <c r="G5390">
        <v>160</v>
      </c>
      <c r="H5390" t="s">
        <v>739</v>
      </c>
      <c r="I5390">
        <v>4413</v>
      </c>
      <c r="J5390" t="s">
        <v>699</v>
      </c>
      <c r="K5390">
        <v>10</v>
      </c>
      <c r="L5390" t="s">
        <v>1692</v>
      </c>
      <c r="M5390">
        <v>502</v>
      </c>
      <c r="N5390" t="s">
        <v>654</v>
      </c>
      <c r="O5390">
        <v>3</v>
      </c>
      <c r="P5390" t="s">
        <v>655</v>
      </c>
      <c r="Q5390">
        <v>1</v>
      </c>
      <c r="R5390" t="s">
        <v>669</v>
      </c>
      <c r="S5390">
        <v>1</v>
      </c>
      <c r="T5390" t="s">
        <v>1799</v>
      </c>
      <c r="U5390">
        <v>135</v>
      </c>
      <c r="V5390">
        <v>3</v>
      </c>
      <c r="W5390">
        <v>180</v>
      </c>
      <c r="X5390">
        <v>2020</v>
      </c>
    </row>
    <row r="5391" spans="1:24" x14ac:dyDescent="0.25">
      <c r="A5391">
        <v>3093</v>
      </c>
      <c r="B5391" t="s">
        <v>14</v>
      </c>
      <c r="C5391">
        <v>20</v>
      </c>
      <c r="D5391" t="s">
        <v>426</v>
      </c>
      <c r="E5391">
        <v>145</v>
      </c>
      <c r="F5391" t="s">
        <v>651</v>
      </c>
      <c r="G5391">
        <v>160</v>
      </c>
      <c r="H5391" t="s">
        <v>739</v>
      </c>
      <c r="I5391">
        <v>4413</v>
      </c>
      <c r="J5391" t="s">
        <v>699</v>
      </c>
      <c r="K5391">
        <v>10</v>
      </c>
      <c r="L5391" t="s">
        <v>1692</v>
      </c>
      <c r="M5391">
        <v>502</v>
      </c>
      <c r="N5391" t="s">
        <v>654</v>
      </c>
      <c r="O5391">
        <v>3</v>
      </c>
      <c r="P5391" t="s">
        <v>655</v>
      </c>
      <c r="Q5391">
        <v>1</v>
      </c>
      <c r="R5391" t="s">
        <v>669</v>
      </c>
      <c r="S5391">
        <v>1</v>
      </c>
      <c r="T5391" t="s">
        <v>1798</v>
      </c>
      <c r="U5391">
        <v>134</v>
      </c>
      <c r="V5391">
        <v>3</v>
      </c>
      <c r="W5391">
        <v>180</v>
      </c>
      <c r="X5391">
        <v>2020</v>
      </c>
    </row>
    <row r="5392" spans="1:24" x14ac:dyDescent="0.25">
      <c r="A5392">
        <v>3092</v>
      </c>
      <c r="B5392" t="s">
        <v>14</v>
      </c>
      <c r="C5392">
        <v>20</v>
      </c>
      <c r="D5392" t="s">
        <v>426</v>
      </c>
      <c r="E5392">
        <v>145</v>
      </c>
      <c r="F5392" t="s">
        <v>651</v>
      </c>
      <c r="G5392">
        <v>160</v>
      </c>
      <c r="H5392" t="s">
        <v>739</v>
      </c>
      <c r="I5392">
        <v>4413</v>
      </c>
      <c r="J5392" t="s">
        <v>699</v>
      </c>
      <c r="K5392">
        <v>10</v>
      </c>
      <c r="L5392" t="s">
        <v>1692</v>
      </c>
      <c r="M5392">
        <v>502</v>
      </c>
      <c r="N5392" t="s">
        <v>654</v>
      </c>
      <c r="O5392">
        <v>3</v>
      </c>
      <c r="P5392" t="s">
        <v>655</v>
      </c>
      <c r="Q5392">
        <v>1</v>
      </c>
      <c r="R5392" t="s">
        <v>669</v>
      </c>
      <c r="S5392">
        <v>1</v>
      </c>
      <c r="T5392" t="s">
        <v>1800</v>
      </c>
      <c r="U5392">
        <v>133</v>
      </c>
      <c r="V5392">
        <v>3</v>
      </c>
      <c r="W5392">
        <v>180</v>
      </c>
      <c r="X5392">
        <v>2020</v>
      </c>
    </row>
    <row r="5393" spans="1:24" x14ac:dyDescent="0.25">
      <c r="A5393">
        <v>3091</v>
      </c>
      <c r="B5393" t="s">
        <v>14</v>
      </c>
      <c r="C5393">
        <v>20</v>
      </c>
      <c r="D5393" t="s">
        <v>426</v>
      </c>
      <c r="E5393">
        <v>145</v>
      </c>
      <c r="F5393" t="s">
        <v>651</v>
      </c>
      <c r="G5393">
        <v>160</v>
      </c>
      <c r="H5393" t="s">
        <v>739</v>
      </c>
      <c r="I5393">
        <v>4413</v>
      </c>
      <c r="J5393" t="s">
        <v>699</v>
      </c>
      <c r="K5393">
        <v>10</v>
      </c>
      <c r="L5393" t="s">
        <v>1692</v>
      </c>
      <c r="M5393">
        <v>502</v>
      </c>
      <c r="N5393" t="s">
        <v>654</v>
      </c>
      <c r="O5393">
        <v>3</v>
      </c>
      <c r="P5393" t="s">
        <v>655</v>
      </c>
      <c r="Q5393">
        <v>1</v>
      </c>
      <c r="R5393" t="s">
        <v>669</v>
      </c>
      <c r="S5393">
        <v>1</v>
      </c>
      <c r="T5393" t="s">
        <v>1801</v>
      </c>
      <c r="U5393">
        <v>132</v>
      </c>
      <c r="V5393">
        <v>3</v>
      </c>
      <c r="W5393">
        <v>180</v>
      </c>
      <c r="X5393">
        <v>2020</v>
      </c>
    </row>
    <row r="5394" spans="1:24" x14ac:dyDescent="0.25">
      <c r="A5394">
        <v>3090</v>
      </c>
      <c r="B5394" t="s">
        <v>14</v>
      </c>
      <c r="C5394">
        <v>20</v>
      </c>
      <c r="D5394" t="s">
        <v>426</v>
      </c>
      <c r="E5394">
        <v>145</v>
      </c>
      <c r="F5394" t="s">
        <v>651</v>
      </c>
      <c r="G5394">
        <v>160</v>
      </c>
      <c r="H5394" t="s">
        <v>739</v>
      </c>
      <c r="I5394">
        <v>4413</v>
      </c>
      <c r="J5394" t="s">
        <v>699</v>
      </c>
      <c r="K5394">
        <v>10</v>
      </c>
      <c r="L5394" t="s">
        <v>1692</v>
      </c>
      <c r="M5394">
        <v>502</v>
      </c>
      <c r="N5394" t="s">
        <v>654</v>
      </c>
      <c r="O5394">
        <v>3</v>
      </c>
      <c r="P5394" t="s">
        <v>655</v>
      </c>
      <c r="Q5394">
        <v>1</v>
      </c>
      <c r="R5394" t="s">
        <v>669</v>
      </c>
      <c r="S5394">
        <v>1</v>
      </c>
      <c r="T5394" t="s">
        <v>1797</v>
      </c>
      <c r="U5394">
        <v>131</v>
      </c>
      <c r="V5394">
        <v>3</v>
      </c>
      <c r="W5394">
        <v>180</v>
      </c>
      <c r="X5394">
        <v>2020</v>
      </c>
    </row>
    <row r="5395" spans="1:24" x14ac:dyDescent="0.25">
      <c r="A5395">
        <v>3089</v>
      </c>
      <c r="B5395" t="s">
        <v>14</v>
      </c>
      <c r="C5395">
        <v>20</v>
      </c>
      <c r="D5395" t="s">
        <v>426</v>
      </c>
      <c r="E5395">
        <v>145</v>
      </c>
      <c r="F5395" t="s">
        <v>651</v>
      </c>
      <c r="G5395">
        <v>160</v>
      </c>
      <c r="H5395" t="s">
        <v>739</v>
      </c>
      <c r="I5395">
        <v>4413</v>
      </c>
      <c r="J5395" t="s">
        <v>699</v>
      </c>
      <c r="K5395">
        <v>10</v>
      </c>
      <c r="L5395" t="s">
        <v>3826</v>
      </c>
      <c r="M5395">
        <v>506</v>
      </c>
      <c r="N5395" t="s">
        <v>654</v>
      </c>
      <c r="O5395">
        <v>3</v>
      </c>
      <c r="P5395" t="s">
        <v>655</v>
      </c>
      <c r="Q5395">
        <v>1</v>
      </c>
      <c r="R5395" t="s">
        <v>669</v>
      </c>
      <c r="S5395">
        <v>1</v>
      </c>
      <c r="T5395" t="s">
        <v>3704</v>
      </c>
      <c r="U5395">
        <v>130</v>
      </c>
      <c r="V5395">
        <v>3</v>
      </c>
      <c r="W5395">
        <v>180</v>
      </c>
      <c r="X5395">
        <v>2020</v>
      </c>
    </row>
    <row r="5396" spans="1:24" x14ac:dyDescent="0.25">
      <c r="A5396">
        <v>3088</v>
      </c>
      <c r="B5396" t="s">
        <v>14</v>
      </c>
      <c r="C5396">
        <v>20</v>
      </c>
      <c r="D5396" t="s">
        <v>426</v>
      </c>
      <c r="E5396">
        <v>145</v>
      </c>
      <c r="F5396" t="s">
        <v>651</v>
      </c>
      <c r="G5396">
        <v>160</v>
      </c>
      <c r="H5396" t="s">
        <v>739</v>
      </c>
      <c r="I5396">
        <v>4413</v>
      </c>
      <c r="J5396" t="s">
        <v>699</v>
      </c>
      <c r="K5396">
        <v>10</v>
      </c>
      <c r="L5396" t="s">
        <v>1932</v>
      </c>
      <c r="M5396">
        <v>501</v>
      </c>
      <c r="N5396" t="s">
        <v>654</v>
      </c>
      <c r="O5396">
        <v>3</v>
      </c>
      <c r="P5396" t="s">
        <v>655</v>
      </c>
      <c r="Q5396">
        <v>1</v>
      </c>
      <c r="R5396" t="s">
        <v>669</v>
      </c>
      <c r="S5396">
        <v>1</v>
      </c>
      <c r="T5396" t="s">
        <v>1415</v>
      </c>
      <c r="U5396">
        <v>129</v>
      </c>
      <c r="V5396">
        <v>3</v>
      </c>
      <c r="W5396">
        <v>180</v>
      </c>
      <c r="X5396">
        <v>2020</v>
      </c>
    </row>
    <row r="5397" spans="1:24" x14ac:dyDescent="0.25">
      <c r="A5397">
        <v>3085</v>
      </c>
      <c r="B5397" t="s">
        <v>14</v>
      </c>
      <c r="C5397">
        <v>20</v>
      </c>
      <c r="D5397" t="s">
        <v>426</v>
      </c>
      <c r="E5397">
        <v>145</v>
      </c>
      <c r="F5397" t="s">
        <v>651</v>
      </c>
      <c r="G5397">
        <v>160</v>
      </c>
      <c r="H5397" t="s">
        <v>739</v>
      </c>
      <c r="I5397">
        <v>4413</v>
      </c>
      <c r="J5397" t="s">
        <v>699</v>
      </c>
      <c r="K5397">
        <v>10</v>
      </c>
      <c r="L5397" t="s">
        <v>3814</v>
      </c>
      <c r="M5397">
        <v>504</v>
      </c>
      <c r="N5397" t="s">
        <v>654</v>
      </c>
      <c r="O5397">
        <v>3</v>
      </c>
      <c r="P5397" t="s">
        <v>655</v>
      </c>
      <c r="Q5397">
        <v>1</v>
      </c>
      <c r="R5397" t="s">
        <v>669</v>
      </c>
      <c r="S5397">
        <v>1</v>
      </c>
      <c r="T5397" t="s">
        <v>3847</v>
      </c>
      <c r="U5397">
        <v>126</v>
      </c>
      <c r="V5397">
        <v>3</v>
      </c>
      <c r="W5397">
        <v>180</v>
      </c>
      <c r="X5397">
        <v>2020</v>
      </c>
    </row>
    <row r="5398" spans="1:24" x14ac:dyDescent="0.25">
      <c r="A5398">
        <v>3084</v>
      </c>
      <c r="B5398" t="s">
        <v>14</v>
      </c>
      <c r="C5398">
        <v>20</v>
      </c>
      <c r="D5398" t="s">
        <v>426</v>
      </c>
      <c r="E5398">
        <v>145</v>
      </c>
      <c r="F5398" t="s">
        <v>651</v>
      </c>
      <c r="G5398">
        <v>160</v>
      </c>
      <c r="H5398" t="s">
        <v>739</v>
      </c>
      <c r="I5398">
        <v>4413</v>
      </c>
      <c r="J5398" t="s">
        <v>699</v>
      </c>
      <c r="K5398">
        <v>10</v>
      </c>
      <c r="L5398" t="s">
        <v>3814</v>
      </c>
      <c r="M5398">
        <v>504</v>
      </c>
      <c r="N5398" t="s">
        <v>654</v>
      </c>
      <c r="O5398">
        <v>3</v>
      </c>
      <c r="P5398" t="s">
        <v>655</v>
      </c>
      <c r="Q5398">
        <v>1</v>
      </c>
      <c r="R5398" t="s">
        <v>669</v>
      </c>
      <c r="S5398">
        <v>1</v>
      </c>
      <c r="T5398" t="s">
        <v>3848</v>
      </c>
      <c r="U5398">
        <v>261</v>
      </c>
      <c r="V5398">
        <v>3</v>
      </c>
      <c r="W5398">
        <v>180</v>
      </c>
      <c r="X5398">
        <v>2020</v>
      </c>
    </row>
    <row r="5399" spans="1:24" x14ac:dyDescent="0.25">
      <c r="A5399">
        <v>3083</v>
      </c>
      <c r="B5399" t="s">
        <v>14</v>
      </c>
      <c r="C5399">
        <v>20</v>
      </c>
      <c r="D5399" t="s">
        <v>426</v>
      </c>
      <c r="E5399">
        <v>145</v>
      </c>
      <c r="F5399" t="s">
        <v>651</v>
      </c>
      <c r="G5399">
        <v>160</v>
      </c>
      <c r="H5399" t="s">
        <v>739</v>
      </c>
      <c r="I5399">
        <v>4413</v>
      </c>
      <c r="J5399" t="s">
        <v>699</v>
      </c>
      <c r="K5399">
        <v>10</v>
      </c>
      <c r="L5399" t="s">
        <v>1932</v>
      </c>
      <c r="M5399">
        <v>501</v>
      </c>
      <c r="N5399" t="s">
        <v>654</v>
      </c>
      <c r="O5399">
        <v>3</v>
      </c>
      <c r="P5399" t="s">
        <v>655</v>
      </c>
      <c r="Q5399">
        <v>1</v>
      </c>
      <c r="R5399" t="s">
        <v>669</v>
      </c>
      <c r="S5399">
        <v>1</v>
      </c>
      <c r="T5399" t="s">
        <v>3849</v>
      </c>
      <c r="U5399">
        <v>117</v>
      </c>
      <c r="V5399">
        <v>3</v>
      </c>
      <c r="W5399">
        <v>180</v>
      </c>
      <c r="X5399">
        <v>2020</v>
      </c>
    </row>
    <row r="5400" spans="1:24" x14ac:dyDescent="0.25">
      <c r="A5400">
        <v>3082</v>
      </c>
      <c r="B5400" t="s">
        <v>14</v>
      </c>
      <c r="C5400">
        <v>20</v>
      </c>
      <c r="D5400" t="s">
        <v>426</v>
      </c>
      <c r="E5400">
        <v>145</v>
      </c>
      <c r="F5400" t="s">
        <v>651</v>
      </c>
      <c r="G5400">
        <v>160</v>
      </c>
      <c r="H5400" t="s">
        <v>739</v>
      </c>
      <c r="I5400">
        <v>4413</v>
      </c>
      <c r="J5400" t="s">
        <v>699</v>
      </c>
      <c r="K5400">
        <v>10</v>
      </c>
      <c r="L5400" t="s">
        <v>3814</v>
      </c>
      <c r="M5400">
        <v>504</v>
      </c>
      <c r="N5400" t="s">
        <v>654</v>
      </c>
      <c r="O5400">
        <v>3</v>
      </c>
      <c r="P5400" t="s">
        <v>655</v>
      </c>
      <c r="Q5400">
        <v>1</v>
      </c>
      <c r="R5400" t="s">
        <v>669</v>
      </c>
      <c r="S5400">
        <v>1</v>
      </c>
      <c r="T5400" t="s">
        <v>3850</v>
      </c>
      <c r="U5400">
        <v>125</v>
      </c>
      <c r="V5400">
        <v>3</v>
      </c>
      <c r="W5400">
        <v>180</v>
      </c>
      <c r="X5400">
        <v>2020</v>
      </c>
    </row>
    <row r="5401" spans="1:24" x14ac:dyDescent="0.25">
      <c r="A5401">
        <v>3081</v>
      </c>
      <c r="B5401" t="s">
        <v>14</v>
      </c>
      <c r="C5401">
        <v>20</v>
      </c>
      <c r="D5401" t="s">
        <v>426</v>
      </c>
      <c r="E5401">
        <v>145</v>
      </c>
      <c r="F5401" t="s">
        <v>651</v>
      </c>
      <c r="G5401">
        <v>160</v>
      </c>
      <c r="H5401" t="s">
        <v>739</v>
      </c>
      <c r="I5401">
        <v>4413</v>
      </c>
      <c r="J5401" t="s">
        <v>699</v>
      </c>
      <c r="K5401">
        <v>10</v>
      </c>
      <c r="L5401" t="s">
        <v>3826</v>
      </c>
      <c r="M5401">
        <v>506</v>
      </c>
      <c r="N5401" t="s">
        <v>654</v>
      </c>
      <c r="O5401">
        <v>3</v>
      </c>
      <c r="P5401" t="s">
        <v>655</v>
      </c>
      <c r="Q5401">
        <v>1</v>
      </c>
      <c r="R5401" t="s">
        <v>669</v>
      </c>
      <c r="S5401">
        <v>1</v>
      </c>
      <c r="T5401" t="s">
        <v>3702</v>
      </c>
      <c r="U5401">
        <v>118</v>
      </c>
      <c r="V5401">
        <v>3</v>
      </c>
      <c r="W5401">
        <v>180</v>
      </c>
      <c r="X5401">
        <v>2020</v>
      </c>
    </row>
    <row r="5402" spans="1:24" x14ac:dyDescent="0.25">
      <c r="A5402">
        <v>3080</v>
      </c>
      <c r="B5402" t="s">
        <v>14</v>
      </c>
      <c r="C5402">
        <v>20</v>
      </c>
      <c r="D5402" t="s">
        <v>426</v>
      </c>
      <c r="E5402">
        <v>145</v>
      </c>
      <c r="F5402" t="s">
        <v>651</v>
      </c>
      <c r="G5402">
        <v>160</v>
      </c>
      <c r="H5402" t="s">
        <v>739</v>
      </c>
      <c r="I5402">
        <v>4413</v>
      </c>
      <c r="J5402" t="s">
        <v>699</v>
      </c>
      <c r="K5402">
        <v>10</v>
      </c>
      <c r="L5402" t="s">
        <v>3812</v>
      </c>
      <c r="M5402">
        <v>503</v>
      </c>
      <c r="N5402" t="s">
        <v>654</v>
      </c>
      <c r="O5402">
        <v>3</v>
      </c>
      <c r="P5402" t="s">
        <v>655</v>
      </c>
      <c r="Q5402">
        <v>1</v>
      </c>
      <c r="R5402" t="s">
        <v>669</v>
      </c>
      <c r="S5402">
        <v>1</v>
      </c>
      <c r="T5402" t="s">
        <v>3849</v>
      </c>
      <c r="U5402">
        <v>117</v>
      </c>
      <c r="V5402">
        <v>3</v>
      </c>
      <c r="W5402">
        <v>180</v>
      </c>
      <c r="X5402">
        <v>2020</v>
      </c>
    </row>
    <row r="5403" spans="1:24" x14ac:dyDescent="0.25">
      <c r="A5403">
        <v>3079</v>
      </c>
      <c r="B5403" t="s">
        <v>14</v>
      </c>
      <c r="C5403">
        <v>20</v>
      </c>
      <c r="D5403" t="s">
        <v>426</v>
      </c>
      <c r="E5403">
        <v>145</v>
      </c>
      <c r="F5403" t="s">
        <v>651</v>
      </c>
      <c r="G5403">
        <v>160</v>
      </c>
      <c r="H5403" t="s">
        <v>739</v>
      </c>
      <c r="I5403">
        <v>4413</v>
      </c>
      <c r="J5403" t="s">
        <v>699</v>
      </c>
      <c r="K5403">
        <v>10</v>
      </c>
      <c r="L5403" t="s">
        <v>3814</v>
      </c>
      <c r="M5403">
        <v>504</v>
      </c>
      <c r="N5403" t="s">
        <v>654</v>
      </c>
      <c r="O5403">
        <v>3</v>
      </c>
      <c r="P5403" t="s">
        <v>655</v>
      </c>
      <c r="Q5403">
        <v>1</v>
      </c>
      <c r="R5403" t="s">
        <v>669</v>
      </c>
      <c r="S5403">
        <v>1</v>
      </c>
      <c r="T5403" t="s">
        <v>3851</v>
      </c>
      <c r="U5403">
        <v>114</v>
      </c>
      <c r="V5403">
        <v>3</v>
      </c>
      <c r="W5403">
        <v>180</v>
      </c>
      <c r="X5403">
        <v>2020</v>
      </c>
    </row>
    <row r="5404" spans="1:24" x14ac:dyDescent="0.25">
      <c r="A5404">
        <v>3078</v>
      </c>
      <c r="B5404" t="s">
        <v>14</v>
      </c>
      <c r="C5404">
        <v>20</v>
      </c>
      <c r="D5404" t="s">
        <v>426</v>
      </c>
      <c r="E5404">
        <v>145</v>
      </c>
      <c r="F5404" t="s">
        <v>651</v>
      </c>
      <c r="G5404">
        <v>160</v>
      </c>
      <c r="H5404" t="s">
        <v>739</v>
      </c>
      <c r="I5404">
        <v>4413</v>
      </c>
      <c r="J5404" t="s">
        <v>699</v>
      </c>
      <c r="K5404">
        <v>10</v>
      </c>
      <c r="L5404" t="s">
        <v>3814</v>
      </c>
      <c r="M5404">
        <v>504</v>
      </c>
      <c r="N5404" t="s">
        <v>654</v>
      </c>
      <c r="O5404">
        <v>3</v>
      </c>
      <c r="P5404" t="s">
        <v>655</v>
      </c>
      <c r="Q5404">
        <v>1</v>
      </c>
      <c r="R5404" t="s">
        <v>669</v>
      </c>
      <c r="S5404">
        <v>1</v>
      </c>
      <c r="T5404" t="s">
        <v>3852</v>
      </c>
      <c r="U5404">
        <v>260</v>
      </c>
      <c r="V5404">
        <v>3</v>
      </c>
      <c r="W5404">
        <v>180</v>
      </c>
      <c r="X5404">
        <v>2020</v>
      </c>
    </row>
    <row r="5405" spans="1:24" x14ac:dyDescent="0.25">
      <c r="A5405">
        <v>3077</v>
      </c>
      <c r="B5405" t="s">
        <v>14</v>
      </c>
      <c r="C5405">
        <v>20</v>
      </c>
      <c r="D5405" t="s">
        <v>426</v>
      </c>
      <c r="E5405">
        <v>145</v>
      </c>
      <c r="F5405" t="s">
        <v>651</v>
      </c>
      <c r="G5405">
        <v>160</v>
      </c>
      <c r="H5405" t="s">
        <v>739</v>
      </c>
      <c r="I5405">
        <v>4413</v>
      </c>
      <c r="J5405" t="s">
        <v>699</v>
      </c>
      <c r="K5405">
        <v>10</v>
      </c>
      <c r="L5405" t="s">
        <v>3812</v>
      </c>
      <c r="M5405">
        <v>503</v>
      </c>
      <c r="N5405" t="s">
        <v>654</v>
      </c>
      <c r="O5405">
        <v>3</v>
      </c>
      <c r="P5405" t="s">
        <v>655</v>
      </c>
      <c r="Q5405">
        <v>1</v>
      </c>
      <c r="R5405" t="s">
        <v>669</v>
      </c>
      <c r="S5405">
        <v>1</v>
      </c>
      <c r="T5405" t="s">
        <v>1767</v>
      </c>
      <c r="U5405">
        <v>105</v>
      </c>
      <c r="V5405">
        <v>3</v>
      </c>
      <c r="W5405">
        <v>180</v>
      </c>
      <c r="X5405">
        <v>2020</v>
      </c>
    </row>
    <row r="5406" spans="1:24" x14ac:dyDescent="0.25">
      <c r="A5406">
        <v>3076</v>
      </c>
      <c r="B5406" t="s">
        <v>14</v>
      </c>
      <c r="C5406">
        <v>20</v>
      </c>
      <c r="D5406" t="s">
        <v>426</v>
      </c>
      <c r="E5406">
        <v>145</v>
      </c>
      <c r="F5406" t="s">
        <v>651</v>
      </c>
      <c r="G5406">
        <v>160</v>
      </c>
      <c r="H5406" t="s">
        <v>739</v>
      </c>
      <c r="I5406">
        <v>4413</v>
      </c>
      <c r="J5406" t="s">
        <v>699</v>
      </c>
      <c r="K5406">
        <v>10</v>
      </c>
      <c r="L5406" t="s">
        <v>3814</v>
      </c>
      <c r="M5406">
        <v>504</v>
      </c>
      <c r="N5406" t="s">
        <v>654</v>
      </c>
      <c r="O5406">
        <v>3</v>
      </c>
      <c r="P5406" t="s">
        <v>655</v>
      </c>
      <c r="Q5406">
        <v>1</v>
      </c>
      <c r="R5406" t="s">
        <v>669</v>
      </c>
      <c r="S5406">
        <v>1</v>
      </c>
      <c r="T5406" t="s">
        <v>1382</v>
      </c>
      <c r="U5406">
        <v>113</v>
      </c>
      <c r="V5406">
        <v>3</v>
      </c>
      <c r="W5406">
        <v>180</v>
      </c>
      <c r="X5406">
        <v>2020</v>
      </c>
    </row>
    <row r="5407" spans="1:24" x14ac:dyDescent="0.25">
      <c r="A5407">
        <v>3075</v>
      </c>
      <c r="B5407" t="s">
        <v>14</v>
      </c>
      <c r="C5407">
        <v>20</v>
      </c>
      <c r="D5407" t="s">
        <v>426</v>
      </c>
      <c r="E5407">
        <v>145</v>
      </c>
      <c r="F5407" t="s">
        <v>651</v>
      </c>
      <c r="G5407">
        <v>160</v>
      </c>
      <c r="H5407" t="s">
        <v>739</v>
      </c>
      <c r="I5407">
        <v>4413</v>
      </c>
      <c r="J5407" t="s">
        <v>699</v>
      </c>
      <c r="K5407">
        <v>10</v>
      </c>
      <c r="L5407" t="s">
        <v>1692</v>
      </c>
      <c r="M5407">
        <v>502</v>
      </c>
      <c r="N5407" t="s">
        <v>654</v>
      </c>
      <c r="O5407">
        <v>3</v>
      </c>
      <c r="P5407" t="s">
        <v>655</v>
      </c>
      <c r="Q5407">
        <v>1</v>
      </c>
      <c r="R5407" t="s">
        <v>669</v>
      </c>
      <c r="S5407">
        <v>1</v>
      </c>
      <c r="T5407" t="s">
        <v>1784</v>
      </c>
      <c r="U5407">
        <v>112</v>
      </c>
      <c r="V5407">
        <v>3</v>
      </c>
      <c r="W5407">
        <v>180</v>
      </c>
      <c r="X5407">
        <v>2020</v>
      </c>
    </row>
    <row r="5408" spans="1:24" x14ac:dyDescent="0.25">
      <c r="A5408">
        <v>3074</v>
      </c>
      <c r="B5408" t="s">
        <v>14</v>
      </c>
      <c r="C5408">
        <v>20</v>
      </c>
      <c r="D5408" t="s">
        <v>426</v>
      </c>
      <c r="E5408">
        <v>145</v>
      </c>
      <c r="F5408" t="s">
        <v>651</v>
      </c>
      <c r="G5408">
        <v>160</v>
      </c>
      <c r="H5408" t="s">
        <v>739</v>
      </c>
      <c r="I5408">
        <v>4413</v>
      </c>
      <c r="J5408" t="s">
        <v>699</v>
      </c>
      <c r="K5408">
        <v>10</v>
      </c>
      <c r="L5408" t="s">
        <v>1692</v>
      </c>
      <c r="M5408">
        <v>502</v>
      </c>
      <c r="N5408" t="s">
        <v>654</v>
      </c>
      <c r="O5408">
        <v>3</v>
      </c>
      <c r="P5408" t="s">
        <v>655</v>
      </c>
      <c r="Q5408">
        <v>1</v>
      </c>
      <c r="R5408" t="s">
        <v>669</v>
      </c>
      <c r="S5408">
        <v>1</v>
      </c>
      <c r="T5408" t="s">
        <v>1490</v>
      </c>
      <c r="U5408">
        <v>111</v>
      </c>
      <c r="V5408">
        <v>3</v>
      </c>
      <c r="W5408">
        <v>180</v>
      </c>
      <c r="X5408">
        <v>2020</v>
      </c>
    </row>
    <row r="5409" spans="1:24" x14ac:dyDescent="0.25">
      <c r="A5409">
        <v>3073</v>
      </c>
      <c r="B5409" t="s">
        <v>14</v>
      </c>
      <c r="C5409">
        <v>20</v>
      </c>
      <c r="D5409" t="s">
        <v>426</v>
      </c>
      <c r="E5409">
        <v>145</v>
      </c>
      <c r="F5409" t="s">
        <v>651</v>
      </c>
      <c r="G5409">
        <v>160</v>
      </c>
      <c r="H5409" t="s">
        <v>739</v>
      </c>
      <c r="I5409">
        <v>4413</v>
      </c>
      <c r="J5409" t="s">
        <v>699</v>
      </c>
      <c r="K5409">
        <v>10</v>
      </c>
      <c r="L5409" t="s">
        <v>1692</v>
      </c>
      <c r="M5409">
        <v>502</v>
      </c>
      <c r="N5409" t="s">
        <v>654</v>
      </c>
      <c r="O5409">
        <v>3</v>
      </c>
      <c r="P5409" t="s">
        <v>655</v>
      </c>
      <c r="Q5409">
        <v>1</v>
      </c>
      <c r="R5409" t="s">
        <v>669</v>
      </c>
      <c r="S5409">
        <v>1</v>
      </c>
      <c r="T5409" t="s">
        <v>1785</v>
      </c>
      <c r="U5409">
        <v>110</v>
      </c>
      <c r="V5409">
        <v>3</v>
      </c>
      <c r="W5409">
        <v>180</v>
      </c>
      <c r="X5409">
        <v>2020</v>
      </c>
    </row>
    <row r="5410" spans="1:24" x14ac:dyDescent="0.25">
      <c r="A5410">
        <v>3072</v>
      </c>
      <c r="B5410" t="s">
        <v>14</v>
      </c>
      <c r="C5410">
        <v>20</v>
      </c>
      <c r="D5410" t="s">
        <v>426</v>
      </c>
      <c r="E5410">
        <v>145</v>
      </c>
      <c r="F5410" t="s">
        <v>651</v>
      </c>
      <c r="G5410">
        <v>160</v>
      </c>
      <c r="H5410" t="s">
        <v>739</v>
      </c>
      <c r="I5410">
        <v>4413</v>
      </c>
      <c r="J5410" t="s">
        <v>699</v>
      </c>
      <c r="K5410">
        <v>10</v>
      </c>
      <c r="L5410" t="s">
        <v>1692</v>
      </c>
      <c r="M5410">
        <v>502</v>
      </c>
      <c r="N5410" t="s">
        <v>654</v>
      </c>
      <c r="O5410">
        <v>3</v>
      </c>
      <c r="P5410" t="s">
        <v>655</v>
      </c>
      <c r="Q5410">
        <v>1</v>
      </c>
      <c r="R5410" t="s">
        <v>669</v>
      </c>
      <c r="S5410">
        <v>1</v>
      </c>
      <c r="T5410" t="s">
        <v>1786</v>
      </c>
      <c r="U5410">
        <v>108</v>
      </c>
      <c r="V5410">
        <v>3</v>
      </c>
      <c r="W5410">
        <v>180</v>
      </c>
      <c r="X5410">
        <v>2020</v>
      </c>
    </row>
    <row r="5411" spans="1:24" x14ac:dyDescent="0.25">
      <c r="A5411">
        <v>3071</v>
      </c>
      <c r="B5411" t="s">
        <v>14</v>
      </c>
      <c r="C5411">
        <v>20</v>
      </c>
      <c r="D5411" t="s">
        <v>426</v>
      </c>
      <c r="E5411">
        <v>145</v>
      </c>
      <c r="F5411" t="s">
        <v>651</v>
      </c>
      <c r="G5411">
        <v>160</v>
      </c>
      <c r="H5411" t="s">
        <v>739</v>
      </c>
      <c r="I5411">
        <v>4413</v>
      </c>
      <c r="J5411" t="s">
        <v>699</v>
      </c>
      <c r="K5411">
        <v>10</v>
      </c>
      <c r="L5411" t="s">
        <v>1692</v>
      </c>
      <c r="M5411">
        <v>502</v>
      </c>
      <c r="N5411" t="s">
        <v>654</v>
      </c>
      <c r="O5411">
        <v>3</v>
      </c>
      <c r="P5411" t="s">
        <v>655</v>
      </c>
      <c r="Q5411">
        <v>1</v>
      </c>
      <c r="R5411" t="s">
        <v>669</v>
      </c>
      <c r="S5411">
        <v>1</v>
      </c>
      <c r="T5411" t="s">
        <v>1788</v>
      </c>
      <c r="U5411">
        <v>109</v>
      </c>
      <c r="V5411">
        <v>3</v>
      </c>
      <c r="W5411">
        <v>180</v>
      </c>
      <c r="X5411">
        <v>2020</v>
      </c>
    </row>
    <row r="5412" spans="1:24" x14ac:dyDescent="0.25">
      <c r="A5412">
        <v>3070</v>
      </c>
      <c r="B5412" t="s">
        <v>14</v>
      </c>
      <c r="C5412">
        <v>20</v>
      </c>
      <c r="D5412" t="s">
        <v>426</v>
      </c>
      <c r="E5412">
        <v>145</v>
      </c>
      <c r="F5412" t="s">
        <v>651</v>
      </c>
      <c r="G5412">
        <v>160</v>
      </c>
      <c r="H5412" t="s">
        <v>739</v>
      </c>
      <c r="I5412">
        <v>4413</v>
      </c>
      <c r="J5412" t="s">
        <v>699</v>
      </c>
      <c r="K5412">
        <v>10</v>
      </c>
      <c r="L5412" t="s">
        <v>1692</v>
      </c>
      <c r="M5412">
        <v>502</v>
      </c>
      <c r="N5412" t="s">
        <v>654</v>
      </c>
      <c r="O5412">
        <v>3</v>
      </c>
      <c r="P5412" t="s">
        <v>655</v>
      </c>
      <c r="Q5412">
        <v>1</v>
      </c>
      <c r="R5412" t="s">
        <v>669</v>
      </c>
      <c r="S5412">
        <v>1</v>
      </c>
      <c r="T5412" t="s">
        <v>1613</v>
      </c>
      <c r="U5412">
        <v>107</v>
      </c>
      <c r="V5412">
        <v>3</v>
      </c>
      <c r="W5412">
        <v>180</v>
      </c>
      <c r="X5412">
        <v>2020</v>
      </c>
    </row>
    <row r="5413" spans="1:24" x14ac:dyDescent="0.25">
      <c r="A5413">
        <v>3069</v>
      </c>
      <c r="B5413" t="s">
        <v>14</v>
      </c>
      <c r="C5413">
        <v>20</v>
      </c>
      <c r="D5413" t="s">
        <v>426</v>
      </c>
      <c r="E5413">
        <v>145</v>
      </c>
      <c r="F5413" t="s">
        <v>651</v>
      </c>
      <c r="G5413">
        <v>160</v>
      </c>
      <c r="H5413" t="s">
        <v>739</v>
      </c>
      <c r="I5413">
        <v>4413</v>
      </c>
      <c r="J5413" t="s">
        <v>699</v>
      </c>
      <c r="K5413">
        <v>10</v>
      </c>
      <c r="L5413" t="s">
        <v>3826</v>
      </c>
      <c r="M5413">
        <v>506</v>
      </c>
      <c r="N5413" t="s">
        <v>654</v>
      </c>
      <c r="O5413">
        <v>3</v>
      </c>
      <c r="P5413" t="s">
        <v>655</v>
      </c>
      <c r="Q5413">
        <v>1</v>
      </c>
      <c r="R5413" t="s">
        <v>669</v>
      </c>
      <c r="S5413">
        <v>1</v>
      </c>
      <c r="T5413" t="s">
        <v>3703</v>
      </c>
      <c r="U5413">
        <v>106</v>
      </c>
      <c r="V5413">
        <v>3</v>
      </c>
      <c r="W5413">
        <v>180</v>
      </c>
      <c r="X5413">
        <v>2020</v>
      </c>
    </row>
    <row r="5414" spans="1:24" x14ac:dyDescent="0.25">
      <c r="A5414">
        <v>3068</v>
      </c>
      <c r="B5414" t="s">
        <v>14</v>
      </c>
      <c r="C5414">
        <v>20</v>
      </c>
      <c r="D5414" t="s">
        <v>426</v>
      </c>
      <c r="E5414">
        <v>145</v>
      </c>
      <c r="F5414" t="s">
        <v>651</v>
      </c>
      <c r="G5414">
        <v>160</v>
      </c>
      <c r="H5414" t="s">
        <v>739</v>
      </c>
      <c r="I5414">
        <v>4413</v>
      </c>
      <c r="J5414" t="s">
        <v>699</v>
      </c>
      <c r="K5414">
        <v>10</v>
      </c>
      <c r="L5414" t="s">
        <v>1932</v>
      </c>
      <c r="M5414">
        <v>501</v>
      </c>
      <c r="N5414" t="s">
        <v>654</v>
      </c>
      <c r="O5414">
        <v>3</v>
      </c>
      <c r="P5414" t="s">
        <v>655</v>
      </c>
      <c r="Q5414">
        <v>1</v>
      </c>
      <c r="R5414" t="s">
        <v>669</v>
      </c>
      <c r="S5414">
        <v>1</v>
      </c>
      <c r="T5414" t="s">
        <v>1767</v>
      </c>
      <c r="U5414">
        <v>105</v>
      </c>
      <c r="V5414">
        <v>3</v>
      </c>
      <c r="W5414">
        <v>180</v>
      </c>
      <c r="X5414">
        <v>2020</v>
      </c>
    </row>
    <row r="5415" spans="1:24" x14ac:dyDescent="0.25">
      <c r="A5415">
        <v>3065</v>
      </c>
      <c r="B5415" t="s">
        <v>14</v>
      </c>
      <c r="C5415">
        <v>20</v>
      </c>
      <c r="D5415" t="s">
        <v>426</v>
      </c>
      <c r="E5415">
        <v>145</v>
      </c>
      <c r="F5415" t="s">
        <v>651</v>
      </c>
      <c r="G5415">
        <v>160</v>
      </c>
      <c r="H5415" t="s">
        <v>739</v>
      </c>
      <c r="I5415">
        <v>4413</v>
      </c>
      <c r="J5415" t="s">
        <v>699</v>
      </c>
      <c r="K5415">
        <v>10</v>
      </c>
      <c r="L5415" t="s">
        <v>700</v>
      </c>
      <c r="M5415">
        <v>348</v>
      </c>
      <c r="N5415" t="s">
        <v>654</v>
      </c>
      <c r="O5415">
        <v>3</v>
      </c>
      <c r="P5415" t="s">
        <v>655</v>
      </c>
      <c r="Q5415">
        <v>1</v>
      </c>
      <c r="R5415" t="s">
        <v>669</v>
      </c>
      <c r="S5415">
        <v>1</v>
      </c>
      <c r="T5415" t="s">
        <v>3693</v>
      </c>
      <c r="U5415">
        <v>98</v>
      </c>
      <c r="V5415">
        <v>3</v>
      </c>
      <c r="W5415">
        <v>180</v>
      </c>
      <c r="X5415">
        <v>2020</v>
      </c>
    </row>
    <row r="5416" spans="1:24" x14ac:dyDescent="0.25">
      <c r="A5416">
        <v>3064</v>
      </c>
      <c r="B5416" t="s">
        <v>14</v>
      </c>
      <c r="C5416">
        <v>20</v>
      </c>
      <c r="D5416" t="s">
        <v>426</v>
      </c>
      <c r="E5416">
        <v>145</v>
      </c>
      <c r="F5416" t="s">
        <v>651</v>
      </c>
      <c r="G5416">
        <v>160</v>
      </c>
      <c r="H5416" t="s">
        <v>739</v>
      </c>
      <c r="I5416">
        <v>4413</v>
      </c>
      <c r="J5416" t="s">
        <v>699</v>
      </c>
      <c r="K5416">
        <v>10</v>
      </c>
      <c r="L5416" t="s">
        <v>700</v>
      </c>
      <c r="M5416">
        <v>348</v>
      </c>
      <c r="N5416" t="s">
        <v>654</v>
      </c>
      <c r="O5416">
        <v>3</v>
      </c>
      <c r="P5416" t="s">
        <v>655</v>
      </c>
      <c r="Q5416">
        <v>1</v>
      </c>
      <c r="R5416" t="s">
        <v>669</v>
      </c>
      <c r="S5416">
        <v>1</v>
      </c>
      <c r="T5416" t="s">
        <v>1816</v>
      </c>
      <c r="U5416">
        <v>97</v>
      </c>
      <c r="V5416">
        <v>3</v>
      </c>
      <c r="W5416">
        <v>180</v>
      </c>
      <c r="X5416">
        <v>2020</v>
      </c>
    </row>
    <row r="5417" spans="1:24" x14ac:dyDescent="0.25">
      <c r="A5417">
        <v>3063</v>
      </c>
      <c r="B5417" t="s">
        <v>14</v>
      </c>
      <c r="C5417">
        <v>20</v>
      </c>
      <c r="D5417" t="s">
        <v>426</v>
      </c>
      <c r="E5417">
        <v>145</v>
      </c>
      <c r="F5417" t="s">
        <v>651</v>
      </c>
      <c r="G5417">
        <v>160</v>
      </c>
      <c r="H5417" t="s">
        <v>739</v>
      </c>
      <c r="I5417">
        <v>4413</v>
      </c>
      <c r="J5417" t="s">
        <v>699</v>
      </c>
      <c r="K5417">
        <v>10</v>
      </c>
      <c r="L5417" t="s">
        <v>700</v>
      </c>
      <c r="M5417">
        <v>348</v>
      </c>
      <c r="N5417" t="s">
        <v>654</v>
      </c>
      <c r="O5417">
        <v>3</v>
      </c>
      <c r="P5417" t="s">
        <v>655</v>
      </c>
      <c r="Q5417">
        <v>1</v>
      </c>
      <c r="R5417" t="s">
        <v>669</v>
      </c>
      <c r="S5417">
        <v>1</v>
      </c>
      <c r="T5417" t="s">
        <v>1817</v>
      </c>
      <c r="U5417">
        <v>95</v>
      </c>
      <c r="V5417">
        <v>3</v>
      </c>
      <c r="W5417">
        <v>180</v>
      </c>
      <c r="X5417">
        <v>2020</v>
      </c>
    </row>
    <row r="5418" spans="1:24" x14ac:dyDescent="0.25">
      <c r="A5418">
        <v>3062</v>
      </c>
      <c r="B5418" t="s">
        <v>14</v>
      </c>
      <c r="C5418">
        <v>20</v>
      </c>
      <c r="D5418" t="s">
        <v>426</v>
      </c>
      <c r="E5418">
        <v>145</v>
      </c>
      <c r="F5418" t="s">
        <v>651</v>
      </c>
      <c r="G5418">
        <v>160</v>
      </c>
      <c r="H5418" t="s">
        <v>739</v>
      </c>
      <c r="I5418">
        <v>4413</v>
      </c>
      <c r="J5418" t="s">
        <v>699</v>
      </c>
      <c r="K5418">
        <v>10</v>
      </c>
      <c r="L5418" t="s">
        <v>700</v>
      </c>
      <c r="M5418">
        <v>348</v>
      </c>
      <c r="N5418" t="s">
        <v>654</v>
      </c>
      <c r="O5418">
        <v>3</v>
      </c>
      <c r="P5418" t="s">
        <v>655</v>
      </c>
      <c r="Q5418">
        <v>1</v>
      </c>
      <c r="R5418" t="s">
        <v>669</v>
      </c>
      <c r="S5418">
        <v>1</v>
      </c>
      <c r="T5418" t="s">
        <v>1814</v>
      </c>
      <c r="U5418">
        <v>96</v>
      </c>
      <c r="V5418">
        <v>3</v>
      </c>
      <c r="W5418">
        <v>180</v>
      </c>
      <c r="X5418">
        <v>2020</v>
      </c>
    </row>
    <row r="5419" spans="1:24" x14ac:dyDescent="0.25">
      <c r="A5419">
        <v>3061</v>
      </c>
      <c r="B5419" t="s">
        <v>14</v>
      </c>
      <c r="C5419">
        <v>20</v>
      </c>
      <c r="D5419" t="s">
        <v>426</v>
      </c>
      <c r="E5419">
        <v>145</v>
      </c>
      <c r="F5419" t="s">
        <v>651</v>
      </c>
      <c r="G5419">
        <v>160</v>
      </c>
      <c r="H5419" t="s">
        <v>739</v>
      </c>
      <c r="I5419">
        <v>4413</v>
      </c>
      <c r="J5419" t="s">
        <v>699</v>
      </c>
      <c r="K5419">
        <v>10</v>
      </c>
      <c r="L5419" t="s">
        <v>700</v>
      </c>
      <c r="M5419">
        <v>348</v>
      </c>
      <c r="N5419" t="s">
        <v>654</v>
      </c>
      <c r="O5419">
        <v>3</v>
      </c>
      <c r="P5419" t="s">
        <v>655</v>
      </c>
      <c r="Q5419">
        <v>1</v>
      </c>
      <c r="R5419" t="s">
        <v>669</v>
      </c>
      <c r="S5419">
        <v>1</v>
      </c>
      <c r="T5419" t="s">
        <v>1813</v>
      </c>
      <c r="U5419">
        <v>94</v>
      </c>
      <c r="V5419">
        <v>3</v>
      </c>
      <c r="W5419">
        <v>180</v>
      </c>
      <c r="X5419">
        <v>2020</v>
      </c>
    </row>
    <row r="5420" spans="1:24" x14ac:dyDescent="0.25">
      <c r="A5420">
        <v>3060</v>
      </c>
      <c r="B5420" t="s">
        <v>14</v>
      </c>
      <c r="C5420">
        <v>20</v>
      </c>
      <c r="D5420" t="s">
        <v>426</v>
      </c>
      <c r="E5420">
        <v>145</v>
      </c>
      <c r="F5420" t="s">
        <v>651</v>
      </c>
      <c r="G5420">
        <v>160</v>
      </c>
      <c r="H5420" t="s">
        <v>739</v>
      </c>
      <c r="I5420">
        <v>4413</v>
      </c>
      <c r="J5420" t="s">
        <v>699</v>
      </c>
      <c r="K5420">
        <v>10</v>
      </c>
      <c r="L5420" t="s">
        <v>1241</v>
      </c>
      <c r="M5420">
        <v>346</v>
      </c>
      <c r="N5420" t="s">
        <v>654</v>
      </c>
      <c r="O5420">
        <v>3</v>
      </c>
      <c r="P5420" t="s">
        <v>655</v>
      </c>
      <c r="Q5420">
        <v>1</v>
      </c>
      <c r="R5420" t="s">
        <v>669</v>
      </c>
      <c r="S5420">
        <v>1</v>
      </c>
      <c r="T5420" t="s">
        <v>1756</v>
      </c>
      <c r="U5420">
        <v>99</v>
      </c>
      <c r="V5420">
        <v>3</v>
      </c>
      <c r="W5420">
        <v>180</v>
      </c>
      <c r="X5420">
        <v>2020</v>
      </c>
    </row>
    <row r="5421" spans="1:24" x14ac:dyDescent="0.25">
      <c r="A5421">
        <v>3059</v>
      </c>
      <c r="B5421" t="s">
        <v>14</v>
      </c>
      <c r="C5421">
        <v>20</v>
      </c>
      <c r="D5421" t="s">
        <v>426</v>
      </c>
      <c r="E5421">
        <v>145</v>
      </c>
      <c r="F5421" t="s">
        <v>651</v>
      </c>
      <c r="G5421">
        <v>160</v>
      </c>
      <c r="H5421" t="s">
        <v>739</v>
      </c>
      <c r="I5421">
        <v>4413</v>
      </c>
      <c r="J5421" t="s">
        <v>699</v>
      </c>
      <c r="K5421">
        <v>10</v>
      </c>
      <c r="L5421" t="s">
        <v>700</v>
      </c>
      <c r="M5421">
        <v>348</v>
      </c>
      <c r="N5421" t="s">
        <v>654</v>
      </c>
      <c r="O5421">
        <v>3</v>
      </c>
      <c r="P5421" t="s">
        <v>655</v>
      </c>
      <c r="Q5421">
        <v>1</v>
      </c>
      <c r="R5421" t="s">
        <v>669</v>
      </c>
      <c r="S5421">
        <v>1</v>
      </c>
      <c r="T5421" t="s">
        <v>1365</v>
      </c>
      <c r="U5421">
        <v>87</v>
      </c>
      <c r="V5421">
        <v>3</v>
      </c>
      <c r="W5421">
        <v>180</v>
      </c>
      <c r="X5421">
        <v>2020</v>
      </c>
    </row>
    <row r="5422" spans="1:24" x14ac:dyDescent="0.25">
      <c r="A5422">
        <v>3058</v>
      </c>
      <c r="B5422" t="s">
        <v>14</v>
      </c>
      <c r="C5422">
        <v>20</v>
      </c>
      <c r="D5422" t="s">
        <v>426</v>
      </c>
      <c r="E5422">
        <v>145</v>
      </c>
      <c r="F5422" t="s">
        <v>651</v>
      </c>
      <c r="G5422">
        <v>160</v>
      </c>
      <c r="H5422" t="s">
        <v>739</v>
      </c>
      <c r="I5422">
        <v>4413</v>
      </c>
      <c r="J5422" t="s">
        <v>699</v>
      </c>
      <c r="K5422">
        <v>10</v>
      </c>
      <c r="L5422" t="s">
        <v>700</v>
      </c>
      <c r="M5422">
        <v>348</v>
      </c>
      <c r="N5422" t="s">
        <v>654</v>
      </c>
      <c r="O5422">
        <v>3</v>
      </c>
      <c r="P5422" t="s">
        <v>655</v>
      </c>
      <c r="Q5422">
        <v>1</v>
      </c>
      <c r="R5422" t="s">
        <v>669</v>
      </c>
      <c r="S5422">
        <v>1</v>
      </c>
      <c r="T5422" t="s">
        <v>1820</v>
      </c>
      <c r="U5422">
        <v>85</v>
      </c>
      <c r="V5422">
        <v>3</v>
      </c>
      <c r="W5422">
        <v>180</v>
      </c>
      <c r="X5422">
        <v>2020</v>
      </c>
    </row>
    <row r="5423" spans="1:24" x14ac:dyDescent="0.25">
      <c r="A5423">
        <v>3057</v>
      </c>
      <c r="B5423" t="s">
        <v>14</v>
      </c>
      <c r="C5423">
        <v>20</v>
      </c>
      <c r="D5423" t="s">
        <v>426</v>
      </c>
      <c r="E5423">
        <v>145</v>
      </c>
      <c r="F5423" t="s">
        <v>651</v>
      </c>
      <c r="G5423">
        <v>160</v>
      </c>
      <c r="H5423" t="s">
        <v>739</v>
      </c>
      <c r="I5423">
        <v>4413</v>
      </c>
      <c r="J5423" t="s">
        <v>699</v>
      </c>
      <c r="K5423">
        <v>10</v>
      </c>
      <c r="L5423" t="s">
        <v>700</v>
      </c>
      <c r="M5423">
        <v>348</v>
      </c>
      <c r="N5423" t="s">
        <v>654</v>
      </c>
      <c r="O5423">
        <v>3</v>
      </c>
      <c r="P5423" t="s">
        <v>655</v>
      </c>
      <c r="Q5423">
        <v>1</v>
      </c>
      <c r="R5423" t="s">
        <v>669</v>
      </c>
      <c r="S5423">
        <v>1</v>
      </c>
      <c r="T5423" t="s">
        <v>1822</v>
      </c>
      <c r="U5423">
        <v>83</v>
      </c>
      <c r="V5423">
        <v>3</v>
      </c>
      <c r="W5423">
        <v>180</v>
      </c>
      <c r="X5423">
        <v>2020</v>
      </c>
    </row>
    <row r="5424" spans="1:24" x14ac:dyDescent="0.25">
      <c r="A5424">
        <v>3056</v>
      </c>
      <c r="B5424" t="s">
        <v>14</v>
      </c>
      <c r="C5424">
        <v>20</v>
      </c>
      <c r="D5424" t="s">
        <v>426</v>
      </c>
      <c r="E5424">
        <v>145</v>
      </c>
      <c r="F5424" t="s">
        <v>651</v>
      </c>
      <c r="G5424">
        <v>160</v>
      </c>
      <c r="H5424" t="s">
        <v>739</v>
      </c>
      <c r="I5424">
        <v>4413</v>
      </c>
      <c r="J5424" t="s">
        <v>699</v>
      </c>
      <c r="K5424">
        <v>10</v>
      </c>
      <c r="L5424" t="s">
        <v>700</v>
      </c>
      <c r="M5424">
        <v>348</v>
      </c>
      <c r="N5424" t="s">
        <v>654</v>
      </c>
      <c r="O5424">
        <v>3</v>
      </c>
      <c r="P5424" t="s">
        <v>655</v>
      </c>
      <c r="Q5424">
        <v>1</v>
      </c>
      <c r="R5424" t="s">
        <v>669</v>
      </c>
      <c r="S5424">
        <v>1</v>
      </c>
      <c r="T5424" t="s">
        <v>1823</v>
      </c>
      <c r="U5424">
        <v>84</v>
      </c>
      <c r="V5424">
        <v>3</v>
      </c>
      <c r="W5424">
        <v>180</v>
      </c>
      <c r="X5424">
        <v>2020</v>
      </c>
    </row>
    <row r="5425" spans="1:24" x14ac:dyDescent="0.25">
      <c r="A5425">
        <v>3055</v>
      </c>
      <c r="B5425" t="s">
        <v>14</v>
      </c>
      <c r="C5425">
        <v>20</v>
      </c>
      <c r="D5425" t="s">
        <v>426</v>
      </c>
      <c r="E5425">
        <v>145</v>
      </c>
      <c r="F5425" t="s">
        <v>651</v>
      </c>
      <c r="G5425">
        <v>160</v>
      </c>
      <c r="H5425" t="s">
        <v>739</v>
      </c>
      <c r="I5425">
        <v>4413</v>
      </c>
      <c r="J5425" t="s">
        <v>699</v>
      </c>
      <c r="K5425">
        <v>10</v>
      </c>
      <c r="L5425" t="s">
        <v>700</v>
      </c>
      <c r="M5425">
        <v>348</v>
      </c>
      <c r="N5425" t="s">
        <v>654</v>
      </c>
      <c r="O5425">
        <v>3</v>
      </c>
      <c r="P5425" t="s">
        <v>655</v>
      </c>
      <c r="Q5425">
        <v>1</v>
      </c>
      <c r="R5425" t="s">
        <v>669</v>
      </c>
      <c r="S5425">
        <v>1</v>
      </c>
      <c r="T5425" t="s">
        <v>1818</v>
      </c>
      <c r="U5425">
        <v>82</v>
      </c>
      <c r="V5425">
        <v>3</v>
      </c>
      <c r="W5425">
        <v>180</v>
      </c>
      <c r="X5425">
        <v>2020</v>
      </c>
    </row>
    <row r="5426" spans="1:24" x14ac:dyDescent="0.25">
      <c r="A5426">
        <v>3054</v>
      </c>
      <c r="B5426" t="s">
        <v>14</v>
      </c>
      <c r="C5426">
        <v>20</v>
      </c>
      <c r="D5426" t="s">
        <v>426</v>
      </c>
      <c r="E5426">
        <v>145</v>
      </c>
      <c r="F5426" t="s">
        <v>651</v>
      </c>
      <c r="G5426">
        <v>160</v>
      </c>
      <c r="H5426" t="s">
        <v>739</v>
      </c>
      <c r="I5426">
        <v>4413</v>
      </c>
      <c r="J5426" t="s">
        <v>699</v>
      </c>
      <c r="K5426">
        <v>10</v>
      </c>
      <c r="L5426" t="s">
        <v>1241</v>
      </c>
      <c r="M5426">
        <v>346</v>
      </c>
      <c r="N5426" t="s">
        <v>654</v>
      </c>
      <c r="O5426">
        <v>3</v>
      </c>
      <c r="P5426" t="s">
        <v>655</v>
      </c>
      <c r="Q5426">
        <v>1</v>
      </c>
      <c r="R5426" t="s">
        <v>669</v>
      </c>
      <c r="S5426">
        <v>1</v>
      </c>
      <c r="T5426" t="s">
        <v>1755</v>
      </c>
      <c r="U5426">
        <v>86</v>
      </c>
      <c r="V5426">
        <v>3</v>
      </c>
      <c r="W5426">
        <v>180</v>
      </c>
      <c r="X5426">
        <v>2020</v>
      </c>
    </row>
    <row r="5427" spans="1:24" x14ac:dyDescent="0.25">
      <c r="A5427">
        <v>3053</v>
      </c>
      <c r="B5427" t="s">
        <v>14</v>
      </c>
      <c r="C5427">
        <v>20</v>
      </c>
      <c r="D5427" t="s">
        <v>426</v>
      </c>
      <c r="E5427">
        <v>145</v>
      </c>
      <c r="F5427" t="s">
        <v>651</v>
      </c>
      <c r="G5427">
        <v>160</v>
      </c>
      <c r="H5427" t="s">
        <v>739</v>
      </c>
      <c r="I5427">
        <v>4413</v>
      </c>
      <c r="J5427" t="s">
        <v>699</v>
      </c>
      <c r="K5427">
        <v>10</v>
      </c>
      <c r="L5427" t="s">
        <v>700</v>
      </c>
      <c r="M5427">
        <v>348</v>
      </c>
      <c r="N5427" t="s">
        <v>654</v>
      </c>
      <c r="O5427">
        <v>3</v>
      </c>
      <c r="P5427" t="s">
        <v>655</v>
      </c>
      <c r="Q5427">
        <v>1</v>
      </c>
      <c r="R5427" t="s">
        <v>669</v>
      </c>
      <c r="S5427">
        <v>1</v>
      </c>
      <c r="T5427" t="s">
        <v>1840</v>
      </c>
      <c r="U5427">
        <v>75</v>
      </c>
      <c r="V5427">
        <v>3</v>
      </c>
      <c r="W5427">
        <v>180</v>
      </c>
      <c r="X5427">
        <v>2020</v>
      </c>
    </row>
    <row r="5428" spans="1:24" x14ac:dyDescent="0.25">
      <c r="A5428">
        <v>3052</v>
      </c>
      <c r="B5428" t="s">
        <v>14</v>
      </c>
      <c r="C5428">
        <v>20</v>
      </c>
      <c r="D5428" t="s">
        <v>426</v>
      </c>
      <c r="E5428">
        <v>145</v>
      </c>
      <c r="F5428" t="s">
        <v>651</v>
      </c>
      <c r="G5428">
        <v>160</v>
      </c>
      <c r="H5428" t="s">
        <v>739</v>
      </c>
      <c r="I5428">
        <v>4413</v>
      </c>
      <c r="J5428" t="s">
        <v>699</v>
      </c>
      <c r="K5428">
        <v>10</v>
      </c>
      <c r="L5428" t="s">
        <v>700</v>
      </c>
      <c r="M5428">
        <v>348</v>
      </c>
      <c r="N5428" t="s">
        <v>654</v>
      </c>
      <c r="O5428">
        <v>3</v>
      </c>
      <c r="P5428" t="s">
        <v>655</v>
      </c>
      <c r="Q5428">
        <v>1</v>
      </c>
      <c r="R5428" t="s">
        <v>669</v>
      </c>
      <c r="S5428">
        <v>1</v>
      </c>
      <c r="T5428" t="s">
        <v>1839</v>
      </c>
      <c r="U5428">
        <v>74</v>
      </c>
      <c r="V5428">
        <v>3</v>
      </c>
      <c r="W5428">
        <v>180</v>
      </c>
      <c r="X5428">
        <v>2020</v>
      </c>
    </row>
    <row r="5429" spans="1:24" x14ac:dyDescent="0.25">
      <c r="A5429">
        <v>3051</v>
      </c>
      <c r="B5429" t="s">
        <v>14</v>
      </c>
      <c r="C5429">
        <v>20</v>
      </c>
      <c r="D5429" t="s">
        <v>426</v>
      </c>
      <c r="E5429">
        <v>145</v>
      </c>
      <c r="F5429" t="s">
        <v>651</v>
      </c>
      <c r="G5429">
        <v>160</v>
      </c>
      <c r="H5429" t="s">
        <v>739</v>
      </c>
      <c r="I5429">
        <v>4413</v>
      </c>
      <c r="J5429" t="s">
        <v>699</v>
      </c>
      <c r="K5429">
        <v>10</v>
      </c>
      <c r="L5429" t="s">
        <v>700</v>
      </c>
      <c r="M5429">
        <v>348</v>
      </c>
      <c r="N5429" t="s">
        <v>654</v>
      </c>
      <c r="O5429">
        <v>3</v>
      </c>
      <c r="P5429" t="s">
        <v>655</v>
      </c>
      <c r="Q5429">
        <v>1</v>
      </c>
      <c r="R5429" t="s">
        <v>669</v>
      </c>
      <c r="S5429">
        <v>1</v>
      </c>
      <c r="T5429" t="s">
        <v>1422</v>
      </c>
      <c r="U5429">
        <v>71</v>
      </c>
      <c r="V5429">
        <v>3</v>
      </c>
      <c r="W5429">
        <v>180</v>
      </c>
      <c r="X5429">
        <v>2020</v>
      </c>
    </row>
    <row r="5430" spans="1:24" x14ac:dyDescent="0.25">
      <c r="A5430">
        <v>3050</v>
      </c>
      <c r="B5430" t="s">
        <v>14</v>
      </c>
      <c r="C5430">
        <v>20</v>
      </c>
      <c r="D5430" t="s">
        <v>426</v>
      </c>
      <c r="E5430">
        <v>145</v>
      </c>
      <c r="F5430" t="s">
        <v>651</v>
      </c>
      <c r="G5430">
        <v>160</v>
      </c>
      <c r="H5430" t="s">
        <v>739</v>
      </c>
      <c r="I5430">
        <v>4413</v>
      </c>
      <c r="J5430" t="s">
        <v>699</v>
      </c>
      <c r="K5430">
        <v>10</v>
      </c>
      <c r="L5430" t="s">
        <v>700</v>
      </c>
      <c r="M5430">
        <v>348</v>
      </c>
      <c r="N5430" t="s">
        <v>654</v>
      </c>
      <c r="O5430">
        <v>3</v>
      </c>
      <c r="P5430" t="s">
        <v>655</v>
      </c>
      <c r="Q5430">
        <v>1</v>
      </c>
      <c r="R5430" t="s">
        <v>669</v>
      </c>
      <c r="S5430">
        <v>1</v>
      </c>
      <c r="T5430" t="s">
        <v>1838</v>
      </c>
      <c r="U5430">
        <v>72</v>
      </c>
      <c r="V5430">
        <v>3</v>
      </c>
      <c r="W5430">
        <v>180</v>
      </c>
      <c r="X5430">
        <v>2020</v>
      </c>
    </row>
    <row r="5431" spans="1:24" x14ac:dyDescent="0.25">
      <c r="A5431">
        <v>3049</v>
      </c>
      <c r="B5431" t="s">
        <v>14</v>
      </c>
      <c r="C5431">
        <v>20</v>
      </c>
      <c r="D5431" t="s">
        <v>426</v>
      </c>
      <c r="E5431">
        <v>145</v>
      </c>
      <c r="F5431" t="s">
        <v>651</v>
      </c>
      <c r="G5431">
        <v>160</v>
      </c>
      <c r="H5431" t="s">
        <v>739</v>
      </c>
      <c r="I5431">
        <v>4413</v>
      </c>
      <c r="J5431" t="s">
        <v>699</v>
      </c>
      <c r="K5431">
        <v>10</v>
      </c>
      <c r="L5431" t="s">
        <v>700</v>
      </c>
      <c r="M5431">
        <v>348</v>
      </c>
      <c r="N5431" t="s">
        <v>654</v>
      </c>
      <c r="O5431">
        <v>3</v>
      </c>
      <c r="P5431" t="s">
        <v>655</v>
      </c>
      <c r="Q5431">
        <v>1</v>
      </c>
      <c r="R5431" t="s">
        <v>669</v>
      </c>
      <c r="S5431">
        <v>1</v>
      </c>
      <c r="T5431" t="s">
        <v>1837</v>
      </c>
      <c r="U5431">
        <v>70</v>
      </c>
      <c r="V5431">
        <v>3</v>
      </c>
      <c r="W5431">
        <v>180</v>
      </c>
      <c r="X5431">
        <v>2020</v>
      </c>
    </row>
    <row r="5432" spans="1:24" x14ac:dyDescent="0.25">
      <c r="A5432">
        <v>3048</v>
      </c>
      <c r="B5432" t="s">
        <v>14</v>
      </c>
      <c r="C5432">
        <v>20</v>
      </c>
      <c r="D5432" t="s">
        <v>426</v>
      </c>
      <c r="E5432">
        <v>145</v>
      </c>
      <c r="F5432" t="s">
        <v>651</v>
      </c>
      <c r="G5432">
        <v>160</v>
      </c>
      <c r="H5432" t="s">
        <v>739</v>
      </c>
      <c r="I5432">
        <v>4413</v>
      </c>
      <c r="J5432" t="s">
        <v>699</v>
      </c>
      <c r="K5432">
        <v>10</v>
      </c>
      <c r="L5432" t="s">
        <v>1241</v>
      </c>
      <c r="M5432">
        <v>346</v>
      </c>
      <c r="N5432" t="s">
        <v>654</v>
      </c>
      <c r="O5432">
        <v>3</v>
      </c>
      <c r="P5432" t="s">
        <v>655</v>
      </c>
      <c r="Q5432">
        <v>1</v>
      </c>
      <c r="R5432" t="s">
        <v>669</v>
      </c>
      <c r="S5432">
        <v>1</v>
      </c>
      <c r="T5432" t="s">
        <v>1443</v>
      </c>
      <c r="U5432">
        <v>73</v>
      </c>
      <c r="V5432">
        <v>3</v>
      </c>
      <c r="W5432">
        <v>180</v>
      </c>
      <c r="X5432">
        <v>2020</v>
      </c>
    </row>
    <row r="5433" spans="1:24" x14ac:dyDescent="0.25">
      <c r="A5433">
        <v>3047</v>
      </c>
      <c r="B5433" t="s">
        <v>14</v>
      </c>
      <c r="C5433">
        <v>20</v>
      </c>
      <c r="D5433" t="s">
        <v>426</v>
      </c>
      <c r="E5433">
        <v>145</v>
      </c>
      <c r="F5433" t="s">
        <v>651</v>
      </c>
      <c r="G5433">
        <v>160</v>
      </c>
      <c r="H5433" t="s">
        <v>739</v>
      </c>
      <c r="I5433">
        <v>4413</v>
      </c>
      <c r="J5433" t="s">
        <v>699</v>
      </c>
      <c r="K5433">
        <v>10</v>
      </c>
      <c r="L5433" t="s">
        <v>700</v>
      </c>
      <c r="M5433">
        <v>348</v>
      </c>
      <c r="N5433" t="s">
        <v>654</v>
      </c>
      <c r="O5433">
        <v>3</v>
      </c>
      <c r="P5433" t="s">
        <v>655</v>
      </c>
      <c r="Q5433">
        <v>1</v>
      </c>
      <c r="R5433" t="s">
        <v>669</v>
      </c>
      <c r="S5433">
        <v>1</v>
      </c>
      <c r="T5433" t="s">
        <v>1504</v>
      </c>
      <c r="U5433">
        <v>63</v>
      </c>
      <c r="V5433">
        <v>3</v>
      </c>
      <c r="W5433">
        <v>180</v>
      </c>
      <c r="X5433">
        <v>2020</v>
      </c>
    </row>
    <row r="5434" spans="1:24" x14ac:dyDescent="0.25">
      <c r="A5434">
        <v>3046</v>
      </c>
      <c r="B5434" t="s">
        <v>14</v>
      </c>
      <c r="C5434">
        <v>20</v>
      </c>
      <c r="D5434" t="s">
        <v>426</v>
      </c>
      <c r="E5434">
        <v>145</v>
      </c>
      <c r="F5434" t="s">
        <v>651</v>
      </c>
      <c r="G5434">
        <v>160</v>
      </c>
      <c r="H5434" t="s">
        <v>739</v>
      </c>
      <c r="I5434">
        <v>4413</v>
      </c>
      <c r="J5434" t="s">
        <v>699</v>
      </c>
      <c r="K5434">
        <v>10</v>
      </c>
      <c r="L5434" t="s">
        <v>700</v>
      </c>
      <c r="M5434">
        <v>348</v>
      </c>
      <c r="N5434" t="s">
        <v>654</v>
      </c>
      <c r="O5434">
        <v>3</v>
      </c>
      <c r="P5434" t="s">
        <v>655</v>
      </c>
      <c r="Q5434">
        <v>1</v>
      </c>
      <c r="R5434" t="s">
        <v>669</v>
      </c>
      <c r="S5434">
        <v>1</v>
      </c>
      <c r="T5434" t="s">
        <v>1424</v>
      </c>
      <c r="U5434">
        <v>62</v>
      </c>
      <c r="V5434">
        <v>3</v>
      </c>
      <c r="W5434">
        <v>180</v>
      </c>
      <c r="X5434">
        <v>2020</v>
      </c>
    </row>
    <row r="5435" spans="1:24" x14ac:dyDescent="0.25">
      <c r="A5435">
        <v>3045</v>
      </c>
      <c r="B5435" t="s">
        <v>14</v>
      </c>
      <c r="C5435">
        <v>20</v>
      </c>
      <c r="D5435" t="s">
        <v>426</v>
      </c>
      <c r="E5435">
        <v>145</v>
      </c>
      <c r="F5435" t="s">
        <v>651</v>
      </c>
      <c r="G5435">
        <v>160</v>
      </c>
      <c r="H5435" t="s">
        <v>739</v>
      </c>
      <c r="I5435">
        <v>4413</v>
      </c>
      <c r="J5435" t="s">
        <v>699</v>
      </c>
      <c r="K5435">
        <v>10</v>
      </c>
      <c r="L5435" t="s">
        <v>700</v>
      </c>
      <c r="M5435">
        <v>348</v>
      </c>
      <c r="N5435" t="s">
        <v>654</v>
      </c>
      <c r="O5435">
        <v>3</v>
      </c>
      <c r="P5435" t="s">
        <v>655</v>
      </c>
      <c r="Q5435">
        <v>1</v>
      </c>
      <c r="R5435" t="s">
        <v>669</v>
      </c>
      <c r="S5435">
        <v>1</v>
      </c>
      <c r="T5435" t="s">
        <v>1472</v>
      </c>
      <c r="U5435">
        <v>61</v>
      </c>
      <c r="V5435">
        <v>3</v>
      </c>
      <c r="W5435">
        <v>180</v>
      </c>
      <c r="X5435">
        <v>2020</v>
      </c>
    </row>
    <row r="5436" spans="1:24" x14ac:dyDescent="0.25">
      <c r="A5436">
        <v>3044</v>
      </c>
      <c r="B5436" t="s">
        <v>14</v>
      </c>
      <c r="C5436">
        <v>20</v>
      </c>
      <c r="D5436" t="s">
        <v>426</v>
      </c>
      <c r="E5436">
        <v>145</v>
      </c>
      <c r="F5436" t="s">
        <v>651</v>
      </c>
      <c r="G5436">
        <v>160</v>
      </c>
      <c r="H5436" t="s">
        <v>739</v>
      </c>
      <c r="I5436">
        <v>4413</v>
      </c>
      <c r="J5436" t="s">
        <v>699</v>
      </c>
      <c r="K5436">
        <v>10</v>
      </c>
      <c r="L5436" t="s">
        <v>700</v>
      </c>
      <c r="M5436">
        <v>348</v>
      </c>
      <c r="N5436" t="s">
        <v>654</v>
      </c>
      <c r="O5436">
        <v>3</v>
      </c>
      <c r="P5436" t="s">
        <v>655</v>
      </c>
      <c r="Q5436">
        <v>1</v>
      </c>
      <c r="R5436" t="s">
        <v>669</v>
      </c>
      <c r="S5436">
        <v>1</v>
      </c>
      <c r="T5436" t="s">
        <v>1000</v>
      </c>
      <c r="U5436">
        <v>60</v>
      </c>
      <c r="V5436">
        <v>3</v>
      </c>
      <c r="W5436">
        <v>180</v>
      </c>
      <c r="X5436">
        <v>2020</v>
      </c>
    </row>
    <row r="5437" spans="1:24" x14ac:dyDescent="0.25">
      <c r="A5437">
        <v>3043</v>
      </c>
      <c r="B5437" t="s">
        <v>14</v>
      </c>
      <c r="C5437">
        <v>20</v>
      </c>
      <c r="D5437" t="s">
        <v>426</v>
      </c>
      <c r="E5437">
        <v>145</v>
      </c>
      <c r="F5437" t="s">
        <v>651</v>
      </c>
      <c r="G5437">
        <v>160</v>
      </c>
      <c r="H5437" t="s">
        <v>739</v>
      </c>
      <c r="I5437">
        <v>4413</v>
      </c>
      <c r="J5437" t="s">
        <v>699</v>
      </c>
      <c r="K5437">
        <v>10</v>
      </c>
      <c r="L5437" t="s">
        <v>700</v>
      </c>
      <c r="M5437">
        <v>348</v>
      </c>
      <c r="N5437" t="s">
        <v>654</v>
      </c>
      <c r="O5437">
        <v>3</v>
      </c>
      <c r="P5437" t="s">
        <v>655</v>
      </c>
      <c r="Q5437">
        <v>1</v>
      </c>
      <c r="R5437" t="s">
        <v>669</v>
      </c>
      <c r="S5437">
        <v>1</v>
      </c>
      <c r="T5437" t="s">
        <v>942</v>
      </c>
      <c r="U5437">
        <v>58</v>
      </c>
      <c r="V5437">
        <v>3</v>
      </c>
      <c r="W5437">
        <v>180</v>
      </c>
      <c r="X5437">
        <v>2020</v>
      </c>
    </row>
    <row r="5438" spans="1:24" x14ac:dyDescent="0.25">
      <c r="A5438">
        <v>3042</v>
      </c>
      <c r="B5438" t="s">
        <v>14</v>
      </c>
      <c r="C5438">
        <v>20</v>
      </c>
      <c r="D5438" t="s">
        <v>426</v>
      </c>
      <c r="E5438">
        <v>145</v>
      </c>
      <c r="F5438" t="s">
        <v>651</v>
      </c>
      <c r="G5438">
        <v>160</v>
      </c>
      <c r="H5438" t="s">
        <v>739</v>
      </c>
      <c r="I5438">
        <v>4413</v>
      </c>
      <c r="J5438" t="s">
        <v>699</v>
      </c>
      <c r="K5438">
        <v>10</v>
      </c>
      <c r="L5438" t="s">
        <v>1241</v>
      </c>
      <c r="M5438">
        <v>346</v>
      </c>
      <c r="N5438" t="s">
        <v>654</v>
      </c>
      <c r="O5438">
        <v>3</v>
      </c>
      <c r="P5438" t="s">
        <v>655</v>
      </c>
      <c r="Q5438">
        <v>1</v>
      </c>
      <c r="R5438" t="s">
        <v>669</v>
      </c>
      <c r="S5438">
        <v>1</v>
      </c>
      <c r="T5438" t="s">
        <v>1505</v>
      </c>
      <c r="U5438">
        <v>59</v>
      </c>
      <c r="V5438">
        <v>3</v>
      </c>
      <c r="W5438">
        <v>180</v>
      </c>
      <c r="X5438">
        <v>2020</v>
      </c>
    </row>
    <row r="5439" spans="1:24" x14ac:dyDescent="0.25">
      <c r="A5439">
        <v>3041</v>
      </c>
      <c r="B5439" t="s">
        <v>14</v>
      </c>
      <c r="C5439">
        <v>20</v>
      </c>
      <c r="D5439" t="s">
        <v>426</v>
      </c>
      <c r="E5439">
        <v>145</v>
      </c>
      <c r="F5439" t="s">
        <v>651</v>
      </c>
      <c r="G5439">
        <v>160</v>
      </c>
      <c r="H5439" t="s">
        <v>739</v>
      </c>
      <c r="I5439">
        <v>4413</v>
      </c>
      <c r="J5439" t="s">
        <v>699</v>
      </c>
      <c r="K5439">
        <v>10</v>
      </c>
      <c r="L5439" t="s">
        <v>700</v>
      </c>
      <c r="M5439">
        <v>348</v>
      </c>
      <c r="N5439" t="s">
        <v>654</v>
      </c>
      <c r="O5439">
        <v>3</v>
      </c>
      <c r="P5439" t="s">
        <v>655</v>
      </c>
      <c r="Q5439">
        <v>1</v>
      </c>
      <c r="R5439" t="s">
        <v>669</v>
      </c>
      <c r="S5439">
        <v>1</v>
      </c>
      <c r="T5439" t="s">
        <v>1421</v>
      </c>
      <c r="U5439">
        <v>51</v>
      </c>
      <c r="V5439">
        <v>3</v>
      </c>
      <c r="W5439">
        <v>180</v>
      </c>
      <c r="X5439">
        <v>2020</v>
      </c>
    </row>
    <row r="5440" spans="1:24" x14ac:dyDescent="0.25">
      <c r="A5440">
        <v>3040</v>
      </c>
      <c r="B5440" t="s">
        <v>14</v>
      </c>
      <c r="C5440">
        <v>20</v>
      </c>
      <c r="D5440" t="s">
        <v>426</v>
      </c>
      <c r="E5440">
        <v>145</v>
      </c>
      <c r="F5440" t="s">
        <v>651</v>
      </c>
      <c r="G5440">
        <v>160</v>
      </c>
      <c r="H5440" t="s">
        <v>739</v>
      </c>
      <c r="I5440">
        <v>4413</v>
      </c>
      <c r="J5440" t="s">
        <v>699</v>
      </c>
      <c r="K5440">
        <v>10</v>
      </c>
      <c r="L5440" t="s">
        <v>700</v>
      </c>
      <c r="M5440">
        <v>348</v>
      </c>
      <c r="N5440" t="s">
        <v>654</v>
      </c>
      <c r="O5440">
        <v>3</v>
      </c>
      <c r="P5440" t="s">
        <v>655</v>
      </c>
      <c r="Q5440">
        <v>1</v>
      </c>
      <c r="R5440" t="s">
        <v>669</v>
      </c>
      <c r="S5440">
        <v>1</v>
      </c>
      <c r="T5440" t="s">
        <v>1486</v>
      </c>
      <c r="U5440">
        <v>50</v>
      </c>
      <c r="V5440">
        <v>3</v>
      </c>
      <c r="W5440">
        <v>180</v>
      </c>
      <c r="X5440">
        <v>2020</v>
      </c>
    </row>
    <row r="5441" spans="1:24" x14ac:dyDescent="0.25">
      <c r="A5441">
        <v>3039</v>
      </c>
      <c r="B5441" t="s">
        <v>14</v>
      </c>
      <c r="C5441">
        <v>20</v>
      </c>
      <c r="D5441" t="s">
        <v>426</v>
      </c>
      <c r="E5441">
        <v>145</v>
      </c>
      <c r="F5441" t="s">
        <v>651</v>
      </c>
      <c r="G5441">
        <v>160</v>
      </c>
      <c r="H5441" t="s">
        <v>739</v>
      </c>
      <c r="I5441">
        <v>4413</v>
      </c>
      <c r="J5441" t="s">
        <v>699</v>
      </c>
      <c r="K5441">
        <v>10</v>
      </c>
      <c r="L5441" t="s">
        <v>700</v>
      </c>
      <c r="M5441">
        <v>348</v>
      </c>
      <c r="N5441" t="s">
        <v>654</v>
      </c>
      <c r="O5441">
        <v>3</v>
      </c>
      <c r="P5441" t="s">
        <v>655</v>
      </c>
      <c r="Q5441">
        <v>1</v>
      </c>
      <c r="R5441" t="s">
        <v>669</v>
      </c>
      <c r="S5441">
        <v>1</v>
      </c>
      <c r="T5441" t="s">
        <v>1793</v>
      </c>
      <c r="U5441">
        <v>49</v>
      </c>
      <c r="V5441">
        <v>3</v>
      </c>
      <c r="W5441">
        <v>180</v>
      </c>
      <c r="X5441">
        <v>2020</v>
      </c>
    </row>
    <row r="5442" spans="1:24" x14ac:dyDescent="0.25">
      <c r="A5442">
        <v>3038</v>
      </c>
      <c r="B5442" t="s">
        <v>14</v>
      </c>
      <c r="C5442">
        <v>20</v>
      </c>
      <c r="D5442" t="s">
        <v>426</v>
      </c>
      <c r="E5442">
        <v>145</v>
      </c>
      <c r="F5442" t="s">
        <v>651</v>
      </c>
      <c r="G5442">
        <v>160</v>
      </c>
      <c r="H5442" t="s">
        <v>739</v>
      </c>
      <c r="I5442">
        <v>4413</v>
      </c>
      <c r="J5442" t="s">
        <v>699</v>
      </c>
      <c r="K5442">
        <v>10</v>
      </c>
      <c r="L5442" t="s">
        <v>1241</v>
      </c>
      <c r="M5442">
        <v>346</v>
      </c>
      <c r="N5442" t="s">
        <v>654</v>
      </c>
      <c r="O5442">
        <v>3</v>
      </c>
      <c r="P5442" t="s">
        <v>655</v>
      </c>
      <c r="Q5442">
        <v>1</v>
      </c>
      <c r="R5442" t="s">
        <v>669</v>
      </c>
      <c r="S5442">
        <v>1</v>
      </c>
      <c r="T5442" t="s">
        <v>1754</v>
      </c>
      <c r="U5442">
        <v>48</v>
      </c>
      <c r="V5442">
        <v>3</v>
      </c>
      <c r="W5442">
        <v>180</v>
      </c>
      <c r="X5442">
        <v>2020</v>
      </c>
    </row>
    <row r="5443" spans="1:24" x14ac:dyDescent="0.25">
      <c r="A5443">
        <v>3037</v>
      </c>
      <c r="B5443" t="s">
        <v>14</v>
      </c>
      <c r="C5443">
        <v>20</v>
      </c>
      <c r="D5443" t="s">
        <v>426</v>
      </c>
      <c r="E5443">
        <v>145</v>
      </c>
      <c r="F5443" t="s">
        <v>651</v>
      </c>
      <c r="G5443">
        <v>160</v>
      </c>
      <c r="H5443" t="s">
        <v>739</v>
      </c>
      <c r="I5443">
        <v>4413</v>
      </c>
      <c r="J5443" t="s">
        <v>699</v>
      </c>
      <c r="K5443">
        <v>10</v>
      </c>
      <c r="L5443" t="s">
        <v>700</v>
      </c>
      <c r="M5443">
        <v>348</v>
      </c>
      <c r="N5443" t="s">
        <v>654</v>
      </c>
      <c r="O5443">
        <v>3</v>
      </c>
      <c r="P5443" t="s">
        <v>655</v>
      </c>
      <c r="Q5443">
        <v>1</v>
      </c>
      <c r="R5443" t="s">
        <v>669</v>
      </c>
      <c r="S5443">
        <v>1</v>
      </c>
      <c r="T5443" t="s">
        <v>1423</v>
      </c>
      <c r="U5443">
        <v>47</v>
      </c>
      <c r="V5443">
        <v>3</v>
      </c>
      <c r="W5443">
        <v>180</v>
      </c>
      <c r="X5443">
        <v>2020</v>
      </c>
    </row>
    <row r="5444" spans="1:24" x14ac:dyDescent="0.25">
      <c r="A5444">
        <v>3036</v>
      </c>
      <c r="B5444" t="s">
        <v>14</v>
      </c>
      <c r="C5444">
        <v>20</v>
      </c>
      <c r="D5444" t="s">
        <v>426</v>
      </c>
      <c r="E5444">
        <v>145</v>
      </c>
      <c r="F5444" t="s">
        <v>651</v>
      </c>
      <c r="G5444">
        <v>160</v>
      </c>
      <c r="H5444" t="s">
        <v>739</v>
      </c>
      <c r="I5444">
        <v>4413</v>
      </c>
      <c r="J5444" t="s">
        <v>699</v>
      </c>
      <c r="K5444">
        <v>10</v>
      </c>
      <c r="L5444" t="s">
        <v>700</v>
      </c>
      <c r="M5444">
        <v>348</v>
      </c>
      <c r="N5444" t="s">
        <v>654</v>
      </c>
      <c r="O5444">
        <v>3</v>
      </c>
      <c r="P5444" t="s">
        <v>655</v>
      </c>
      <c r="Q5444">
        <v>1</v>
      </c>
      <c r="R5444" t="s">
        <v>669</v>
      </c>
      <c r="S5444">
        <v>1</v>
      </c>
      <c r="T5444" t="s">
        <v>1035</v>
      </c>
      <c r="U5444">
        <v>46</v>
      </c>
      <c r="V5444">
        <v>3</v>
      </c>
      <c r="W5444">
        <v>180</v>
      </c>
      <c r="X5444">
        <v>2020</v>
      </c>
    </row>
    <row r="5445" spans="1:24" x14ac:dyDescent="0.25">
      <c r="A5445">
        <v>3035</v>
      </c>
      <c r="B5445" t="s">
        <v>14</v>
      </c>
      <c r="C5445">
        <v>20</v>
      </c>
      <c r="D5445" t="s">
        <v>426</v>
      </c>
      <c r="E5445">
        <v>145</v>
      </c>
      <c r="F5445" t="s">
        <v>651</v>
      </c>
      <c r="G5445">
        <v>160</v>
      </c>
      <c r="H5445" t="s">
        <v>739</v>
      </c>
      <c r="I5445">
        <v>4413</v>
      </c>
      <c r="J5445" t="s">
        <v>699</v>
      </c>
      <c r="K5445">
        <v>10</v>
      </c>
      <c r="L5445" t="s">
        <v>700</v>
      </c>
      <c r="M5445">
        <v>348</v>
      </c>
      <c r="N5445" t="s">
        <v>654</v>
      </c>
      <c r="O5445">
        <v>3</v>
      </c>
      <c r="P5445" t="s">
        <v>655</v>
      </c>
      <c r="Q5445">
        <v>1</v>
      </c>
      <c r="R5445" t="s">
        <v>669</v>
      </c>
      <c r="S5445">
        <v>1</v>
      </c>
      <c r="T5445" t="s">
        <v>702</v>
      </c>
      <c r="U5445">
        <v>39</v>
      </c>
      <c r="V5445">
        <v>3</v>
      </c>
      <c r="W5445">
        <v>180</v>
      </c>
      <c r="X5445">
        <v>2020</v>
      </c>
    </row>
    <row r="5446" spans="1:24" x14ac:dyDescent="0.25">
      <c r="A5446">
        <v>3034</v>
      </c>
      <c r="B5446" t="s">
        <v>14</v>
      </c>
      <c r="C5446">
        <v>20</v>
      </c>
      <c r="D5446" t="s">
        <v>426</v>
      </c>
      <c r="E5446">
        <v>145</v>
      </c>
      <c r="F5446" t="s">
        <v>651</v>
      </c>
      <c r="G5446">
        <v>160</v>
      </c>
      <c r="H5446" t="s">
        <v>739</v>
      </c>
      <c r="I5446">
        <v>4413</v>
      </c>
      <c r="J5446" t="s">
        <v>699</v>
      </c>
      <c r="K5446">
        <v>10</v>
      </c>
      <c r="L5446" t="s">
        <v>700</v>
      </c>
      <c r="M5446">
        <v>348</v>
      </c>
      <c r="N5446" t="s">
        <v>654</v>
      </c>
      <c r="O5446">
        <v>3</v>
      </c>
      <c r="P5446" t="s">
        <v>655</v>
      </c>
      <c r="Q5446">
        <v>1</v>
      </c>
      <c r="R5446" t="s">
        <v>669</v>
      </c>
      <c r="S5446">
        <v>1</v>
      </c>
      <c r="T5446" t="s">
        <v>701</v>
      </c>
      <c r="U5446">
        <v>38</v>
      </c>
      <c r="V5446">
        <v>3</v>
      </c>
      <c r="W5446">
        <v>180</v>
      </c>
      <c r="X5446">
        <v>2020</v>
      </c>
    </row>
    <row r="5447" spans="1:24" x14ac:dyDescent="0.25">
      <c r="A5447">
        <v>3033</v>
      </c>
      <c r="B5447" t="s">
        <v>14</v>
      </c>
      <c r="C5447">
        <v>20</v>
      </c>
      <c r="D5447" t="s">
        <v>426</v>
      </c>
      <c r="E5447">
        <v>145</v>
      </c>
      <c r="F5447" t="s">
        <v>651</v>
      </c>
      <c r="G5447">
        <v>160</v>
      </c>
      <c r="H5447" t="s">
        <v>739</v>
      </c>
      <c r="I5447">
        <v>4413</v>
      </c>
      <c r="J5447" t="s">
        <v>699</v>
      </c>
      <c r="K5447">
        <v>10</v>
      </c>
      <c r="L5447" t="s">
        <v>700</v>
      </c>
      <c r="M5447">
        <v>348</v>
      </c>
      <c r="N5447" t="s">
        <v>654</v>
      </c>
      <c r="O5447">
        <v>3</v>
      </c>
      <c r="P5447" t="s">
        <v>655</v>
      </c>
      <c r="Q5447">
        <v>1</v>
      </c>
      <c r="R5447" t="s">
        <v>669</v>
      </c>
      <c r="S5447">
        <v>1</v>
      </c>
      <c r="T5447" t="s">
        <v>1667</v>
      </c>
      <c r="U5447">
        <v>37</v>
      </c>
      <c r="V5447">
        <v>3</v>
      </c>
      <c r="W5447">
        <v>180</v>
      </c>
      <c r="X5447">
        <v>2020</v>
      </c>
    </row>
    <row r="5448" spans="1:24" x14ac:dyDescent="0.25">
      <c r="A5448">
        <v>3032</v>
      </c>
      <c r="B5448" t="s">
        <v>14</v>
      </c>
      <c r="C5448">
        <v>20</v>
      </c>
      <c r="D5448" t="s">
        <v>426</v>
      </c>
      <c r="E5448">
        <v>145</v>
      </c>
      <c r="F5448" t="s">
        <v>651</v>
      </c>
      <c r="G5448">
        <v>160</v>
      </c>
      <c r="H5448" t="s">
        <v>739</v>
      </c>
      <c r="I5448">
        <v>4413</v>
      </c>
      <c r="J5448" t="s">
        <v>699</v>
      </c>
      <c r="K5448">
        <v>10</v>
      </c>
      <c r="L5448" t="s">
        <v>700</v>
      </c>
      <c r="M5448">
        <v>348</v>
      </c>
      <c r="N5448" t="s">
        <v>654</v>
      </c>
      <c r="O5448">
        <v>3</v>
      </c>
      <c r="P5448" t="s">
        <v>655</v>
      </c>
      <c r="Q5448">
        <v>1</v>
      </c>
      <c r="R5448" t="s">
        <v>669</v>
      </c>
      <c r="S5448">
        <v>1</v>
      </c>
      <c r="T5448" t="s">
        <v>1009</v>
      </c>
      <c r="U5448">
        <v>35</v>
      </c>
      <c r="V5448">
        <v>3</v>
      </c>
      <c r="W5448">
        <v>180</v>
      </c>
      <c r="X5448">
        <v>2020</v>
      </c>
    </row>
    <row r="5449" spans="1:24" x14ac:dyDescent="0.25">
      <c r="A5449">
        <v>3031</v>
      </c>
      <c r="B5449" t="s">
        <v>14</v>
      </c>
      <c r="C5449">
        <v>20</v>
      </c>
      <c r="D5449" t="s">
        <v>426</v>
      </c>
      <c r="E5449">
        <v>145</v>
      </c>
      <c r="F5449" t="s">
        <v>651</v>
      </c>
      <c r="G5449">
        <v>160</v>
      </c>
      <c r="H5449" t="s">
        <v>739</v>
      </c>
      <c r="I5449">
        <v>4413</v>
      </c>
      <c r="J5449" t="s">
        <v>699</v>
      </c>
      <c r="K5449">
        <v>10</v>
      </c>
      <c r="L5449" t="s">
        <v>700</v>
      </c>
      <c r="M5449">
        <v>348</v>
      </c>
      <c r="N5449" t="s">
        <v>654</v>
      </c>
      <c r="O5449">
        <v>3</v>
      </c>
      <c r="P5449" t="s">
        <v>655</v>
      </c>
      <c r="Q5449">
        <v>1</v>
      </c>
      <c r="R5449" t="s">
        <v>669</v>
      </c>
      <c r="S5449">
        <v>1</v>
      </c>
      <c r="T5449" t="s">
        <v>1010</v>
      </c>
      <c r="U5449">
        <v>36</v>
      </c>
      <c r="V5449">
        <v>3</v>
      </c>
      <c r="W5449">
        <v>180</v>
      </c>
      <c r="X5449">
        <v>2020</v>
      </c>
    </row>
    <row r="5450" spans="1:24" x14ac:dyDescent="0.25">
      <c r="A5450">
        <v>3030</v>
      </c>
      <c r="B5450" t="s">
        <v>14</v>
      </c>
      <c r="C5450">
        <v>20</v>
      </c>
      <c r="D5450" t="s">
        <v>426</v>
      </c>
      <c r="E5450">
        <v>145</v>
      </c>
      <c r="F5450" t="s">
        <v>651</v>
      </c>
      <c r="G5450">
        <v>160</v>
      </c>
      <c r="H5450" t="s">
        <v>739</v>
      </c>
      <c r="I5450">
        <v>4413</v>
      </c>
      <c r="J5450" t="s">
        <v>699</v>
      </c>
      <c r="K5450">
        <v>10</v>
      </c>
      <c r="L5450" t="s">
        <v>1241</v>
      </c>
      <c r="M5450">
        <v>346</v>
      </c>
      <c r="N5450" t="s">
        <v>654</v>
      </c>
      <c r="O5450">
        <v>3</v>
      </c>
      <c r="P5450" t="s">
        <v>655</v>
      </c>
      <c r="Q5450">
        <v>1</v>
      </c>
      <c r="R5450" t="s">
        <v>669</v>
      </c>
      <c r="S5450">
        <v>1</v>
      </c>
      <c r="T5450" t="s">
        <v>1419</v>
      </c>
      <c r="U5450">
        <v>34</v>
      </c>
      <c r="V5450">
        <v>3</v>
      </c>
      <c r="W5450">
        <v>180</v>
      </c>
      <c r="X5450">
        <v>2020</v>
      </c>
    </row>
    <row r="5451" spans="1:24" x14ac:dyDescent="0.25">
      <c r="A5451">
        <v>3029</v>
      </c>
      <c r="B5451" t="s">
        <v>14</v>
      </c>
      <c r="C5451">
        <v>20</v>
      </c>
      <c r="D5451" t="s">
        <v>426</v>
      </c>
      <c r="E5451">
        <v>145</v>
      </c>
      <c r="F5451" t="s">
        <v>651</v>
      </c>
      <c r="G5451">
        <v>160</v>
      </c>
      <c r="H5451" t="s">
        <v>739</v>
      </c>
      <c r="I5451">
        <v>4413</v>
      </c>
      <c r="J5451" t="s">
        <v>699</v>
      </c>
      <c r="K5451">
        <v>10</v>
      </c>
      <c r="L5451" t="s">
        <v>1606</v>
      </c>
      <c r="M5451">
        <v>345</v>
      </c>
      <c r="N5451" t="s">
        <v>654</v>
      </c>
      <c r="O5451">
        <v>3</v>
      </c>
      <c r="P5451" t="s">
        <v>655</v>
      </c>
      <c r="Q5451">
        <v>1</v>
      </c>
      <c r="R5451" t="s">
        <v>669</v>
      </c>
      <c r="S5451">
        <v>1</v>
      </c>
      <c r="T5451" t="s">
        <v>1466</v>
      </c>
      <c r="U5451">
        <v>27</v>
      </c>
      <c r="V5451">
        <v>3</v>
      </c>
      <c r="W5451">
        <v>180</v>
      </c>
      <c r="X5451">
        <v>2020</v>
      </c>
    </row>
    <row r="5452" spans="1:24" x14ac:dyDescent="0.25">
      <c r="A5452">
        <v>3028</v>
      </c>
      <c r="B5452" t="s">
        <v>14</v>
      </c>
      <c r="C5452">
        <v>20</v>
      </c>
      <c r="D5452" t="s">
        <v>426</v>
      </c>
      <c r="E5452">
        <v>145</v>
      </c>
      <c r="F5452" t="s">
        <v>651</v>
      </c>
      <c r="G5452">
        <v>160</v>
      </c>
      <c r="H5452" t="s">
        <v>739</v>
      </c>
      <c r="I5452">
        <v>4413</v>
      </c>
      <c r="J5452" t="s">
        <v>699</v>
      </c>
      <c r="K5452">
        <v>10</v>
      </c>
      <c r="L5452" t="s">
        <v>1606</v>
      </c>
      <c r="M5452">
        <v>345</v>
      </c>
      <c r="N5452" t="s">
        <v>654</v>
      </c>
      <c r="O5452">
        <v>3</v>
      </c>
      <c r="P5452" t="s">
        <v>655</v>
      </c>
      <c r="Q5452">
        <v>1</v>
      </c>
      <c r="R5452" t="s">
        <v>669</v>
      </c>
      <c r="S5452">
        <v>1</v>
      </c>
      <c r="T5452" t="s">
        <v>1805</v>
      </c>
      <c r="U5452">
        <v>26</v>
      </c>
      <c r="V5452">
        <v>3</v>
      </c>
      <c r="W5452">
        <v>180</v>
      </c>
      <c r="X5452">
        <v>2020</v>
      </c>
    </row>
    <row r="5453" spans="1:24" x14ac:dyDescent="0.25">
      <c r="A5453">
        <v>3027</v>
      </c>
      <c r="B5453" t="s">
        <v>14</v>
      </c>
      <c r="C5453">
        <v>20</v>
      </c>
      <c r="D5453" t="s">
        <v>426</v>
      </c>
      <c r="E5453">
        <v>145</v>
      </c>
      <c r="F5453" t="s">
        <v>651</v>
      </c>
      <c r="G5453">
        <v>160</v>
      </c>
      <c r="H5453" t="s">
        <v>739</v>
      </c>
      <c r="I5453">
        <v>4413</v>
      </c>
      <c r="J5453" t="s">
        <v>699</v>
      </c>
      <c r="K5453">
        <v>10</v>
      </c>
      <c r="L5453" t="s">
        <v>1606</v>
      </c>
      <c r="M5453">
        <v>345</v>
      </c>
      <c r="N5453" t="s">
        <v>654</v>
      </c>
      <c r="O5453">
        <v>3</v>
      </c>
      <c r="P5453" t="s">
        <v>655</v>
      </c>
      <c r="Q5453">
        <v>1</v>
      </c>
      <c r="R5453" t="s">
        <v>669</v>
      </c>
      <c r="S5453">
        <v>1</v>
      </c>
      <c r="T5453" t="s">
        <v>1357</v>
      </c>
      <c r="U5453">
        <v>25</v>
      </c>
      <c r="V5453">
        <v>3</v>
      </c>
      <c r="W5453">
        <v>180</v>
      </c>
      <c r="X5453">
        <v>2020</v>
      </c>
    </row>
    <row r="5454" spans="1:24" x14ac:dyDescent="0.25">
      <c r="A5454">
        <v>3026</v>
      </c>
      <c r="B5454" t="s">
        <v>14</v>
      </c>
      <c r="C5454">
        <v>20</v>
      </c>
      <c r="D5454" t="s">
        <v>426</v>
      </c>
      <c r="E5454">
        <v>145</v>
      </c>
      <c r="F5454" t="s">
        <v>651</v>
      </c>
      <c r="G5454">
        <v>160</v>
      </c>
      <c r="H5454" t="s">
        <v>739</v>
      </c>
      <c r="I5454">
        <v>4413</v>
      </c>
      <c r="J5454" t="s">
        <v>699</v>
      </c>
      <c r="K5454">
        <v>10</v>
      </c>
      <c r="L5454" t="s">
        <v>1606</v>
      </c>
      <c r="M5454">
        <v>345</v>
      </c>
      <c r="N5454" t="s">
        <v>654</v>
      </c>
      <c r="O5454">
        <v>3</v>
      </c>
      <c r="P5454" t="s">
        <v>655</v>
      </c>
      <c r="Q5454">
        <v>1</v>
      </c>
      <c r="R5454" t="s">
        <v>669</v>
      </c>
      <c r="S5454">
        <v>1</v>
      </c>
      <c r="T5454" t="s">
        <v>1498</v>
      </c>
      <c r="U5454">
        <v>23</v>
      </c>
      <c r="V5454">
        <v>3</v>
      </c>
      <c r="W5454">
        <v>180</v>
      </c>
      <c r="X5454">
        <v>2020</v>
      </c>
    </row>
    <row r="5455" spans="1:24" x14ac:dyDescent="0.25">
      <c r="A5455">
        <v>3025</v>
      </c>
      <c r="B5455" t="s">
        <v>14</v>
      </c>
      <c r="C5455">
        <v>20</v>
      </c>
      <c r="D5455" t="s">
        <v>426</v>
      </c>
      <c r="E5455">
        <v>145</v>
      </c>
      <c r="F5455" t="s">
        <v>651</v>
      </c>
      <c r="G5455">
        <v>160</v>
      </c>
      <c r="H5455" t="s">
        <v>739</v>
      </c>
      <c r="I5455">
        <v>4413</v>
      </c>
      <c r="J5455" t="s">
        <v>699</v>
      </c>
      <c r="K5455">
        <v>10</v>
      </c>
      <c r="L5455" t="s">
        <v>1606</v>
      </c>
      <c r="M5455">
        <v>345</v>
      </c>
      <c r="N5455" t="s">
        <v>654</v>
      </c>
      <c r="O5455">
        <v>3</v>
      </c>
      <c r="P5455" t="s">
        <v>655</v>
      </c>
      <c r="Q5455">
        <v>1</v>
      </c>
      <c r="R5455" t="s">
        <v>669</v>
      </c>
      <c r="S5455">
        <v>1</v>
      </c>
      <c r="T5455" t="s">
        <v>1806</v>
      </c>
      <c r="U5455">
        <v>24</v>
      </c>
      <c r="V5455">
        <v>3</v>
      </c>
      <c r="W5455">
        <v>180</v>
      </c>
      <c r="X5455">
        <v>2020</v>
      </c>
    </row>
    <row r="5456" spans="1:24" x14ac:dyDescent="0.25">
      <c r="A5456">
        <v>3024</v>
      </c>
      <c r="B5456" t="s">
        <v>14</v>
      </c>
      <c r="C5456">
        <v>20</v>
      </c>
      <c r="D5456" t="s">
        <v>426</v>
      </c>
      <c r="E5456">
        <v>145</v>
      </c>
      <c r="F5456" t="s">
        <v>651</v>
      </c>
      <c r="G5456">
        <v>160</v>
      </c>
      <c r="H5456" t="s">
        <v>739</v>
      </c>
      <c r="I5456">
        <v>4413</v>
      </c>
      <c r="J5456" t="s">
        <v>699</v>
      </c>
      <c r="K5456">
        <v>10</v>
      </c>
      <c r="L5456" t="s">
        <v>1606</v>
      </c>
      <c r="M5456">
        <v>345</v>
      </c>
      <c r="N5456" t="s">
        <v>654</v>
      </c>
      <c r="O5456">
        <v>3</v>
      </c>
      <c r="P5456" t="s">
        <v>655</v>
      </c>
      <c r="Q5456">
        <v>1</v>
      </c>
      <c r="R5456" t="s">
        <v>669</v>
      </c>
      <c r="S5456">
        <v>1</v>
      </c>
      <c r="T5456" t="s">
        <v>1467</v>
      </c>
      <c r="U5456">
        <v>22</v>
      </c>
      <c r="V5456">
        <v>3</v>
      </c>
      <c r="W5456">
        <v>180</v>
      </c>
      <c r="X5456">
        <v>2020</v>
      </c>
    </row>
    <row r="5457" spans="1:24" x14ac:dyDescent="0.25">
      <c r="A5457">
        <v>3023</v>
      </c>
      <c r="B5457" t="s">
        <v>14</v>
      </c>
      <c r="C5457">
        <v>20</v>
      </c>
      <c r="D5457" t="s">
        <v>426</v>
      </c>
      <c r="E5457">
        <v>145</v>
      </c>
      <c r="F5457" t="s">
        <v>651</v>
      </c>
      <c r="G5457">
        <v>160</v>
      </c>
      <c r="H5457" t="s">
        <v>739</v>
      </c>
      <c r="I5457">
        <v>4413</v>
      </c>
      <c r="J5457" t="s">
        <v>699</v>
      </c>
      <c r="K5457">
        <v>10</v>
      </c>
      <c r="L5457" t="s">
        <v>3853</v>
      </c>
      <c r="M5457">
        <v>344</v>
      </c>
      <c r="N5457" t="s">
        <v>654</v>
      </c>
      <c r="O5457">
        <v>3</v>
      </c>
      <c r="P5457" t="s">
        <v>655</v>
      </c>
      <c r="Q5457">
        <v>1</v>
      </c>
      <c r="R5457" t="s">
        <v>669</v>
      </c>
      <c r="S5457">
        <v>1</v>
      </c>
      <c r="T5457" t="s">
        <v>1497</v>
      </c>
      <c r="U5457">
        <v>21</v>
      </c>
      <c r="V5457">
        <v>3</v>
      </c>
      <c r="W5457">
        <v>180</v>
      </c>
      <c r="X5457">
        <v>2020</v>
      </c>
    </row>
    <row r="5458" spans="1:24" x14ac:dyDescent="0.25">
      <c r="A5458">
        <v>3022</v>
      </c>
      <c r="B5458" t="s">
        <v>14</v>
      </c>
      <c r="C5458">
        <v>20</v>
      </c>
      <c r="D5458" t="s">
        <v>426</v>
      </c>
      <c r="E5458">
        <v>145</v>
      </c>
      <c r="F5458" t="s">
        <v>651</v>
      </c>
      <c r="G5458">
        <v>160</v>
      </c>
      <c r="H5458" t="s">
        <v>739</v>
      </c>
      <c r="I5458">
        <v>4413</v>
      </c>
      <c r="J5458" t="s">
        <v>699</v>
      </c>
      <c r="K5458">
        <v>10</v>
      </c>
      <c r="L5458" t="s">
        <v>700</v>
      </c>
      <c r="M5458">
        <v>348</v>
      </c>
      <c r="N5458" t="s">
        <v>654</v>
      </c>
      <c r="O5458">
        <v>3</v>
      </c>
      <c r="P5458" t="s">
        <v>655</v>
      </c>
      <c r="Q5458">
        <v>1</v>
      </c>
      <c r="R5458" t="s">
        <v>669</v>
      </c>
      <c r="S5458">
        <v>1</v>
      </c>
      <c r="T5458" t="s">
        <v>3854</v>
      </c>
      <c r="U5458">
        <v>104</v>
      </c>
      <c r="V5458">
        <v>3</v>
      </c>
      <c r="W5458">
        <v>180</v>
      </c>
      <c r="X5458">
        <v>2020</v>
      </c>
    </row>
    <row r="5459" spans="1:24" x14ac:dyDescent="0.25">
      <c r="A5459">
        <v>3021</v>
      </c>
      <c r="B5459" t="s">
        <v>14</v>
      </c>
      <c r="C5459">
        <v>20</v>
      </c>
      <c r="D5459" t="s">
        <v>426</v>
      </c>
      <c r="E5459">
        <v>145</v>
      </c>
      <c r="F5459" t="s">
        <v>651</v>
      </c>
      <c r="G5459">
        <v>160</v>
      </c>
      <c r="H5459" t="s">
        <v>739</v>
      </c>
      <c r="I5459">
        <v>4413</v>
      </c>
      <c r="J5459" t="s">
        <v>699</v>
      </c>
      <c r="K5459">
        <v>10</v>
      </c>
      <c r="L5459" t="s">
        <v>700</v>
      </c>
      <c r="M5459">
        <v>348</v>
      </c>
      <c r="N5459" t="s">
        <v>654</v>
      </c>
      <c r="O5459">
        <v>3</v>
      </c>
      <c r="P5459" t="s">
        <v>655</v>
      </c>
      <c r="Q5459">
        <v>1</v>
      </c>
      <c r="R5459" t="s">
        <v>669</v>
      </c>
      <c r="S5459">
        <v>1</v>
      </c>
      <c r="T5459" t="s">
        <v>3855</v>
      </c>
      <c r="U5459">
        <v>103</v>
      </c>
      <c r="V5459">
        <v>3</v>
      </c>
      <c r="W5459">
        <v>180</v>
      </c>
      <c r="X5459">
        <v>2020</v>
      </c>
    </row>
    <row r="5460" spans="1:24" x14ac:dyDescent="0.25">
      <c r="A5460">
        <v>3020</v>
      </c>
      <c r="B5460" t="s">
        <v>14</v>
      </c>
      <c r="C5460">
        <v>20</v>
      </c>
      <c r="D5460" t="s">
        <v>426</v>
      </c>
      <c r="E5460">
        <v>145</v>
      </c>
      <c r="F5460" t="s">
        <v>651</v>
      </c>
      <c r="G5460">
        <v>160</v>
      </c>
      <c r="H5460" t="s">
        <v>739</v>
      </c>
      <c r="I5460">
        <v>4413</v>
      </c>
      <c r="J5460" t="s">
        <v>699</v>
      </c>
      <c r="K5460">
        <v>10</v>
      </c>
      <c r="L5460" t="s">
        <v>700</v>
      </c>
      <c r="M5460">
        <v>348</v>
      </c>
      <c r="N5460" t="s">
        <v>654</v>
      </c>
      <c r="O5460">
        <v>3</v>
      </c>
      <c r="P5460" t="s">
        <v>655</v>
      </c>
      <c r="Q5460">
        <v>1</v>
      </c>
      <c r="R5460" t="s">
        <v>669</v>
      </c>
      <c r="S5460">
        <v>1</v>
      </c>
      <c r="T5460" t="s">
        <v>3856</v>
      </c>
      <c r="U5460">
        <v>102</v>
      </c>
      <c r="V5460">
        <v>3</v>
      </c>
      <c r="W5460">
        <v>180</v>
      </c>
      <c r="X5460">
        <v>2020</v>
      </c>
    </row>
    <row r="5461" spans="1:24" x14ac:dyDescent="0.25">
      <c r="A5461">
        <v>3019</v>
      </c>
      <c r="B5461" t="s">
        <v>14</v>
      </c>
      <c r="C5461">
        <v>20</v>
      </c>
      <c r="D5461" t="s">
        <v>426</v>
      </c>
      <c r="E5461">
        <v>145</v>
      </c>
      <c r="F5461" t="s">
        <v>651</v>
      </c>
      <c r="G5461">
        <v>160</v>
      </c>
      <c r="H5461" t="s">
        <v>739</v>
      </c>
      <c r="I5461">
        <v>4413</v>
      </c>
      <c r="J5461" t="s">
        <v>699</v>
      </c>
      <c r="K5461">
        <v>10</v>
      </c>
      <c r="L5461" t="s">
        <v>700</v>
      </c>
      <c r="M5461">
        <v>348</v>
      </c>
      <c r="N5461" t="s">
        <v>654</v>
      </c>
      <c r="O5461">
        <v>3</v>
      </c>
      <c r="P5461" t="s">
        <v>655</v>
      </c>
      <c r="Q5461">
        <v>1</v>
      </c>
      <c r="R5461" t="s">
        <v>669</v>
      </c>
      <c r="S5461">
        <v>1</v>
      </c>
      <c r="T5461" t="s">
        <v>3857</v>
      </c>
      <c r="U5461">
        <v>101</v>
      </c>
      <c r="V5461">
        <v>3</v>
      </c>
      <c r="W5461">
        <v>180</v>
      </c>
      <c r="X5461">
        <v>2020</v>
      </c>
    </row>
    <row r="5462" spans="1:24" x14ac:dyDescent="0.25">
      <c r="A5462">
        <v>3018</v>
      </c>
      <c r="B5462" t="s">
        <v>14</v>
      </c>
      <c r="C5462">
        <v>20</v>
      </c>
      <c r="D5462" t="s">
        <v>426</v>
      </c>
      <c r="E5462">
        <v>145</v>
      </c>
      <c r="F5462" t="s">
        <v>651</v>
      </c>
      <c r="G5462">
        <v>160</v>
      </c>
      <c r="H5462" t="s">
        <v>739</v>
      </c>
      <c r="I5462">
        <v>4413</v>
      </c>
      <c r="J5462" t="s">
        <v>699</v>
      </c>
      <c r="K5462">
        <v>10</v>
      </c>
      <c r="L5462" t="s">
        <v>700</v>
      </c>
      <c r="M5462">
        <v>348</v>
      </c>
      <c r="N5462" t="s">
        <v>654</v>
      </c>
      <c r="O5462">
        <v>3</v>
      </c>
      <c r="P5462" t="s">
        <v>655</v>
      </c>
      <c r="Q5462">
        <v>1</v>
      </c>
      <c r="R5462" t="s">
        <v>669</v>
      </c>
      <c r="S5462">
        <v>1</v>
      </c>
      <c r="T5462" t="s">
        <v>3858</v>
      </c>
      <c r="U5462">
        <v>100</v>
      </c>
      <c r="V5462">
        <v>3</v>
      </c>
      <c r="W5462">
        <v>180</v>
      </c>
      <c r="X5462">
        <v>2020</v>
      </c>
    </row>
    <row r="5463" spans="1:24" x14ac:dyDescent="0.25">
      <c r="A5463">
        <v>3017</v>
      </c>
      <c r="B5463" t="s">
        <v>14</v>
      </c>
      <c r="C5463">
        <v>20</v>
      </c>
      <c r="D5463" t="s">
        <v>426</v>
      </c>
      <c r="E5463">
        <v>145</v>
      </c>
      <c r="F5463" t="s">
        <v>651</v>
      </c>
      <c r="G5463">
        <v>160</v>
      </c>
      <c r="H5463" t="s">
        <v>739</v>
      </c>
      <c r="I5463">
        <v>4413</v>
      </c>
      <c r="J5463" t="s">
        <v>699</v>
      </c>
      <c r="K5463">
        <v>10</v>
      </c>
      <c r="L5463" t="s">
        <v>700</v>
      </c>
      <c r="M5463">
        <v>348</v>
      </c>
      <c r="N5463" t="s">
        <v>654</v>
      </c>
      <c r="O5463">
        <v>3</v>
      </c>
      <c r="P5463" t="s">
        <v>655</v>
      </c>
      <c r="Q5463">
        <v>1</v>
      </c>
      <c r="R5463" t="s">
        <v>669</v>
      </c>
      <c r="S5463">
        <v>1</v>
      </c>
      <c r="T5463" t="s">
        <v>3859</v>
      </c>
      <c r="U5463">
        <v>92</v>
      </c>
      <c r="V5463">
        <v>3</v>
      </c>
      <c r="W5463">
        <v>180</v>
      </c>
      <c r="X5463">
        <v>2020</v>
      </c>
    </row>
    <row r="5464" spans="1:24" x14ac:dyDescent="0.25">
      <c r="A5464">
        <v>3016</v>
      </c>
      <c r="B5464" t="s">
        <v>14</v>
      </c>
      <c r="C5464">
        <v>20</v>
      </c>
      <c r="D5464" t="s">
        <v>426</v>
      </c>
      <c r="E5464">
        <v>145</v>
      </c>
      <c r="F5464" t="s">
        <v>651</v>
      </c>
      <c r="G5464">
        <v>160</v>
      </c>
      <c r="H5464" t="s">
        <v>739</v>
      </c>
      <c r="I5464">
        <v>4413</v>
      </c>
      <c r="J5464" t="s">
        <v>699</v>
      </c>
      <c r="K5464">
        <v>10</v>
      </c>
      <c r="L5464" t="s">
        <v>700</v>
      </c>
      <c r="M5464">
        <v>348</v>
      </c>
      <c r="N5464" t="s">
        <v>654</v>
      </c>
      <c r="O5464">
        <v>3</v>
      </c>
      <c r="P5464" t="s">
        <v>655</v>
      </c>
      <c r="Q5464">
        <v>1</v>
      </c>
      <c r="R5464" t="s">
        <v>669</v>
      </c>
      <c r="S5464">
        <v>1</v>
      </c>
      <c r="T5464" t="s">
        <v>3860</v>
      </c>
      <c r="U5464">
        <v>91</v>
      </c>
      <c r="V5464">
        <v>3</v>
      </c>
      <c r="W5464">
        <v>180</v>
      </c>
      <c r="X5464">
        <v>2020</v>
      </c>
    </row>
    <row r="5465" spans="1:24" x14ac:dyDescent="0.25">
      <c r="A5465">
        <v>3015</v>
      </c>
      <c r="B5465" t="s">
        <v>14</v>
      </c>
      <c r="C5465">
        <v>20</v>
      </c>
      <c r="D5465" t="s">
        <v>426</v>
      </c>
      <c r="E5465">
        <v>145</v>
      </c>
      <c r="F5465" t="s">
        <v>651</v>
      </c>
      <c r="G5465">
        <v>160</v>
      </c>
      <c r="H5465" t="s">
        <v>739</v>
      </c>
      <c r="I5465">
        <v>4413</v>
      </c>
      <c r="J5465" t="s">
        <v>699</v>
      </c>
      <c r="K5465">
        <v>10</v>
      </c>
      <c r="L5465" t="s">
        <v>700</v>
      </c>
      <c r="M5465">
        <v>348</v>
      </c>
      <c r="N5465" t="s">
        <v>654</v>
      </c>
      <c r="O5465">
        <v>3</v>
      </c>
      <c r="P5465" t="s">
        <v>655</v>
      </c>
      <c r="Q5465">
        <v>1</v>
      </c>
      <c r="R5465" t="s">
        <v>669</v>
      </c>
      <c r="S5465">
        <v>1</v>
      </c>
      <c r="T5465" t="s">
        <v>3861</v>
      </c>
      <c r="U5465">
        <v>90</v>
      </c>
      <c r="V5465">
        <v>3</v>
      </c>
      <c r="W5465">
        <v>180</v>
      </c>
      <c r="X5465">
        <v>2020</v>
      </c>
    </row>
    <row r="5466" spans="1:24" x14ac:dyDescent="0.25">
      <c r="A5466">
        <v>3014</v>
      </c>
      <c r="B5466" t="s">
        <v>14</v>
      </c>
      <c r="C5466">
        <v>20</v>
      </c>
      <c r="D5466" t="s">
        <v>426</v>
      </c>
      <c r="E5466">
        <v>145</v>
      </c>
      <c r="F5466" t="s">
        <v>651</v>
      </c>
      <c r="G5466">
        <v>160</v>
      </c>
      <c r="H5466" t="s">
        <v>739</v>
      </c>
      <c r="I5466">
        <v>4413</v>
      </c>
      <c r="J5466" t="s">
        <v>699</v>
      </c>
      <c r="K5466">
        <v>10</v>
      </c>
      <c r="L5466" t="s">
        <v>700</v>
      </c>
      <c r="M5466">
        <v>348</v>
      </c>
      <c r="N5466" t="s">
        <v>654</v>
      </c>
      <c r="O5466">
        <v>3</v>
      </c>
      <c r="P5466" t="s">
        <v>655</v>
      </c>
      <c r="Q5466">
        <v>1</v>
      </c>
      <c r="R5466" t="s">
        <v>669</v>
      </c>
      <c r="S5466">
        <v>1</v>
      </c>
      <c r="T5466" t="s">
        <v>3862</v>
      </c>
      <c r="U5466">
        <v>89</v>
      </c>
      <c r="V5466">
        <v>3</v>
      </c>
      <c r="W5466">
        <v>180</v>
      </c>
      <c r="X5466">
        <v>2020</v>
      </c>
    </row>
    <row r="5467" spans="1:24" x14ac:dyDescent="0.25">
      <c r="A5467">
        <v>3013</v>
      </c>
      <c r="B5467" t="s">
        <v>14</v>
      </c>
      <c r="C5467">
        <v>20</v>
      </c>
      <c r="D5467" t="s">
        <v>426</v>
      </c>
      <c r="E5467">
        <v>145</v>
      </c>
      <c r="F5467" t="s">
        <v>651</v>
      </c>
      <c r="G5467">
        <v>160</v>
      </c>
      <c r="H5467" t="s">
        <v>739</v>
      </c>
      <c r="I5467">
        <v>4413</v>
      </c>
      <c r="J5467" t="s">
        <v>699</v>
      </c>
      <c r="K5467">
        <v>10</v>
      </c>
      <c r="L5467" t="s">
        <v>700</v>
      </c>
      <c r="M5467">
        <v>348</v>
      </c>
      <c r="N5467" t="s">
        <v>654</v>
      </c>
      <c r="O5467">
        <v>3</v>
      </c>
      <c r="P5467" t="s">
        <v>655</v>
      </c>
      <c r="Q5467">
        <v>1</v>
      </c>
      <c r="R5467" t="s">
        <v>669</v>
      </c>
      <c r="S5467">
        <v>1</v>
      </c>
      <c r="T5467" t="s">
        <v>3863</v>
      </c>
      <c r="U5467">
        <v>88</v>
      </c>
      <c r="V5467">
        <v>3</v>
      </c>
      <c r="W5467">
        <v>180</v>
      </c>
      <c r="X5467">
        <v>2020</v>
      </c>
    </row>
    <row r="5468" spans="1:24" x14ac:dyDescent="0.25">
      <c r="A5468">
        <v>3012</v>
      </c>
      <c r="B5468" t="s">
        <v>14</v>
      </c>
      <c r="C5468">
        <v>20</v>
      </c>
      <c r="D5468" t="s">
        <v>426</v>
      </c>
      <c r="E5468">
        <v>145</v>
      </c>
      <c r="F5468" t="s">
        <v>651</v>
      </c>
      <c r="G5468">
        <v>160</v>
      </c>
      <c r="H5468" t="s">
        <v>739</v>
      </c>
      <c r="I5468">
        <v>4413</v>
      </c>
      <c r="J5468" t="s">
        <v>699</v>
      </c>
      <c r="K5468">
        <v>10</v>
      </c>
      <c r="L5468" t="s">
        <v>700</v>
      </c>
      <c r="M5468">
        <v>348</v>
      </c>
      <c r="N5468" t="s">
        <v>654</v>
      </c>
      <c r="O5468">
        <v>3</v>
      </c>
      <c r="P5468" t="s">
        <v>655</v>
      </c>
      <c r="Q5468">
        <v>1</v>
      </c>
      <c r="R5468" t="s">
        <v>669</v>
      </c>
      <c r="S5468">
        <v>1</v>
      </c>
      <c r="T5468" t="s">
        <v>3864</v>
      </c>
      <c r="U5468">
        <v>80</v>
      </c>
      <c r="V5468">
        <v>3</v>
      </c>
      <c r="W5468">
        <v>180</v>
      </c>
      <c r="X5468">
        <v>2020</v>
      </c>
    </row>
    <row r="5469" spans="1:24" x14ac:dyDescent="0.25">
      <c r="A5469">
        <v>3010</v>
      </c>
      <c r="B5469" t="s">
        <v>14</v>
      </c>
      <c r="C5469">
        <v>20</v>
      </c>
      <c r="D5469" t="s">
        <v>426</v>
      </c>
      <c r="E5469">
        <v>145</v>
      </c>
      <c r="F5469" t="s">
        <v>651</v>
      </c>
      <c r="G5469">
        <v>160</v>
      </c>
      <c r="H5469" t="s">
        <v>739</v>
      </c>
      <c r="I5469">
        <v>4413</v>
      </c>
      <c r="J5469" t="s">
        <v>699</v>
      </c>
      <c r="K5469">
        <v>10</v>
      </c>
      <c r="L5469" t="s">
        <v>700</v>
      </c>
      <c r="M5469">
        <v>348</v>
      </c>
      <c r="N5469" t="s">
        <v>654</v>
      </c>
      <c r="O5469">
        <v>3</v>
      </c>
      <c r="P5469" t="s">
        <v>655</v>
      </c>
      <c r="Q5469">
        <v>1</v>
      </c>
      <c r="R5469" t="s">
        <v>669</v>
      </c>
      <c r="S5469">
        <v>1</v>
      </c>
      <c r="T5469" t="s">
        <v>3865</v>
      </c>
      <c r="U5469">
        <v>79</v>
      </c>
      <c r="V5469">
        <v>3</v>
      </c>
      <c r="W5469">
        <v>180</v>
      </c>
      <c r="X5469">
        <v>2020</v>
      </c>
    </row>
    <row r="5470" spans="1:24" x14ac:dyDescent="0.25">
      <c r="A5470">
        <v>3009</v>
      </c>
      <c r="B5470" t="s">
        <v>14</v>
      </c>
      <c r="C5470">
        <v>20</v>
      </c>
      <c r="D5470" t="s">
        <v>426</v>
      </c>
      <c r="E5470">
        <v>145</v>
      </c>
      <c r="F5470" t="s">
        <v>651</v>
      </c>
      <c r="G5470">
        <v>160</v>
      </c>
      <c r="H5470" t="s">
        <v>739</v>
      </c>
      <c r="I5470">
        <v>4413</v>
      </c>
      <c r="J5470" t="s">
        <v>699</v>
      </c>
      <c r="K5470">
        <v>10</v>
      </c>
      <c r="L5470" t="s">
        <v>700</v>
      </c>
      <c r="M5470">
        <v>348</v>
      </c>
      <c r="N5470" t="s">
        <v>654</v>
      </c>
      <c r="O5470">
        <v>3</v>
      </c>
      <c r="P5470" t="s">
        <v>655</v>
      </c>
      <c r="Q5470">
        <v>1</v>
      </c>
      <c r="R5470" t="s">
        <v>669</v>
      </c>
      <c r="S5470">
        <v>1</v>
      </c>
      <c r="T5470" t="s">
        <v>3866</v>
      </c>
      <c r="U5470">
        <v>78</v>
      </c>
      <c r="V5470">
        <v>3</v>
      </c>
      <c r="W5470">
        <v>180</v>
      </c>
      <c r="X5470">
        <v>2020</v>
      </c>
    </row>
    <row r="5471" spans="1:24" x14ac:dyDescent="0.25">
      <c r="A5471">
        <v>3008</v>
      </c>
      <c r="B5471" t="s">
        <v>14</v>
      </c>
      <c r="C5471">
        <v>20</v>
      </c>
      <c r="D5471" t="s">
        <v>426</v>
      </c>
      <c r="E5471">
        <v>145</v>
      </c>
      <c r="F5471" t="s">
        <v>651</v>
      </c>
      <c r="G5471">
        <v>160</v>
      </c>
      <c r="H5471" t="s">
        <v>739</v>
      </c>
      <c r="I5471">
        <v>4413</v>
      </c>
      <c r="J5471" t="s">
        <v>699</v>
      </c>
      <c r="K5471">
        <v>10</v>
      </c>
      <c r="L5471" t="s">
        <v>700</v>
      </c>
      <c r="M5471">
        <v>348</v>
      </c>
      <c r="N5471" t="s">
        <v>654</v>
      </c>
      <c r="O5471">
        <v>3</v>
      </c>
      <c r="P5471" t="s">
        <v>655</v>
      </c>
      <c r="Q5471">
        <v>1</v>
      </c>
      <c r="R5471" t="s">
        <v>669</v>
      </c>
      <c r="S5471">
        <v>1</v>
      </c>
      <c r="T5471" t="s">
        <v>3867</v>
      </c>
      <c r="U5471">
        <v>77</v>
      </c>
      <c r="V5471">
        <v>3</v>
      </c>
      <c r="W5471">
        <v>180</v>
      </c>
      <c r="X5471">
        <v>2020</v>
      </c>
    </row>
    <row r="5472" spans="1:24" x14ac:dyDescent="0.25">
      <c r="A5472">
        <v>3007</v>
      </c>
      <c r="B5472" t="s">
        <v>14</v>
      </c>
      <c r="C5472">
        <v>20</v>
      </c>
      <c r="D5472" t="s">
        <v>426</v>
      </c>
      <c r="E5472">
        <v>145</v>
      </c>
      <c r="F5472" t="s">
        <v>651</v>
      </c>
      <c r="G5472">
        <v>160</v>
      </c>
      <c r="H5472" t="s">
        <v>739</v>
      </c>
      <c r="I5472">
        <v>4413</v>
      </c>
      <c r="J5472" t="s">
        <v>699</v>
      </c>
      <c r="K5472">
        <v>10</v>
      </c>
      <c r="L5472" t="s">
        <v>700</v>
      </c>
      <c r="M5472">
        <v>348</v>
      </c>
      <c r="N5472" t="s">
        <v>654</v>
      </c>
      <c r="O5472">
        <v>3</v>
      </c>
      <c r="P5472" t="s">
        <v>655</v>
      </c>
      <c r="Q5472">
        <v>1</v>
      </c>
      <c r="R5472" t="s">
        <v>669</v>
      </c>
      <c r="S5472">
        <v>1</v>
      </c>
      <c r="T5472" t="s">
        <v>3868</v>
      </c>
      <c r="U5472">
        <v>76</v>
      </c>
      <c r="V5472">
        <v>3</v>
      </c>
      <c r="W5472">
        <v>180</v>
      </c>
      <c r="X5472">
        <v>2020</v>
      </c>
    </row>
    <row r="5473" spans="1:24" x14ac:dyDescent="0.25">
      <c r="A5473">
        <v>3006</v>
      </c>
      <c r="B5473" t="s">
        <v>14</v>
      </c>
      <c r="C5473">
        <v>20</v>
      </c>
      <c r="D5473" t="s">
        <v>426</v>
      </c>
      <c r="E5473">
        <v>145</v>
      </c>
      <c r="F5473" t="s">
        <v>651</v>
      </c>
      <c r="G5473">
        <v>160</v>
      </c>
      <c r="H5473" t="s">
        <v>739</v>
      </c>
      <c r="I5473">
        <v>4413</v>
      </c>
      <c r="J5473" t="s">
        <v>699</v>
      </c>
      <c r="K5473">
        <v>10</v>
      </c>
      <c r="L5473" t="s">
        <v>700</v>
      </c>
      <c r="M5473">
        <v>348</v>
      </c>
      <c r="N5473" t="s">
        <v>654</v>
      </c>
      <c r="O5473">
        <v>3</v>
      </c>
      <c r="P5473" t="s">
        <v>655</v>
      </c>
      <c r="Q5473">
        <v>1</v>
      </c>
      <c r="R5473" t="s">
        <v>669</v>
      </c>
      <c r="S5473">
        <v>1</v>
      </c>
      <c r="T5473" t="s">
        <v>3740</v>
      </c>
      <c r="U5473">
        <v>68</v>
      </c>
      <c r="V5473">
        <v>3</v>
      </c>
      <c r="W5473">
        <v>180</v>
      </c>
      <c r="X5473">
        <v>2020</v>
      </c>
    </row>
    <row r="5474" spans="1:24" x14ac:dyDescent="0.25">
      <c r="A5474">
        <v>3005</v>
      </c>
      <c r="B5474" t="s">
        <v>14</v>
      </c>
      <c r="C5474">
        <v>20</v>
      </c>
      <c r="D5474" t="s">
        <v>426</v>
      </c>
      <c r="E5474">
        <v>145</v>
      </c>
      <c r="F5474" t="s">
        <v>651</v>
      </c>
      <c r="G5474">
        <v>160</v>
      </c>
      <c r="H5474" t="s">
        <v>739</v>
      </c>
      <c r="I5474">
        <v>4413</v>
      </c>
      <c r="J5474" t="s">
        <v>699</v>
      </c>
      <c r="K5474">
        <v>10</v>
      </c>
      <c r="L5474" t="s">
        <v>700</v>
      </c>
      <c r="M5474">
        <v>348</v>
      </c>
      <c r="N5474" t="s">
        <v>654</v>
      </c>
      <c r="O5474">
        <v>3</v>
      </c>
      <c r="P5474" t="s">
        <v>655</v>
      </c>
      <c r="Q5474">
        <v>1</v>
      </c>
      <c r="R5474" t="s">
        <v>669</v>
      </c>
      <c r="S5474">
        <v>1</v>
      </c>
      <c r="T5474" t="s">
        <v>3869</v>
      </c>
      <c r="U5474">
        <v>67</v>
      </c>
      <c r="V5474">
        <v>3</v>
      </c>
      <c r="W5474">
        <v>180</v>
      </c>
      <c r="X5474">
        <v>2020</v>
      </c>
    </row>
    <row r="5475" spans="1:24" x14ac:dyDescent="0.25">
      <c r="A5475">
        <v>3004</v>
      </c>
      <c r="B5475" t="s">
        <v>14</v>
      </c>
      <c r="C5475">
        <v>20</v>
      </c>
      <c r="D5475" t="s">
        <v>426</v>
      </c>
      <c r="E5475">
        <v>145</v>
      </c>
      <c r="F5475" t="s">
        <v>651</v>
      </c>
      <c r="G5475">
        <v>160</v>
      </c>
      <c r="H5475" t="s">
        <v>739</v>
      </c>
      <c r="I5475">
        <v>4413</v>
      </c>
      <c r="J5475" t="s">
        <v>699</v>
      </c>
      <c r="K5475">
        <v>10</v>
      </c>
      <c r="L5475" t="s">
        <v>700</v>
      </c>
      <c r="M5475">
        <v>348</v>
      </c>
      <c r="N5475" t="s">
        <v>654</v>
      </c>
      <c r="O5475">
        <v>3</v>
      </c>
      <c r="P5475" t="s">
        <v>655</v>
      </c>
      <c r="Q5475">
        <v>1</v>
      </c>
      <c r="R5475" t="s">
        <v>669</v>
      </c>
      <c r="S5475">
        <v>1</v>
      </c>
      <c r="T5475" t="s">
        <v>3870</v>
      </c>
      <c r="U5475">
        <v>66</v>
      </c>
      <c r="V5475">
        <v>3</v>
      </c>
      <c r="W5475">
        <v>180</v>
      </c>
      <c r="X5475">
        <v>2020</v>
      </c>
    </row>
    <row r="5476" spans="1:24" x14ac:dyDescent="0.25">
      <c r="A5476">
        <v>3003</v>
      </c>
      <c r="B5476" t="s">
        <v>14</v>
      </c>
      <c r="C5476">
        <v>20</v>
      </c>
      <c r="D5476" t="s">
        <v>426</v>
      </c>
      <c r="E5476">
        <v>145</v>
      </c>
      <c r="F5476" t="s">
        <v>651</v>
      </c>
      <c r="G5476">
        <v>160</v>
      </c>
      <c r="H5476" t="s">
        <v>739</v>
      </c>
      <c r="I5476">
        <v>4413</v>
      </c>
      <c r="J5476" t="s">
        <v>699</v>
      </c>
      <c r="K5476">
        <v>10</v>
      </c>
      <c r="L5476" t="s">
        <v>700</v>
      </c>
      <c r="M5476">
        <v>348</v>
      </c>
      <c r="N5476" t="s">
        <v>654</v>
      </c>
      <c r="O5476">
        <v>3</v>
      </c>
      <c r="P5476" t="s">
        <v>655</v>
      </c>
      <c r="Q5476">
        <v>1</v>
      </c>
      <c r="R5476" t="s">
        <v>669</v>
      </c>
      <c r="S5476">
        <v>1</v>
      </c>
      <c r="T5476" t="s">
        <v>3871</v>
      </c>
      <c r="U5476">
        <v>65</v>
      </c>
      <c r="V5476">
        <v>3</v>
      </c>
      <c r="W5476">
        <v>180</v>
      </c>
      <c r="X5476">
        <v>2020</v>
      </c>
    </row>
    <row r="5477" spans="1:24" x14ac:dyDescent="0.25">
      <c r="A5477">
        <v>3002</v>
      </c>
      <c r="B5477" t="s">
        <v>14</v>
      </c>
      <c r="C5477">
        <v>20</v>
      </c>
      <c r="D5477" t="s">
        <v>426</v>
      </c>
      <c r="E5477">
        <v>145</v>
      </c>
      <c r="F5477" t="s">
        <v>651</v>
      </c>
      <c r="G5477">
        <v>160</v>
      </c>
      <c r="H5477" t="s">
        <v>739</v>
      </c>
      <c r="I5477">
        <v>4413</v>
      </c>
      <c r="J5477" t="s">
        <v>699</v>
      </c>
      <c r="K5477">
        <v>10</v>
      </c>
      <c r="L5477" t="s">
        <v>700</v>
      </c>
      <c r="M5477">
        <v>348</v>
      </c>
      <c r="N5477" t="s">
        <v>654</v>
      </c>
      <c r="O5477">
        <v>3</v>
      </c>
      <c r="P5477" t="s">
        <v>655</v>
      </c>
      <c r="Q5477">
        <v>1</v>
      </c>
      <c r="R5477" t="s">
        <v>669</v>
      </c>
      <c r="S5477">
        <v>1</v>
      </c>
      <c r="T5477" t="s">
        <v>3872</v>
      </c>
      <c r="U5477">
        <v>64</v>
      </c>
      <c r="V5477">
        <v>3</v>
      </c>
      <c r="W5477">
        <v>180</v>
      </c>
      <c r="X5477">
        <v>2020</v>
      </c>
    </row>
    <row r="5478" spans="1:24" x14ac:dyDescent="0.25">
      <c r="A5478">
        <v>3001</v>
      </c>
      <c r="B5478" t="s">
        <v>14</v>
      </c>
      <c r="C5478">
        <v>20</v>
      </c>
      <c r="D5478" t="s">
        <v>426</v>
      </c>
      <c r="E5478">
        <v>145</v>
      </c>
      <c r="F5478" t="s">
        <v>651</v>
      </c>
      <c r="G5478">
        <v>160</v>
      </c>
      <c r="H5478" t="s">
        <v>739</v>
      </c>
      <c r="I5478">
        <v>4413</v>
      </c>
      <c r="J5478" t="s">
        <v>699</v>
      </c>
      <c r="K5478">
        <v>10</v>
      </c>
      <c r="L5478" t="s">
        <v>700</v>
      </c>
      <c r="M5478">
        <v>348</v>
      </c>
      <c r="N5478" t="s">
        <v>654</v>
      </c>
      <c r="O5478">
        <v>3</v>
      </c>
      <c r="P5478" t="s">
        <v>655</v>
      </c>
      <c r="Q5478">
        <v>1</v>
      </c>
      <c r="R5478" t="s">
        <v>669</v>
      </c>
      <c r="S5478">
        <v>1</v>
      </c>
      <c r="T5478" t="s">
        <v>3744</v>
      </c>
      <c r="U5478">
        <v>56</v>
      </c>
      <c r="V5478">
        <v>3</v>
      </c>
      <c r="W5478">
        <v>180</v>
      </c>
      <c r="X5478">
        <v>2020</v>
      </c>
    </row>
    <row r="5479" spans="1:24" x14ac:dyDescent="0.25">
      <c r="A5479">
        <v>3000</v>
      </c>
      <c r="B5479" t="s">
        <v>14</v>
      </c>
      <c r="C5479">
        <v>20</v>
      </c>
      <c r="D5479" t="s">
        <v>426</v>
      </c>
      <c r="E5479">
        <v>145</v>
      </c>
      <c r="F5479" t="s">
        <v>651</v>
      </c>
      <c r="G5479">
        <v>160</v>
      </c>
      <c r="H5479" t="s">
        <v>739</v>
      </c>
      <c r="I5479">
        <v>4413</v>
      </c>
      <c r="J5479" t="s">
        <v>699</v>
      </c>
      <c r="K5479">
        <v>10</v>
      </c>
      <c r="L5479" t="s">
        <v>700</v>
      </c>
      <c r="M5479">
        <v>348</v>
      </c>
      <c r="N5479" t="s">
        <v>654</v>
      </c>
      <c r="O5479">
        <v>3</v>
      </c>
      <c r="P5479" t="s">
        <v>655</v>
      </c>
      <c r="Q5479">
        <v>1</v>
      </c>
      <c r="R5479" t="s">
        <v>669</v>
      </c>
      <c r="S5479">
        <v>1</v>
      </c>
      <c r="T5479" t="s">
        <v>3873</v>
      </c>
      <c r="U5479">
        <v>55</v>
      </c>
      <c r="V5479">
        <v>3</v>
      </c>
      <c r="W5479">
        <v>180</v>
      </c>
      <c r="X5479">
        <v>2020</v>
      </c>
    </row>
    <row r="5480" spans="1:24" x14ac:dyDescent="0.25">
      <c r="A5480">
        <v>2999</v>
      </c>
      <c r="B5480" t="s">
        <v>14</v>
      </c>
      <c r="C5480">
        <v>20</v>
      </c>
      <c r="D5480" t="s">
        <v>426</v>
      </c>
      <c r="E5480">
        <v>145</v>
      </c>
      <c r="F5480" t="s">
        <v>651</v>
      </c>
      <c r="G5480">
        <v>160</v>
      </c>
      <c r="H5480" t="s">
        <v>739</v>
      </c>
      <c r="I5480">
        <v>4413</v>
      </c>
      <c r="J5480" t="s">
        <v>699</v>
      </c>
      <c r="K5480">
        <v>10</v>
      </c>
      <c r="L5480" t="s">
        <v>700</v>
      </c>
      <c r="M5480">
        <v>348</v>
      </c>
      <c r="N5480" t="s">
        <v>654</v>
      </c>
      <c r="O5480">
        <v>3</v>
      </c>
      <c r="P5480" t="s">
        <v>655</v>
      </c>
      <c r="Q5480">
        <v>1</v>
      </c>
      <c r="R5480" t="s">
        <v>669</v>
      </c>
      <c r="S5480">
        <v>1</v>
      </c>
      <c r="T5480" t="s">
        <v>3874</v>
      </c>
      <c r="U5480">
        <v>54</v>
      </c>
      <c r="V5480">
        <v>3</v>
      </c>
      <c r="W5480">
        <v>180</v>
      </c>
      <c r="X5480">
        <v>2020</v>
      </c>
    </row>
    <row r="5481" spans="1:24" x14ac:dyDescent="0.25">
      <c r="A5481">
        <v>2998</v>
      </c>
      <c r="B5481" t="s">
        <v>14</v>
      </c>
      <c r="C5481">
        <v>20</v>
      </c>
      <c r="D5481" t="s">
        <v>426</v>
      </c>
      <c r="E5481">
        <v>145</v>
      </c>
      <c r="F5481" t="s">
        <v>651</v>
      </c>
      <c r="G5481">
        <v>160</v>
      </c>
      <c r="H5481" t="s">
        <v>739</v>
      </c>
      <c r="I5481">
        <v>4413</v>
      </c>
      <c r="J5481" t="s">
        <v>699</v>
      </c>
      <c r="K5481">
        <v>10</v>
      </c>
      <c r="L5481" t="s">
        <v>700</v>
      </c>
      <c r="M5481">
        <v>348</v>
      </c>
      <c r="N5481" t="s">
        <v>654</v>
      </c>
      <c r="O5481">
        <v>3</v>
      </c>
      <c r="P5481" t="s">
        <v>655</v>
      </c>
      <c r="Q5481">
        <v>1</v>
      </c>
      <c r="R5481" t="s">
        <v>669</v>
      </c>
      <c r="S5481">
        <v>1</v>
      </c>
      <c r="T5481" t="s">
        <v>3875</v>
      </c>
      <c r="U5481">
        <v>53</v>
      </c>
      <c r="V5481">
        <v>3</v>
      </c>
      <c r="W5481">
        <v>180</v>
      </c>
      <c r="X5481">
        <v>2020</v>
      </c>
    </row>
    <row r="5482" spans="1:24" x14ac:dyDescent="0.25">
      <c r="A5482">
        <v>2997</v>
      </c>
      <c r="B5482" t="s">
        <v>14</v>
      </c>
      <c r="C5482">
        <v>20</v>
      </c>
      <c r="D5482" t="s">
        <v>426</v>
      </c>
      <c r="E5482">
        <v>145</v>
      </c>
      <c r="F5482" t="s">
        <v>651</v>
      </c>
      <c r="G5482">
        <v>160</v>
      </c>
      <c r="H5482" t="s">
        <v>739</v>
      </c>
      <c r="I5482">
        <v>4413</v>
      </c>
      <c r="J5482" t="s">
        <v>699</v>
      </c>
      <c r="K5482">
        <v>10</v>
      </c>
      <c r="L5482" t="s">
        <v>700</v>
      </c>
      <c r="M5482">
        <v>348</v>
      </c>
      <c r="N5482" t="s">
        <v>654</v>
      </c>
      <c r="O5482">
        <v>3</v>
      </c>
      <c r="P5482" t="s">
        <v>655</v>
      </c>
      <c r="Q5482">
        <v>1</v>
      </c>
      <c r="R5482" t="s">
        <v>669</v>
      </c>
      <c r="S5482">
        <v>1</v>
      </c>
      <c r="T5482" t="s">
        <v>3876</v>
      </c>
      <c r="U5482">
        <v>52</v>
      </c>
      <c r="V5482">
        <v>3</v>
      </c>
      <c r="W5482">
        <v>180</v>
      </c>
      <c r="X5482">
        <v>2020</v>
      </c>
    </row>
    <row r="5483" spans="1:24" x14ac:dyDescent="0.25">
      <c r="A5483">
        <v>2996</v>
      </c>
      <c r="B5483" t="s">
        <v>14</v>
      </c>
      <c r="C5483">
        <v>20</v>
      </c>
      <c r="D5483" t="s">
        <v>426</v>
      </c>
      <c r="E5483">
        <v>145</v>
      </c>
      <c r="F5483" t="s">
        <v>651</v>
      </c>
      <c r="G5483">
        <v>160</v>
      </c>
      <c r="H5483" t="s">
        <v>739</v>
      </c>
      <c r="I5483">
        <v>4413</v>
      </c>
      <c r="J5483" t="s">
        <v>699</v>
      </c>
      <c r="K5483">
        <v>10</v>
      </c>
      <c r="L5483" t="s">
        <v>700</v>
      </c>
      <c r="M5483">
        <v>348</v>
      </c>
      <c r="N5483" t="s">
        <v>654</v>
      </c>
      <c r="O5483">
        <v>3</v>
      </c>
      <c r="P5483" t="s">
        <v>655</v>
      </c>
      <c r="Q5483">
        <v>1</v>
      </c>
      <c r="R5483" t="s">
        <v>669</v>
      </c>
      <c r="S5483">
        <v>1</v>
      </c>
      <c r="T5483" t="s">
        <v>3742</v>
      </c>
      <c r="U5483">
        <v>44</v>
      </c>
      <c r="V5483">
        <v>3</v>
      </c>
      <c r="W5483">
        <v>180</v>
      </c>
      <c r="X5483">
        <v>2020</v>
      </c>
    </row>
    <row r="5484" spans="1:24" x14ac:dyDescent="0.25">
      <c r="A5484">
        <v>2995</v>
      </c>
      <c r="B5484" t="s">
        <v>14</v>
      </c>
      <c r="C5484">
        <v>20</v>
      </c>
      <c r="D5484" t="s">
        <v>426</v>
      </c>
      <c r="E5484">
        <v>145</v>
      </c>
      <c r="F5484" t="s">
        <v>651</v>
      </c>
      <c r="G5484">
        <v>160</v>
      </c>
      <c r="H5484" t="s">
        <v>739</v>
      </c>
      <c r="I5484">
        <v>4413</v>
      </c>
      <c r="J5484" t="s">
        <v>699</v>
      </c>
      <c r="K5484">
        <v>10</v>
      </c>
      <c r="L5484" t="s">
        <v>700</v>
      </c>
      <c r="M5484">
        <v>348</v>
      </c>
      <c r="N5484" t="s">
        <v>654</v>
      </c>
      <c r="O5484">
        <v>3</v>
      </c>
      <c r="P5484" t="s">
        <v>655</v>
      </c>
      <c r="Q5484">
        <v>1</v>
      </c>
      <c r="R5484" t="s">
        <v>669</v>
      </c>
      <c r="S5484">
        <v>1</v>
      </c>
      <c r="T5484" t="s">
        <v>3877</v>
      </c>
      <c r="U5484">
        <v>43</v>
      </c>
      <c r="V5484">
        <v>3</v>
      </c>
      <c r="W5484">
        <v>180</v>
      </c>
      <c r="X5484">
        <v>2020</v>
      </c>
    </row>
    <row r="5485" spans="1:24" x14ac:dyDescent="0.25">
      <c r="A5485">
        <v>2994</v>
      </c>
      <c r="B5485" t="s">
        <v>14</v>
      </c>
      <c r="C5485">
        <v>20</v>
      </c>
      <c r="D5485" t="s">
        <v>426</v>
      </c>
      <c r="E5485">
        <v>145</v>
      </c>
      <c r="F5485" t="s">
        <v>651</v>
      </c>
      <c r="G5485">
        <v>160</v>
      </c>
      <c r="H5485" t="s">
        <v>739</v>
      </c>
      <c r="I5485">
        <v>4413</v>
      </c>
      <c r="J5485" t="s">
        <v>699</v>
      </c>
      <c r="K5485">
        <v>10</v>
      </c>
      <c r="L5485" t="s">
        <v>700</v>
      </c>
      <c r="M5485">
        <v>348</v>
      </c>
      <c r="N5485" t="s">
        <v>654</v>
      </c>
      <c r="O5485">
        <v>3</v>
      </c>
      <c r="P5485" t="s">
        <v>655</v>
      </c>
      <c r="Q5485">
        <v>1</v>
      </c>
      <c r="R5485" t="s">
        <v>669</v>
      </c>
      <c r="S5485">
        <v>1</v>
      </c>
      <c r="T5485" t="s">
        <v>3878</v>
      </c>
      <c r="U5485">
        <v>42</v>
      </c>
      <c r="V5485">
        <v>3</v>
      </c>
      <c r="W5485">
        <v>180</v>
      </c>
      <c r="X5485">
        <v>2020</v>
      </c>
    </row>
    <row r="5486" spans="1:24" x14ac:dyDescent="0.25">
      <c r="A5486">
        <v>2993</v>
      </c>
      <c r="B5486" t="s">
        <v>14</v>
      </c>
      <c r="C5486">
        <v>20</v>
      </c>
      <c r="D5486" t="s">
        <v>426</v>
      </c>
      <c r="E5486">
        <v>145</v>
      </c>
      <c r="F5486" t="s">
        <v>651</v>
      </c>
      <c r="G5486">
        <v>160</v>
      </c>
      <c r="H5486" t="s">
        <v>739</v>
      </c>
      <c r="I5486">
        <v>4413</v>
      </c>
      <c r="J5486" t="s">
        <v>699</v>
      </c>
      <c r="K5486">
        <v>10</v>
      </c>
      <c r="L5486" t="s">
        <v>700</v>
      </c>
      <c r="M5486">
        <v>348</v>
      </c>
      <c r="N5486" t="s">
        <v>654</v>
      </c>
      <c r="O5486">
        <v>3</v>
      </c>
      <c r="P5486" t="s">
        <v>655</v>
      </c>
      <c r="Q5486">
        <v>1</v>
      </c>
      <c r="R5486" t="s">
        <v>669</v>
      </c>
      <c r="S5486">
        <v>1</v>
      </c>
      <c r="T5486" t="s">
        <v>3879</v>
      </c>
      <c r="U5486">
        <v>41</v>
      </c>
      <c r="V5486">
        <v>3</v>
      </c>
      <c r="W5486">
        <v>180</v>
      </c>
      <c r="X5486">
        <v>2020</v>
      </c>
    </row>
    <row r="5487" spans="1:24" x14ac:dyDescent="0.25">
      <c r="A5487">
        <v>2992</v>
      </c>
      <c r="B5487" t="s">
        <v>14</v>
      </c>
      <c r="C5487">
        <v>20</v>
      </c>
      <c r="D5487" t="s">
        <v>426</v>
      </c>
      <c r="E5487">
        <v>145</v>
      </c>
      <c r="F5487" t="s">
        <v>651</v>
      </c>
      <c r="G5487">
        <v>160</v>
      </c>
      <c r="H5487" t="s">
        <v>739</v>
      </c>
      <c r="I5487">
        <v>4413</v>
      </c>
      <c r="J5487" t="s">
        <v>699</v>
      </c>
      <c r="K5487">
        <v>10</v>
      </c>
      <c r="L5487" t="s">
        <v>700</v>
      </c>
      <c r="M5487">
        <v>348</v>
      </c>
      <c r="N5487" t="s">
        <v>654</v>
      </c>
      <c r="O5487">
        <v>3</v>
      </c>
      <c r="P5487" t="s">
        <v>655</v>
      </c>
      <c r="Q5487">
        <v>1</v>
      </c>
      <c r="R5487" t="s">
        <v>669</v>
      </c>
      <c r="S5487">
        <v>1</v>
      </c>
      <c r="T5487" t="s">
        <v>3880</v>
      </c>
      <c r="U5487">
        <v>40</v>
      </c>
      <c r="V5487">
        <v>3</v>
      </c>
      <c r="W5487">
        <v>180</v>
      </c>
      <c r="X5487">
        <v>2020</v>
      </c>
    </row>
    <row r="5488" spans="1:24" x14ac:dyDescent="0.25">
      <c r="A5488">
        <v>2991</v>
      </c>
      <c r="B5488" t="s">
        <v>14</v>
      </c>
      <c r="C5488">
        <v>20</v>
      </c>
      <c r="D5488" t="s">
        <v>426</v>
      </c>
      <c r="E5488">
        <v>145</v>
      </c>
      <c r="F5488" t="s">
        <v>651</v>
      </c>
      <c r="G5488">
        <v>160</v>
      </c>
      <c r="H5488" t="s">
        <v>739</v>
      </c>
      <c r="I5488">
        <v>4413</v>
      </c>
      <c r="J5488" t="s">
        <v>699</v>
      </c>
      <c r="K5488">
        <v>10</v>
      </c>
      <c r="L5488" t="s">
        <v>1606</v>
      </c>
      <c r="M5488">
        <v>345</v>
      </c>
      <c r="N5488" t="s">
        <v>654</v>
      </c>
      <c r="O5488">
        <v>3</v>
      </c>
      <c r="P5488" t="s">
        <v>655</v>
      </c>
      <c r="Q5488">
        <v>1</v>
      </c>
      <c r="R5488" t="s">
        <v>669</v>
      </c>
      <c r="S5488">
        <v>1</v>
      </c>
      <c r="T5488" t="s">
        <v>3881</v>
      </c>
      <c r="U5488">
        <v>32</v>
      </c>
      <c r="V5488">
        <v>3</v>
      </c>
      <c r="W5488">
        <v>180</v>
      </c>
      <c r="X5488">
        <v>2020</v>
      </c>
    </row>
    <row r="5489" spans="1:24" x14ac:dyDescent="0.25">
      <c r="A5489">
        <v>2990</v>
      </c>
      <c r="B5489" t="s">
        <v>14</v>
      </c>
      <c r="C5489">
        <v>20</v>
      </c>
      <c r="D5489" t="s">
        <v>426</v>
      </c>
      <c r="E5489">
        <v>145</v>
      </c>
      <c r="F5489" t="s">
        <v>651</v>
      </c>
      <c r="G5489">
        <v>160</v>
      </c>
      <c r="H5489" t="s">
        <v>739</v>
      </c>
      <c r="I5489">
        <v>4413</v>
      </c>
      <c r="J5489" t="s">
        <v>699</v>
      </c>
      <c r="K5489">
        <v>10</v>
      </c>
      <c r="L5489" t="s">
        <v>1606</v>
      </c>
      <c r="M5489">
        <v>345</v>
      </c>
      <c r="N5489" t="s">
        <v>654</v>
      </c>
      <c r="O5489">
        <v>3</v>
      </c>
      <c r="P5489" t="s">
        <v>655</v>
      </c>
      <c r="Q5489">
        <v>1</v>
      </c>
      <c r="R5489" t="s">
        <v>669</v>
      </c>
      <c r="S5489">
        <v>1</v>
      </c>
      <c r="T5489" t="s">
        <v>3882</v>
      </c>
      <c r="U5489">
        <v>31</v>
      </c>
      <c r="V5489">
        <v>3</v>
      </c>
      <c r="W5489">
        <v>180</v>
      </c>
      <c r="X5489">
        <v>2020</v>
      </c>
    </row>
    <row r="5490" spans="1:24" x14ac:dyDescent="0.25">
      <c r="A5490">
        <v>2989</v>
      </c>
      <c r="B5490" t="s">
        <v>14</v>
      </c>
      <c r="C5490">
        <v>20</v>
      </c>
      <c r="D5490" t="s">
        <v>426</v>
      </c>
      <c r="E5490">
        <v>145</v>
      </c>
      <c r="F5490" t="s">
        <v>651</v>
      </c>
      <c r="G5490">
        <v>160</v>
      </c>
      <c r="H5490" t="s">
        <v>739</v>
      </c>
      <c r="I5490">
        <v>4413</v>
      </c>
      <c r="J5490" t="s">
        <v>699</v>
      </c>
      <c r="K5490">
        <v>10</v>
      </c>
      <c r="L5490" t="s">
        <v>1606</v>
      </c>
      <c r="M5490">
        <v>345</v>
      </c>
      <c r="N5490" t="s">
        <v>654</v>
      </c>
      <c r="O5490">
        <v>3</v>
      </c>
      <c r="P5490" t="s">
        <v>655</v>
      </c>
      <c r="Q5490">
        <v>1</v>
      </c>
      <c r="R5490" t="s">
        <v>669</v>
      </c>
      <c r="S5490">
        <v>1</v>
      </c>
      <c r="T5490" t="s">
        <v>3883</v>
      </c>
      <c r="U5490">
        <v>30</v>
      </c>
      <c r="V5490">
        <v>3</v>
      </c>
      <c r="W5490">
        <v>180</v>
      </c>
      <c r="X5490">
        <v>2020</v>
      </c>
    </row>
    <row r="5491" spans="1:24" x14ac:dyDescent="0.25">
      <c r="A5491">
        <v>2988</v>
      </c>
      <c r="B5491" t="s">
        <v>14</v>
      </c>
      <c r="C5491">
        <v>20</v>
      </c>
      <c r="D5491" t="s">
        <v>426</v>
      </c>
      <c r="E5491">
        <v>145</v>
      </c>
      <c r="F5491" t="s">
        <v>651</v>
      </c>
      <c r="G5491">
        <v>160</v>
      </c>
      <c r="H5491" t="s">
        <v>739</v>
      </c>
      <c r="I5491">
        <v>4413</v>
      </c>
      <c r="J5491" t="s">
        <v>699</v>
      </c>
      <c r="K5491">
        <v>10</v>
      </c>
      <c r="L5491" t="s">
        <v>1606</v>
      </c>
      <c r="M5491">
        <v>345</v>
      </c>
      <c r="N5491" t="s">
        <v>654</v>
      </c>
      <c r="O5491">
        <v>3</v>
      </c>
      <c r="P5491" t="s">
        <v>655</v>
      </c>
      <c r="Q5491">
        <v>1</v>
      </c>
      <c r="R5491" t="s">
        <v>669</v>
      </c>
      <c r="S5491">
        <v>1</v>
      </c>
      <c r="T5491" t="s">
        <v>3884</v>
      </c>
      <c r="U5491">
        <v>29</v>
      </c>
      <c r="V5491">
        <v>3</v>
      </c>
      <c r="W5491">
        <v>180</v>
      </c>
      <c r="X5491">
        <v>2020</v>
      </c>
    </row>
    <row r="5492" spans="1:24" x14ac:dyDescent="0.25">
      <c r="A5492">
        <v>2987</v>
      </c>
      <c r="B5492" t="s">
        <v>14</v>
      </c>
      <c r="C5492">
        <v>20</v>
      </c>
      <c r="D5492" t="s">
        <v>426</v>
      </c>
      <c r="E5492">
        <v>145</v>
      </c>
      <c r="F5492" t="s">
        <v>651</v>
      </c>
      <c r="G5492">
        <v>160</v>
      </c>
      <c r="H5492" t="s">
        <v>739</v>
      </c>
      <c r="I5492">
        <v>4413</v>
      </c>
      <c r="J5492" t="s">
        <v>699</v>
      </c>
      <c r="K5492">
        <v>10</v>
      </c>
      <c r="L5492" t="s">
        <v>1606</v>
      </c>
      <c r="M5492">
        <v>345</v>
      </c>
      <c r="N5492" t="s">
        <v>654</v>
      </c>
      <c r="O5492">
        <v>3</v>
      </c>
      <c r="P5492" t="s">
        <v>655</v>
      </c>
      <c r="Q5492">
        <v>1</v>
      </c>
      <c r="R5492" t="s">
        <v>669</v>
      </c>
      <c r="S5492">
        <v>1</v>
      </c>
      <c r="T5492" t="s">
        <v>3885</v>
      </c>
      <c r="U5492">
        <v>28</v>
      </c>
      <c r="V5492">
        <v>3</v>
      </c>
      <c r="W5492">
        <v>180</v>
      </c>
      <c r="X5492">
        <v>2020</v>
      </c>
    </row>
    <row r="5493" spans="1:24" x14ac:dyDescent="0.25">
      <c r="A5493">
        <v>2986</v>
      </c>
      <c r="B5493" t="s">
        <v>14</v>
      </c>
      <c r="C5493">
        <v>20</v>
      </c>
      <c r="D5493" t="s">
        <v>426</v>
      </c>
      <c r="E5493">
        <v>145</v>
      </c>
      <c r="F5493" t="s">
        <v>651</v>
      </c>
      <c r="G5493">
        <v>160</v>
      </c>
      <c r="H5493" t="s">
        <v>739</v>
      </c>
      <c r="I5493">
        <v>4413</v>
      </c>
      <c r="J5493" t="s">
        <v>699</v>
      </c>
      <c r="K5493">
        <v>10</v>
      </c>
      <c r="L5493" t="s">
        <v>1096</v>
      </c>
      <c r="M5493">
        <v>341</v>
      </c>
      <c r="N5493" t="s">
        <v>654</v>
      </c>
      <c r="O5493">
        <v>3</v>
      </c>
      <c r="P5493" t="s">
        <v>655</v>
      </c>
      <c r="Q5493">
        <v>1</v>
      </c>
      <c r="R5493" t="s">
        <v>669</v>
      </c>
      <c r="S5493">
        <v>1</v>
      </c>
      <c r="T5493" t="s">
        <v>3747</v>
      </c>
      <c r="U5493">
        <v>20</v>
      </c>
      <c r="V5493">
        <v>3</v>
      </c>
      <c r="W5493">
        <v>180</v>
      </c>
      <c r="X5493">
        <v>2020</v>
      </c>
    </row>
    <row r="5494" spans="1:24" x14ac:dyDescent="0.25">
      <c r="A5494">
        <v>2985</v>
      </c>
      <c r="B5494" t="s">
        <v>14</v>
      </c>
      <c r="C5494">
        <v>20</v>
      </c>
      <c r="D5494" t="s">
        <v>426</v>
      </c>
      <c r="E5494">
        <v>145</v>
      </c>
      <c r="F5494" t="s">
        <v>651</v>
      </c>
      <c r="G5494">
        <v>160</v>
      </c>
      <c r="H5494" t="s">
        <v>739</v>
      </c>
      <c r="I5494">
        <v>4413</v>
      </c>
      <c r="J5494" t="s">
        <v>699</v>
      </c>
      <c r="K5494">
        <v>10</v>
      </c>
      <c r="L5494" t="s">
        <v>1096</v>
      </c>
      <c r="M5494">
        <v>341</v>
      </c>
      <c r="N5494" t="s">
        <v>654</v>
      </c>
      <c r="O5494">
        <v>3</v>
      </c>
      <c r="P5494" t="s">
        <v>655</v>
      </c>
      <c r="Q5494">
        <v>1</v>
      </c>
      <c r="R5494" t="s">
        <v>669</v>
      </c>
      <c r="S5494">
        <v>1</v>
      </c>
      <c r="T5494" t="s">
        <v>3828</v>
      </c>
      <c r="U5494">
        <v>19</v>
      </c>
      <c r="V5494">
        <v>3</v>
      </c>
      <c r="W5494">
        <v>180</v>
      </c>
      <c r="X5494">
        <v>2020</v>
      </c>
    </row>
    <row r="5495" spans="1:24" x14ac:dyDescent="0.25">
      <c r="A5495">
        <v>2984</v>
      </c>
      <c r="B5495" t="s">
        <v>14</v>
      </c>
      <c r="C5495">
        <v>20</v>
      </c>
      <c r="D5495" t="s">
        <v>426</v>
      </c>
      <c r="E5495">
        <v>145</v>
      </c>
      <c r="F5495" t="s">
        <v>651</v>
      </c>
      <c r="G5495">
        <v>160</v>
      </c>
      <c r="H5495" t="s">
        <v>739</v>
      </c>
      <c r="I5495">
        <v>4413</v>
      </c>
      <c r="J5495" t="s">
        <v>699</v>
      </c>
      <c r="K5495">
        <v>10</v>
      </c>
      <c r="L5495" t="s">
        <v>1096</v>
      </c>
      <c r="M5495">
        <v>341</v>
      </c>
      <c r="N5495" t="s">
        <v>654</v>
      </c>
      <c r="O5495">
        <v>3</v>
      </c>
      <c r="P5495" t="s">
        <v>655</v>
      </c>
      <c r="Q5495">
        <v>1</v>
      </c>
      <c r="R5495" t="s">
        <v>669</v>
      </c>
      <c r="S5495">
        <v>1</v>
      </c>
      <c r="T5495" t="s">
        <v>3829</v>
      </c>
      <c r="U5495">
        <v>18</v>
      </c>
      <c r="V5495">
        <v>3</v>
      </c>
      <c r="W5495">
        <v>180</v>
      </c>
      <c r="X5495">
        <v>2020</v>
      </c>
    </row>
    <row r="5496" spans="1:24" x14ac:dyDescent="0.25">
      <c r="A5496">
        <v>2983</v>
      </c>
      <c r="B5496" t="s">
        <v>14</v>
      </c>
      <c r="C5496">
        <v>20</v>
      </c>
      <c r="D5496" t="s">
        <v>426</v>
      </c>
      <c r="E5496">
        <v>145</v>
      </c>
      <c r="F5496" t="s">
        <v>651</v>
      </c>
      <c r="G5496">
        <v>160</v>
      </c>
      <c r="H5496" t="s">
        <v>739</v>
      </c>
      <c r="I5496">
        <v>4413</v>
      </c>
      <c r="J5496" t="s">
        <v>699</v>
      </c>
      <c r="K5496">
        <v>10</v>
      </c>
      <c r="L5496" t="s">
        <v>1096</v>
      </c>
      <c r="M5496">
        <v>341</v>
      </c>
      <c r="N5496" t="s">
        <v>654</v>
      </c>
      <c r="O5496">
        <v>3</v>
      </c>
      <c r="P5496" t="s">
        <v>655</v>
      </c>
      <c r="Q5496">
        <v>1</v>
      </c>
      <c r="R5496" t="s">
        <v>669</v>
      </c>
      <c r="S5496">
        <v>1</v>
      </c>
      <c r="T5496" t="s">
        <v>3827</v>
      </c>
      <c r="U5496">
        <v>17</v>
      </c>
      <c r="V5496">
        <v>3</v>
      </c>
      <c r="W5496">
        <v>180</v>
      </c>
      <c r="X5496">
        <v>2020</v>
      </c>
    </row>
    <row r="5497" spans="1:24" x14ac:dyDescent="0.25">
      <c r="A5497">
        <v>2982</v>
      </c>
      <c r="B5497" t="s">
        <v>14</v>
      </c>
      <c r="C5497">
        <v>20</v>
      </c>
      <c r="D5497" t="s">
        <v>426</v>
      </c>
      <c r="E5497">
        <v>145</v>
      </c>
      <c r="F5497" t="s">
        <v>651</v>
      </c>
      <c r="G5497">
        <v>160</v>
      </c>
      <c r="H5497" t="s">
        <v>739</v>
      </c>
      <c r="I5497">
        <v>4413</v>
      </c>
      <c r="J5497" t="s">
        <v>699</v>
      </c>
      <c r="K5497">
        <v>10</v>
      </c>
      <c r="L5497" t="s">
        <v>1096</v>
      </c>
      <c r="M5497">
        <v>341</v>
      </c>
      <c r="N5497" t="s">
        <v>654</v>
      </c>
      <c r="O5497">
        <v>3</v>
      </c>
      <c r="P5497" t="s">
        <v>655</v>
      </c>
      <c r="Q5497">
        <v>1</v>
      </c>
      <c r="R5497" t="s">
        <v>669</v>
      </c>
      <c r="S5497">
        <v>1</v>
      </c>
      <c r="T5497" t="s">
        <v>3830</v>
      </c>
      <c r="U5497">
        <v>16</v>
      </c>
      <c r="V5497">
        <v>3</v>
      </c>
      <c r="W5497">
        <v>180</v>
      </c>
      <c r="X5497">
        <v>2020</v>
      </c>
    </row>
    <row r="5498" spans="1:24" x14ac:dyDescent="0.25">
      <c r="A5498">
        <v>2979</v>
      </c>
      <c r="B5498" t="s">
        <v>14</v>
      </c>
      <c r="C5498">
        <v>20</v>
      </c>
      <c r="D5498" t="s">
        <v>426</v>
      </c>
      <c r="E5498">
        <v>145</v>
      </c>
      <c r="F5498" t="s">
        <v>651</v>
      </c>
      <c r="G5498">
        <v>160</v>
      </c>
      <c r="H5498" t="s">
        <v>739</v>
      </c>
      <c r="I5498">
        <v>4413</v>
      </c>
      <c r="J5498" t="s">
        <v>699</v>
      </c>
      <c r="K5498">
        <v>10</v>
      </c>
      <c r="L5498" t="s">
        <v>1096</v>
      </c>
      <c r="M5498">
        <v>341</v>
      </c>
      <c r="N5498" t="s">
        <v>654</v>
      </c>
      <c r="O5498">
        <v>3</v>
      </c>
      <c r="P5498" t="s">
        <v>655</v>
      </c>
      <c r="Q5498">
        <v>1</v>
      </c>
      <c r="R5498" t="s">
        <v>669</v>
      </c>
      <c r="S5498">
        <v>1</v>
      </c>
      <c r="T5498" t="s">
        <v>1752</v>
      </c>
      <c r="U5498">
        <v>15</v>
      </c>
      <c r="V5498">
        <v>3</v>
      </c>
      <c r="W5498">
        <v>180</v>
      </c>
      <c r="X5498">
        <v>2020</v>
      </c>
    </row>
    <row r="5499" spans="1:24" x14ac:dyDescent="0.25">
      <c r="A5499">
        <v>2978</v>
      </c>
      <c r="B5499" t="s">
        <v>14</v>
      </c>
      <c r="C5499">
        <v>20</v>
      </c>
      <c r="D5499" t="s">
        <v>426</v>
      </c>
      <c r="E5499">
        <v>145</v>
      </c>
      <c r="F5499" t="s">
        <v>651</v>
      </c>
      <c r="G5499">
        <v>160</v>
      </c>
      <c r="H5499" t="s">
        <v>739</v>
      </c>
      <c r="I5499">
        <v>4413</v>
      </c>
      <c r="J5499" t="s">
        <v>699</v>
      </c>
      <c r="K5499">
        <v>10</v>
      </c>
      <c r="L5499" t="s">
        <v>1096</v>
      </c>
      <c r="M5499">
        <v>341</v>
      </c>
      <c r="N5499" t="s">
        <v>654</v>
      </c>
      <c r="O5499">
        <v>3</v>
      </c>
      <c r="P5499" t="s">
        <v>655</v>
      </c>
      <c r="Q5499">
        <v>1</v>
      </c>
      <c r="R5499" t="s">
        <v>669</v>
      </c>
      <c r="S5499">
        <v>1</v>
      </c>
      <c r="T5499" t="s">
        <v>1751</v>
      </c>
      <c r="U5499">
        <v>14</v>
      </c>
      <c r="V5499">
        <v>3</v>
      </c>
      <c r="W5499">
        <v>180</v>
      </c>
      <c r="X5499">
        <v>2020</v>
      </c>
    </row>
    <row r="5500" spans="1:24" x14ac:dyDescent="0.25">
      <c r="A5500">
        <v>2977</v>
      </c>
      <c r="B5500" t="s">
        <v>14</v>
      </c>
      <c r="C5500">
        <v>20</v>
      </c>
      <c r="D5500" t="s">
        <v>426</v>
      </c>
      <c r="E5500">
        <v>145</v>
      </c>
      <c r="F5500" t="s">
        <v>651</v>
      </c>
      <c r="G5500">
        <v>160</v>
      </c>
      <c r="H5500" t="s">
        <v>739</v>
      </c>
      <c r="I5500">
        <v>4413</v>
      </c>
      <c r="J5500" t="s">
        <v>699</v>
      </c>
      <c r="K5500">
        <v>10</v>
      </c>
      <c r="L5500" t="s">
        <v>1096</v>
      </c>
      <c r="M5500">
        <v>341</v>
      </c>
      <c r="N5500" t="s">
        <v>654</v>
      </c>
      <c r="O5500">
        <v>3</v>
      </c>
      <c r="P5500" t="s">
        <v>655</v>
      </c>
      <c r="Q5500">
        <v>1</v>
      </c>
      <c r="R5500" t="s">
        <v>669</v>
      </c>
      <c r="S5500">
        <v>1</v>
      </c>
      <c r="T5500" t="s">
        <v>1750</v>
      </c>
      <c r="U5500">
        <v>13</v>
      </c>
      <c r="V5500">
        <v>3</v>
      </c>
      <c r="W5500">
        <v>180</v>
      </c>
      <c r="X5500">
        <v>2020</v>
      </c>
    </row>
    <row r="5501" spans="1:24" x14ac:dyDescent="0.25">
      <c r="A5501">
        <v>2976</v>
      </c>
      <c r="B5501" t="s">
        <v>14</v>
      </c>
      <c r="C5501">
        <v>20</v>
      </c>
      <c r="D5501" t="s">
        <v>426</v>
      </c>
      <c r="E5501">
        <v>145</v>
      </c>
      <c r="F5501" t="s">
        <v>651</v>
      </c>
      <c r="G5501">
        <v>160</v>
      </c>
      <c r="H5501" t="s">
        <v>739</v>
      </c>
      <c r="I5501">
        <v>4413</v>
      </c>
      <c r="J5501" t="s">
        <v>699</v>
      </c>
      <c r="K5501">
        <v>10</v>
      </c>
      <c r="L5501" t="s">
        <v>1096</v>
      </c>
      <c r="M5501">
        <v>341</v>
      </c>
      <c r="N5501" t="s">
        <v>654</v>
      </c>
      <c r="O5501">
        <v>3</v>
      </c>
      <c r="P5501" t="s">
        <v>655</v>
      </c>
      <c r="Q5501">
        <v>1</v>
      </c>
      <c r="R5501" t="s">
        <v>669</v>
      </c>
      <c r="S5501">
        <v>1</v>
      </c>
      <c r="T5501" t="s">
        <v>1611</v>
      </c>
      <c r="U5501">
        <v>11</v>
      </c>
      <c r="V5501">
        <v>3</v>
      </c>
      <c r="W5501">
        <v>180</v>
      </c>
      <c r="X5501">
        <v>2020</v>
      </c>
    </row>
    <row r="5502" spans="1:24" x14ac:dyDescent="0.25">
      <c r="A5502">
        <v>2975</v>
      </c>
      <c r="B5502" t="s">
        <v>14</v>
      </c>
      <c r="C5502">
        <v>20</v>
      </c>
      <c r="D5502" t="s">
        <v>426</v>
      </c>
      <c r="E5502">
        <v>145</v>
      </c>
      <c r="F5502" t="s">
        <v>651</v>
      </c>
      <c r="G5502">
        <v>160</v>
      </c>
      <c r="H5502" t="s">
        <v>739</v>
      </c>
      <c r="I5502">
        <v>4413</v>
      </c>
      <c r="J5502" t="s">
        <v>699</v>
      </c>
      <c r="K5502">
        <v>10</v>
      </c>
      <c r="L5502" t="s">
        <v>1096</v>
      </c>
      <c r="M5502">
        <v>341</v>
      </c>
      <c r="N5502" t="s">
        <v>654</v>
      </c>
      <c r="O5502">
        <v>3</v>
      </c>
      <c r="P5502" t="s">
        <v>655</v>
      </c>
      <c r="Q5502">
        <v>1</v>
      </c>
      <c r="R5502" t="s">
        <v>669</v>
      </c>
      <c r="S5502">
        <v>1</v>
      </c>
      <c r="T5502" t="s">
        <v>1749</v>
      </c>
      <c r="U5502">
        <v>12</v>
      </c>
      <c r="V5502">
        <v>3</v>
      </c>
      <c r="W5502">
        <v>180</v>
      </c>
      <c r="X5502">
        <v>2020</v>
      </c>
    </row>
    <row r="5503" spans="1:24" x14ac:dyDescent="0.25">
      <c r="A5503">
        <v>2974</v>
      </c>
      <c r="B5503" t="s">
        <v>14</v>
      </c>
      <c r="C5503">
        <v>20</v>
      </c>
      <c r="D5503" t="s">
        <v>426</v>
      </c>
      <c r="E5503">
        <v>145</v>
      </c>
      <c r="F5503" t="s">
        <v>651</v>
      </c>
      <c r="G5503">
        <v>160</v>
      </c>
      <c r="H5503" t="s">
        <v>739</v>
      </c>
      <c r="I5503">
        <v>4413</v>
      </c>
      <c r="J5503" t="s">
        <v>699</v>
      </c>
      <c r="K5503">
        <v>10</v>
      </c>
      <c r="L5503" t="s">
        <v>1096</v>
      </c>
      <c r="M5503">
        <v>341</v>
      </c>
      <c r="N5503" t="s">
        <v>654</v>
      </c>
      <c r="O5503">
        <v>3</v>
      </c>
      <c r="P5503" t="s">
        <v>655</v>
      </c>
      <c r="Q5503">
        <v>1</v>
      </c>
      <c r="R5503" t="s">
        <v>669</v>
      </c>
      <c r="S5503">
        <v>1</v>
      </c>
      <c r="T5503" t="s">
        <v>1295</v>
      </c>
      <c r="U5503">
        <v>10</v>
      </c>
      <c r="V5503">
        <v>3</v>
      </c>
      <c r="W5503">
        <v>180</v>
      </c>
      <c r="X5503">
        <v>2020</v>
      </c>
    </row>
    <row r="5504" spans="1:24" x14ac:dyDescent="0.25">
      <c r="A5504">
        <v>2973</v>
      </c>
      <c r="B5504" t="s">
        <v>14</v>
      </c>
      <c r="C5504">
        <v>20</v>
      </c>
      <c r="D5504" t="s">
        <v>426</v>
      </c>
      <c r="E5504">
        <v>145</v>
      </c>
      <c r="F5504" t="s">
        <v>651</v>
      </c>
      <c r="G5504">
        <v>160</v>
      </c>
      <c r="H5504" t="s">
        <v>739</v>
      </c>
      <c r="I5504">
        <v>4413</v>
      </c>
      <c r="J5504" t="s">
        <v>699</v>
      </c>
      <c r="K5504">
        <v>10</v>
      </c>
      <c r="L5504" t="s">
        <v>3886</v>
      </c>
      <c r="M5504">
        <v>342</v>
      </c>
      <c r="N5504" t="s">
        <v>654</v>
      </c>
      <c r="O5504">
        <v>3</v>
      </c>
      <c r="P5504" t="s">
        <v>655</v>
      </c>
      <c r="Q5504">
        <v>1</v>
      </c>
      <c r="R5504" t="s">
        <v>669</v>
      </c>
      <c r="S5504">
        <v>1</v>
      </c>
      <c r="T5504" t="s">
        <v>1508</v>
      </c>
      <c r="U5504">
        <v>9</v>
      </c>
      <c r="V5504">
        <v>3</v>
      </c>
      <c r="W5504">
        <v>180</v>
      </c>
      <c r="X5504">
        <v>2020</v>
      </c>
    </row>
    <row r="5505" spans="1:24" x14ac:dyDescent="0.25">
      <c r="A5505">
        <v>2972</v>
      </c>
      <c r="B5505" t="s">
        <v>180</v>
      </c>
      <c r="C5505">
        <v>70</v>
      </c>
      <c r="D5505" t="s">
        <v>321</v>
      </c>
      <c r="E5505">
        <v>661</v>
      </c>
      <c r="F5505" t="s">
        <v>651</v>
      </c>
      <c r="G5505">
        <v>160</v>
      </c>
      <c r="H5505" t="s">
        <v>681</v>
      </c>
      <c r="I5505">
        <v>717</v>
      </c>
      <c r="J5505" t="s">
        <v>1931</v>
      </c>
      <c r="K5505">
        <v>80</v>
      </c>
      <c r="L5505" t="s">
        <v>878</v>
      </c>
      <c r="M5505">
        <v>329</v>
      </c>
      <c r="N5505" t="s">
        <v>654</v>
      </c>
      <c r="O5505">
        <v>3</v>
      </c>
      <c r="P5505" t="s">
        <v>655</v>
      </c>
      <c r="Q5505">
        <v>1</v>
      </c>
      <c r="R5505" t="s">
        <v>669</v>
      </c>
      <c r="S5505">
        <v>1</v>
      </c>
      <c r="T5505" t="s">
        <v>661</v>
      </c>
      <c r="U5505">
        <v>8</v>
      </c>
      <c r="V5505">
        <v>5</v>
      </c>
      <c r="W5505">
        <v>300</v>
      </c>
      <c r="X5505">
        <v>2020</v>
      </c>
    </row>
    <row r="5506" spans="1:24" x14ac:dyDescent="0.25">
      <c r="A5506">
        <v>2957</v>
      </c>
      <c r="B5506" t="s">
        <v>74</v>
      </c>
      <c r="C5506">
        <v>40</v>
      </c>
      <c r="D5506" t="s">
        <v>484</v>
      </c>
      <c r="E5506">
        <v>315</v>
      </c>
      <c r="F5506" t="s">
        <v>651</v>
      </c>
      <c r="G5506">
        <v>160</v>
      </c>
      <c r="H5506" t="s">
        <v>697</v>
      </c>
      <c r="I5506">
        <v>11198</v>
      </c>
      <c r="J5506" t="s">
        <v>736</v>
      </c>
      <c r="K5506">
        <v>8</v>
      </c>
      <c r="L5506" t="s">
        <v>737</v>
      </c>
      <c r="M5506">
        <v>24</v>
      </c>
      <c r="N5506" t="s">
        <v>654</v>
      </c>
      <c r="O5506">
        <v>3</v>
      </c>
      <c r="P5506" t="s">
        <v>655</v>
      </c>
      <c r="Q5506">
        <v>1</v>
      </c>
      <c r="R5506" t="s">
        <v>669</v>
      </c>
      <c r="S5506">
        <v>1</v>
      </c>
      <c r="T5506" t="s">
        <v>661</v>
      </c>
      <c r="U5506">
        <v>8</v>
      </c>
      <c r="V5506">
        <v>3</v>
      </c>
      <c r="W5506">
        <v>180</v>
      </c>
      <c r="X5506">
        <v>2020</v>
      </c>
    </row>
    <row r="5507" spans="1:24" x14ac:dyDescent="0.25">
      <c r="A5507">
        <v>2951</v>
      </c>
      <c r="B5507" t="s">
        <v>140</v>
      </c>
      <c r="C5507">
        <v>34</v>
      </c>
      <c r="D5507" t="s">
        <v>502</v>
      </c>
      <c r="E5507">
        <v>266</v>
      </c>
      <c r="F5507" t="s">
        <v>651</v>
      </c>
      <c r="G5507">
        <v>160</v>
      </c>
      <c r="H5507" t="s">
        <v>652</v>
      </c>
      <c r="I5507">
        <v>2094</v>
      </c>
      <c r="J5507" t="s">
        <v>932</v>
      </c>
      <c r="K5507">
        <v>77</v>
      </c>
      <c r="L5507" t="s">
        <v>933</v>
      </c>
      <c r="M5507">
        <v>330</v>
      </c>
      <c r="N5507" t="s">
        <v>654</v>
      </c>
      <c r="O5507">
        <v>3</v>
      </c>
      <c r="P5507" t="s">
        <v>655</v>
      </c>
      <c r="Q5507">
        <v>1</v>
      </c>
      <c r="R5507" t="s">
        <v>669</v>
      </c>
      <c r="S5507">
        <v>1</v>
      </c>
      <c r="T5507" t="s">
        <v>661</v>
      </c>
      <c r="U5507">
        <v>8</v>
      </c>
      <c r="V5507">
        <v>4</v>
      </c>
      <c r="W5507">
        <v>240</v>
      </c>
      <c r="X5507">
        <v>2020</v>
      </c>
    </row>
    <row r="5508" spans="1:24" x14ac:dyDescent="0.25">
      <c r="A5508">
        <v>2926</v>
      </c>
      <c r="B5508" t="s">
        <v>14</v>
      </c>
      <c r="C5508">
        <v>20</v>
      </c>
      <c r="D5508" t="s">
        <v>556</v>
      </c>
      <c r="E5508">
        <v>146</v>
      </c>
      <c r="F5508" t="s">
        <v>651</v>
      </c>
      <c r="G5508">
        <v>160</v>
      </c>
      <c r="H5508" t="s">
        <v>739</v>
      </c>
      <c r="I5508">
        <v>4413</v>
      </c>
      <c r="J5508" t="s">
        <v>802</v>
      </c>
      <c r="K5508">
        <v>12</v>
      </c>
      <c r="L5508" t="s">
        <v>802</v>
      </c>
      <c r="M5508">
        <v>36</v>
      </c>
      <c r="N5508" t="s">
        <v>654</v>
      </c>
      <c r="O5508">
        <v>3</v>
      </c>
      <c r="P5508" t="s">
        <v>689</v>
      </c>
      <c r="Q5508">
        <v>4</v>
      </c>
      <c r="R5508" t="s">
        <v>669</v>
      </c>
      <c r="S5508">
        <v>1</v>
      </c>
      <c r="T5508" t="s">
        <v>657</v>
      </c>
      <c r="U5508">
        <v>7</v>
      </c>
      <c r="V5508">
        <v>3</v>
      </c>
      <c r="W5508">
        <v>180</v>
      </c>
      <c r="X5508">
        <v>2020</v>
      </c>
    </row>
    <row r="5509" spans="1:24" x14ac:dyDescent="0.25">
      <c r="A5509">
        <v>2922</v>
      </c>
      <c r="B5509" t="s">
        <v>192</v>
      </c>
      <c r="C5509">
        <v>19</v>
      </c>
      <c r="D5509" t="s">
        <v>329</v>
      </c>
      <c r="E5509">
        <v>135</v>
      </c>
      <c r="F5509" t="s">
        <v>651</v>
      </c>
      <c r="G5509">
        <v>160</v>
      </c>
      <c r="H5509" t="s">
        <v>739</v>
      </c>
      <c r="I5509">
        <v>4413</v>
      </c>
      <c r="J5509" t="s">
        <v>730</v>
      </c>
      <c r="K5509">
        <v>66</v>
      </c>
      <c r="L5509" t="s">
        <v>3887</v>
      </c>
      <c r="M5509">
        <v>288</v>
      </c>
      <c r="N5509" t="s">
        <v>654</v>
      </c>
      <c r="O5509">
        <v>3</v>
      </c>
      <c r="P5509" t="s">
        <v>655</v>
      </c>
      <c r="Q5509">
        <v>1</v>
      </c>
      <c r="R5509" t="s">
        <v>669</v>
      </c>
      <c r="S5509">
        <v>1</v>
      </c>
      <c r="T5509" t="s">
        <v>661</v>
      </c>
      <c r="U5509">
        <v>8</v>
      </c>
      <c r="V5509">
        <v>4</v>
      </c>
      <c r="W5509">
        <v>240</v>
      </c>
      <c r="X5509">
        <v>2020</v>
      </c>
    </row>
    <row r="5510" spans="1:24" x14ac:dyDescent="0.25">
      <c r="A5510">
        <v>2920</v>
      </c>
      <c r="B5510" t="s">
        <v>364</v>
      </c>
      <c r="C5510">
        <v>112</v>
      </c>
      <c r="D5510" t="s">
        <v>363</v>
      </c>
      <c r="E5510">
        <v>568</v>
      </c>
      <c r="F5510" t="s">
        <v>651</v>
      </c>
      <c r="G5510">
        <v>160</v>
      </c>
      <c r="H5510" t="s">
        <v>658</v>
      </c>
      <c r="I5510">
        <v>13755</v>
      </c>
      <c r="J5510" t="s">
        <v>756</v>
      </c>
      <c r="K5510">
        <v>19</v>
      </c>
      <c r="L5510" t="s">
        <v>756</v>
      </c>
      <c r="M5510">
        <v>60</v>
      </c>
      <c r="N5510" t="s">
        <v>654</v>
      </c>
      <c r="O5510">
        <v>3</v>
      </c>
      <c r="P5510" t="s">
        <v>655</v>
      </c>
      <c r="Q5510">
        <v>1</v>
      </c>
      <c r="R5510" t="s">
        <v>669</v>
      </c>
      <c r="S5510">
        <v>1</v>
      </c>
      <c r="T5510" t="s">
        <v>661</v>
      </c>
      <c r="U5510">
        <v>8</v>
      </c>
      <c r="V5510">
        <v>3</v>
      </c>
      <c r="W5510">
        <v>180</v>
      </c>
      <c r="X5510">
        <v>2020</v>
      </c>
    </row>
    <row r="5511" spans="1:24" x14ac:dyDescent="0.25">
      <c r="A5511">
        <v>2919</v>
      </c>
      <c r="B5511" t="s">
        <v>364</v>
      </c>
      <c r="C5511">
        <v>112</v>
      </c>
      <c r="D5511" t="s">
        <v>363</v>
      </c>
      <c r="E5511">
        <v>568</v>
      </c>
      <c r="F5511" t="s">
        <v>651</v>
      </c>
      <c r="G5511">
        <v>160</v>
      </c>
      <c r="H5511" t="s">
        <v>658</v>
      </c>
      <c r="I5511">
        <v>13755</v>
      </c>
      <c r="J5511" t="s">
        <v>767</v>
      </c>
      <c r="K5511">
        <v>44</v>
      </c>
      <c r="L5511" t="s">
        <v>2347</v>
      </c>
      <c r="M5511">
        <v>153</v>
      </c>
      <c r="N5511" t="s">
        <v>654</v>
      </c>
      <c r="O5511">
        <v>3</v>
      </c>
      <c r="P5511" t="s">
        <v>655</v>
      </c>
      <c r="Q5511">
        <v>1</v>
      </c>
      <c r="R5511" t="s">
        <v>669</v>
      </c>
      <c r="S5511">
        <v>1</v>
      </c>
      <c r="T5511" t="s">
        <v>661</v>
      </c>
      <c r="U5511">
        <v>8</v>
      </c>
      <c r="V5511">
        <v>4</v>
      </c>
      <c r="W5511">
        <v>240</v>
      </c>
      <c r="X5511">
        <v>2020</v>
      </c>
    </row>
    <row r="5512" spans="1:24" x14ac:dyDescent="0.25">
      <c r="A5512">
        <v>2918</v>
      </c>
      <c r="B5512" t="s">
        <v>364</v>
      </c>
      <c r="C5512">
        <v>112</v>
      </c>
      <c r="D5512" t="s">
        <v>363</v>
      </c>
      <c r="E5512">
        <v>568</v>
      </c>
      <c r="F5512" t="s">
        <v>651</v>
      </c>
      <c r="G5512">
        <v>160</v>
      </c>
      <c r="H5512" t="s">
        <v>658</v>
      </c>
      <c r="I5512">
        <v>13755</v>
      </c>
      <c r="J5512" t="s">
        <v>710</v>
      </c>
      <c r="K5512">
        <v>53</v>
      </c>
      <c r="L5512" t="s">
        <v>3888</v>
      </c>
      <c r="M5512">
        <v>205</v>
      </c>
      <c r="N5512" t="s">
        <v>668</v>
      </c>
      <c r="O5512">
        <v>4</v>
      </c>
      <c r="P5512" t="s">
        <v>655</v>
      </c>
      <c r="Q5512">
        <v>1</v>
      </c>
      <c r="R5512" t="s">
        <v>669</v>
      </c>
      <c r="S5512">
        <v>1</v>
      </c>
      <c r="T5512" t="s">
        <v>661</v>
      </c>
      <c r="U5512">
        <v>8</v>
      </c>
      <c r="V5512">
        <v>4</v>
      </c>
      <c r="W5512">
        <v>240</v>
      </c>
      <c r="X5512">
        <v>2020</v>
      </c>
    </row>
    <row r="5513" spans="1:24" x14ac:dyDescent="0.25">
      <c r="A5513">
        <v>2917</v>
      </c>
      <c r="B5513" t="s">
        <v>364</v>
      </c>
      <c r="C5513">
        <v>112</v>
      </c>
      <c r="D5513" t="s">
        <v>363</v>
      </c>
      <c r="E5513">
        <v>568</v>
      </c>
      <c r="F5513" t="s">
        <v>651</v>
      </c>
      <c r="G5513">
        <v>160</v>
      </c>
      <c r="H5513" t="s">
        <v>658</v>
      </c>
      <c r="I5513">
        <v>13755</v>
      </c>
      <c r="J5513" t="s">
        <v>301</v>
      </c>
      <c r="K5513">
        <v>26</v>
      </c>
      <c r="L5513" t="s">
        <v>301</v>
      </c>
      <c r="M5513">
        <v>82</v>
      </c>
      <c r="N5513" t="s">
        <v>654</v>
      </c>
      <c r="O5513">
        <v>3</v>
      </c>
      <c r="P5513" t="s">
        <v>655</v>
      </c>
      <c r="Q5513">
        <v>1</v>
      </c>
      <c r="R5513" t="s">
        <v>669</v>
      </c>
      <c r="S5513">
        <v>1</v>
      </c>
      <c r="T5513" t="s">
        <v>661</v>
      </c>
      <c r="U5513">
        <v>8</v>
      </c>
      <c r="V5513">
        <v>3</v>
      </c>
      <c r="W5513">
        <v>180</v>
      </c>
      <c r="X5513">
        <v>2020</v>
      </c>
    </row>
    <row r="5514" spans="1:24" x14ac:dyDescent="0.25">
      <c r="A5514">
        <v>2916</v>
      </c>
      <c r="B5514" t="s">
        <v>366</v>
      </c>
      <c r="C5514">
        <v>111</v>
      </c>
      <c r="D5514" t="s">
        <v>365</v>
      </c>
      <c r="E5514">
        <v>567</v>
      </c>
      <c r="F5514" t="s">
        <v>651</v>
      </c>
      <c r="G5514">
        <v>160</v>
      </c>
      <c r="H5514" t="s">
        <v>658</v>
      </c>
      <c r="I5514">
        <v>13755</v>
      </c>
      <c r="J5514" t="s">
        <v>864</v>
      </c>
      <c r="K5514">
        <v>14</v>
      </c>
      <c r="L5514" t="s">
        <v>3889</v>
      </c>
      <c r="M5514">
        <v>381</v>
      </c>
      <c r="N5514" t="s">
        <v>654</v>
      </c>
      <c r="O5514">
        <v>3</v>
      </c>
      <c r="P5514" t="s">
        <v>655</v>
      </c>
      <c r="Q5514">
        <v>1</v>
      </c>
      <c r="R5514" t="s">
        <v>669</v>
      </c>
      <c r="S5514">
        <v>1</v>
      </c>
      <c r="T5514" t="s">
        <v>661</v>
      </c>
      <c r="U5514">
        <v>8</v>
      </c>
      <c r="V5514">
        <v>4</v>
      </c>
      <c r="W5514">
        <v>240</v>
      </c>
      <c r="X5514">
        <v>2020</v>
      </c>
    </row>
    <row r="5515" spans="1:24" x14ac:dyDescent="0.25">
      <c r="A5515">
        <v>2915</v>
      </c>
      <c r="B5515" t="s">
        <v>367</v>
      </c>
      <c r="C5515">
        <v>110</v>
      </c>
      <c r="D5515" t="s">
        <v>367</v>
      </c>
      <c r="E5515">
        <v>566</v>
      </c>
      <c r="F5515" t="s">
        <v>651</v>
      </c>
      <c r="G5515">
        <v>160</v>
      </c>
      <c r="H5515" t="s">
        <v>747</v>
      </c>
      <c r="I5515">
        <v>4847</v>
      </c>
      <c r="J5515" t="s">
        <v>807</v>
      </c>
      <c r="K5515">
        <v>25</v>
      </c>
      <c r="L5515" t="s">
        <v>1603</v>
      </c>
      <c r="M5515">
        <v>81</v>
      </c>
      <c r="N5515" t="s">
        <v>654</v>
      </c>
      <c r="O5515">
        <v>3</v>
      </c>
      <c r="P5515" t="s">
        <v>655</v>
      </c>
      <c r="Q5515">
        <v>1</v>
      </c>
      <c r="R5515" t="s">
        <v>669</v>
      </c>
      <c r="S5515">
        <v>1</v>
      </c>
      <c r="T5515" t="s">
        <v>661</v>
      </c>
      <c r="U5515">
        <v>8</v>
      </c>
      <c r="V5515">
        <v>3</v>
      </c>
      <c r="W5515">
        <v>180</v>
      </c>
      <c r="X5515">
        <v>2020</v>
      </c>
    </row>
    <row r="5516" spans="1:24" x14ac:dyDescent="0.25">
      <c r="A5516">
        <v>2914</v>
      </c>
      <c r="B5516" t="s">
        <v>367</v>
      </c>
      <c r="C5516">
        <v>110</v>
      </c>
      <c r="D5516" t="s">
        <v>367</v>
      </c>
      <c r="E5516">
        <v>566</v>
      </c>
      <c r="F5516" t="s">
        <v>651</v>
      </c>
      <c r="G5516">
        <v>160</v>
      </c>
      <c r="H5516" t="s">
        <v>747</v>
      </c>
      <c r="I5516">
        <v>4847</v>
      </c>
      <c r="J5516" t="s">
        <v>301</v>
      </c>
      <c r="K5516">
        <v>26</v>
      </c>
      <c r="L5516" t="s">
        <v>3890</v>
      </c>
      <c r="M5516">
        <v>86</v>
      </c>
      <c r="N5516" t="s">
        <v>654</v>
      </c>
      <c r="O5516">
        <v>3</v>
      </c>
      <c r="P5516" t="s">
        <v>655</v>
      </c>
      <c r="Q5516">
        <v>1</v>
      </c>
      <c r="R5516" t="s">
        <v>669</v>
      </c>
      <c r="S5516">
        <v>1</v>
      </c>
      <c r="T5516" t="s">
        <v>661</v>
      </c>
      <c r="U5516">
        <v>8</v>
      </c>
      <c r="V5516">
        <v>3</v>
      </c>
      <c r="W5516">
        <v>180</v>
      </c>
      <c r="X5516">
        <v>2020</v>
      </c>
    </row>
    <row r="5517" spans="1:24" x14ac:dyDescent="0.25">
      <c r="A5517">
        <v>2913</v>
      </c>
      <c r="B5517" t="s">
        <v>367</v>
      </c>
      <c r="C5517">
        <v>110</v>
      </c>
      <c r="D5517" t="s">
        <v>367</v>
      </c>
      <c r="E5517">
        <v>566</v>
      </c>
      <c r="F5517" t="s">
        <v>651</v>
      </c>
      <c r="G5517">
        <v>160</v>
      </c>
      <c r="H5517" t="s">
        <v>747</v>
      </c>
      <c r="I5517">
        <v>4847</v>
      </c>
      <c r="J5517" t="s">
        <v>301</v>
      </c>
      <c r="K5517">
        <v>26</v>
      </c>
      <c r="L5517" t="s">
        <v>301</v>
      </c>
      <c r="M5517">
        <v>82</v>
      </c>
      <c r="N5517" t="s">
        <v>654</v>
      </c>
      <c r="O5517">
        <v>3</v>
      </c>
      <c r="P5517" t="s">
        <v>655</v>
      </c>
      <c r="Q5517">
        <v>1</v>
      </c>
      <c r="R5517" t="s">
        <v>669</v>
      </c>
      <c r="S5517">
        <v>1</v>
      </c>
      <c r="T5517" t="s">
        <v>661</v>
      </c>
      <c r="U5517">
        <v>8</v>
      </c>
      <c r="V5517">
        <v>3</v>
      </c>
      <c r="W5517">
        <v>180</v>
      </c>
      <c r="X5517">
        <v>2020</v>
      </c>
    </row>
    <row r="5518" spans="1:24" x14ac:dyDescent="0.25">
      <c r="A5518">
        <v>2902</v>
      </c>
      <c r="B5518" t="s">
        <v>369</v>
      </c>
      <c r="C5518">
        <v>104</v>
      </c>
      <c r="D5518" t="s">
        <v>368</v>
      </c>
      <c r="E5518">
        <v>560</v>
      </c>
      <c r="F5518" t="s">
        <v>651</v>
      </c>
      <c r="G5518">
        <v>160</v>
      </c>
      <c r="H5518" t="s">
        <v>773</v>
      </c>
      <c r="I5518">
        <v>11846</v>
      </c>
      <c r="J5518" t="s">
        <v>767</v>
      </c>
      <c r="K5518">
        <v>44</v>
      </c>
      <c r="L5518" t="s">
        <v>2347</v>
      </c>
      <c r="M5518">
        <v>153</v>
      </c>
      <c r="N5518" t="s">
        <v>654</v>
      </c>
      <c r="O5518">
        <v>3</v>
      </c>
      <c r="P5518" t="s">
        <v>655</v>
      </c>
      <c r="Q5518">
        <v>1</v>
      </c>
      <c r="R5518" t="s">
        <v>669</v>
      </c>
      <c r="S5518">
        <v>1</v>
      </c>
      <c r="T5518" t="s">
        <v>661</v>
      </c>
      <c r="U5518">
        <v>8</v>
      </c>
      <c r="V5518">
        <v>4</v>
      </c>
      <c r="W5518">
        <v>240</v>
      </c>
      <c r="X5518">
        <v>2020</v>
      </c>
    </row>
    <row r="5519" spans="1:24" x14ac:dyDescent="0.25">
      <c r="A5519">
        <v>2900</v>
      </c>
      <c r="B5519" t="s">
        <v>369</v>
      </c>
      <c r="C5519">
        <v>104</v>
      </c>
      <c r="D5519" t="s">
        <v>368</v>
      </c>
      <c r="E5519">
        <v>560</v>
      </c>
      <c r="F5519" t="s">
        <v>651</v>
      </c>
      <c r="G5519">
        <v>160</v>
      </c>
      <c r="H5519" t="s">
        <v>773</v>
      </c>
      <c r="I5519">
        <v>11846</v>
      </c>
      <c r="J5519" t="s">
        <v>299</v>
      </c>
      <c r="K5519">
        <v>27</v>
      </c>
      <c r="L5519" t="s">
        <v>690</v>
      </c>
      <c r="M5519">
        <v>89</v>
      </c>
      <c r="N5519" t="s">
        <v>668</v>
      </c>
      <c r="O5519">
        <v>4</v>
      </c>
      <c r="P5519" t="s">
        <v>655</v>
      </c>
      <c r="Q5519">
        <v>1</v>
      </c>
      <c r="R5519" t="s">
        <v>669</v>
      </c>
      <c r="S5519">
        <v>1</v>
      </c>
      <c r="T5519" t="s">
        <v>661</v>
      </c>
      <c r="U5519">
        <v>8</v>
      </c>
      <c r="V5519">
        <v>3</v>
      </c>
      <c r="W5519">
        <v>180</v>
      </c>
      <c r="X5519">
        <v>2020</v>
      </c>
    </row>
    <row r="5520" spans="1:24" x14ac:dyDescent="0.25">
      <c r="A5520">
        <v>2898</v>
      </c>
      <c r="B5520" t="s">
        <v>369</v>
      </c>
      <c r="C5520">
        <v>104</v>
      </c>
      <c r="D5520" t="s">
        <v>368</v>
      </c>
      <c r="E5520">
        <v>560</v>
      </c>
      <c r="F5520" t="s">
        <v>651</v>
      </c>
      <c r="G5520">
        <v>160</v>
      </c>
      <c r="H5520" t="s">
        <v>773</v>
      </c>
      <c r="I5520">
        <v>11846</v>
      </c>
      <c r="J5520" t="s">
        <v>807</v>
      </c>
      <c r="K5520">
        <v>25</v>
      </c>
      <c r="L5520" t="s">
        <v>1603</v>
      </c>
      <c r="M5520">
        <v>81</v>
      </c>
      <c r="N5520" t="s">
        <v>654</v>
      </c>
      <c r="O5520">
        <v>3</v>
      </c>
      <c r="P5520" t="s">
        <v>655</v>
      </c>
      <c r="Q5520">
        <v>1</v>
      </c>
      <c r="R5520" t="s">
        <v>669</v>
      </c>
      <c r="S5520">
        <v>1</v>
      </c>
      <c r="T5520" t="s">
        <v>661</v>
      </c>
      <c r="U5520">
        <v>8</v>
      </c>
      <c r="V5520">
        <v>3</v>
      </c>
      <c r="W5520">
        <v>180</v>
      </c>
      <c r="X5520">
        <v>2020</v>
      </c>
    </row>
    <row r="5521" spans="1:24" x14ac:dyDescent="0.25">
      <c r="A5521">
        <v>2873</v>
      </c>
      <c r="B5521" t="s">
        <v>370</v>
      </c>
      <c r="C5521">
        <v>101</v>
      </c>
      <c r="D5521" t="s">
        <v>370</v>
      </c>
      <c r="E5521">
        <v>557</v>
      </c>
      <c r="F5521" t="s">
        <v>651</v>
      </c>
      <c r="G5521">
        <v>160</v>
      </c>
      <c r="H5521" t="s">
        <v>3891</v>
      </c>
      <c r="I5521">
        <v>9284</v>
      </c>
      <c r="J5521" t="s">
        <v>864</v>
      </c>
      <c r="K5521">
        <v>14</v>
      </c>
      <c r="L5521" t="s">
        <v>1941</v>
      </c>
      <c r="M5521">
        <v>355</v>
      </c>
      <c r="N5521" t="s">
        <v>654</v>
      </c>
      <c r="O5521">
        <v>3</v>
      </c>
      <c r="P5521" t="s">
        <v>655</v>
      </c>
      <c r="Q5521">
        <v>1</v>
      </c>
      <c r="R5521" t="s">
        <v>669</v>
      </c>
      <c r="S5521">
        <v>1</v>
      </c>
      <c r="T5521" t="s">
        <v>661</v>
      </c>
      <c r="U5521">
        <v>8</v>
      </c>
      <c r="V5521">
        <v>4</v>
      </c>
      <c r="W5521">
        <v>240</v>
      </c>
      <c r="X5521">
        <v>2020</v>
      </c>
    </row>
    <row r="5522" spans="1:24" x14ac:dyDescent="0.25">
      <c r="A5522">
        <v>2872</v>
      </c>
      <c r="B5522" t="s">
        <v>324</v>
      </c>
      <c r="C5522">
        <v>100</v>
      </c>
      <c r="D5522" t="s">
        <v>316</v>
      </c>
      <c r="E5522">
        <v>658</v>
      </c>
      <c r="F5522" t="s">
        <v>651</v>
      </c>
      <c r="G5522">
        <v>160</v>
      </c>
      <c r="H5522" t="s">
        <v>652</v>
      </c>
      <c r="I5522">
        <v>2094</v>
      </c>
      <c r="J5522" t="s">
        <v>295</v>
      </c>
      <c r="K5522">
        <v>30</v>
      </c>
      <c r="L5522" t="s">
        <v>295</v>
      </c>
      <c r="M5522">
        <v>96</v>
      </c>
      <c r="N5522" t="s">
        <v>654</v>
      </c>
      <c r="O5522">
        <v>3</v>
      </c>
      <c r="P5522" t="s">
        <v>655</v>
      </c>
      <c r="Q5522">
        <v>1</v>
      </c>
      <c r="R5522" t="s">
        <v>669</v>
      </c>
      <c r="S5522">
        <v>1</v>
      </c>
      <c r="T5522" t="s">
        <v>661</v>
      </c>
      <c r="U5522">
        <v>8</v>
      </c>
      <c r="V5522">
        <v>3</v>
      </c>
      <c r="W5522">
        <v>180</v>
      </c>
      <c r="X5522">
        <v>2020</v>
      </c>
    </row>
    <row r="5523" spans="1:24" x14ac:dyDescent="0.25">
      <c r="A5523">
        <v>2870</v>
      </c>
      <c r="B5523" t="s">
        <v>324</v>
      </c>
      <c r="C5523">
        <v>100</v>
      </c>
      <c r="D5523" t="s">
        <v>316</v>
      </c>
      <c r="E5523">
        <v>658</v>
      </c>
      <c r="F5523" t="s">
        <v>651</v>
      </c>
      <c r="G5523">
        <v>160</v>
      </c>
      <c r="H5523" t="s">
        <v>652</v>
      </c>
      <c r="I5523">
        <v>2094</v>
      </c>
      <c r="J5523" t="s">
        <v>299</v>
      </c>
      <c r="K5523">
        <v>27</v>
      </c>
      <c r="L5523" t="s">
        <v>690</v>
      </c>
      <c r="M5523">
        <v>89</v>
      </c>
      <c r="N5523" t="s">
        <v>654</v>
      </c>
      <c r="O5523">
        <v>3</v>
      </c>
      <c r="P5523" t="s">
        <v>655</v>
      </c>
      <c r="Q5523">
        <v>1</v>
      </c>
      <c r="R5523" t="s">
        <v>669</v>
      </c>
      <c r="S5523">
        <v>1</v>
      </c>
      <c r="T5523" t="s">
        <v>661</v>
      </c>
      <c r="U5523">
        <v>8</v>
      </c>
      <c r="V5523">
        <v>3</v>
      </c>
      <c r="W5523">
        <v>180</v>
      </c>
      <c r="X5523">
        <v>2020</v>
      </c>
    </row>
    <row r="5524" spans="1:24" x14ac:dyDescent="0.25">
      <c r="A5524">
        <v>2869</v>
      </c>
      <c r="B5524" t="s">
        <v>324</v>
      </c>
      <c r="C5524">
        <v>100</v>
      </c>
      <c r="D5524" t="s">
        <v>323</v>
      </c>
      <c r="E5524">
        <v>659</v>
      </c>
      <c r="F5524" t="s">
        <v>651</v>
      </c>
      <c r="G5524">
        <v>160</v>
      </c>
      <c r="H5524" t="s">
        <v>652</v>
      </c>
      <c r="I5524">
        <v>2094</v>
      </c>
      <c r="J5524" t="s">
        <v>65</v>
      </c>
      <c r="K5524">
        <v>15</v>
      </c>
      <c r="L5524" t="s">
        <v>65</v>
      </c>
      <c r="M5524">
        <v>51</v>
      </c>
      <c r="N5524" t="s">
        <v>654</v>
      </c>
      <c r="O5524">
        <v>3</v>
      </c>
      <c r="P5524" t="s">
        <v>655</v>
      </c>
      <c r="Q5524">
        <v>1</v>
      </c>
      <c r="R5524" t="s">
        <v>669</v>
      </c>
      <c r="S5524">
        <v>1</v>
      </c>
      <c r="T5524" t="s">
        <v>661</v>
      </c>
      <c r="U5524">
        <v>8</v>
      </c>
      <c r="V5524">
        <v>4</v>
      </c>
      <c r="W5524">
        <v>240</v>
      </c>
      <c r="X5524">
        <v>2020</v>
      </c>
    </row>
    <row r="5525" spans="1:24" x14ac:dyDescent="0.25">
      <c r="A5525">
        <v>2862</v>
      </c>
      <c r="B5525" t="s">
        <v>371</v>
      </c>
      <c r="C5525">
        <v>97</v>
      </c>
      <c r="D5525" t="s">
        <v>371</v>
      </c>
      <c r="E5525">
        <v>553</v>
      </c>
      <c r="F5525" t="s">
        <v>651</v>
      </c>
      <c r="G5525">
        <v>160</v>
      </c>
      <c r="H5525" t="s">
        <v>719</v>
      </c>
      <c r="I5525">
        <v>7630</v>
      </c>
      <c r="J5525" t="s">
        <v>295</v>
      </c>
      <c r="K5525">
        <v>30</v>
      </c>
      <c r="L5525" t="s">
        <v>295</v>
      </c>
      <c r="M5525">
        <v>96</v>
      </c>
      <c r="N5525" t="s">
        <v>654</v>
      </c>
      <c r="O5525">
        <v>3</v>
      </c>
      <c r="P5525" t="s">
        <v>655</v>
      </c>
      <c r="Q5525">
        <v>1</v>
      </c>
      <c r="R5525" t="s">
        <v>669</v>
      </c>
      <c r="S5525">
        <v>1</v>
      </c>
      <c r="T5525" t="s">
        <v>661</v>
      </c>
      <c r="U5525">
        <v>8</v>
      </c>
      <c r="V5525">
        <v>3</v>
      </c>
      <c r="W5525">
        <v>180</v>
      </c>
      <c r="X5525">
        <v>2020</v>
      </c>
    </row>
    <row r="5526" spans="1:24" x14ac:dyDescent="0.25">
      <c r="A5526">
        <v>2860</v>
      </c>
      <c r="B5526" t="s">
        <v>371</v>
      </c>
      <c r="C5526">
        <v>97</v>
      </c>
      <c r="D5526" t="s">
        <v>371</v>
      </c>
      <c r="E5526">
        <v>553</v>
      </c>
      <c r="F5526" t="s">
        <v>651</v>
      </c>
      <c r="G5526">
        <v>160</v>
      </c>
      <c r="H5526" t="s">
        <v>719</v>
      </c>
      <c r="I5526">
        <v>7630</v>
      </c>
      <c r="J5526" t="s">
        <v>682</v>
      </c>
      <c r="K5526">
        <v>20</v>
      </c>
      <c r="L5526" t="s">
        <v>904</v>
      </c>
      <c r="M5526">
        <v>61</v>
      </c>
      <c r="N5526" t="s">
        <v>654</v>
      </c>
      <c r="O5526">
        <v>3</v>
      </c>
      <c r="P5526" t="s">
        <v>655</v>
      </c>
      <c r="Q5526">
        <v>1</v>
      </c>
      <c r="R5526" t="s">
        <v>669</v>
      </c>
      <c r="S5526">
        <v>1</v>
      </c>
      <c r="T5526" t="s">
        <v>661</v>
      </c>
      <c r="U5526">
        <v>8</v>
      </c>
      <c r="V5526">
        <v>3</v>
      </c>
      <c r="W5526">
        <v>180</v>
      </c>
      <c r="X5526">
        <v>2020</v>
      </c>
    </row>
    <row r="5527" spans="1:24" x14ac:dyDescent="0.25">
      <c r="A5527">
        <v>2849</v>
      </c>
      <c r="B5527" t="s">
        <v>318</v>
      </c>
      <c r="C5527">
        <v>95</v>
      </c>
      <c r="D5527" t="s">
        <v>343</v>
      </c>
      <c r="E5527">
        <v>631</v>
      </c>
      <c r="F5527" t="s">
        <v>651</v>
      </c>
      <c r="G5527">
        <v>160</v>
      </c>
      <c r="H5527" t="s">
        <v>666</v>
      </c>
      <c r="I5527">
        <v>8767</v>
      </c>
      <c r="J5527" t="s">
        <v>693</v>
      </c>
      <c r="K5527">
        <v>56</v>
      </c>
      <c r="L5527" t="s">
        <v>3669</v>
      </c>
      <c r="M5527">
        <v>221</v>
      </c>
      <c r="N5527" t="s">
        <v>654</v>
      </c>
      <c r="O5527">
        <v>3</v>
      </c>
      <c r="P5527" t="s">
        <v>655</v>
      </c>
      <c r="Q5527">
        <v>1</v>
      </c>
      <c r="R5527" t="s">
        <v>669</v>
      </c>
      <c r="S5527">
        <v>1</v>
      </c>
      <c r="T5527" t="s">
        <v>657</v>
      </c>
      <c r="U5527">
        <v>7</v>
      </c>
      <c r="V5527">
        <v>4</v>
      </c>
      <c r="W5527">
        <v>240</v>
      </c>
      <c r="X5527">
        <v>2020</v>
      </c>
    </row>
    <row r="5528" spans="1:24" x14ac:dyDescent="0.25">
      <c r="A5528">
        <v>2848</v>
      </c>
      <c r="B5528" t="s">
        <v>318</v>
      </c>
      <c r="C5528">
        <v>95</v>
      </c>
      <c r="D5528" t="s">
        <v>343</v>
      </c>
      <c r="E5528">
        <v>631</v>
      </c>
      <c r="F5528" t="s">
        <v>651</v>
      </c>
      <c r="G5528">
        <v>160</v>
      </c>
      <c r="H5528" t="s">
        <v>666</v>
      </c>
      <c r="I5528">
        <v>8767</v>
      </c>
      <c r="J5528" t="s">
        <v>710</v>
      </c>
      <c r="K5528">
        <v>53</v>
      </c>
      <c r="L5528" t="s">
        <v>3888</v>
      </c>
      <c r="M5528">
        <v>205</v>
      </c>
      <c r="N5528" t="s">
        <v>654</v>
      </c>
      <c r="O5528">
        <v>3</v>
      </c>
      <c r="P5528" t="s">
        <v>655</v>
      </c>
      <c r="Q5528">
        <v>1</v>
      </c>
      <c r="R5528" t="s">
        <v>669</v>
      </c>
      <c r="S5528">
        <v>1</v>
      </c>
      <c r="T5528" t="s">
        <v>657</v>
      </c>
      <c r="U5528">
        <v>7</v>
      </c>
      <c r="V5528">
        <v>4</v>
      </c>
      <c r="W5528">
        <v>240</v>
      </c>
      <c r="X5528">
        <v>2020</v>
      </c>
    </row>
    <row r="5529" spans="1:24" x14ac:dyDescent="0.25">
      <c r="A5529">
        <v>2847</v>
      </c>
      <c r="B5529" t="s">
        <v>318</v>
      </c>
      <c r="C5529">
        <v>95</v>
      </c>
      <c r="D5529" t="s">
        <v>344</v>
      </c>
      <c r="E5529">
        <v>628</v>
      </c>
      <c r="F5529" t="s">
        <v>651</v>
      </c>
      <c r="G5529">
        <v>160</v>
      </c>
      <c r="H5529" t="s">
        <v>739</v>
      </c>
      <c r="I5529">
        <v>4413</v>
      </c>
      <c r="J5529" t="s">
        <v>1028</v>
      </c>
      <c r="K5529">
        <v>33</v>
      </c>
      <c r="L5529" t="s">
        <v>3763</v>
      </c>
      <c r="M5529">
        <v>102</v>
      </c>
      <c r="N5529" t="s">
        <v>654</v>
      </c>
      <c r="O5529">
        <v>3</v>
      </c>
      <c r="P5529" t="s">
        <v>655</v>
      </c>
      <c r="Q5529">
        <v>1</v>
      </c>
      <c r="R5529" t="s">
        <v>669</v>
      </c>
      <c r="S5529">
        <v>1</v>
      </c>
      <c r="T5529" t="s">
        <v>657</v>
      </c>
      <c r="U5529">
        <v>7</v>
      </c>
      <c r="V5529">
        <v>3</v>
      </c>
      <c r="W5529">
        <v>180</v>
      </c>
      <c r="X5529">
        <v>2020</v>
      </c>
    </row>
    <row r="5530" spans="1:24" x14ac:dyDescent="0.25">
      <c r="A5530">
        <v>2846</v>
      </c>
      <c r="B5530" t="s">
        <v>318</v>
      </c>
      <c r="C5530">
        <v>95</v>
      </c>
      <c r="D5530" t="s">
        <v>343</v>
      </c>
      <c r="E5530">
        <v>631</v>
      </c>
      <c r="F5530" t="s">
        <v>651</v>
      </c>
      <c r="G5530">
        <v>160</v>
      </c>
      <c r="H5530" t="s">
        <v>666</v>
      </c>
      <c r="I5530">
        <v>8767</v>
      </c>
      <c r="J5530" t="s">
        <v>716</v>
      </c>
      <c r="K5530">
        <v>68</v>
      </c>
      <c r="L5530" t="s">
        <v>1915</v>
      </c>
      <c r="M5530">
        <v>294</v>
      </c>
      <c r="N5530" t="s">
        <v>654</v>
      </c>
      <c r="O5530">
        <v>3</v>
      </c>
      <c r="P5530" t="s">
        <v>655</v>
      </c>
      <c r="Q5530">
        <v>1</v>
      </c>
      <c r="R5530" t="s">
        <v>669</v>
      </c>
      <c r="S5530">
        <v>1</v>
      </c>
      <c r="T5530" t="s">
        <v>657</v>
      </c>
      <c r="U5530">
        <v>7</v>
      </c>
      <c r="V5530">
        <v>4</v>
      </c>
      <c r="W5530">
        <v>240</v>
      </c>
      <c r="X5530">
        <v>2020</v>
      </c>
    </row>
    <row r="5531" spans="1:24" x14ac:dyDescent="0.25">
      <c r="A5531">
        <v>2845</v>
      </c>
      <c r="B5531" t="s">
        <v>318</v>
      </c>
      <c r="C5531">
        <v>95</v>
      </c>
      <c r="D5531" t="s">
        <v>343</v>
      </c>
      <c r="E5531">
        <v>631</v>
      </c>
      <c r="F5531" t="s">
        <v>651</v>
      </c>
      <c r="G5531">
        <v>160</v>
      </c>
      <c r="H5531" t="s">
        <v>666</v>
      </c>
      <c r="I5531">
        <v>8767</v>
      </c>
      <c r="J5531" t="s">
        <v>797</v>
      </c>
      <c r="K5531">
        <v>65</v>
      </c>
      <c r="L5531" t="s">
        <v>3892</v>
      </c>
      <c r="M5531">
        <v>276</v>
      </c>
      <c r="N5531" t="s">
        <v>654</v>
      </c>
      <c r="O5531">
        <v>3</v>
      </c>
      <c r="P5531" t="s">
        <v>655</v>
      </c>
      <c r="Q5531">
        <v>1</v>
      </c>
      <c r="R5531" t="s">
        <v>669</v>
      </c>
      <c r="S5531">
        <v>1</v>
      </c>
      <c r="T5531" t="s">
        <v>657</v>
      </c>
      <c r="U5531">
        <v>7</v>
      </c>
      <c r="V5531">
        <v>4</v>
      </c>
      <c r="W5531">
        <v>240</v>
      </c>
      <c r="X5531">
        <v>2020</v>
      </c>
    </row>
    <row r="5532" spans="1:24" x14ac:dyDescent="0.25">
      <c r="A5532">
        <v>2842</v>
      </c>
      <c r="B5532" t="s">
        <v>318</v>
      </c>
      <c r="C5532">
        <v>95</v>
      </c>
      <c r="D5532" t="s">
        <v>343</v>
      </c>
      <c r="E5532">
        <v>631</v>
      </c>
      <c r="F5532" t="s">
        <v>651</v>
      </c>
      <c r="G5532">
        <v>160</v>
      </c>
      <c r="H5532" t="s">
        <v>666</v>
      </c>
      <c r="I5532">
        <v>8767</v>
      </c>
      <c r="J5532" t="s">
        <v>767</v>
      </c>
      <c r="K5532">
        <v>44</v>
      </c>
      <c r="L5532" t="s">
        <v>3893</v>
      </c>
      <c r="M5532">
        <v>152</v>
      </c>
      <c r="N5532" t="s">
        <v>654</v>
      </c>
      <c r="O5532">
        <v>3</v>
      </c>
      <c r="P5532" t="s">
        <v>655</v>
      </c>
      <c r="Q5532">
        <v>1</v>
      </c>
      <c r="R5532" t="s">
        <v>669</v>
      </c>
      <c r="S5532">
        <v>1</v>
      </c>
      <c r="T5532" t="s">
        <v>657</v>
      </c>
      <c r="U5532">
        <v>7</v>
      </c>
      <c r="V5532">
        <v>4</v>
      </c>
      <c r="W5532">
        <v>240</v>
      </c>
      <c r="X5532">
        <v>2020</v>
      </c>
    </row>
    <row r="5533" spans="1:24" x14ac:dyDescent="0.25">
      <c r="A5533">
        <v>2841</v>
      </c>
      <c r="B5533" t="s">
        <v>318</v>
      </c>
      <c r="C5533">
        <v>95</v>
      </c>
      <c r="D5533" t="s">
        <v>343</v>
      </c>
      <c r="E5533">
        <v>631</v>
      </c>
      <c r="F5533" t="s">
        <v>651</v>
      </c>
      <c r="G5533">
        <v>160</v>
      </c>
      <c r="H5533" t="s">
        <v>666</v>
      </c>
      <c r="I5533">
        <v>8767</v>
      </c>
      <c r="J5533" t="s">
        <v>794</v>
      </c>
      <c r="K5533">
        <v>40</v>
      </c>
      <c r="L5533" t="s">
        <v>794</v>
      </c>
      <c r="M5533">
        <v>143</v>
      </c>
      <c r="N5533" t="s">
        <v>654</v>
      </c>
      <c r="O5533">
        <v>3</v>
      </c>
      <c r="P5533" t="s">
        <v>655</v>
      </c>
      <c r="Q5533">
        <v>1</v>
      </c>
      <c r="R5533" t="s">
        <v>669</v>
      </c>
      <c r="S5533">
        <v>1</v>
      </c>
      <c r="T5533" t="s">
        <v>657</v>
      </c>
      <c r="U5533">
        <v>7</v>
      </c>
      <c r="V5533">
        <v>4</v>
      </c>
      <c r="W5533">
        <v>240</v>
      </c>
      <c r="X5533">
        <v>2020</v>
      </c>
    </row>
    <row r="5534" spans="1:24" x14ac:dyDescent="0.25">
      <c r="A5534">
        <v>2834</v>
      </c>
      <c r="B5534" t="s">
        <v>318</v>
      </c>
      <c r="C5534">
        <v>95</v>
      </c>
      <c r="D5534" t="s">
        <v>343</v>
      </c>
      <c r="E5534">
        <v>631</v>
      </c>
      <c r="F5534" t="s">
        <v>651</v>
      </c>
      <c r="G5534">
        <v>160</v>
      </c>
      <c r="H5534" t="s">
        <v>666</v>
      </c>
      <c r="I5534">
        <v>8767</v>
      </c>
      <c r="J5534" t="s">
        <v>691</v>
      </c>
      <c r="K5534">
        <v>21</v>
      </c>
      <c r="L5534" t="s">
        <v>1923</v>
      </c>
      <c r="M5534">
        <v>67</v>
      </c>
      <c r="N5534" t="s">
        <v>654</v>
      </c>
      <c r="O5534">
        <v>3</v>
      </c>
      <c r="P5534" t="s">
        <v>655</v>
      </c>
      <c r="Q5534">
        <v>1</v>
      </c>
      <c r="R5534" t="s">
        <v>669</v>
      </c>
      <c r="S5534">
        <v>1</v>
      </c>
      <c r="T5534" t="s">
        <v>657</v>
      </c>
      <c r="U5534">
        <v>7</v>
      </c>
      <c r="V5534">
        <v>3</v>
      </c>
      <c r="W5534">
        <v>180</v>
      </c>
      <c r="X5534">
        <v>2020</v>
      </c>
    </row>
    <row r="5535" spans="1:24" x14ac:dyDescent="0.25">
      <c r="A5535">
        <v>2832</v>
      </c>
      <c r="B5535" t="s">
        <v>318</v>
      </c>
      <c r="C5535">
        <v>95</v>
      </c>
      <c r="D5535" t="s">
        <v>344</v>
      </c>
      <c r="E5535">
        <v>628</v>
      </c>
      <c r="F5535" t="s">
        <v>651</v>
      </c>
      <c r="G5535">
        <v>160</v>
      </c>
      <c r="H5535" t="s">
        <v>739</v>
      </c>
      <c r="I5535">
        <v>4413</v>
      </c>
      <c r="J5535" t="s">
        <v>756</v>
      </c>
      <c r="K5535">
        <v>19</v>
      </c>
      <c r="L5535" t="s">
        <v>756</v>
      </c>
      <c r="M5535">
        <v>60</v>
      </c>
      <c r="N5535" t="s">
        <v>654</v>
      </c>
      <c r="O5535">
        <v>3</v>
      </c>
      <c r="P5535" t="s">
        <v>655</v>
      </c>
      <c r="Q5535">
        <v>1</v>
      </c>
      <c r="R5535" t="s">
        <v>669</v>
      </c>
      <c r="S5535">
        <v>1</v>
      </c>
      <c r="T5535" t="s">
        <v>657</v>
      </c>
      <c r="U5535">
        <v>7</v>
      </c>
      <c r="V5535">
        <v>3</v>
      </c>
      <c r="W5535">
        <v>180</v>
      </c>
      <c r="X5535">
        <v>2020</v>
      </c>
    </row>
    <row r="5536" spans="1:24" x14ac:dyDescent="0.25">
      <c r="A5536">
        <v>2831</v>
      </c>
      <c r="B5536" t="s">
        <v>318</v>
      </c>
      <c r="C5536">
        <v>95</v>
      </c>
      <c r="D5536" t="s">
        <v>343</v>
      </c>
      <c r="E5536">
        <v>631</v>
      </c>
      <c r="F5536" t="s">
        <v>651</v>
      </c>
      <c r="G5536">
        <v>160</v>
      </c>
      <c r="H5536" t="s">
        <v>666</v>
      </c>
      <c r="I5536">
        <v>8767</v>
      </c>
      <c r="J5536" t="s">
        <v>682</v>
      </c>
      <c r="K5536">
        <v>20</v>
      </c>
      <c r="L5536" t="s">
        <v>3675</v>
      </c>
      <c r="M5536">
        <v>65</v>
      </c>
      <c r="N5536" t="s">
        <v>654</v>
      </c>
      <c r="O5536">
        <v>3</v>
      </c>
      <c r="P5536" t="s">
        <v>655</v>
      </c>
      <c r="Q5536">
        <v>1</v>
      </c>
      <c r="R5536" t="s">
        <v>669</v>
      </c>
      <c r="S5536">
        <v>1</v>
      </c>
      <c r="T5536" t="s">
        <v>657</v>
      </c>
      <c r="U5536">
        <v>7</v>
      </c>
      <c r="V5536">
        <v>3</v>
      </c>
      <c r="W5536">
        <v>180</v>
      </c>
      <c r="X5536">
        <v>2020</v>
      </c>
    </row>
    <row r="5537" spans="1:24" x14ac:dyDescent="0.25">
      <c r="A5537">
        <v>2830</v>
      </c>
      <c r="B5537" t="s">
        <v>318</v>
      </c>
      <c r="C5537">
        <v>95</v>
      </c>
      <c r="D5537" t="s">
        <v>344</v>
      </c>
      <c r="E5537">
        <v>628</v>
      </c>
      <c r="F5537" t="s">
        <v>651</v>
      </c>
      <c r="G5537">
        <v>160</v>
      </c>
      <c r="H5537" t="s">
        <v>739</v>
      </c>
      <c r="I5537">
        <v>4413</v>
      </c>
      <c r="J5537" t="s">
        <v>65</v>
      </c>
      <c r="K5537">
        <v>15</v>
      </c>
      <c r="L5537" t="s">
        <v>65</v>
      </c>
      <c r="M5537">
        <v>51</v>
      </c>
      <c r="N5537" t="s">
        <v>654</v>
      </c>
      <c r="O5537">
        <v>3</v>
      </c>
      <c r="P5537" t="s">
        <v>655</v>
      </c>
      <c r="Q5537">
        <v>1</v>
      </c>
      <c r="R5537" t="s">
        <v>669</v>
      </c>
      <c r="S5537">
        <v>1</v>
      </c>
      <c r="T5537" t="s">
        <v>657</v>
      </c>
      <c r="U5537">
        <v>7</v>
      </c>
      <c r="V5537">
        <v>4</v>
      </c>
      <c r="W5537">
        <v>240</v>
      </c>
      <c r="X5537">
        <v>2020</v>
      </c>
    </row>
    <row r="5538" spans="1:24" x14ac:dyDescent="0.25">
      <c r="A5538">
        <v>2828</v>
      </c>
      <c r="B5538" t="s">
        <v>318</v>
      </c>
      <c r="C5538">
        <v>95</v>
      </c>
      <c r="D5538" t="s">
        <v>343</v>
      </c>
      <c r="E5538">
        <v>631</v>
      </c>
      <c r="F5538" t="s">
        <v>651</v>
      </c>
      <c r="G5538">
        <v>160</v>
      </c>
      <c r="H5538" t="s">
        <v>666</v>
      </c>
      <c r="I5538">
        <v>8767</v>
      </c>
      <c r="J5538" t="s">
        <v>667</v>
      </c>
      <c r="K5538">
        <v>11</v>
      </c>
      <c r="L5538" t="s">
        <v>1420</v>
      </c>
      <c r="M5538">
        <v>34</v>
      </c>
      <c r="N5538" t="s">
        <v>654</v>
      </c>
      <c r="O5538">
        <v>3</v>
      </c>
      <c r="P5538" t="s">
        <v>655</v>
      </c>
      <c r="Q5538">
        <v>1</v>
      </c>
      <c r="R5538" t="s">
        <v>669</v>
      </c>
      <c r="S5538">
        <v>1</v>
      </c>
      <c r="T5538" t="s">
        <v>657</v>
      </c>
      <c r="U5538">
        <v>7</v>
      </c>
      <c r="V5538">
        <v>3</v>
      </c>
      <c r="W5538">
        <v>180</v>
      </c>
      <c r="X5538">
        <v>2020</v>
      </c>
    </row>
    <row r="5539" spans="1:24" x14ac:dyDescent="0.25">
      <c r="A5539">
        <v>2825</v>
      </c>
      <c r="B5539" t="s">
        <v>318</v>
      </c>
      <c r="C5539">
        <v>95</v>
      </c>
      <c r="D5539" t="s">
        <v>344</v>
      </c>
      <c r="E5539">
        <v>628</v>
      </c>
      <c r="F5539" t="s">
        <v>651</v>
      </c>
      <c r="G5539">
        <v>160</v>
      </c>
      <c r="H5539" t="s">
        <v>739</v>
      </c>
      <c r="I5539">
        <v>4413</v>
      </c>
      <c r="J5539" t="s">
        <v>736</v>
      </c>
      <c r="K5539">
        <v>8</v>
      </c>
      <c r="L5539" t="s">
        <v>736</v>
      </c>
      <c r="M5539">
        <v>27</v>
      </c>
      <c r="N5539" t="s">
        <v>654</v>
      </c>
      <c r="O5539">
        <v>3</v>
      </c>
      <c r="P5539" t="s">
        <v>655</v>
      </c>
      <c r="Q5539">
        <v>1</v>
      </c>
      <c r="R5539" t="s">
        <v>669</v>
      </c>
      <c r="S5539">
        <v>1</v>
      </c>
      <c r="T5539" t="s">
        <v>657</v>
      </c>
      <c r="U5539">
        <v>7</v>
      </c>
      <c r="V5539">
        <v>3</v>
      </c>
      <c r="W5539">
        <v>180</v>
      </c>
      <c r="X5539">
        <v>2020</v>
      </c>
    </row>
    <row r="5540" spans="1:24" x14ac:dyDescent="0.25">
      <c r="A5540">
        <v>2823</v>
      </c>
      <c r="B5540" t="s">
        <v>318</v>
      </c>
      <c r="C5540">
        <v>95</v>
      </c>
      <c r="D5540" t="s">
        <v>343</v>
      </c>
      <c r="E5540">
        <v>631</v>
      </c>
      <c r="F5540" t="s">
        <v>651</v>
      </c>
      <c r="G5540">
        <v>160</v>
      </c>
      <c r="H5540" t="s">
        <v>666</v>
      </c>
      <c r="I5540">
        <v>8767</v>
      </c>
      <c r="J5540" t="s">
        <v>676</v>
      </c>
      <c r="K5540">
        <v>4</v>
      </c>
      <c r="L5540" t="s">
        <v>676</v>
      </c>
      <c r="M5540">
        <v>12</v>
      </c>
      <c r="N5540" t="s">
        <v>654</v>
      </c>
      <c r="O5540">
        <v>3</v>
      </c>
      <c r="P5540" t="s">
        <v>655</v>
      </c>
      <c r="Q5540">
        <v>1</v>
      </c>
      <c r="R5540" t="s">
        <v>669</v>
      </c>
      <c r="S5540">
        <v>1</v>
      </c>
      <c r="T5540" t="s">
        <v>657</v>
      </c>
      <c r="U5540">
        <v>7</v>
      </c>
      <c r="V5540">
        <v>3</v>
      </c>
      <c r="W5540">
        <v>180</v>
      </c>
      <c r="X5540">
        <v>2020</v>
      </c>
    </row>
    <row r="5541" spans="1:24" x14ac:dyDescent="0.25">
      <c r="A5541">
        <v>2822</v>
      </c>
      <c r="B5541" t="s">
        <v>373</v>
      </c>
      <c r="C5541">
        <v>94</v>
      </c>
      <c r="D5541" t="s">
        <v>372</v>
      </c>
      <c r="E5541">
        <v>550</v>
      </c>
      <c r="F5541" t="s">
        <v>651</v>
      </c>
      <c r="G5541">
        <v>160</v>
      </c>
      <c r="H5541" t="s">
        <v>3894</v>
      </c>
      <c r="I5541">
        <v>8073</v>
      </c>
      <c r="J5541" t="s">
        <v>684</v>
      </c>
      <c r="K5541">
        <v>22</v>
      </c>
      <c r="L5541" t="s">
        <v>685</v>
      </c>
      <c r="M5541">
        <v>72</v>
      </c>
      <c r="N5541" t="s">
        <v>654</v>
      </c>
      <c r="O5541">
        <v>3</v>
      </c>
      <c r="P5541" t="s">
        <v>655</v>
      </c>
      <c r="Q5541">
        <v>1</v>
      </c>
      <c r="R5541" t="s">
        <v>669</v>
      </c>
      <c r="S5541">
        <v>1</v>
      </c>
      <c r="T5541" t="s">
        <v>661</v>
      </c>
      <c r="U5541">
        <v>8</v>
      </c>
      <c r="V5541">
        <v>3</v>
      </c>
      <c r="W5541">
        <v>180</v>
      </c>
      <c r="X5541">
        <v>2020</v>
      </c>
    </row>
    <row r="5542" spans="1:24" x14ac:dyDescent="0.25">
      <c r="A5542">
        <v>2821</v>
      </c>
      <c r="B5542" t="s">
        <v>373</v>
      </c>
      <c r="C5542">
        <v>94</v>
      </c>
      <c r="D5542" t="s">
        <v>372</v>
      </c>
      <c r="E5542">
        <v>550</v>
      </c>
      <c r="F5542" t="s">
        <v>651</v>
      </c>
      <c r="G5542">
        <v>160</v>
      </c>
      <c r="H5542" t="s">
        <v>3894</v>
      </c>
      <c r="I5542">
        <v>8073</v>
      </c>
      <c r="J5542" t="s">
        <v>1011</v>
      </c>
      <c r="K5542">
        <v>17</v>
      </c>
      <c r="L5542" t="s">
        <v>1011</v>
      </c>
      <c r="M5542">
        <v>57</v>
      </c>
      <c r="N5542" t="s">
        <v>654</v>
      </c>
      <c r="O5542">
        <v>3</v>
      </c>
      <c r="P5542" t="s">
        <v>655</v>
      </c>
      <c r="Q5542">
        <v>1</v>
      </c>
      <c r="R5542" t="s">
        <v>669</v>
      </c>
      <c r="S5542">
        <v>1</v>
      </c>
      <c r="T5542" t="s">
        <v>661</v>
      </c>
      <c r="U5542">
        <v>8</v>
      </c>
      <c r="V5542">
        <v>3</v>
      </c>
      <c r="W5542">
        <v>180</v>
      </c>
      <c r="X5542">
        <v>2020</v>
      </c>
    </row>
    <row r="5543" spans="1:24" x14ac:dyDescent="0.25">
      <c r="A5543">
        <v>2819</v>
      </c>
      <c r="B5543" t="s">
        <v>373</v>
      </c>
      <c r="C5543">
        <v>94</v>
      </c>
      <c r="D5543" t="s">
        <v>372</v>
      </c>
      <c r="E5543">
        <v>550</v>
      </c>
      <c r="F5543" t="s">
        <v>651</v>
      </c>
      <c r="G5543">
        <v>160</v>
      </c>
      <c r="H5543" t="s">
        <v>3894</v>
      </c>
      <c r="I5543">
        <v>8073</v>
      </c>
      <c r="J5543" t="s">
        <v>864</v>
      </c>
      <c r="K5543">
        <v>14</v>
      </c>
      <c r="L5543" t="s">
        <v>3895</v>
      </c>
      <c r="M5543">
        <v>361</v>
      </c>
      <c r="N5543" t="s">
        <v>654</v>
      </c>
      <c r="O5543">
        <v>3</v>
      </c>
      <c r="P5543" t="s">
        <v>655</v>
      </c>
      <c r="Q5543">
        <v>1</v>
      </c>
      <c r="R5543" t="s">
        <v>669</v>
      </c>
      <c r="S5543">
        <v>1</v>
      </c>
      <c r="T5543" t="s">
        <v>661</v>
      </c>
      <c r="U5543">
        <v>8</v>
      </c>
      <c r="V5543">
        <v>4</v>
      </c>
      <c r="W5543">
        <v>240</v>
      </c>
      <c r="X5543">
        <v>2020</v>
      </c>
    </row>
    <row r="5544" spans="1:24" x14ac:dyDescent="0.25">
      <c r="A5544">
        <v>2809</v>
      </c>
      <c r="B5544" t="s">
        <v>377</v>
      </c>
      <c r="C5544">
        <v>88</v>
      </c>
      <c r="D5544" t="s">
        <v>376</v>
      </c>
      <c r="E5544">
        <v>544</v>
      </c>
      <c r="F5544" t="s">
        <v>651</v>
      </c>
      <c r="G5544">
        <v>160</v>
      </c>
      <c r="H5544" t="s">
        <v>719</v>
      </c>
      <c r="I5544">
        <v>7630</v>
      </c>
      <c r="J5544" t="s">
        <v>691</v>
      </c>
      <c r="K5544">
        <v>21</v>
      </c>
      <c r="L5544" t="s">
        <v>1609</v>
      </c>
      <c r="M5544">
        <v>66</v>
      </c>
      <c r="N5544" t="s">
        <v>654</v>
      </c>
      <c r="O5544">
        <v>3</v>
      </c>
      <c r="P5544" t="s">
        <v>655</v>
      </c>
      <c r="Q5544">
        <v>1</v>
      </c>
      <c r="R5544" t="s">
        <v>669</v>
      </c>
      <c r="S5544">
        <v>1</v>
      </c>
      <c r="T5544" t="s">
        <v>661</v>
      </c>
      <c r="U5544">
        <v>8</v>
      </c>
      <c r="V5544">
        <v>3</v>
      </c>
      <c r="W5544">
        <v>180</v>
      </c>
      <c r="X5544">
        <v>2020</v>
      </c>
    </row>
    <row r="5545" spans="1:24" x14ac:dyDescent="0.25">
      <c r="A5545">
        <v>2808</v>
      </c>
      <c r="B5545" t="s">
        <v>377</v>
      </c>
      <c r="C5545">
        <v>88</v>
      </c>
      <c r="D5545" t="s">
        <v>376</v>
      </c>
      <c r="E5545">
        <v>544</v>
      </c>
      <c r="F5545" t="s">
        <v>651</v>
      </c>
      <c r="G5545">
        <v>160</v>
      </c>
      <c r="H5545" t="s">
        <v>719</v>
      </c>
      <c r="I5545">
        <v>7630</v>
      </c>
      <c r="J5545" t="s">
        <v>691</v>
      </c>
      <c r="K5545">
        <v>21</v>
      </c>
      <c r="L5545" t="s">
        <v>1923</v>
      </c>
      <c r="M5545">
        <v>67</v>
      </c>
      <c r="N5545" t="s">
        <v>654</v>
      </c>
      <c r="O5545">
        <v>3</v>
      </c>
      <c r="P5545" t="s">
        <v>655</v>
      </c>
      <c r="Q5545">
        <v>1</v>
      </c>
      <c r="R5545" t="s">
        <v>669</v>
      </c>
      <c r="S5545">
        <v>1</v>
      </c>
      <c r="T5545" t="s">
        <v>661</v>
      </c>
      <c r="U5545">
        <v>8</v>
      </c>
      <c r="V5545">
        <v>3</v>
      </c>
      <c r="W5545">
        <v>180</v>
      </c>
      <c r="X5545">
        <v>2020</v>
      </c>
    </row>
    <row r="5546" spans="1:24" x14ac:dyDescent="0.25">
      <c r="A5546">
        <v>2807</v>
      </c>
      <c r="B5546" t="s">
        <v>377</v>
      </c>
      <c r="C5546">
        <v>88</v>
      </c>
      <c r="D5546" t="s">
        <v>54</v>
      </c>
      <c r="E5546">
        <v>543</v>
      </c>
      <c r="F5546" t="s">
        <v>651</v>
      </c>
      <c r="G5546">
        <v>160</v>
      </c>
      <c r="H5546" t="s">
        <v>719</v>
      </c>
      <c r="I5546">
        <v>7630</v>
      </c>
      <c r="J5546" t="s">
        <v>671</v>
      </c>
      <c r="K5546">
        <v>81</v>
      </c>
      <c r="L5546" t="s">
        <v>920</v>
      </c>
      <c r="M5546">
        <v>335</v>
      </c>
      <c r="N5546" t="s">
        <v>654</v>
      </c>
      <c r="O5546">
        <v>3</v>
      </c>
      <c r="P5546" t="s">
        <v>655</v>
      </c>
      <c r="Q5546">
        <v>1</v>
      </c>
      <c r="R5546" t="s">
        <v>669</v>
      </c>
      <c r="S5546">
        <v>1</v>
      </c>
      <c r="T5546" t="s">
        <v>661</v>
      </c>
      <c r="U5546">
        <v>8</v>
      </c>
      <c r="V5546">
        <v>3</v>
      </c>
      <c r="W5546">
        <v>180</v>
      </c>
      <c r="X5546">
        <v>2020</v>
      </c>
    </row>
    <row r="5547" spans="1:24" x14ac:dyDescent="0.25">
      <c r="A5547">
        <v>2806</v>
      </c>
      <c r="B5547" t="s">
        <v>377</v>
      </c>
      <c r="C5547">
        <v>88</v>
      </c>
      <c r="D5547" t="s">
        <v>54</v>
      </c>
      <c r="E5547">
        <v>543</v>
      </c>
      <c r="F5547" t="s">
        <v>651</v>
      </c>
      <c r="G5547">
        <v>160</v>
      </c>
      <c r="H5547" t="s">
        <v>719</v>
      </c>
      <c r="I5547">
        <v>7630</v>
      </c>
      <c r="J5547" t="s">
        <v>751</v>
      </c>
      <c r="K5547">
        <v>79</v>
      </c>
      <c r="L5547" t="s">
        <v>752</v>
      </c>
      <c r="M5547">
        <v>328</v>
      </c>
      <c r="N5547" t="s">
        <v>668</v>
      </c>
      <c r="O5547">
        <v>4</v>
      </c>
      <c r="P5547" t="s">
        <v>655</v>
      </c>
      <c r="Q5547">
        <v>1</v>
      </c>
      <c r="R5547" t="s">
        <v>669</v>
      </c>
      <c r="S5547">
        <v>1</v>
      </c>
      <c r="T5547" t="s">
        <v>661</v>
      </c>
      <c r="U5547">
        <v>8</v>
      </c>
      <c r="V5547">
        <v>6</v>
      </c>
      <c r="W5547">
        <v>360</v>
      </c>
      <c r="X5547">
        <v>2020</v>
      </c>
    </row>
    <row r="5548" spans="1:24" x14ac:dyDescent="0.25">
      <c r="A5548">
        <v>2805</v>
      </c>
      <c r="B5548" t="s">
        <v>61</v>
      </c>
      <c r="C5548">
        <v>87</v>
      </c>
      <c r="D5548" t="s">
        <v>11</v>
      </c>
      <c r="E5548">
        <v>542</v>
      </c>
      <c r="F5548" t="s">
        <v>651</v>
      </c>
      <c r="G5548">
        <v>160</v>
      </c>
      <c r="H5548" t="s">
        <v>719</v>
      </c>
      <c r="I5548">
        <v>7630</v>
      </c>
      <c r="J5548" t="s">
        <v>65</v>
      </c>
      <c r="K5548">
        <v>15</v>
      </c>
      <c r="L5548" t="s">
        <v>65</v>
      </c>
      <c r="M5548">
        <v>51</v>
      </c>
      <c r="N5548" t="s">
        <v>654</v>
      </c>
      <c r="O5548">
        <v>3</v>
      </c>
      <c r="P5548" t="s">
        <v>655</v>
      </c>
      <c r="Q5548">
        <v>1</v>
      </c>
      <c r="R5548" t="s">
        <v>669</v>
      </c>
      <c r="S5548">
        <v>1</v>
      </c>
      <c r="T5548" t="s">
        <v>661</v>
      </c>
      <c r="U5548">
        <v>8</v>
      </c>
      <c r="V5548">
        <v>4</v>
      </c>
      <c r="W5548">
        <v>240</v>
      </c>
      <c r="X5548">
        <v>2020</v>
      </c>
    </row>
    <row r="5549" spans="1:24" x14ac:dyDescent="0.25">
      <c r="A5549">
        <v>2802</v>
      </c>
      <c r="B5549" t="s">
        <v>61</v>
      </c>
      <c r="C5549">
        <v>87</v>
      </c>
      <c r="D5549" t="s">
        <v>378</v>
      </c>
      <c r="E5549">
        <v>541</v>
      </c>
      <c r="F5549" t="s">
        <v>651</v>
      </c>
      <c r="G5549">
        <v>160</v>
      </c>
      <c r="H5549" t="s">
        <v>719</v>
      </c>
      <c r="I5549">
        <v>7630</v>
      </c>
      <c r="J5549" t="s">
        <v>299</v>
      </c>
      <c r="K5549">
        <v>27</v>
      </c>
      <c r="L5549" t="s">
        <v>690</v>
      </c>
      <c r="M5549">
        <v>89</v>
      </c>
      <c r="N5549" t="s">
        <v>654</v>
      </c>
      <c r="O5549">
        <v>3</v>
      </c>
      <c r="P5549" t="s">
        <v>655</v>
      </c>
      <c r="Q5549">
        <v>1</v>
      </c>
      <c r="R5549" t="s">
        <v>669</v>
      </c>
      <c r="S5549">
        <v>1</v>
      </c>
      <c r="T5549" t="s">
        <v>661</v>
      </c>
      <c r="U5549">
        <v>8</v>
      </c>
      <c r="V5549">
        <v>3</v>
      </c>
      <c r="W5549">
        <v>180</v>
      </c>
      <c r="X5549">
        <v>2020</v>
      </c>
    </row>
    <row r="5550" spans="1:24" x14ac:dyDescent="0.25">
      <c r="A5550">
        <v>2800</v>
      </c>
      <c r="B5550" t="s">
        <v>61</v>
      </c>
      <c r="C5550">
        <v>87</v>
      </c>
      <c r="D5550" t="s">
        <v>378</v>
      </c>
      <c r="E5550">
        <v>541</v>
      </c>
      <c r="F5550" t="s">
        <v>651</v>
      </c>
      <c r="G5550">
        <v>160</v>
      </c>
      <c r="H5550" t="s">
        <v>719</v>
      </c>
      <c r="I5550">
        <v>7630</v>
      </c>
      <c r="J5550" t="s">
        <v>807</v>
      </c>
      <c r="K5550">
        <v>25</v>
      </c>
      <c r="L5550" t="s">
        <v>1603</v>
      </c>
      <c r="M5550">
        <v>81</v>
      </c>
      <c r="N5550" t="s">
        <v>654</v>
      </c>
      <c r="O5550">
        <v>3</v>
      </c>
      <c r="P5550" t="s">
        <v>655</v>
      </c>
      <c r="Q5550">
        <v>1</v>
      </c>
      <c r="R5550" t="s">
        <v>669</v>
      </c>
      <c r="S5550">
        <v>1</v>
      </c>
      <c r="T5550" t="s">
        <v>661</v>
      </c>
      <c r="U5550">
        <v>8</v>
      </c>
      <c r="V5550">
        <v>3</v>
      </c>
      <c r="W5550">
        <v>180</v>
      </c>
      <c r="X5550">
        <v>2020</v>
      </c>
    </row>
    <row r="5551" spans="1:24" x14ac:dyDescent="0.25">
      <c r="A5551">
        <v>2799</v>
      </c>
      <c r="B5551" t="s">
        <v>61</v>
      </c>
      <c r="C5551">
        <v>87</v>
      </c>
      <c r="D5551" t="s">
        <v>379</v>
      </c>
      <c r="E5551">
        <v>540</v>
      </c>
      <c r="F5551" t="s">
        <v>651</v>
      </c>
      <c r="G5551">
        <v>160</v>
      </c>
      <c r="H5551" t="s">
        <v>719</v>
      </c>
      <c r="I5551">
        <v>7630</v>
      </c>
      <c r="J5551" t="s">
        <v>894</v>
      </c>
      <c r="K5551">
        <v>18</v>
      </c>
      <c r="L5551" t="s">
        <v>894</v>
      </c>
      <c r="M5551">
        <v>58</v>
      </c>
      <c r="N5551" t="s">
        <v>654</v>
      </c>
      <c r="O5551">
        <v>3</v>
      </c>
      <c r="P5551" t="s">
        <v>655</v>
      </c>
      <c r="Q5551">
        <v>1</v>
      </c>
      <c r="R5551" t="s">
        <v>669</v>
      </c>
      <c r="S5551">
        <v>1</v>
      </c>
      <c r="T5551" t="s">
        <v>661</v>
      </c>
      <c r="U5551">
        <v>8</v>
      </c>
      <c r="V5551">
        <v>3</v>
      </c>
      <c r="W5551">
        <v>180</v>
      </c>
      <c r="X5551">
        <v>2020</v>
      </c>
    </row>
    <row r="5552" spans="1:24" x14ac:dyDescent="0.25">
      <c r="A5552">
        <v>2797</v>
      </c>
      <c r="B5552" t="s">
        <v>61</v>
      </c>
      <c r="C5552">
        <v>87</v>
      </c>
      <c r="D5552" t="s">
        <v>60</v>
      </c>
      <c r="E5552">
        <v>1280</v>
      </c>
      <c r="F5552" t="s">
        <v>651</v>
      </c>
      <c r="G5552">
        <v>160</v>
      </c>
      <c r="H5552" t="s">
        <v>719</v>
      </c>
      <c r="I5552">
        <v>7630</v>
      </c>
      <c r="J5552" t="s">
        <v>1011</v>
      </c>
      <c r="K5552">
        <v>17</v>
      </c>
      <c r="L5552" t="s">
        <v>1011</v>
      </c>
      <c r="M5552">
        <v>57</v>
      </c>
      <c r="N5552" t="s">
        <v>654</v>
      </c>
      <c r="O5552">
        <v>3</v>
      </c>
      <c r="P5552" t="s">
        <v>655</v>
      </c>
      <c r="Q5552">
        <v>1</v>
      </c>
      <c r="R5552" t="s">
        <v>669</v>
      </c>
      <c r="S5552">
        <v>1</v>
      </c>
      <c r="T5552" t="s">
        <v>661</v>
      </c>
      <c r="U5552">
        <v>8</v>
      </c>
      <c r="V5552">
        <v>3</v>
      </c>
      <c r="W5552">
        <v>180</v>
      </c>
      <c r="X5552">
        <v>2020</v>
      </c>
    </row>
    <row r="5553" spans="1:24" x14ac:dyDescent="0.25">
      <c r="A5553">
        <v>2796</v>
      </c>
      <c r="B5553" t="s">
        <v>61</v>
      </c>
      <c r="C5553">
        <v>87</v>
      </c>
      <c r="D5553" t="s">
        <v>60</v>
      </c>
      <c r="E5553">
        <v>1280</v>
      </c>
      <c r="F5553" t="s">
        <v>651</v>
      </c>
      <c r="G5553">
        <v>160</v>
      </c>
      <c r="H5553" t="s">
        <v>719</v>
      </c>
      <c r="I5553">
        <v>7630</v>
      </c>
      <c r="J5553" t="s">
        <v>868</v>
      </c>
      <c r="K5553">
        <v>23</v>
      </c>
      <c r="L5553" t="s">
        <v>868</v>
      </c>
      <c r="M5553">
        <v>73</v>
      </c>
      <c r="N5553" t="s">
        <v>654</v>
      </c>
      <c r="O5553">
        <v>3</v>
      </c>
      <c r="P5553" t="s">
        <v>655</v>
      </c>
      <c r="Q5553">
        <v>1</v>
      </c>
      <c r="R5553" t="s">
        <v>669</v>
      </c>
      <c r="S5553">
        <v>1</v>
      </c>
      <c r="T5553" t="s">
        <v>661</v>
      </c>
      <c r="U5553">
        <v>8</v>
      </c>
      <c r="V5553">
        <v>3</v>
      </c>
      <c r="W5553">
        <v>180</v>
      </c>
      <c r="X5553">
        <v>2020</v>
      </c>
    </row>
    <row r="5554" spans="1:24" x14ac:dyDescent="0.25">
      <c r="A5554">
        <v>2781</v>
      </c>
      <c r="B5554" t="s">
        <v>381</v>
      </c>
      <c r="C5554">
        <v>85</v>
      </c>
      <c r="D5554" t="s">
        <v>380</v>
      </c>
      <c r="E5554">
        <v>534</v>
      </c>
      <c r="F5554" t="s">
        <v>651</v>
      </c>
      <c r="G5554">
        <v>160</v>
      </c>
      <c r="H5554" t="s">
        <v>658</v>
      </c>
      <c r="I5554">
        <v>13755</v>
      </c>
      <c r="J5554" t="s">
        <v>864</v>
      </c>
      <c r="K5554">
        <v>14</v>
      </c>
      <c r="L5554" t="s">
        <v>3896</v>
      </c>
      <c r="M5554">
        <v>360</v>
      </c>
      <c r="N5554" t="s">
        <v>654</v>
      </c>
      <c r="O5554">
        <v>3</v>
      </c>
      <c r="P5554" t="s">
        <v>655</v>
      </c>
      <c r="Q5554">
        <v>1</v>
      </c>
      <c r="R5554" t="s">
        <v>669</v>
      </c>
      <c r="S5554">
        <v>1</v>
      </c>
      <c r="T5554" t="s">
        <v>661</v>
      </c>
      <c r="U5554">
        <v>8</v>
      </c>
      <c r="V5554">
        <v>4</v>
      </c>
      <c r="W5554">
        <v>240</v>
      </c>
      <c r="X5554">
        <v>2020</v>
      </c>
    </row>
    <row r="5555" spans="1:24" x14ac:dyDescent="0.25">
      <c r="A5555">
        <v>2774</v>
      </c>
      <c r="B5555" t="s">
        <v>383</v>
      </c>
      <c r="C5555">
        <v>83</v>
      </c>
      <c r="D5555" t="s">
        <v>382</v>
      </c>
      <c r="E5555">
        <v>530</v>
      </c>
      <c r="F5555" t="s">
        <v>651</v>
      </c>
      <c r="G5555">
        <v>160</v>
      </c>
      <c r="H5555" t="s">
        <v>773</v>
      </c>
      <c r="I5555">
        <v>11846</v>
      </c>
      <c r="J5555" t="s">
        <v>868</v>
      </c>
      <c r="K5555">
        <v>23</v>
      </c>
      <c r="L5555" t="s">
        <v>868</v>
      </c>
      <c r="M5555">
        <v>73</v>
      </c>
      <c r="N5555" t="s">
        <v>654</v>
      </c>
      <c r="O5555">
        <v>3</v>
      </c>
      <c r="P5555" t="s">
        <v>655</v>
      </c>
      <c r="Q5555">
        <v>1</v>
      </c>
      <c r="R5555" t="s">
        <v>669</v>
      </c>
      <c r="S5555">
        <v>1</v>
      </c>
      <c r="T5555" t="s">
        <v>661</v>
      </c>
      <c r="U5555">
        <v>8</v>
      </c>
      <c r="V5555">
        <v>3</v>
      </c>
      <c r="W5555">
        <v>180</v>
      </c>
      <c r="X5555">
        <v>2020</v>
      </c>
    </row>
    <row r="5556" spans="1:24" x14ac:dyDescent="0.25">
      <c r="A5556">
        <v>2769</v>
      </c>
      <c r="B5556" t="s">
        <v>383</v>
      </c>
      <c r="C5556">
        <v>83</v>
      </c>
      <c r="D5556" t="s">
        <v>384</v>
      </c>
      <c r="E5556">
        <v>527</v>
      </c>
      <c r="F5556" t="s">
        <v>651</v>
      </c>
      <c r="G5556">
        <v>160</v>
      </c>
      <c r="H5556" t="s">
        <v>773</v>
      </c>
      <c r="I5556">
        <v>11846</v>
      </c>
      <c r="J5556" t="s">
        <v>65</v>
      </c>
      <c r="K5556">
        <v>15</v>
      </c>
      <c r="L5556" t="s">
        <v>65</v>
      </c>
      <c r="M5556">
        <v>51</v>
      </c>
      <c r="N5556" t="s">
        <v>654</v>
      </c>
      <c r="O5556">
        <v>3</v>
      </c>
      <c r="P5556" t="s">
        <v>655</v>
      </c>
      <c r="Q5556">
        <v>1</v>
      </c>
      <c r="R5556" t="s">
        <v>669</v>
      </c>
      <c r="S5556">
        <v>1</v>
      </c>
      <c r="T5556" t="s">
        <v>661</v>
      </c>
      <c r="U5556">
        <v>8</v>
      </c>
      <c r="V5556">
        <v>4</v>
      </c>
      <c r="W5556">
        <v>240</v>
      </c>
      <c r="X5556">
        <v>2020</v>
      </c>
    </row>
    <row r="5557" spans="1:24" x14ac:dyDescent="0.25">
      <c r="A5557">
        <v>2767</v>
      </c>
      <c r="B5557" t="s">
        <v>383</v>
      </c>
      <c r="C5557">
        <v>83</v>
      </c>
      <c r="D5557" t="s">
        <v>385</v>
      </c>
      <c r="E5557">
        <v>525</v>
      </c>
      <c r="F5557" t="s">
        <v>651</v>
      </c>
      <c r="G5557">
        <v>160</v>
      </c>
      <c r="H5557" t="s">
        <v>773</v>
      </c>
      <c r="I5557">
        <v>11846</v>
      </c>
      <c r="J5557" t="s">
        <v>676</v>
      </c>
      <c r="K5557">
        <v>4</v>
      </c>
      <c r="L5557" t="s">
        <v>676</v>
      </c>
      <c r="M5557">
        <v>12</v>
      </c>
      <c r="N5557" t="s">
        <v>654</v>
      </c>
      <c r="O5557">
        <v>3</v>
      </c>
      <c r="P5557" t="s">
        <v>655</v>
      </c>
      <c r="Q5557">
        <v>1</v>
      </c>
      <c r="R5557" t="s">
        <v>669</v>
      </c>
      <c r="S5557">
        <v>1</v>
      </c>
      <c r="T5557" t="s">
        <v>661</v>
      </c>
      <c r="U5557">
        <v>8</v>
      </c>
      <c r="V5557">
        <v>3</v>
      </c>
      <c r="W5557">
        <v>180</v>
      </c>
      <c r="X5557">
        <v>2020</v>
      </c>
    </row>
    <row r="5558" spans="1:24" x14ac:dyDescent="0.25">
      <c r="A5558">
        <v>2761</v>
      </c>
      <c r="B5558" t="s">
        <v>383</v>
      </c>
      <c r="C5558">
        <v>83</v>
      </c>
      <c r="D5558" t="s">
        <v>316</v>
      </c>
      <c r="E5558">
        <v>523</v>
      </c>
      <c r="F5558" t="s">
        <v>651</v>
      </c>
      <c r="G5558">
        <v>160</v>
      </c>
      <c r="H5558" t="s">
        <v>773</v>
      </c>
      <c r="I5558">
        <v>11846</v>
      </c>
      <c r="J5558" t="s">
        <v>299</v>
      </c>
      <c r="K5558">
        <v>27</v>
      </c>
      <c r="L5558" t="s">
        <v>690</v>
      </c>
      <c r="M5558">
        <v>89</v>
      </c>
      <c r="N5558" t="s">
        <v>654</v>
      </c>
      <c r="O5558">
        <v>3</v>
      </c>
      <c r="P5558" t="s">
        <v>746</v>
      </c>
      <c r="Q5558">
        <v>2</v>
      </c>
      <c r="R5558" t="s">
        <v>669</v>
      </c>
      <c r="S5558">
        <v>1</v>
      </c>
      <c r="T5558" t="s">
        <v>661</v>
      </c>
      <c r="U5558">
        <v>8</v>
      </c>
      <c r="V5558">
        <v>3</v>
      </c>
      <c r="W5558">
        <v>180</v>
      </c>
      <c r="X5558">
        <v>2020</v>
      </c>
    </row>
    <row r="5559" spans="1:24" x14ac:dyDescent="0.25">
      <c r="A5559">
        <v>2760</v>
      </c>
      <c r="B5559" t="s">
        <v>383</v>
      </c>
      <c r="C5559">
        <v>83</v>
      </c>
      <c r="D5559" t="s">
        <v>316</v>
      </c>
      <c r="E5559">
        <v>523</v>
      </c>
      <c r="F5559" t="s">
        <v>651</v>
      </c>
      <c r="G5559">
        <v>160</v>
      </c>
      <c r="H5559" t="s">
        <v>773</v>
      </c>
      <c r="I5559">
        <v>11846</v>
      </c>
      <c r="J5559" t="s">
        <v>299</v>
      </c>
      <c r="K5559">
        <v>27</v>
      </c>
      <c r="L5559" t="s">
        <v>690</v>
      </c>
      <c r="M5559">
        <v>89</v>
      </c>
      <c r="N5559" t="s">
        <v>654</v>
      </c>
      <c r="O5559">
        <v>3</v>
      </c>
      <c r="P5559" t="s">
        <v>655</v>
      </c>
      <c r="Q5559">
        <v>1</v>
      </c>
      <c r="R5559" t="s">
        <v>669</v>
      </c>
      <c r="S5559">
        <v>1</v>
      </c>
      <c r="T5559" t="s">
        <v>661</v>
      </c>
      <c r="U5559">
        <v>8</v>
      </c>
      <c r="V5559">
        <v>3</v>
      </c>
      <c r="W5559">
        <v>180</v>
      </c>
      <c r="X5559">
        <v>2020</v>
      </c>
    </row>
    <row r="5560" spans="1:24" x14ac:dyDescent="0.25">
      <c r="A5560">
        <v>2753</v>
      </c>
      <c r="B5560" t="s">
        <v>55</v>
      </c>
      <c r="C5560">
        <v>81</v>
      </c>
      <c r="D5560" t="s">
        <v>386</v>
      </c>
      <c r="E5560">
        <v>519</v>
      </c>
      <c r="F5560" t="s">
        <v>651</v>
      </c>
      <c r="G5560">
        <v>160</v>
      </c>
      <c r="H5560" t="s">
        <v>666</v>
      </c>
      <c r="I5560">
        <v>8767</v>
      </c>
      <c r="J5560" t="s">
        <v>792</v>
      </c>
      <c r="K5560">
        <v>6</v>
      </c>
      <c r="L5560" t="s">
        <v>1927</v>
      </c>
      <c r="M5560">
        <v>17</v>
      </c>
      <c r="N5560" t="s">
        <v>654</v>
      </c>
      <c r="O5560">
        <v>3</v>
      </c>
      <c r="P5560" t="s">
        <v>655</v>
      </c>
      <c r="Q5560">
        <v>1</v>
      </c>
      <c r="R5560" t="s">
        <v>669</v>
      </c>
      <c r="S5560">
        <v>1</v>
      </c>
      <c r="T5560" t="s">
        <v>661</v>
      </c>
      <c r="U5560">
        <v>8</v>
      </c>
      <c r="V5560">
        <v>3</v>
      </c>
      <c r="W5560">
        <v>180</v>
      </c>
      <c r="X5560">
        <v>2020</v>
      </c>
    </row>
    <row r="5561" spans="1:24" x14ac:dyDescent="0.25">
      <c r="A5561">
        <v>2751</v>
      </c>
      <c r="B5561" t="s">
        <v>55</v>
      </c>
      <c r="C5561">
        <v>81</v>
      </c>
      <c r="D5561" t="s">
        <v>387</v>
      </c>
      <c r="E5561">
        <v>518</v>
      </c>
      <c r="F5561" t="s">
        <v>651</v>
      </c>
      <c r="G5561">
        <v>160</v>
      </c>
      <c r="H5561" t="s">
        <v>666</v>
      </c>
      <c r="I5561">
        <v>8767</v>
      </c>
      <c r="J5561" t="s">
        <v>868</v>
      </c>
      <c r="K5561">
        <v>23</v>
      </c>
      <c r="L5561" t="s">
        <v>868</v>
      </c>
      <c r="M5561">
        <v>73</v>
      </c>
      <c r="N5561" t="s">
        <v>654</v>
      </c>
      <c r="O5561">
        <v>3</v>
      </c>
      <c r="P5561" t="s">
        <v>655</v>
      </c>
      <c r="Q5561">
        <v>1</v>
      </c>
      <c r="R5561" t="s">
        <v>669</v>
      </c>
      <c r="S5561">
        <v>1</v>
      </c>
      <c r="T5561" t="s">
        <v>661</v>
      </c>
      <c r="U5561">
        <v>8</v>
      </c>
      <c r="V5561">
        <v>3</v>
      </c>
      <c r="W5561">
        <v>180</v>
      </c>
      <c r="X5561">
        <v>2020</v>
      </c>
    </row>
    <row r="5562" spans="1:24" x14ac:dyDescent="0.25">
      <c r="A5562">
        <v>2748</v>
      </c>
      <c r="B5562" t="s">
        <v>55</v>
      </c>
      <c r="C5562">
        <v>81</v>
      </c>
      <c r="D5562" t="s">
        <v>316</v>
      </c>
      <c r="E5562">
        <v>517</v>
      </c>
      <c r="F5562" t="s">
        <v>651</v>
      </c>
      <c r="G5562">
        <v>160</v>
      </c>
      <c r="H5562" t="s">
        <v>666</v>
      </c>
      <c r="I5562">
        <v>8767</v>
      </c>
      <c r="J5562" t="s">
        <v>299</v>
      </c>
      <c r="K5562">
        <v>27</v>
      </c>
      <c r="L5562" t="s">
        <v>690</v>
      </c>
      <c r="M5562">
        <v>89</v>
      </c>
      <c r="N5562" t="s">
        <v>668</v>
      </c>
      <c r="O5562">
        <v>4</v>
      </c>
      <c r="P5562" t="s">
        <v>655</v>
      </c>
      <c r="Q5562">
        <v>1</v>
      </c>
      <c r="R5562" t="s">
        <v>669</v>
      </c>
      <c r="S5562">
        <v>1</v>
      </c>
      <c r="T5562" t="s">
        <v>661</v>
      </c>
      <c r="U5562">
        <v>8</v>
      </c>
      <c r="V5562">
        <v>3</v>
      </c>
      <c r="W5562">
        <v>180</v>
      </c>
      <c r="X5562">
        <v>2020</v>
      </c>
    </row>
    <row r="5563" spans="1:24" x14ac:dyDescent="0.25">
      <c r="A5563">
        <v>2747</v>
      </c>
      <c r="B5563" t="s">
        <v>55</v>
      </c>
      <c r="C5563">
        <v>81</v>
      </c>
      <c r="D5563" t="s">
        <v>316</v>
      </c>
      <c r="E5563">
        <v>517</v>
      </c>
      <c r="F5563" t="s">
        <v>651</v>
      </c>
      <c r="G5563">
        <v>160</v>
      </c>
      <c r="H5563" t="s">
        <v>666</v>
      </c>
      <c r="I5563">
        <v>8767</v>
      </c>
      <c r="J5563" t="s">
        <v>301</v>
      </c>
      <c r="K5563">
        <v>26</v>
      </c>
      <c r="L5563" t="s">
        <v>930</v>
      </c>
      <c r="M5563">
        <v>84</v>
      </c>
      <c r="N5563" t="s">
        <v>654</v>
      </c>
      <c r="O5563">
        <v>3</v>
      </c>
      <c r="P5563" t="s">
        <v>655</v>
      </c>
      <c r="Q5563">
        <v>1</v>
      </c>
      <c r="R5563" t="s">
        <v>669</v>
      </c>
      <c r="S5563">
        <v>1</v>
      </c>
      <c r="T5563" t="s">
        <v>661</v>
      </c>
      <c r="U5563">
        <v>8</v>
      </c>
      <c r="V5563">
        <v>3</v>
      </c>
      <c r="W5563">
        <v>180</v>
      </c>
      <c r="X5563">
        <v>2020</v>
      </c>
    </row>
    <row r="5564" spans="1:24" x14ac:dyDescent="0.25">
      <c r="A5564">
        <v>2746</v>
      </c>
      <c r="B5564" t="s">
        <v>55</v>
      </c>
      <c r="C5564">
        <v>81</v>
      </c>
      <c r="D5564" t="s">
        <v>316</v>
      </c>
      <c r="E5564">
        <v>517</v>
      </c>
      <c r="F5564" t="s">
        <v>651</v>
      </c>
      <c r="G5564">
        <v>160</v>
      </c>
      <c r="H5564" t="s">
        <v>666</v>
      </c>
      <c r="I5564">
        <v>8767</v>
      </c>
      <c r="J5564" t="s">
        <v>807</v>
      </c>
      <c r="K5564">
        <v>25</v>
      </c>
      <c r="L5564" t="s">
        <v>1603</v>
      </c>
      <c r="M5564">
        <v>81</v>
      </c>
      <c r="N5564" t="s">
        <v>654</v>
      </c>
      <c r="O5564">
        <v>3</v>
      </c>
      <c r="P5564" t="s">
        <v>655</v>
      </c>
      <c r="Q5564">
        <v>1</v>
      </c>
      <c r="R5564" t="s">
        <v>669</v>
      </c>
      <c r="S5564">
        <v>1</v>
      </c>
      <c r="T5564" t="s">
        <v>661</v>
      </c>
      <c r="U5564">
        <v>8</v>
      </c>
      <c r="V5564">
        <v>3</v>
      </c>
      <c r="W5564">
        <v>180</v>
      </c>
      <c r="X5564">
        <v>2020</v>
      </c>
    </row>
    <row r="5565" spans="1:24" x14ac:dyDescent="0.25">
      <c r="A5565">
        <v>2745</v>
      </c>
      <c r="B5565" t="s">
        <v>55</v>
      </c>
      <c r="C5565">
        <v>81</v>
      </c>
      <c r="D5565" t="s">
        <v>11</v>
      </c>
      <c r="E5565">
        <v>516</v>
      </c>
      <c r="F5565" t="s">
        <v>651</v>
      </c>
      <c r="G5565">
        <v>160</v>
      </c>
      <c r="H5565" t="s">
        <v>666</v>
      </c>
      <c r="I5565">
        <v>8767</v>
      </c>
      <c r="J5565" t="s">
        <v>65</v>
      </c>
      <c r="K5565">
        <v>15</v>
      </c>
      <c r="L5565" t="s">
        <v>65</v>
      </c>
      <c r="M5565">
        <v>51</v>
      </c>
      <c r="N5565" t="s">
        <v>654</v>
      </c>
      <c r="O5565">
        <v>3</v>
      </c>
      <c r="P5565" t="s">
        <v>655</v>
      </c>
      <c r="Q5565">
        <v>1</v>
      </c>
      <c r="R5565" t="s">
        <v>669</v>
      </c>
      <c r="S5565">
        <v>1</v>
      </c>
      <c r="T5565" t="s">
        <v>661</v>
      </c>
      <c r="U5565">
        <v>8</v>
      </c>
      <c r="V5565">
        <v>4</v>
      </c>
      <c r="W5565">
        <v>240</v>
      </c>
      <c r="X5565">
        <v>2020</v>
      </c>
    </row>
    <row r="5566" spans="1:24" x14ac:dyDescent="0.25">
      <c r="A5566">
        <v>2741</v>
      </c>
      <c r="B5566" t="s">
        <v>388</v>
      </c>
      <c r="C5566">
        <v>80</v>
      </c>
      <c r="D5566" t="s">
        <v>316</v>
      </c>
      <c r="E5566">
        <v>515</v>
      </c>
      <c r="F5566" t="s">
        <v>651</v>
      </c>
      <c r="G5566">
        <v>160</v>
      </c>
      <c r="H5566" t="s">
        <v>817</v>
      </c>
      <c r="I5566">
        <v>11010</v>
      </c>
      <c r="J5566" t="s">
        <v>295</v>
      </c>
      <c r="K5566">
        <v>30</v>
      </c>
      <c r="L5566" t="s">
        <v>295</v>
      </c>
      <c r="M5566">
        <v>96</v>
      </c>
      <c r="N5566" t="s">
        <v>654</v>
      </c>
      <c r="O5566">
        <v>3</v>
      </c>
      <c r="P5566" t="s">
        <v>655</v>
      </c>
      <c r="Q5566">
        <v>1</v>
      </c>
      <c r="R5566" t="s">
        <v>669</v>
      </c>
      <c r="S5566">
        <v>1</v>
      </c>
      <c r="T5566" t="s">
        <v>661</v>
      </c>
      <c r="U5566">
        <v>8</v>
      </c>
      <c r="V5566">
        <v>3</v>
      </c>
      <c r="W5566">
        <v>180</v>
      </c>
      <c r="X5566">
        <v>2020</v>
      </c>
    </row>
    <row r="5567" spans="1:24" x14ac:dyDescent="0.25">
      <c r="A5567">
        <v>2740</v>
      </c>
      <c r="B5567" t="s">
        <v>388</v>
      </c>
      <c r="C5567">
        <v>80</v>
      </c>
      <c r="D5567" t="s">
        <v>316</v>
      </c>
      <c r="E5567">
        <v>515</v>
      </c>
      <c r="F5567" t="s">
        <v>651</v>
      </c>
      <c r="G5567">
        <v>160</v>
      </c>
      <c r="H5567" t="s">
        <v>817</v>
      </c>
      <c r="I5567">
        <v>11010</v>
      </c>
      <c r="J5567" t="s">
        <v>299</v>
      </c>
      <c r="K5567">
        <v>27</v>
      </c>
      <c r="L5567" t="s">
        <v>690</v>
      </c>
      <c r="M5567">
        <v>89</v>
      </c>
      <c r="N5567" t="s">
        <v>654</v>
      </c>
      <c r="O5567">
        <v>3</v>
      </c>
      <c r="P5567" t="s">
        <v>655</v>
      </c>
      <c r="Q5567">
        <v>1</v>
      </c>
      <c r="R5567" t="s">
        <v>669</v>
      </c>
      <c r="S5567">
        <v>1</v>
      </c>
      <c r="T5567" t="s">
        <v>661</v>
      </c>
      <c r="U5567">
        <v>8</v>
      </c>
      <c r="V5567">
        <v>3</v>
      </c>
      <c r="W5567">
        <v>180</v>
      </c>
      <c r="X5567">
        <v>2020</v>
      </c>
    </row>
    <row r="5568" spans="1:24" x14ac:dyDescent="0.25">
      <c r="A5568">
        <v>2739</v>
      </c>
      <c r="B5568" t="s">
        <v>388</v>
      </c>
      <c r="C5568">
        <v>80</v>
      </c>
      <c r="D5568" t="s">
        <v>316</v>
      </c>
      <c r="E5568">
        <v>515</v>
      </c>
      <c r="F5568" t="s">
        <v>651</v>
      </c>
      <c r="G5568">
        <v>160</v>
      </c>
      <c r="H5568" t="s">
        <v>817</v>
      </c>
      <c r="I5568">
        <v>11010</v>
      </c>
      <c r="J5568" t="s">
        <v>301</v>
      </c>
      <c r="K5568">
        <v>26</v>
      </c>
      <c r="L5568" t="s">
        <v>3890</v>
      </c>
      <c r="M5568">
        <v>86</v>
      </c>
      <c r="N5568" t="s">
        <v>654</v>
      </c>
      <c r="O5568">
        <v>3</v>
      </c>
      <c r="P5568" t="s">
        <v>655</v>
      </c>
      <c r="Q5568">
        <v>1</v>
      </c>
      <c r="R5568" t="s">
        <v>669</v>
      </c>
      <c r="S5568">
        <v>1</v>
      </c>
      <c r="T5568" t="s">
        <v>661</v>
      </c>
      <c r="U5568">
        <v>8</v>
      </c>
      <c r="V5568">
        <v>3</v>
      </c>
      <c r="W5568">
        <v>180</v>
      </c>
      <c r="X5568">
        <v>2020</v>
      </c>
    </row>
    <row r="5569" spans="1:24" x14ac:dyDescent="0.25">
      <c r="A5569">
        <v>2736</v>
      </c>
      <c r="B5569" t="s">
        <v>388</v>
      </c>
      <c r="C5569">
        <v>80</v>
      </c>
      <c r="D5569" t="s">
        <v>389</v>
      </c>
      <c r="E5569">
        <v>514</v>
      </c>
      <c r="F5569" t="s">
        <v>651</v>
      </c>
      <c r="G5569">
        <v>160</v>
      </c>
      <c r="H5569" t="s">
        <v>817</v>
      </c>
      <c r="I5569">
        <v>11010</v>
      </c>
      <c r="J5569" t="s">
        <v>65</v>
      </c>
      <c r="K5569">
        <v>15</v>
      </c>
      <c r="L5569" t="s">
        <v>65</v>
      </c>
      <c r="M5569">
        <v>51</v>
      </c>
      <c r="N5569" t="s">
        <v>654</v>
      </c>
      <c r="O5569">
        <v>3</v>
      </c>
      <c r="P5569" t="s">
        <v>655</v>
      </c>
      <c r="Q5569">
        <v>1</v>
      </c>
      <c r="R5569" t="s">
        <v>669</v>
      </c>
      <c r="S5569">
        <v>1</v>
      </c>
      <c r="T5569" t="s">
        <v>661</v>
      </c>
      <c r="U5569">
        <v>8</v>
      </c>
      <c r="V5569">
        <v>4</v>
      </c>
      <c r="W5569">
        <v>240</v>
      </c>
      <c r="X5569">
        <v>2020</v>
      </c>
    </row>
    <row r="5570" spans="1:24" x14ac:dyDescent="0.25">
      <c r="A5570">
        <v>2734</v>
      </c>
      <c r="B5570" t="s">
        <v>391</v>
      </c>
      <c r="C5570">
        <v>79</v>
      </c>
      <c r="D5570" t="s">
        <v>390</v>
      </c>
      <c r="E5570">
        <v>513</v>
      </c>
      <c r="F5570" t="s">
        <v>651</v>
      </c>
      <c r="G5570">
        <v>160</v>
      </c>
      <c r="H5570" t="s">
        <v>1569</v>
      </c>
      <c r="I5570">
        <v>12777</v>
      </c>
      <c r="J5570" t="s">
        <v>295</v>
      </c>
      <c r="K5570">
        <v>30</v>
      </c>
      <c r="L5570" t="s">
        <v>295</v>
      </c>
      <c r="M5570">
        <v>96</v>
      </c>
      <c r="N5570" t="s">
        <v>654</v>
      </c>
      <c r="O5570">
        <v>3</v>
      </c>
      <c r="P5570" t="s">
        <v>655</v>
      </c>
      <c r="Q5570">
        <v>1</v>
      </c>
      <c r="R5570" t="s">
        <v>669</v>
      </c>
      <c r="S5570">
        <v>1</v>
      </c>
      <c r="T5570" t="s">
        <v>661</v>
      </c>
      <c r="U5570">
        <v>8</v>
      </c>
      <c r="V5570">
        <v>3</v>
      </c>
      <c r="W5570">
        <v>180</v>
      </c>
      <c r="X5570">
        <v>2020</v>
      </c>
    </row>
    <row r="5571" spans="1:24" x14ac:dyDescent="0.25">
      <c r="A5571">
        <v>2732</v>
      </c>
      <c r="B5571" t="s">
        <v>391</v>
      </c>
      <c r="C5571">
        <v>79</v>
      </c>
      <c r="D5571" t="s">
        <v>390</v>
      </c>
      <c r="E5571">
        <v>513</v>
      </c>
      <c r="F5571" t="s">
        <v>651</v>
      </c>
      <c r="G5571">
        <v>160</v>
      </c>
      <c r="H5571" t="s">
        <v>1569</v>
      </c>
      <c r="I5571">
        <v>12777</v>
      </c>
      <c r="J5571" t="s">
        <v>299</v>
      </c>
      <c r="K5571">
        <v>27</v>
      </c>
      <c r="L5571" t="s">
        <v>690</v>
      </c>
      <c r="M5571">
        <v>89</v>
      </c>
      <c r="N5571" t="s">
        <v>654</v>
      </c>
      <c r="O5571">
        <v>3</v>
      </c>
      <c r="P5571" t="s">
        <v>655</v>
      </c>
      <c r="Q5571">
        <v>1</v>
      </c>
      <c r="R5571" t="s">
        <v>669</v>
      </c>
      <c r="S5571">
        <v>1</v>
      </c>
      <c r="T5571" t="s">
        <v>661</v>
      </c>
      <c r="U5571">
        <v>8</v>
      </c>
      <c r="V5571">
        <v>3</v>
      </c>
      <c r="W5571">
        <v>180</v>
      </c>
      <c r="X5571">
        <v>2020</v>
      </c>
    </row>
    <row r="5572" spans="1:24" x14ac:dyDescent="0.25">
      <c r="A5572">
        <v>2731</v>
      </c>
      <c r="B5572" t="s">
        <v>391</v>
      </c>
      <c r="C5572">
        <v>79</v>
      </c>
      <c r="D5572" t="s">
        <v>390</v>
      </c>
      <c r="E5572">
        <v>513</v>
      </c>
      <c r="F5572" t="s">
        <v>651</v>
      </c>
      <c r="G5572">
        <v>160</v>
      </c>
      <c r="H5572" t="s">
        <v>1569</v>
      </c>
      <c r="I5572">
        <v>12777</v>
      </c>
      <c r="J5572" t="s">
        <v>301</v>
      </c>
      <c r="K5572">
        <v>26</v>
      </c>
      <c r="L5572" t="s">
        <v>930</v>
      </c>
      <c r="M5572">
        <v>84</v>
      </c>
      <c r="N5572" t="s">
        <v>654</v>
      </c>
      <c r="O5572">
        <v>3</v>
      </c>
      <c r="P5572" t="s">
        <v>655</v>
      </c>
      <c r="Q5572">
        <v>1</v>
      </c>
      <c r="R5572" t="s">
        <v>669</v>
      </c>
      <c r="S5572">
        <v>1</v>
      </c>
      <c r="T5572" t="s">
        <v>661</v>
      </c>
      <c r="U5572">
        <v>8</v>
      </c>
      <c r="V5572">
        <v>3</v>
      </c>
      <c r="W5572">
        <v>180</v>
      </c>
      <c r="X5572">
        <v>2020</v>
      </c>
    </row>
    <row r="5573" spans="1:24" x14ac:dyDescent="0.25">
      <c r="A5573">
        <v>2730</v>
      </c>
      <c r="B5573" t="s">
        <v>391</v>
      </c>
      <c r="C5573">
        <v>79</v>
      </c>
      <c r="D5573" t="s">
        <v>390</v>
      </c>
      <c r="E5573">
        <v>513</v>
      </c>
      <c r="F5573" t="s">
        <v>651</v>
      </c>
      <c r="G5573">
        <v>160</v>
      </c>
      <c r="H5573" t="s">
        <v>1569</v>
      </c>
      <c r="I5573">
        <v>12777</v>
      </c>
      <c r="J5573" t="s">
        <v>807</v>
      </c>
      <c r="K5573">
        <v>25</v>
      </c>
      <c r="L5573" t="s">
        <v>1603</v>
      </c>
      <c r="M5573">
        <v>81</v>
      </c>
      <c r="N5573" t="s">
        <v>654</v>
      </c>
      <c r="O5573">
        <v>3</v>
      </c>
      <c r="P5573" t="s">
        <v>655</v>
      </c>
      <c r="Q5573">
        <v>1</v>
      </c>
      <c r="R5573" t="s">
        <v>669</v>
      </c>
      <c r="S5573">
        <v>1</v>
      </c>
      <c r="T5573" t="s">
        <v>661</v>
      </c>
      <c r="U5573">
        <v>8</v>
      </c>
      <c r="V5573">
        <v>3</v>
      </c>
      <c r="W5573">
        <v>180</v>
      </c>
      <c r="X5573">
        <v>2020</v>
      </c>
    </row>
    <row r="5574" spans="1:24" x14ac:dyDescent="0.25">
      <c r="A5574">
        <v>2729</v>
      </c>
      <c r="B5574" t="s">
        <v>391</v>
      </c>
      <c r="C5574">
        <v>79</v>
      </c>
      <c r="D5574" t="s">
        <v>390</v>
      </c>
      <c r="E5574">
        <v>513</v>
      </c>
      <c r="F5574" t="s">
        <v>651</v>
      </c>
      <c r="G5574">
        <v>160</v>
      </c>
      <c r="H5574" t="s">
        <v>1569</v>
      </c>
      <c r="I5574">
        <v>12777</v>
      </c>
      <c r="J5574" t="s">
        <v>682</v>
      </c>
      <c r="K5574">
        <v>20</v>
      </c>
      <c r="L5574" t="s">
        <v>904</v>
      </c>
      <c r="M5574">
        <v>61</v>
      </c>
      <c r="N5574" t="s">
        <v>654</v>
      </c>
      <c r="O5574">
        <v>3</v>
      </c>
      <c r="P5574" t="s">
        <v>655</v>
      </c>
      <c r="Q5574">
        <v>1</v>
      </c>
      <c r="R5574" t="s">
        <v>669</v>
      </c>
      <c r="S5574">
        <v>1</v>
      </c>
      <c r="T5574" t="s">
        <v>661</v>
      </c>
      <c r="U5574">
        <v>8</v>
      </c>
      <c r="V5574">
        <v>3</v>
      </c>
      <c r="W5574">
        <v>180</v>
      </c>
      <c r="X5574">
        <v>2020</v>
      </c>
    </row>
    <row r="5575" spans="1:24" x14ac:dyDescent="0.25">
      <c r="A5575">
        <v>2724</v>
      </c>
      <c r="B5575" t="s">
        <v>391</v>
      </c>
      <c r="C5575">
        <v>79</v>
      </c>
      <c r="D5575" t="s">
        <v>392</v>
      </c>
      <c r="E5575">
        <v>511</v>
      </c>
      <c r="F5575" t="s">
        <v>651</v>
      </c>
      <c r="G5575">
        <v>160</v>
      </c>
      <c r="H5575" t="s">
        <v>1231</v>
      </c>
      <c r="I5575">
        <v>3308</v>
      </c>
      <c r="J5575" t="s">
        <v>295</v>
      </c>
      <c r="K5575">
        <v>30</v>
      </c>
      <c r="L5575" t="s">
        <v>295</v>
      </c>
      <c r="M5575">
        <v>96</v>
      </c>
      <c r="N5575" t="s">
        <v>654</v>
      </c>
      <c r="O5575">
        <v>3</v>
      </c>
      <c r="P5575" t="s">
        <v>655</v>
      </c>
      <c r="Q5575">
        <v>1</v>
      </c>
      <c r="R5575" t="s">
        <v>669</v>
      </c>
      <c r="S5575">
        <v>1</v>
      </c>
      <c r="T5575" t="s">
        <v>661</v>
      </c>
      <c r="U5575">
        <v>8</v>
      </c>
      <c r="V5575">
        <v>3</v>
      </c>
      <c r="W5575">
        <v>180</v>
      </c>
      <c r="X5575">
        <v>2020</v>
      </c>
    </row>
    <row r="5576" spans="1:24" x14ac:dyDescent="0.25">
      <c r="A5576">
        <v>2722</v>
      </c>
      <c r="B5576" t="s">
        <v>391</v>
      </c>
      <c r="C5576">
        <v>79</v>
      </c>
      <c r="D5576" t="s">
        <v>392</v>
      </c>
      <c r="E5576">
        <v>511</v>
      </c>
      <c r="F5576" t="s">
        <v>651</v>
      </c>
      <c r="G5576">
        <v>160</v>
      </c>
      <c r="H5576" t="s">
        <v>1231</v>
      </c>
      <c r="I5576">
        <v>3308</v>
      </c>
      <c r="J5576" t="s">
        <v>299</v>
      </c>
      <c r="K5576">
        <v>27</v>
      </c>
      <c r="L5576" t="s">
        <v>690</v>
      </c>
      <c r="M5576">
        <v>89</v>
      </c>
      <c r="N5576" t="s">
        <v>654</v>
      </c>
      <c r="O5576">
        <v>3</v>
      </c>
      <c r="P5576" t="s">
        <v>655</v>
      </c>
      <c r="Q5576">
        <v>1</v>
      </c>
      <c r="R5576" t="s">
        <v>669</v>
      </c>
      <c r="S5576">
        <v>1</v>
      </c>
      <c r="T5576" t="s">
        <v>661</v>
      </c>
      <c r="U5576">
        <v>8</v>
      </c>
      <c r="V5576">
        <v>3</v>
      </c>
      <c r="W5576">
        <v>180</v>
      </c>
      <c r="X5576">
        <v>2020</v>
      </c>
    </row>
    <row r="5577" spans="1:24" x14ac:dyDescent="0.25">
      <c r="A5577">
        <v>2717</v>
      </c>
      <c r="B5577" t="s">
        <v>391</v>
      </c>
      <c r="C5577">
        <v>79</v>
      </c>
      <c r="D5577" t="s">
        <v>393</v>
      </c>
      <c r="E5577">
        <v>510</v>
      </c>
      <c r="F5577" t="s">
        <v>651</v>
      </c>
      <c r="G5577">
        <v>160</v>
      </c>
      <c r="H5577" t="s">
        <v>732</v>
      </c>
      <c r="I5577">
        <v>1000</v>
      </c>
      <c r="J5577" t="s">
        <v>682</v>
      </c>
      <c r="K5577">
        <v>20</v>
      </c>
      <c r="L5577" t="s">
        <v>904</v>
      </c>
      <c r="M5577">
        <v>61</v>
      </c>
      <c r="N5577" t="s">
        <v>654</v>
      </c>
      <c r="O5577">
        <v>3</v>
      </c>
      <c r="P5577" t="s">
        <v>655</v>
      </c>
      <c r="Q5577">
        <v>1</v>
      </c>
      <c r="R5577" t="s">
        <v>669</v>
      </c>
      <c r="S5577">
        <v>1</v>
      </c>
      <c r="T5577" t="s">
        <v>661</v>
      </c>
      <c r="U5577">
        <v>8</v>
      </c>
      <c r="V5577">
        <v>3</v>
      </c>
      <c r="W5577">
        <v>180</v>
      </c>
      <c r="X5577">
        <v>2020</v>
      </c>
    </row>
    <row r="5578" spans="1:24" x14ac:dyDescent="0.25">
      <c r="A5578">
        <v>2715</v>
      </c>
      <c r="B5578" t="s">
        <v>391</v>
      </c>
      <c r="C5578">
        <v>79</v>
      </c>
      <c r="D5578" t="s">
        <v>393</v>
      </c>
      <c r="E5578">
        <v>510</v>
      </c>
      <c r="F5578" t="s">
        <v>651</v>
      </c>
      <c r="G5578">
        <v>160</v>
      </c>
      <c r="H5578" t="s">
        <v>732</v>
      </c>
      <c r="I5578">
        <v>1000</v>
      </c>
      <c r="J5578" t="s">
        <v>65</v>
      </c>
      <c r="K5578">
        <v>15</v>
      </c>
      <c r="L5578" t="s">
        <v>65</v>
      </c>
      <c r="M5578">
        <v>51</v>
      </c>
      <c r="N5578" t="s">
        <v>654</v>
      </c>
      <c r="O5578">
        <v>3</v>
      </c>
      <c r="P5578" t="s">
        <v>655</v>
      </c>
      <c r="Q5578">
        <v>1</v>
      </c>
      <c r="R5578" t="s">
        <v>669</v>
      </c>
      <c r="S5578">
        <v>1</v>
      </c>
      <c r="T5578" t="s">
        <v>661</v>
      </c>
      <c r="U5578">
        <v>8</v>
      </c>
      <c r="V5578">
        <v>4</v>
      </c>
      <c r="W5578">
        <v>240</v>
      </c>
      <c r="X5578">
        <v>2020</v>
      </c>
    </row>
    <row r="5579" spans="1:24" x14ac:dyDescent="0.25">
      <c r="A5579">
        <v>2714</v>
      </c>
      <c r="B5579" t="s">
        <v>391</v>
      </c>
      <c r="C5579">
        <v>79</v>
      </c>
      <c r="D5579" t="s">
        <v>394</v>
      </c>
      <c r="E5579">
        <v>509</v>
      </c>
      <c r="F5579" t="s">
        <v>651</v>
      </c>
      <c r="G5579">
        <v>160</v>
      </c>
      <c r="H5579" t="s">
        <v>732</v>
      </c>
      <c r="I5579">
        <v>1000</v>
      </c>
      <c r="J5579" t="s">
        <v>299</v>
      </c>
      <c r="K5579">
        <v>27</v>
      </c>
      <c r="L5579" t="s">
        <v>690</v>
      </c>
      <c r="M5579">
        <v>89</v>
      </c>
      <c r="N5579" t="s">
        <v>654</v>
      </c>
      <c r="O5579">
        <v>3</v>
      </c>
      <c r="P5579" t="s">
        <v>746</v>
      </c>
      <c r="Q5579">
        <v>2</v>
      </c>
      <c r="R5579" t="s">
        <v>669</v>
      </c>
      <c r="S5579">
        <v>1</v>
      </c>
      <c r="T5579" t="s">
        <v>661</v>
      </c>
      <c r="U5579">
        <v>8</v>
      </c>
      <c r="V5579">
        <v>3</v>
      </c>
      <c r="W5579">
        <v>180</v>
      </c>
      <c r="X5579">
        <v>2020</v>
      </c>
    </row>
    <row r="5580" spans="1:24" x14ac:dyDescent="0.25">
      <c r="A5580">
        <v>2713</v>
      </c>
      <c r="B5580" t="s">
        <v>391</v>
      </c>
      <c r="C5580">
        <v>79</v>
      </c>
      <c r="D5580" t="s">
        <v>394</v>
      </c>
      <c r="E5580">
        <v>509</v>
      </c>
      <c r="F5580" t="s">
        <v>651</v>
      </c>
      <c r="G5580">
        <v>160</v>
      </c>
      <c r="H5580" t="s">
        <v>732</v>
      </c>
      <c r="I5580">
        <v>1000</v>
      </c>
      <c r="J5580" t="s">
        <v>299</v>
      </c>
      <c r="K5580">
        <v>27</v>
      </c>
      <c r="L5580" t="s">
        <v>690</v>
      </c>
      <c r="M5580">
        <v>89</v>
      </c>
      <c r="N5580" t="s">
        <v>654</v>
      </c>
      <c r="O5580">
        <v>3</v>
      </c>
      <c r="P5580" t="s">
        <v>655</v>
      </c>
      <c r="Q5580">
        <v>1</v>
      </c>
      <c r="R5580" t="s">
        <v>669</v>
      </c>
      <c r="S5580">
        <v>1</v>
      </c>
      <c r="T5580" t="s">
        <v>661</v>
      </c>
      <c r="U5580">
        <v>8</v>
      </c>
      <c r="V5580">
        <v>3</v>
      </c>
      <c r="W5580">
        <v>180</v>
      </c>
      <c r="X5580">
        <v>2020</v>
      </c>
    </row>
    <row r="5581" spans="1:24" x14ac:dyDescent="0.25">
      <c r="A5581">
        <v>2711</v>
      </c>
      <c r="B5581" t="s">
        <v>391</v>
      </c>
      <c r="C5581">
        <v>79</v>
      </c>
      <c r="D5581" t="s">
        <v>395</v>
      </c>
      <c r="E5581">
        <v>508</v>
      </c>
      <c r="F5581" t="s">
        <v>651</v>
      </c>
      <c r="G5581">
        <v>160</v>
      </c>
      <c r="H5581" t="s">
        <v>732</v>
      </c>
      <c r="I5581">
        <v>1000</v>
      </c>
      <c r="J5581" t="s">
        <v>294</v>
      </c>
      <c r="K5581">
        <v>31</v>
      </c>
      <c r="L5581" t="s">
        <v>294</v>
      </c>
      <c r="M5581">
        <v>98</v>
      </c>
      <c r="N5581" t="s">
        <v>654</v>
      </c>
      <c r="O5581">
        <v>3</v>
      </c>
      <c r="P5581" t="s">
        <v>655</v>
      </c>
      <c r="Q5581">
        <v>1</v>
      </c>
      <c r="R5581" t="s">
        <v>669</v>
      </c>
      <c r="S5581">
        <v>1</v>
      </c>
      <c r="T5581" t="s">
        <v>661</v>
      </c>
      <c r="U5581">
        <v>8</v>
      </c>
      <c r="V5581">
        <v>3</v>
      </c>
      <c r="W5581">
        <v>180</v>
      </c>
      <c r="X5581">
        <v>2020</v>
      </c>
    </row>
    <row r="5582" spans="1:24" x14ac:dyDescent="0.25">
      <c r="A5582">
        <v>2709</v>
      </c>
      <c r="B5582" t="s">
        <v>391</v>
      </c>
      <c r="C5582">
        <v>79</v>
      </c>
      <c r="D5582" t="s">
        <v>395</v>
      </c>
      <c r="E5582">
        <v>508</v>
      </c>
      <c r="F5582" t="s">
        <v>651</v>
      </c>
      <c r="G5582">
        <v>160</v>
      </c>
      <c r="H5582" t="s">
        <v>732</v>
      </c>
      <c r="I5582">
        <v>1000</v>
      </c>
      <c r="J5582" t="s">
        <v>295</v>
      </c>
      <c r="K5582">
        <v>30</v>
      </c>
      <c r="L5582" t="s">
        <v>295</v>
      </c>
      <c r="M5582">
        <v>96</v>
      </c>
      <c r="N5582" t="s">
        <v>654</v>
      </c>
      <c r="O5582">
        <v>3</v>
      </c>
      <c r="P5582" t="s">
        <v>655</v>
      </c>
      <c r="Q5582">
        <v>1</v>
      </c>
      <c r="R5582" t="s">
        <v>669</v>
      </c>
      <c r="S5582">
        <v>1</v>
      </c>
      <c r="T5582" t="s">
        <v>661</v>
      </c>
      <c r="U5582">
        <v>8</v>
      </c>
      <c r="V5582">
        <v>3</v>
      </c>
      <c r="W5582">
        <v>180</v>
      </c>
      <c r="X5582">
        <v>2020</v>
      </c>
    </row>
    <row r="5583" spans="1:24" x14ac:dyDescent="0.25">
      <c r="A5583">
        <v>2708</v>
      </c>
      <c r="B5583" t="s">
        <v>391</v>
      </c>
      <c r="C5583">
        <v>79</v>
      </c>
      <c r="D5583" t="s">
        <v>395</v>
      </c>
      <c r="E5583">
        <v>508</v>
      </c>
      <c r="F5583" t="s">
        <v>651</v>
      </c>
      <c r="G5583">
        <v>160</v>
      </c>
      <c r="H5583" t="s">
        <v>732</v>
      </c>
      <c r="I5583">
        <v>1000</v>
      </c>
      <c r="J5583" t="s">
        <v>295</v>
      </c>
      <c r="K5583">
        <v>30</v>
      </c>
      <c r="L5583" t="s">
        <v>295</v>
      </c>
      <c r="M5583">
        <v>96</v>
      </c>
      <c r="N5583" t="s">
        <v>654</v>
      </c>
      <c r="O5583">
        <v>3</v>
      </c>
      <c r="P5583" t="s">
        <v>746</v>
      </c>
      <c r="Q5583">
        <v>2</v>
      </c>
      <c r="R5583" t="s">
        <v>669</v>
      </c>
      <c r="S5583">
        <v>1</v>
      </c>
      <c r="T5583" t="s">
        <v>661</v>
      </c>
      <c r="U5583">
        <v>8</v>
      </c>
      <c r="V5583">
        <v>3</v>
      </c>
      <c r="W5583">
        <v>180</v>
      </c>
      <c r="X5583">
        <v>2020</v>
      </c>
    </row>
    <row r="5584" spans="1:24" x14ac:dyDescent="0.25">
      <c r="A5584">
        <v>2705</v>
      </c>
      <c r="B5584" t="s">
        <v>397</v>
      </c>
      <c r="C5584">
        <v>78</v>
      </c>
      <c r="D5584" t="s">
        <v>396</v>
      </c>
      <c r="E5584">
        <v>507</v>
      </c>
      <c r="F5584" t="s">
        <v>651</v>
      </c>
      <c r="G5584">
        <v>160</v>
      </c>
      <c r="H5584" t="s">
        <v>652</v>
      </c>
      <c r="I5584">
        <v>2094</v>
      </c>
      <c r="J5584" t="s">
        <v>295</v>
      </c>
      <c r="K5584">
        <v>30</v>
      </c>
      <c r="L5584" t="s">
        <v>295</v>
      </c>
      <c r="M5584">
        <v>96</v>
      </c>
      <c r="N5584" t="s">
        <v>654</v>
      </c>
      <c r="O5584">
        <v>3</v>
      </c>
      <c r="P5584" t="s">
        <v>655</v>
      </c>
      <c r="Q5584">
        <v>1</v>
      </c>
      <c r="R5584" t="s">
        <v>669</v>
      </c>
      <c r="S5584">
        <v>1</v>
      </c>
      <c r="T5584" t="s">
        <v>661</v>
      </c>
      <c r="U5584">
        <v>8</v>
      </c>
      <c r="V5584">
        <v>3</v>
      </c>
      <c r="W5584">
        <v>180</v>
      </c>
      <c r="X5584">
        <v>2020</v>
      </c>
    </row>
    <row r="5585" spans="1:24" x14ac:dyDescent="0.25">
      <c r="A5585">
        <v>2704</v>
      </c>
      <c r="B5585" t="s">
        <v>397</v>
      </c>
      <c r="C5585">
        <v>78</v>
      </c>
      <c r="D5585" t="s">
        <v>374</v>
      </c>
      <c r="E5585">
        <v>506</v>
      </c>
      <c r="F5585" t="s">
        <v>651</v>
      </c>
      <c r="G5585">
        <v>160</v>
      </c>
      <c r="H5585" t="s">
        <v>652</v>
      </c>
      <c r="I5585">
        <v>2094</v>
      </c>
      <c r="J5585" t="s">
        <v>673</v>
      </c>
      <c r="K5585">
        <v>34</v>
      </c>
      <c r="L5585" t="s">
        <v>673</v>
      </c>
      <c r="M5585">
        <v>104</v>
      </c>
      <c r="N5585" t="s">
        <v>654</v>
      </c>
      <c r="O5585">
        <v>3</v>
      </c>
      <c r="P5585" t="s">
        <v>655</v>
      </c>
      <c r="Q5585">
        <v>1</v>
      </c>
      <c r="R5585" t="s">
        <v>669</v>
      </c>
      <c r="S5585">
        <v>1</v>
      </c>
      <c r="T5585" t="s">
        <v>661</v>
      </c>
      <c r="U5585">
        <v>8</v>
      </c>
      <c r="V5585">
        <v>3</v>
      </c>
      <c r="W5585">
        <v>180</v>
      </c>
      <c r="X5585">
        <v>2020</v>
      </c>
    </row>
    <row r="5586" spans="1:24" x14ac:dyDescent="0.25">
      <c r="A5586">
        <v>2703</v>
      </c>
      <c r="B5586" t="s">
        <v>397</v>
      </c>
      <c r="C5586">
        <v>78</v>
      </c>
      <c r="D5586" t="s">
        <v>374</v>
      </c>
      <c r="E5586">
        <v>506</v>
      </c>
      <c r="F5586" t="s">
        <v>651</v>
      </c>
      <c r="G5586">
        <v>160</v>
      </c>
      <c r="H5586" t="s">
        <v>652</v>
      </c>
      <c r="I5586">
        <v>2094</v>
      </c>
      <c r="J5586" t="s">
        <v>1011</v>
      </c>
      <c r="K5586">
        <v>17</v>
      </c>
      <c r="L5586" t="s">
        <v>1011</v>
      </c>
      <c r="M5586">
        <v>57</v>
      </c>
      <c r="N5586" t="s">
        <v>654</v>
      </c>
      <c r="O5586">
        <v>3</v>
      </c>
      <c r="P5586" t="s">
        <v>655</v>
      </c>
      <c r="Q5586">
        <v>1</v>
      </c>
      <c r="R5586" t="s">
        <v>669</v>
      </c>
      <c r="S5586">
        <v>1</v>
      </c>
      <c r="T5586" t="s">
        <v>661</v>
      </c>
      <c r="U5586">
        <v>8</v>
      </c>
      <c r="V5586">
        <v>3</v>
      </c>
      <c r="W5586">
        <v>180</v>
      </c>
      <c r="X5586">
        <v>2020</v>
      </c>
    </row>
    <row r="5587" spans="1:24" x14ac:dyDescent="0.25">
      <c r="A5587">
        <v>2702</v>
      </c>
      <c r="B5587" t="s">
        <v>397</v>
      </c>
      <c r="C5587">
        <v>78</v>
      </c>
      <c r="D5587" t="s">
        <v>374</v>
      </c>
      <c r="E5587">
        <v>506</v>
      </c>
      <c r="F5587" t="s">
        <v>651</v>
      </c>
      <c r="G5587">
        <v>160</v>
      </c>
      <c r="H5587" t="s">
        <v>652</v>
      </c>
      <c r="I5587">
        <v>2094</v>
      </c>
      <c r="J5587" t="s">
        <v>864</v>
      </c>
      <c r="K5587">
        <v>14</v>
      </c>
      <c r="L5587" t="s">
        <v>3897</v>
      </c>
      <c r="M5587">
        <v>358</v>
      </c>
      <c r="N5587" t="s">
        <v>654</v>
      </c>
      <c r="O5587">
        <v>3</v>
      </c>
      <c r="P5587" t="s">
        <v>655</v>
      </c>
      <c r="Q5587">
        <v>1</v>
      </c>
      <c r="R5587" t="s">
        <v>669</v>
      </c>
      <c r="S5587">
        <v>1</v>
      </c>
      <c r="T5587" t="s">
        <v>661</v>
      </c>
      <c r="U5587">
        <v>8</v>
      </c>
      <c r="V5587">
        <v>4</v>
      </c>
      <c r="W5587">
        <v>240</v>
      </c>
      <c r="X5587">
        <v>2020</v>
      </c>
    </row>
    <row r="5588" spans="1:24" x14ac:dyDescent="0.25">
      <c r="A5588">
        <v>2701</v>
      </c>
      <c r="B5588" t="s">
        <v>397</v>
      </c>
      <c r="C5588">
        <v>78</v>
      </c>
      <c r="D5588" t="s">
        <v>374</v>
      </c>
      <c r="E5588">
        <v>506</v>
      </c>
      <c r="F5588" t="s">
        <v>651</v>
      </c>
      <c r="G5588">
        <v>160</v>
      </c>
      <c r="H5588" t="s">
        <v>652</v>
      </c>
      <c r="I5588">
        <v>2094</v>
      </c>
      <c r="J5588" t="s">
        <v>699</v>
      </c>
      <c r="K5588">
        <v>10</v>
      </c>
      <c r="L5588" t="s">
        <v>1096</v>
      </c>
      <c r="M5588">
        <v>341</v>
      </c>
      <c r="N5588" t="s">
        <v>654</v>
      </c>
      <c r="O5588">
        <v>3</v>
      </c>
      <c r="P5588" t="s">
        <v>655</v>
      </c>
      <c r="Q5588">
        <v>1</v>
      </c>
      <c r="R5588" t="s">
        <v>669</v>
      </c>
      <c r="S5588">
        <v>1</v>
      </c>
      <c r="T5588" t="s">
        <v>1295</v>
      </c>
      <c r="U5588">
        <v>10</v>
      </c>
      <c r="V5588">
        <v>3</v>
      </c>
      <c r="W5588">
        <v>180</v>
      </c>
      <c r="X5588">
        <v>2020</v>
      </c>
    </row>
    <row r="5589" spans="1:24" x14ac:dyDescent="0.25">
      <c r="A5589">
        <v>2693</v>
      </c>
      <c r="B5589" t="s">
        <v>398</v>
      </c>
      <c r="C5589">
        <v>76</v>
      </c>
      <c r="D5589" t="s">
        <v>316</v>
      </c>
      <c r="E5589">
        <v>504</v>
      </c>
      <c r="F5589" t="s">
        <v>651</v>
      </c>
      <c r="G5589">
        <v>160</v>
      </c>
      <c r="H5589" t="s">
        <v>1935</v>
      </c>
      <c r="I5589">
        <v>11847</v>
      </c>
      <c r="J5589" t="s">
        <v>807</v>
      </c>
      <c r="K5589">
        <v>25</v>
      </c>
      <c r="L5589" t="s">
        <v>1603</v>
      </c>
      <c r="M5589">
        <v>81</v>
      </c>
      <c r="N5589" t="s">
        <v>654</v>
      </c>
      <c r="O5589">
        <v>3</v>
      </c>
      <c r="P5589" t="s">
        <v>655</v>
      </c>
      <c r="Q5589">
        <v>1</v>
      </c>
      <c r="R5589" t="s">
        <v>669</v>
      </c>
      <c r="S5589">
        <v>1</v>
      </c>
      <c r="T5589" t="s">
        <v>661</v>
      </c>
      <c r="U5589">
        <v>8</v>
      </c>
      <c r="V5589">
        <v>3</v>
      </c>
      <c r="W5589">
        <v>180</v>
      </c>
      <c r="X5589">
        <v>2020</v>
      </c>
    </row>
    <row r="5590" spans="1:24" x14ac:dyDescent="0.25">
      <c r="A5590">
        <v>2691</v>
      </c>
      <c r="B5590" t="s">
        <v>398</v>
      </c>
      <c r="C5590">
        <v>76</v>
      </c>
      <c r="D5590" t="s">
        <v>11</v>
      </c>
      <c r="E5590">
        <v>503</v>
      </c>
      <c r="F5590" t="s">
        <v>651</v>
      </c>
      <c r="G5590">
        <v>160</v>
      </c>
      <c r="H5590" t="s">
        <v>1935</v>
      </c>
      <c r="I5590">
        <v>11847</v>
      </c>
      <c r="J5590" t="s">
        <v>65</v>
      </c>
      <c r="K5590">
        <v>15</v>
      </c>
      <c r="L5590" t="s">
        <v>65</v>
      </c>
      <c r="M5590">
        <v>51</v>
      </c>
      <c r="N5590" t="s">
        <v>654</v>
      </c>
      <c r="O5590">
        <v>3</v>
      </c>
      <c r="P5590" t="s">
        <v>655</v>
      </c>
      <c r="Q5590">
        <v>1</v>
      </c>
      <c r="R5590" t="s">
        <v>669</v>
      </c>
      <c r="S5590">
        <v>1</v>
      </c>
      <c r="T5590" t="s">
        <v>661</v>
      </c>
      <c r="U5590">
        <v>8</v>
      </c>
      <c r="V5590">
        <v>4</v>
      </c>
      <c r="W5590">
        <v>240</v>
      </c>
      <c r="X5590">
        <v>2020</v>
      </c>
    </row>
    <row r="5591" spans="1:24" x14ac:dyDescent="0.25">
      <c r="A5591">
        <v>2684</v>
      </c>
      <c r="B5591" t="s">
        <v>8</v>
      </c>
      <c r="C5591">
        <v>75</v>
      </c>
      <c r="D5591" t="s">
        <v>316</v>
      </c>
      <c r="E5591">
        <v>499</v>
      </c>
      <c r="F5591" t="s">
        <v>651</v>
      </c>
      <c r="G5591">
        <v>160</v>
      </c>
      <c r="H5591" t="s">
        <v>675</v>
      </c>
      <c r="I5591">
        <v>5952</v>
      </c>
      <c r="J5591" t="s">
        <v>299</v>
      </c>
      <c r="K5591">
        <v>27</v>
      </c>
      <c r="L5591" t="s">
        <v>690</v>
      </c>
      <c r="M5591">
        <v>89</v>
      </c>
      <c r="N5591" t="s">
        <v>654</v>
      </c>
      <c r="O5591">
        <v>3</v>
      </c>
      <c r="P5591" t="s">
        <v>655</v>
      </c>
      <c r="Q5591">
        <v>1</v>
      </c>
      <c r="R5591" t="s">
        <v>669</v>
      </c>
      <c r="S5591">
        <v>1</v>
      </c>
      <c r="T5591" t="s">
        <v>661</v>
      </c>
      <c r="U5591">
        <v>8</v>
      </c>
      <c r="V5591">
        <v>3</v>
      </c>
      <c r="W5591">
        <v>180</v>
      </c>
      <c r="X5591">
        <v>2020</v>
      </c>
    </row>
    <row r="5592" spans="1:24" x14ac:dyDescent="0.25">
      <c r="A5592">
        <v>2683</v>
      </c>
      <c r="B5592" t="s">
        <v>8</v>
      </c>
      <c r="C5592">
        <v>75</v>
      </c>
      <c r="D5592" t="s">
        <v>316</v>
      </c>
      <c r="E5592">
        <v>499</v>
      </c>
      <c r="F5592" t="s">
        <v>651</v>
      </c>
      <c r="G5592">
        <v>160</v>
      </c>
      <c r="H5592" t="s">
        <v>675</v>
      </c>
      <c r="I5592">
        <v>5952</v>
      </c>
      <c r="J5592" t="s">
        <v>301</v>
      </c>
      <c r="K5592">
        <v>26</v>
      </c>
      <c r="L5592" t="s">
        <v>930</v>
      </c>
      <c r="M5592">
        <v>84</v>
      </c>
      <c r="N5592" t="s">
        <v>654</v>
      </c>
      <c r="O5592">
        <v>3</v>
      </c>
      <c r="P5592" t="s">
        <v>689</v>
      </c>
      <c r="Q5592">
        <v>4</v>
      </c>
      <c r="R5592" t="s">
        <v>669</v>
      </c>
      <c r="S5592">
        <v>1</v>
      </c>
      <c r="T5592" t="s">
        <v>661</v>
      </c>
      <c r="U5592">
        <v>8</v>
      </c>
      <c r="V5592">
        <v>3</v>
      </c>
      <c r="W5592">
        <v>180</v>
      </c>
      <c r="X5592">
        <v>2020</v>
      </c>
    </row>
    <row r="5593" spans="1:24" x14ac:dyDescent="0.25">
      <c r="A5593">
        <v>2682</v>
      </c>
      <c r="B5593" t="s">
        <v>8</v>
      </c>
      <c r="C5593">
        <v>75</v>
      </c>
      <c r="D5593" t="s">
        <v>316</v>
      </c>
      <c r="E5593">
        <v>499</v>
      </c>
      <c r="F5593" t="s">
        <v>651</v>
      </c>
      <c r="G5593">
        <v>160</v>
      </c>
      <c r="H5593" t="s">
        <v>675</v>
      </c>
      <c r="I5593">
        <v>5952</v>
      </c>
      <c r="J5593" t="s">
        <v>301</v>
      </c>
      <c r="K5593">
        <v>26</v>
      </c>
      <c r="L5593" t="s">
        <v>930</v>
      </c>
      <c r="M5593">
        <v>84</v>
      </c>
      <c r="N5593" t="s">
        <v>654</v>
      </c>
      <c r="O5593">
        <v>3</v>
      </c>
      <c r="P5593" t="s">
        <v>655</v>
      </c>
      <c r="Q5593">
        <v>1</v>
      </c>
      <c r="R5593" t="s">
        <v>669</v>
      </c>
      <c r="S5593">
        <v>1</v>
      </c>
      <c r="T5593" t="s">
        <v>661</v>
      </c>
      <c r="U5593">
        <v>8</v>
      </c>
      <c r="V5593">
        <v>3</v>
      </c>
      <c r="W5593">
        <v>180</v>
      </c>
      <c r="X5593">
        <v>2020</v>
      </c>
    </row>
    <row r="5594" spans="1:24" x14ac:dyDescent="0.25">
      <c r="A5594">
        <v>2680</v>
      </c>
      <c r="B5594" t="s">
        <v>8</v>
      </c>
      <c r="C5594">
        <v>75</v>
      </c>
      <c r="D5594" t="s">
        <v>316</v>
      </c>
      <c r="E5594">
        <v>499</v>
      </c>
      <c r="F5594" t="s">
        <v>651</v>
      </c>
      <c r="G5594">
        <v>160</v>
      </c>
      <c r="H5594" t="s">
        <v>675</v>
      </c>
      <c r="I5594">
        <v>5952</v>
      </c>
      <c r="J5594" t="s">
        <v>807</v>
      </c>
      <c r="K5594">
        <v>25</v>
      </c>
      <c r="L5594" t="s">
        <v>1603</v>
      </c>
      <c r="M5594">
        <v>81</v>
      </c>
      <c r="N5594" t="s">
        <v>654</v>
      </c>
      <c r="O5594">
        <v>3</v>
      </c>
      <c r="P5594" t="s">
        <v>655</v>
      </c>
      <c r="Q5594">
        <v>1</v>
      </c>
      <c r="R5594" t="s">
        <v>669</v>
      </c>
      <c r="S5594">
        <v>1</v>
      </c>
      <c r="T5594" t="s">
        <v>661</v>
      </c>
      <c r="U5594">
        <v>8</v>
      </c>
      <c r="V5594">
        <v>3</v>
      </c>
      <c r="W5594">
        <v>180</v>
      </c>
      <c r="X5594">
        <v>2020</v>
      </c>
    </row>
    <row r="5595" spans="1:24" x14ac:dyDescent="0.25">
      <c r="A5595">
        <v>2679</v>
      </c>
      <c r="B5595" t="s">
        <v>8</v>
      </c>
      <c r="C5595">
        <v>75</v>
      </c>
      <c r="D5595" t="s">
        <v>11</v>
      </c>
      <c r="E5595">
        <v>498</v>
      </c>
      <c r="F5595" t="s">
        <v>651</v>
      </c>
      <c r="G5595">
        <v>160</v>
      </c>
      <c r="H5595" t="s">
        <v>675</v>
      </c>
      <c r="I5595">
        <v>5952</v>
      </c>
      <c r="J5595" t="s">
        <v>65</v>
      </c>
      <c r="K5595">
        <v>15</v>
      </c>
      <c r="L5595" t="s">
        <v>65</v>
      </c>
      <c r="M5595">
        <v>51</v>
      </c>
      <c r="N5595" t="s">
        <v>654</v>
      </c>
      <c r="O5595">
        <v>3</v>
      </c>
      <c r="P5595" t="s">
        <v>689</v>
      </c>
      <c r="Q5595">
        <v>4</v>
      </c>
      <c r="R5595" t="s">
        <v>669</v>
      </c>
      <c r="S5595">
        <v>1</v>
      </c>
      <c r="T5595" t="s">
        <v>661</v>
      </c>
      <c r="U5595">
        <v>8</v>
      </c>
      <c r="V5595">
        <v>4</v>
      </c>
      <c r="W5595">
        <v>240</v>
      </c>
      <c r="X5595">
        <v>2020</v>
      </c>
    </row>
    <row r="5596" spans="1:24" x14ac:dyDescent="0.25">
      <c r="A5596">
        <v>2678</v>
      </c>
      <c r="B5596" t="s">
        <v>8</v>
      </c>
      <c r="C5596">
        <v>75</v>
      </c>
      <c r="D5596" t="s">
        <v>11</v>
      </c>
      <c r="E5596">
        <v>498</v>
      </c>
      <c r="F5596" t="s">
        <v>651</v>
      </c>
      <c r="G5596">
        <v>160</v>
      </c>
      <c r="H5596" t="s">
        <v>675</v>
      </c>
      <c r="I5596">
        <v>5952</v>
      </c>
      <c r="J5596" t="s">
        <v>65</v>
      </c>
      <c r="K5596">
        <v>15</v>
      </c>
      <c r="L5596" t="s">
        <v>65</v>
      </c>
      <c r="M5596">
        <v>51</v>
      </c>
      <c r="N5596" t="s">
        <v>654</v>
      </c>
      <c r="O5596">
        <v>3</v>
      </c>
      <c r="P5596" t="s">
        <v>746</v>
      </c>
      <c r="Q5596">
        <v>2</v>
      </c>
      <c r="R5596" t="s">
        <v>669</v>
      </c>
      <c r="S5596">
        <v>1</v>
      </c>
      <c r="T5596" t="s">
        <v>661</v>
      </c>
      <c r="U5596">
        <v>8</v>
      </c>
      <c r="V5596">
        <v>4</v>
      </c>
      <c r="W5596">
        <v>240</v>
      </c>
      <c r="X5596">
        <v>2020</v>
      </c>
    </row>
    <row r="5597" spans="1:24" x14ac:dyDescent="0.25">
      <c r="A5597">
        <v>2677</v>
      </c>
      <c r="B5597" t="s">
        <v>8</v>
      </c>
      <c r="C5597">
        <v>75</v>
      </c>
      <c r="D5597" t="s">
        <v>11</v>
      </c>
      <c r="E5597">
        <v>498</v>
      </c>
      <c r="F5597" t="s">
        <v>651</v>
      </c>
      <c r="G5597">
        <v>160</v>
      </c>
      <c r="H5597" t="s">
        <v>675</v>
      </c>
      <c r="I5597">
        <v>5952</v>
      </c>
      <c r="J5597" t="s">
        <v>65</v>
      </c>
      <c r="K5597">
        <v>15</v>
      </c>
      <c r="L5597" t="s">
        <v>65</v>
      </c>
      <c r="M5597">
        <v>51</v>
      </c>
      <c r="N5597" t="s">
        <v>654</v>
      </c>
      <c r="O5597">
        <v>3</v>
      </c>
      <c r="P5597" t="s">
        <v>655</v>
      </c>
      <c r="Q5597">
        <v>1</v>
      </c>
      <c r="R5597" t="s">
        <v>669</v>
      </c>
      <c r="S5597">
        <v>1</v>
      </c>
      <c r="T5597" t="s">
        <v>661</v>
      </c>
      <c r="U5597">
        <v>8</v>
      </c>
      <c r="V5597">
        <v>4</v>
      </c>
      <c r="W5597">
        <v>240</v>
      </c>
      <c r="X5597">
        <v>2020</v>
      </c>
    </row>
    <row r="5598" spans="1:24" x14ac:dyDescent="0.25">
      <c r="A5598">
        <v>2675</v>
      </c>
      <c r="B5598" t="s">
        <v>399</v>
      </c>
      <c r="C5598">
        <v>74</v>
      </c>
      <c r="D5598" t="s">
        <v>316</v>
      </c>
      <c r="E5598">
        <v>496</v>
      </c>
      <c r="F5598" t="s">
        <v>651</v>
      </c>
      <c r="G5598">
        <v>160</v>
      </c>
      <c r="H5598" t="s">
        <v>747</v>
      </c>
      <c r="I5598">
        <v>4847</v>
      </c>
      <c r="J5598" t="s">
        <v>295</v>
      </c>
      <c r="K5598">
        <v>30</v>
      </c>
      <c r="L5598" t="s">
        <v>295</v>
      </c>
      <c r="M5598">
        <v>96</v>
      </c>
      <c r="N5598" t="s">
        <v>654</v>
      </c>
      <c r="O5598">
        <v>3</v>
      </c>
      <c r="P5598" t="s">
        <v>655</v>
      </c>
      <c r="Q5598">
        <v>1</v>
      </c>
      <c r="R5598" t="s">
        <v>669</v>
      </c>
      <c r="S5598">
        <v>1</v>
      </c>
      <c r="T5598" t="s">
        <v>661</v>
      </c>
      <c r="U5598">
        <v>8</v>
      </c>
      <c r="V5598">
        <v>3</v>
      </c>
      <c r="W5598">
        <v>180</v>
      </c>
      <c r="X5598">
        <v>2020</v>
      </c>
    </row>
    <row r="5599" spans="1:24" x14ac:dyDescent="0.25">
      <c r="A5599">
        <v>2674</v>
      </c>
      <c r="B5599" t="s">
        <v>399</v>
      </c>
      <c r="C5599">
        <v>74</v>
      </c>
      <c r="D5599" t="s">
        <v>316</v>
      </c>
      <c r="E5599">
        <v>496</v>
      </c>
      <c r="F5599" t="s">
        <v>651</v>
      </c>
      <c r="G5599">
        <v>160</v>
      </c>
      <c r="H5599" t="s">
        <v>747</v>
      </c>
      <c r="I5599">
        <v>4847</v>
      </c>
      <c r="J5599" t="s">
        <v>294</v>
      </c>
      <c r="K5599">
        <v>31</v>
      </c>
      <c r="L5599" t="s">
        <v>294</v>
      </c>
      <c r="M5599">
        <v>98</v>
      </c>
      <c r="N5599" t="s">
        <v>668</v>
      </c>
      <c r="O5599">
        <v>4</v>
      </c>
      <c r="P5599" t="s">
        <v>655</v>
      </c>
      <c r="Q5599">
        <v>1</v>
      </c>
      <c r="R5599" t="s">
        <v>669</v>
      </c>
      <c r="S5599">
        <v>1</v>
      </c>
      <c r="T5599" t="s">
        <v>661</v>
      </c>
      <c r="U5599">
        <v>8</v>
      </c>
      <c r="V5599">
        <v>3</v>
      </c>
      <c r="W5599">
        <v>180</v>
      </c>
      <c r="X5599">
        <v>2020</v>
      </c>
    </row>
    <row r="5600" spans="1:24" x14ac:dyDescent="0.25">
      <c r="A5600">
        <v>2672</v>
      </c>
      <c r="B5600" t="s">
        <v>399</v>
      </c>
      <c r="C5600">
        <v>74</v>
      </c>
      <c r="D5600" t="s">
        <v>316</v>
      </c>
      <c r="E5600">
        <v>496</v>
      </c>
      <c r="F5600" t="s">
        <v>651</v>
      </c>
      <c r="G5600">
        <v>160</v>
      </c>
      <c r="H5600" t="s">
        <v>747</v>
      </c>
      <c r="I5600">
        <v>4847</v>
      </c>
      <c r="J5600" t="s">
        <v>299</v>
      </c>
      <c r="K5600">
        <v>27</v>
      </c>
      <c r="L5600" t="s">
        <v>690</v>
      </c>
      <c r="M5600">
        <v>89</v>
      </c>
      <c r="N5600" t="s">
        <v>654</v>
      </c>
      <c r="O5600">
        <v>3</v>
      </c>
      <c r="P5600" t="s">
        <v>655</v>
      </c>
      <c r="Q5600">
        <v>1</v>
      </c>
      <c r="R5600" t="s">
        <v>669</v>
      </c>
      <c r="S5600">
        <v>1</v>
      </c>
      <c r="T5600" t="s">
        <v>661</v>
      </c>
      <c r="U5600">
        <v>8</v>
      </c>
      <c r="V5600">
        <v>3</v>
      </c>
      <c r="W5600">
        <v>180</v>
      </c>
      <c r="X5600">
        <v>2020</v>
      </c>
    </row>
    <row r="5601" spans="1:24" x14ac:dyDescent="0.25">
      <c r="A5601">
        <v>2671</v>
      </c>
      <c r="B5601" t="s">
        <v>399</v>
      </c>
      <c r="C5601">
        <v>74</v>
      </c>
      <c r="D5601" t="s">
        <v>316</v>
      </c>
      <c r="E5601">
        <v>496</v>
      </c>
      <c r="F5601" t="s">
        <v>651</v>
      </c>
      <c r="G5601">
        <v>160</v>
      </c>
      <c r="H5601" t="s">
        <v>747</v>
      </c>
      <c r="I5601">
        <v>4847</v>
      </c>
      <c r="J5601" t="s">
        <v>807</v>
      </c>
      <c r="K5601">
        <v>25</v>
      </c>
      <c r="L5601" t="s">
        <v>1603</v>
      </c>
      <c r="M5601">
        <v>81</v>
      </c>
      <c r="N5601" t="s">
        <v>654</v>
      </c>
      <c r="O5601">
        <v>3</v>
      </c>
      <c r="P5601" t="s">
        <v>655</v>
      </c>
      <c r="Q5601">
        <v>1</v>
      </c>
      <c r="R5601" t="s">
        <v>669</v>
      </c>
      <c r="S5601">
        <v>1</v>
      </c>
      <c r="T5601" t="s">
        <v>661</v>
      </c>
      <c r="U5601">
        <v>8</v>
      </c>
      <c r="V5601">
        <v>3</v>
      </c>
      <c r="W5601">
        <v>180</v>
      </c>
      <c r="X5601">
        <v>2020</v>
      </c>
    </row>
    <row r="5602" spans="1:24" x14ac:dyDescent="0.25">
      <c r="A5602">
        <v>2670</v>
      </c>
      <c r="B5602" t="s">
        <v>399</v>
      </c>
      <c r="C5602">
        <v>74</v>
      </c>
      <c r="D5602" t="s">
        <v>400</v>
      </c>
      <c r="E5602">
        <v>495</v>
      </c>
      <c r="F5602" t="s">
        <v>651</v>
      </c>
      <c r="G5602">
        <v>160</v>
      </c>
      <c r="H5602" t="s">
        <v>747</v>
      </c>
      <c r="I5602">
        <v>4847</v>
      </c>
      <c r="J5602" t="s">
        <v>868</v>
      </c>
      <c r="K5602">
        <v>23</v>
      </c>
      <c r="L5602" t="s">
        <v>868</v>
      </c>
      <c r="M5602">
        <v>73</v>
      </c>
      <c r="N5602" t="s">
        <v>654</v>
      </c>
      <c r="O5602">
        <v>3</v>
      </c>
      <c r="P5602" t="s">
        <v>655</v>
      </c>
      <c r="Q5602">
        <v>1</v>
      </c>
      <c r="R5602" t="s">
        <v>669</v>
      </c>
      <c r="S5602">
        <v>1</v>
      </c>
      <c r="T5602" t="s">
        <v>661</v>
      </c>
      <c r="U5602">
        <v>8</v>
      </c>
      <c r="V5602">
        <v>3</v>
      </c>
      <c r="W5602">
        <v>180</v>
      </c>
      <c r="X5602">
        <v>2020</v>
      </c>
    </row>
    <row r="5603" spans="1:24" x14ac:dyDescent="0.25">
      <c r="A5603">
        <v>2667</v>
      </c>
      <c r="B5603" t="s">
        <v>399</v>
      </c>
      <c r="C5603">
        <v>74</v>
      </c>
      <c r="D5603" t="s">
        <v>401</v>
      </c>
      <c r="E5603">
        <v>494</v>
      </c>
      <c r="F5603" t="s">
        <v>651</v>
      </c>
      <c r="G5603">
        <v>160</v>
      </c>
      <c r="H5603" t="s">
        <v>747</v>
      </c>
      <c r="I5603">
        <v>4847</v>
      </c>
      <c r="J5603" t="s">
        <v>691</v>
      </c>
      <c r="K5603">
        <v>21</v>
      </c>
      <c r="L5603" t="s">
        <v>1609</v>
      </c>
      <c r="M5603">
        <v>66</v>
      </c>
      <c r="N5603" t="s">
        <v>654</v>
      </c>
      <c r="O5603">
        <v>3</v>
      </c>
      <c r="P5603" t="s">
        <v>655</v>
      </c>
      <c r="Q5603">
        <v>1</v>
      </c>
      <c r="R5603" t="s">
        <v>669</v>
      </c>
      <c r="S5603">
        <v>1</v>
      </c>
      <c r="T5603" t="s">
        <v>661</v>
      </c>
      <c r="U5603">
        <v>8</v>
      </c>
      <c r="V5603">
        <v>3</v>
      </c>
      <c r="W5603">
        <v>180</v>
      </c>
      <c r="X5603">
        <v>2020</v>
      </c>
    </row>
    <row r="5604" spans="1:24" x14ac:dyDescent="0.25">
      <c r="A5604">
        <v>2666</v>
      </c>
      <c r="B5604" t="s">
        <v>399</v>
      </c>
      <c r="C5604">
        <v>74</v>
      </c>
      <c r="D5604" t="s">
        <v>401</v>
      </c>
      <c r="E5604">
        <v>494</v>
      </c>
      <c r="F5604" t="s">
        <v>651</v>
      </c>
      <c r="G5604">
        <v>160</v>
      </c>
      <c r="H5604" t="s">
        <v>747</v>
      </c>
      <c r="I5604">
        <v>4847</v>
      </c>
      <c r="J5604" t="s">
        <v>756</v>
      </c>
      <c r="K5604">
        <v>19</v>
      </c>
      <c r="L5604" t="s">
        <v>756</v>
      </c>
      <c r="M5604">
        <v>60</v>
      </c>
      <c r="N5604" t="s">
        <v>654</v>
      </c>
      <c r="O5604">
        <v>3</v>
      </c>
      <c r="P5604" t="s">
        <v>655</v>
      </c>
      <c r="Q5604">
        <v>1</v>
      </c>
      <c r="R5604" t="s">
        <v>669</v>
      </c>
      <c r="S5604">
        <v>1</v>
      </c>
      <c r="T5604" t="s">
        <v>661</v>
      </c>
      <c r="U5604">
        <v>8</v>
      </c>
      <c r="V5604">
        <v>3</v>
      </c>
      <c r="W5604">
        <v>180</v>
      </c>
      <c r="X5604">
        <v>2020</v>
      </c>
    </row>
    <row r="5605" spans="1:24" x14ac:dyDescent="0.25">
      <c r="A5605">
        <v>2664</v>
      </c>
      <c r="B5605" t="s">
        <v>399</v>
      </c>
      <c r="C5605">
        <v>74</v>
      </c>
      <c r="D5605" t="s">
        <v>389</v>
      </c>
      <c r="E5605">
        <v>493</v>
      </c>
      <c r="F5605" t="s">
        <v>651</v>
      </c>
      <c r="G5605">
        <v>160</v>
      </c>
      <c r="H5605" t="s">
        <v>747</v>
      </c>
      <c r="I5605">
        <v>4847</v>
      </c>
      <c r="J5605" t="s">
        <v>682</v>
      </c>
      <c r="K5605">
        <v>20</v>
      </c>
      <c r="L5605" t="s">
        <v>904</v>
      </c>
      <c r="M5605">
        <v>61</v>
      </c>
      <c r="N5605" t="s">
        <v>654</v>
      </c>
      <c r="O5605">
        <v>3</v>
      </c>
      <c r="P5605" t="s">
        <v>655</v>
      </c>
      <c r="Q5605">
        <v>1</v>
      </c>
      <c r="R5605" t="s">
        <v>669</v>
      </c>
      <c r="S5605">
        <v>1</v>
      </c>
      <c r="T5605" t="s">
        <v>661</v>
      </c>
      <c r="U5605">
        <v>8</v>
      </c>
      <c r="V5605">
        <v>3</v>
      </c>
      <c r="W5605">
        <v>180</v>
      </c>
      <c r="X5605">
        <v>2020</v>
      </c>
    </row>
    <row r="5606" spans="1:24" x14ac:dyDescent="0.25">
      <c r="A5606">
        <v>2663</v>
      </c>
      <c r="B5606" t="s">
        <v>399</v>
      </c>
      <c r="C5606">
        <v>74</v>
      </c>
      <c r="D5606" t="s">
        <v>389</v>
      </c>
      <c r="E5606">
        <v>493</v>
      </c>
      <c r="F5606" t="s">
        <v>651</v>
      </c>
      <c r="G5606">
        <v>160</v>
      </c>
      <c r="H5606" t="s">
        <v>747</v>
      </c>
      <c r="I5606">
        <v>4847</v>
      </c>
      <c r="J5606" t="s">
        <v>65</v>
      </c>
      <c r="K5606">
        <v>15</v>
      </c>
      <c r="L5606" t="s">
        <v>65</v>
      </c>
      <c r="M5606">
        <v>51</v>
      </c>
      <c r="N5606" t="s">
        <v>654</v>
      </c>
      <c r="O5606">
        <v>3</v>
      </c>
      <c r="P5606" t="s">
        <v>655</v>
      </c>
      <c r="Q5606">
        <v>1</v>
      </c>
      <c r="R5606" t="s">
        <v>669</v>
      </c>
      <c r="S5606">
        <v>1</v>
      </c>
      <c r="T5606" t="s">
        <v>661</v>
      </c>
      <c r="U5606">
        <v>8</v>
      </c>
      <c r="V5606">
        <v>4</v>
      </c>
      <c r="W5606">
        <v>240</v>
      </c>
      <c r="X5606">
        <v>2020</v>
      </c>
    </row>
    <row r="5607" spans="1:24" x14ac:dyDescent="0.25">
      <c r="A5607">
        <v>2662</v>
      </c>
      <c r="B5607" t="s">
        <v>403</v>
      </c>
      <c r="C5607">
        <v>73</v>
      </c>
      <c r="D5607" t="s">
        <v>402</v>
      </c>
      <c r="E5607">
        <v>492</v>
      </c>
      <c r="F5607" t="s">
        <v>651</v>
      </c>
      <c r="G5607">
        <v>160</v>
      </c>
      <c r="H5607" t="s">
        <v>739</v>
      </c>
      <c r="I5607">
        <v>4413</v>
      </c>
      <c r="J5607" t="s">
        <v>1088</v>
      </c>
      <c r="K5607">
        <v>38</v>
      </c>
      <c r="L5607" t="s">
        <v>1089</v>
      </c>
      <c r="M5607">
        <v>135</v>
      </c>
      <c r="N5607" t="s">
        <v>654</v>
      </c>
      <c r="O5607">
        <v>3</v>
      </c>
      <c r="P5607" t="s">
        <v>655</v>
      </c>
      <c r="Q5607">
        <v>1</v>
      </c>
      <c r="R5607" t="s">
        <v>669</v>
      </c>
      <c r="S5607">
        <v>1</v>
      </c>
      <c r="T5607" t="s">
        <v>661</v>
      </c>
      <c r="U5607">
        <v>8</v>
      </c>
      <c r="V5607">
        <v>3</v>
      </c>
      <c r="W5607">
        <v>180</v>
      </c>
      <c r="X5607">
        <v>2020</v>
      </c>
    </row>
    <row r="5608" spans="1:24" x14ac:dyDescent="0.25">
      <c r="A5608">
        <v>2660</v>
      </c>
      <c r="B5608" t="s">
        <v>403</v>
      </c>
      <c r="C5608">
        <v>73</v>
      </c>
      <c r="D5608" t="s">
        <v>11</v>
      </c>
      <c r="E5608">
        <v>491</v>
      </c>
      <c r="F5608" t="s">
        <v>651</v>
      </c>
      <c r="G5608">
        <v>160</v>
      </c>
      <c r="H5608" t="s">
        <v>739</v>
      </c>
      <c r="I5608">
        <v>4413</v>
      </c>
      <c r="J5608" t="s">
        <v>65</v>
      </c>
      <c r="K5608">
        <v>15</v>
      </c>
      <c r="L5608" t="s">
        <v>65</v>
      </c>
      <c r="M5608">
        <v>51</v>
      </c>
      <c r="N5608" t="s">
        <v>668</v>
      </c>
      <c r="O5608">
        <v>4</v>
      </c>
      <c r="P5608" t="s">
        <v>746</v>
      </c>
      <c r="Q5608">
        <v>2</v>
      </c>
      <c r="R5608" t="s">
        <v>669</v>
      </c>
      <c r="S5608">
        <v>1</v>
      </c>
      <c r="T5608" t="s">
        <v>661</v>
      </c>
      <c r="U5608">
        <v>8</v>
      </c>
      <c r="V5608">
        <v>4</v>
      </c>
      <c r="W5608">
        <v>240</v>
      </c>
      <c r="X5608">
        <v>2020</v>
      </c>
    </row>
    <row r="5609" spans="1:24" x14ac:dyDescent="0.25">
      <c r="A5609">
        <v>2659</v>
      </c>
      <c r="B5609" t="s">
        <v>403</v>
      </c>
      <c r="C5609">
        <v>73</v>
      </c>
      <c r="D5609" t="s">
        <v>11</v>
      </c>
      <c r="E5609">
        <v>491</v>
      </c>
      <c r="F5609" t="s">
        <v>651</v>
      </c>
      <c r="G5609">
        <v>160</v>
      </c>
      <c r="H5609" t="s">
        <v>739</v>
      </c>
      <c r="I5609">
        <v>4413</v>
      </c>
      <c r="J5609" t="s">
        <v>65</v>
      </c>
      <c r="K5609">
        <v>15</v>
      </c>
      <c r="L5609" t="s">
        <v>65</v>
      </c>
      <c r="M5609">
        <v>51</v>
      </c>
      <c r="N5609" t="s">
        <v>654</v>
      </c>
      <c r="O5609">
        <v>3</v>
      </c>
      <c r="P5609" t="s">
        <v>655</v>
      </c>
      <c r="Q5609">
        <v>1</v>
      </c>
      <c r="R5609" t="s">
        <v>669</v>
      </c>
      <c r="S5609">
        <v>1</v>
      </c>
      <c r="T5609" t="s">
        <v>661</v>
      </c>
      <c r="U5609">
        <v>8</v>
      </c>
      <c r="V5609">
        <v>4</v>
      </c>
      <c r="W5609">
        <v>240</v>
      </c>
      <c r="X5609">
        <v>2020</v>
      </c>
    </row>
    <row r="5610" spans="1:24" x14ac:dyDescent="0.25">
      <c r="A5610">
        <v>2656</v>
      </c>
      <c r="B5610" t="s">
        <v>403</v>
      </c>
      <c r="C5610">
        <v>73</v>
      </c>
      <c r="D5610" t="s">
        <v>316</v>
      </c>
      <c r="E5610">
        <v>490</v>
      </c>
      <c r="F5610" t="s">
        <v>651</v>
      </c>
      <c r="G5610">
        <v>160</v>
      </c>
      <c r="H5610" t="s">
        <v>739</v>
      </c>
      <c r="I5610">
        <v>4413</v>
      </c>
      <c r="J5610" t="s">
        <v>295</v>
      </c>
      <c r="K5610">
        <v>30</v>
      </c>
      <c r="L5610" t="s">
        <v>295</v>
      </c>
      <c r="M5610">
        <v>96</v>
      </c>
      <c r="N5610" t="s">
        <v>654</v>
      </c>
      <c r="O5610">
        <v>3</v>
      </c>
      <c r="P5610" t="s">
        <v>746</v>
      </c>
      <c r="Q5610">
        <v>2</v>
      </c>
      <c r="R5610" t="s">
        <v>669</v>
      </c>
      <c r="S5610">
        <v>1</v>
      </c>
      <c r="T5610" t="s">
        <v>661</v>
      </c>
      <c r="U5610">
        <v>8</v>
      </c>
      <c r="V5610">
        <v>3</v>
      </c>
      <c r="W5610">
        <v>180</v>
      </c>
      <c r="X5610">
        <v>2020</v>
      </c>
    </row>
    <row r="5611" spans="1:24" x14ac:dyDescent="0.25">
      <c r="A5611">
        <v>2655</v>
      </c>
      <c r="B5611" t="s">
        <v>403</v>
      </c>
      <c r="C5611">
        <v>73</v>
      </c>
      <c r="D5611" t="s">
        <v>316</v>
      </c>
      <c r="E5611">
        <v>490</v>
      </c>
      <c r="F5611" t="s">
        <v>651</v>
      </c>
      <c r="G5611">
        <v>160</v>
      </c>
      <c r="H5611" t="s">
        <v>739</v>
      </c>
      <c r="I5611">
        <v>4413</v>
      </c>
      <c r="J5611" t="s">
        <v>295</v>
      </c>
      <c r="K5611">
        <v>30</v>
      </c>
      <c r="L5611" t="s">
        <v>295</v>
      </c>
      <c r="M5611">
        <v>96</v>
      </c>
      <c r="N5611" t="s">
        <v>654</v>
      </c>
      <c r="O5611">
        <v>3</v>
      </c>
      <c r="P5611" t="s">
        <v>655</v>
      </c>
      <c r="Q5611">
        <v>1</v>
      </c>
      <c r="R5611" t="s">
        <v>669</v>
      </c>
      <c r="S5611">
        <v>1</v>
      </c>
      <c r="T5611" t="s">
        <v>661</v>
      </c>
      <c r="U5611">
        <v>8</v>
      </c>
      <c r="V5611">
        <v>3</v>
      </c>
      <c r="W5611">
        <v>180</v>
      </c>
      <c r="X5611">
        <v>2020</v>
      </c>
    </row>
    <row r="5612" spans="1:24" x14ac:dyDescent="0.25">
      <c r="A5612">
        <v>2653</v>
      </c>
      <c r="B5612" t="s">
        <v>403</v>
      </c>
      <c r="C5612">
        <v>73</v>
      </c>
      <c r="D5612" t="s">
        <v>316</v>
      </c>
      <c r="E5612">
        <v>490</v>
      </c>
      <c r="F5612" t="s">
        <v>651</v>
      </c>
      <c r="G5612">
        <v>160</v>
      </c>
      <c r="H5612" t="s">
        <v>739</v>
      </c>
      <c r="I5612">
        <v>4413</v>
      </c>
      <c r="J5612" t="s">
        <v>299</v>
      </c>
      <c r="K5612">
        <v>27</v>
      </c>
      <c r="L5612" t="s">
        <v>690</v>
      </c>
      <c r="M5612">
        <v>89</v>
      </c>
      <c r="N5612" t="s">
        <v>654</v>
      </c>
      <c r="O5612">
        <v>3</v>
      </c>
      <c r="P5612" t="s">
        <v>655</v>
      </c>
      <c r="Q5612">
        <v>1</v>
      </c>
      <c r="R5612" t="s">
        <v>669</v>
      </c>
      <c r="S5612">
        <v>1</v>
      </c>
      <c r="T5612" t="s">
        <v>661</v>
      </c>
      <c r="U5612">
        <v>8</v>
      </c>
      <c r="V5612">
        <v>3</v>
      </c>
      <c r="W5612">
        <v>180</v>
      </c>
      <c r="X5612">
        <v>2020</v>
      </c>
    </row>
    <row r="5613" spans="1:24" x14ac:dyDescent="0.25">
      <c r="A5613">
        <v>2652</v>
      </c>
      <c r="B5613" t="s">
        <v>403</v>
      </c>
      <c r="C5613">
        <v>73</v>
      </c>
      <c r="D5613" t="s">
        <v>316</v>
      </c>
      <c r="E5613">
        <v>490</v>
      </c>
      <c r="F5613" t="s">
        <v>651</v>
      </c>
      <c r="G5613">
        <v>160</v>
      </c>
      <c r="H5613" t="s">
        <v>739</v>
      </c>
      <c r="I5613">
        <v>4413</v>
      </c>
      <c r="J5613" t="s">
        <v>807</v>
      </c>
      <c r="K5613">
        <v>25</v>
      </c>
      <c r="L5613" t="s">
        <v>1603</v>
      </c>
      <c r="M5613">
        <v>81</v>
      </c>
      <c r="N5613" t="s">
        <v>654</v>
      </c>
      <c r="O5613">
        <v>3</v>
      </c>
      <c r="P5613" t="s">
        <v>655</v>
      </c>
      <c r="Q5613">
        <v>1</v>
      </c>
      <c r="R5613" t="s">
        <v>669</v>
      </c>
      <c r="S5613">
        <v>1</v>
      </c>
      <c r="T5613" t="s">
        <v>661</v>
      </c>
      <c r="U5613">
        <v>8</v>
      </c>
      <c r="V5613">
        <v>3</v>
      </c>
      <c r="W5613">
        <v>180</v>
      </c>
      <c r="X5613">
        <v>2020</v>
      </c>
    </row>
    <row r="5614" spans="1:24" x14ac:dyDescent="0.25">
      <c r="A5614">
        <v>2641</v>
      </c>
      <c r="B5614" t="s">
        <v>338</v>
      </c>
      <c r="C5614">
        <v>71</v>
      </c>
      <c r="D5614" t="s">
        <v>337</v>
      </c>
      <c r="E5614">
        <v>643</v>
      </c>
      <c r="F5614" t="s">
        <v>651</v>
      </c>
      <c r="G5614">
        <v>160</v>
      </c>
      <c r="H5614" t="s">
        <v>741</v>
      </c>
      <c r="I5614">
        <v>1585</v>
      </c>
      <c r="J5614" t="s">
        <v>295</v>
      </c>
      <c r="K5614">
        <v>30</v>
      </c>
      <c r="L5614" t="s">
        <v>295</v>
      </c>
      <c r="M5614">
        <v>96</v>
      </c>
      <c r="N5614" t="s">
        <v>654</v>
      </c>
      <c r="O5614">
        <v>3</v>
      </c>
      <c r="P5614" t="s">
        <v>655</v>
      </c>
      <c r="Q5614">
        <v>1</v>
      </c>
      <c r="R5614" t="s">
        <v>669</v>
      </c>
      <c r="S5614">
        <v>1</v>
      </c>
      <c r="T5614" t="s">
        <v>661</v>
      </c>
      <c r="U5614">
        <v>8</v>
      </c>
      <c r="V5614">
        <v>3</v>
      </c>
      <c r="W5614">
        <v>180</v>
      </c>
      <c r="X5614">
        <v>2020</v>
      </c>
    </row>
    <row r="5615" spans="1:24" x14ac:dyDescent="0.25">
      <c r="A5615">
        <v>2636</v>
      </c>
      <c r="B5615" t="s">
        <v>338</v>
      </c>
      <c r="C5615">
        <v>71</v>
      </c>
      <c r="D5615" t="s">
        <v>337</v>
      </c>
      <c r="E5615">
        <v>643</v>
      </c>
      <c r="F5615" t="s">
        <v>651</v>
      </c>
      <c r="G5615">
        <v>160</v>
      </c>
      <c r="H5615" t="s">
        <v>741</v>
      </c>
      <c r="I5615">
        <v>1585</v>
      </c>
      <c r="J5615" t="s">
        <v>301</v>
      </c>
      <c r="K5615">
        <v>26</v>
      </c>
      <c r="L5615" t="s">
        <v>930</v>
      </c>
      <c r="M5615">
        <v>84</v>
      </c>
      <c r="N5615" t="s">
        <v>654</v>
      </c>
      <c r="O5615">
        <v>3</v>
      </c>
      <c r="P5615" t="s">
        <v>655</v>
      </c>
      <c r="Q5615">
        <v>1</v>
      </c>
      <c r="R5615" t="s">
        <v>669</v>
      </c>
      <c r="S5615">
        <v>1</v>
      </c>
      <c r="T5615" t="s">
        <v>661</v>
      </c>
      <c r="U5615">
        <v>8</v>
      </c>
      <c r="V5615">
        <v>3</v>
      </c>
      <c r="W5615">
        <v>180</v>
      </c>
      <c r="X5615">
        <v>2020</v>
      </c>
    </row>
    <row r="5616" spans="1:24" x14ac:dyDescent="0.25">
      <c r="A5616">
        <v>2634</v>
      </c>
      <c r="B5616" t="s">
        <v>338</v>
      </c>
      <c r="C5616">
        <v>71</v>
      </c>
      <c r="D5616" t="s">
        <v>337</v>
      </c>
      <c r="E5616">
        <v>643</v>
      </c>
      <c r="F5616" t="s">
        <v>651</v>
      </c>
      <c r="G5616">
        <v>160</v>
      </c>
      <c r="H5616" t="s">
        <v>741</v>
      </c>
      <c r="I5616">
        <v>1585</v>
      </c>
      <c r="J5616" t="s">
        <v>682</v>
      </c>
      <c r="K5616">
        <v>20</v>
      </c>
      <c r="L5616" t="s">
        <v>904</v>
      </c>
      <c r="M5616">
        <v>61</v>
      </c>
      <c r="N5616" t="s">
        <v>668</v>
      </c>
      <c r="O5616">
        <v>4</v>
      </c>
      <c r="P5616" t="s">
        <v>655</v>
      </c>
      <c r="Q5616">
        <v>1</v>
      </c>
      <c r="R5616" t="s">
        <v>669</v>
      </c>
      <c r="S5616">
        <v>1</v>
      </c>
      <c r="T5616" t="s">
        <v>661</v>
      </c>
      <c r="U5616">
        <v>8</v>
      </c>
      <c r="V5616">
        <v>3</v>
      </c>
      <c r="W5616">
        <v>180</v>
      </c>
      <c r="X5616">
        <v>2020</v>
      </c>
    </row>
    <row r="5617" spans="1:24" x14ac:dyDescent="0.25">
      <c r="A5617">
        <v>2632</v>
      </c>
      <c r="B5617" t="s">
        <v>338</v>
      </c>
      <c r="C5617">
        <v>71</v>
      </c>
      <c r="D5617" t="s">
        <v>337</v>
      </c>
      <c r="E5617">
        <v>643</v>
      </c>
      <c r="F5617" t="s">
        <v>651</v>
      </c>
      <c r="G5617">
        <v>160</v>
      </c>
      <c r="H5617" t="s">
        <v>741</v>
      </c>
      <c r="I5617">
        <v>1585</v>
      </c>
      <c r="J5617" t="s">
        <v>65</v>
      </c>
      <c r="K5617">
        <v>15</v>
      </c>
      <c r="L5617" t="s">
        <v>65</v>
      </c>
      <c r="M5617">
        <v>51</v>
      </c>
      <c r="N5617" t="s">
        <v>654</v>
      </c>
      <c r="O5617">
        <v>3</v>
      </c>
      <c r="P5617" t="s">
        <v>655</v>
      </c>
      <c r="Q5617">
        <v>1</v>
      </c>
      <c r="R5617" t="s">
        <v>669</v>
      </c>
      <c r="S5617">
        <v>1</v>
      </c>
      <c r="T5617" t="s">
        <v>661</v>
      </c>
      <c r="U5617">
        <v>8</v>
      </c>
      <c r="V5617">
        <v>4</v>
      </c>
      <c r="W5617">
        <v>240</v>
      </c>
      <c r="X5617">
        <v>2020</v>
      </c>
    </row>
    <row r="5618" spans="1:24" x14ac:dyDescent="0.25">
      <c r="A5618">
        <v>2588</v>
      </c>
      <c r="B5618" t="s">
        <v>180</v>
      </c>
      <c r="C5618">
        <v>70</v>
      </c>
      <c r="D5618" t="s">
        <v>54</v>
      </c>
      <c r="E5618">
        <v>662</v>
      </c>
      <c r="F5618" t="s">
        <v>651</v>
      </c>
      <c r="G5618">
        <v>160</v>
      </c>
      <c r="H5618" t="s">
        <v>681</v>
      </c>
      <c r="I5618">
        <v>717</v>
      </c>
      <c r="J5618" t="s">
        <v>671</v>
      </c>
      <c r="K5618">
        <v>81</v>
      </c>
      <c r="L5618" t="s">
        <v>920</v>
      </c>
      <c r="M5618">
        <v>335</v>
      </c>
      <c r="N5618" t="s">
        <v>654</v>
      </c>
      <c r="O5618">
        <v>3</v>
      </c>
      <c r="P5618" t="s">
        <v>655</v>
      </c>
      <c r="Q5618">
        <v>1</v>
      </c>
      <c r="R5618" t="s">
        <v>669</v>
      </c>
      <c r="S5618">
        <v>1</v>
      </c>
      <c r="T5618" t="s">
        <v>661</v>
      </c>
      <c r="U5618">
        <v>8</v>
      </c>
      <c r="V5618">
        <v>3</v>
      </c>
      <c r="W5618">
        <v>180</v>
      </c>
      <c r="X5618">
        <v>2020</v>
      </c>
    </row>
    <row r="5619" spans="1:24" x14ac:dyDescent="0.25">
      <c r="A5619">
        <v>2587</v>
      </c>
      <c r="B5619" t="s">
        <v>180</v>
      </c>
      <c r="C5619">
        <v>70</v>
      </c>
      <c r="D5619" t="s">
        <v>322</v>
      </c>
      <c r="E5619">
        <v>660</v>
      </c>
      <c r="F5619" t="s">
        <v>651</v>
      </c>
      <c r="G5619">
        <v>160</v>
      </c>
      <c r="H5619" t="s">
        <v>681</v>
      </c>
      <c r="I5619">
        <v>717</v>
      </c>
      <c r="J5619" t="s">
        <v>915</v>
      </c>
      <c r="K5619">
        <v>78</v>
      </c>
      <c r="L5619" t="s">
        <v>1266</v>
      </c>
      <c r="M5619">
        <v>334</v>
      </c>
      <c r="N5619" t="s">
        <v>654</v>
      </c>
      <c r="O5619">
        <v>3</v>
      </c>
      <c r="P5619" t="s">
        <v>655</v>
      </c>
      <c r="Q5619">
        <v>1</v>
      </c>
      <c r="R5619" t="s">
        <v>669</v>
      </c>
      <c r="S5619">
        <v>1</v>
      </c>
      <c r="T5619" t="s">
        <v>661</v>
      </c>
      <c r="U5619">
        <v>8</v>
      </c>
      <c r="V5619">
        <v>3</v>
      </c>
      <c r="W5619">
        <v>180</v>
      </c>
      <c r="X5619">
        <v>2020</v>
      </c>
    </row>
    <row r="5620" spans="1:24" x14ac:dyDescent="0.25">
      <c r="A5620">
        <v>2584</v>
      </c>
      <c r="B5620" t="s">
        <v>180</v>
      </c>
      <c r="C5620">
        <v>70</v>
      </c>
      <c r="D5620" t="s">
        <v>322</v>
      </c>
      <c r="E5620">
        <v>660</v>
      </c>
      <c r="F5620" t="s">
        <v>651</v>
      </c>
      <c r="G5620">
        <v>160</v>
      </c>
      <c r="H5620" t="s">
        <v>681</v>
      </c>
      <c r="I5620">
        <v>717</v>
      </c>
      <c r="J5620" t="s">
        <v>932</v>
      </c>
      <c r="K5620">
        <v>77</v>
      </c>
      <c r="L5620" t="s">
        <v>839</v>
      </c>
      <c r="M5620">
        <v>327</v>
      </c>
      <c r="N5620" t="s">
        <v>654</v>
      </c>
      <c r="O5620">
        <v>3</v>
      </c>
      <c r="P5620" t="s">
        <v>655</v>
      </c>
      <c r="Q5620">
        <v>1</v>
      </c>
      <c r="R5620" t="s">
        <v>669</v>
      </c>
      <c r="S5620">
        <v>1</v>
      </c>
      <c r="T5620" t="s">
        <v>769</v>
      </c>
      <c r="U5620">
        <v>3</v>
      </c>
      <c r="V5620">
        <v>6</v>
      </c>
      <c r="W5620">
        <v>360</v>
      </c>
      <c r="X5620">
        <v>2020</v>
      </c>
    </row>
    <row r="5621" spans="1:24" x14ac:dyDescent="0.25">
      <c r="A5621">
        <v>2583</v>
      </c>
      <c r="B5621" t="s">
        <v>180</v>
      </c>
      <c r="C5621">
        <v>70</v>
      </c>
      <c r="D5621" t="s">
        <v>54</v>
      </c>
      <c r="E5621">
        <v>662</v>
      </c>
      <c r="F5621" t="s">
        <v>651</v>
      </c>
      <c r="G5621">
        <v>160</v>
      </c>
      <c r="H5621" t="s">
        <v>681</v>
      </c>
      <c r="I5621">
        <v>717</v>
      </c>
      <c r="J5621" t="s">
        <v>751</v>
      </c>
      <c r="K5621">
        <v>79</v>
      </c>
      <c r="L5621" t="s">
        <v>752</v>
      </c>
      <c r="M5621">
        <v>328</v>
      </c>
      <c r="N5621" t="s">
        <v>654</v>
      </c>
      <c r="O5621">
        <v>3</v>
      </c>
      <c r="P5621" t="s">
        <v>655</v>
      </c>
      <c r="Q5621">
        <v>1</v>
      </c>
      <c r="R5621" t="s">
        <v>669</v>
      </c>
      <c r="S5621">
        <v>1</v>
      </c>
      <c r="T5621" t="s">
        <v>661</v>
      </c>
      <c r="U5621">
        <v>8</v>
      </c>
      <c r="V5621">
        <v>6</v>
      </c>
      <c r="W5621">
        <v>360</v>
      </c>
      <c r="X5621">
        <v>2020</v>
      </c>
    </row>
    <row r="5622" spans="1:24" x14ac:dyDescent="0.25">
      <c r="A5622">
        <v>2582</v>
      </c>
      <c r="B5622" t="s">
        <v>180</v>
      </c>
      <c r="C5622">
        <v>70</v>
      </c>
      <c r="D5622" t="s">
        <v>322</v>
      </c>
      <c r="E5622">
        <v>660</v>
      </c>
      <c r="F5622" t="s">
        <v>651</v>
      </c>
      <c r="G5622">
        <v>160</v>
      </c>
      <c r="H5622" t="s">
        <v>681</v>
      </c>
      <c r="I5622">
        <v>717</v>
      </c>
      <c r="J5622" t="s">
        <v>932</v>
      </c>
      <c r="K5622">
        <v>77</v>
      </c>
      <c r="L5622" t="s">
        <v>839</v>
      </c>
      <c r="M5622">
        <v>327</v>
      </c>
      <c r="N5622" t="s">
        <v>654</v>
      </c>
      <c r="O5622">
        <v>3</v>
      </c>
      <c r="P5622" t="s">
        <v>655</v>
      </c>
      <c r="Q5622">
        <v>1</v>
      </c>
      <c r="R5622" t="s">
        <v>669</v>
      </c>
      <c r="S5622">
        <v>1</v>
      </c>
      <c r="T5622" t="s">
        <v>661</v>
      </c>
      <c r="U5622">
        <v>8</v>
      </c>
      <c r="V5622">
        <v>6</v>
      </c>
      <c r="W5622">
        <v>360</v>
      </c>
      <c r="X5622">
        <v>2020</v>
      </c>
    </row>
    <row r="5623" spans="1:24" x14ac:dyDescent="0.25">
      <c r="A5623">
        <v>2560</v>
      </c>
      <c r="B5623" t="s">
        <v>180</v>
      </c>
      <c r="C5623">
        <v>70</v>
      </c>
      <c r="D5623" t="s">
        <v>332</v>
      </c>
      <c r="E5623">
        <v>473</v>
      </c>
      <c r="F5623" t="s">
        <v>651</v>
      </c>
      <c r="G5623">
        <v>160</v>
      </c>
      <c r="H5623" t="s">
        <v>681</v>
      </c>
      <c r="I5623">
        <v>717</v>
      </c>
      <c r="J5623" t="s">
        <v>65</v>
      </c>
      <c r="K5623">
        <v>15</v>
      </c>
      <c r="L5623" t="s">
        <v>65</v>
      </c>
      <c r="M5623">
        <v>51</v>
      </c>
      <c r="N5623" t="s">
        <v>654</v>
      </c>
      <c r="O5623">
        <v>3</v>
      </c>
      <c r="P5623" t="s">
        <v>655</v>
      </c>
      <c r="Q5623">
        <v>1</v>
      </c>
      <c r="R5623" t="s">
        <v>669</v>
      </c>
      <c r="S5623">
        <v>1</v>
      </c>
      <c r="T5623" t="s">
        <v>661</v>
      </c>
      <c r="U5623">
        <v>8</v>
      </c>
      <c r="V5623">
        <v>4</v>
      </c>
      <c r="W5623">
        <v>240</v>
      </c>
      <c r="X5623">
        <v>2020</v>
      </c>
    </row>
    <row r="5624" spans="1:24" x14ac:dyDescent="0.25">
      <c r="A5624">
        <v>2559</v>
      </c>
      <c r="B5624" t="s">
        <v>404</v>
      </c>
      <c r="C5624">
        <v>69</v>
      </c>
      <c r="D5624" t="s">
        <v>374</v>
      </c>
      <c r="E5624">
        <v>472</v>
      </c>
      <c r="F5624" t="s">
        <v>651</v>
      </c>
      <c r="G5624">
        <v>160</v>
      </c>
      <c r="H5624" t="s">
        <v>658</v>
      </c>
      <c r="I5624">
        <v>13755</v>
      </c>
      <c r="J5624" t="s">
        <v>864</v>
      </c>
      <c r="K5624">
        <v>14</v>
      </c>
      <c r="L5624" t="s">
        <v>3897</v>
      </c>
      <c r="M5624">
        <v>358</v>
      </c>
      <c r="N5624" t="s">
        <v>654</v>
      </c>
      <c r="O5624">
        <v>3</v>
      </c>
      <c r="P5624" t="s">
        <v>689</v>
      </c>
      <c r="Q5624">
        <v>4</v>
      </c>
      <c r="R5624" t="s">
        <v>669</v>
      </c>
      <c r="S5624">
        <v>1</v>
      </c>
      <c r="T5624" t="s">
        <v>661</v>
      </c>
      <c r="U5624">
        <v>8</v>
      </c>
      <c r="V5624">
        <v>4</v>
      </c>
      <c r="W5624">
        <v>240</v>
      </c>
      <c r="X5624">
        <v>2020</v>
      </c>
    </row>
    <row r="5625" spans="1:24" x14ac:dyDescent="0.25">
      <c r="A5625">
        <v>2558</v>
      </c>
      <c r="B5625" t="s">
        <v>404</v>
      </c>
      <c r="C5625">
        <v>69</v>
      </c>
      <c r="D5625" t="s">
        <v>374</v>
      </c>
      <c r="E5625">
        <v>472</v>
      </c>
      <c r="F5625" t="s">
        <v>651</v>
      </c>
      <c r="G5625">
        <v>160</v>
      </c>
      <c r="H5625" t="s">
        <v>658</v>
      </c>
      <c r="I5625">
        <v>13755</v>
      </c>
      <c r="J5625" t="s">
        <v>864</v>
      </c>
      <c r="K5625">
        <v>14</v>
      </c>
      <c r="L5625" t="s">
        <v>3897</v>
      </c>
      <c r="M5625">
        <v>358</v>
      </c>
      <c r="N5625" t="s">
        <v>654</v>
      </c>
      <c r="O5625">
        <v>3</v>
      </c>
      <c r="P5625" t="s">
        <v>655</v>
      </c>
      <c r="Q5625">
        <v>1</v>
      </c>
      <c r="R5625" t="s">
        <v>669</v>
      </c>
      <c r="S5625">
        <v>1</v>
      </c>
      <c r="T5625" t="s">
        <v>661</v>
      </c>
      <c r="U5625">
        <v>8</v>
      </c>
      <c r="V5625">
        <v>4</v>
      </c>
      <c r="W5625">
        <v>240</v>
      </c>
      <c r="X5625">
        <v>2020</v>
      </c>
    </row>
    <row r="5626" spans="1:24" x14ac:dyDescent="0.25">
      <c r="A5626">
        <v>2555</v>
      </c>
      <c r="B5626" t="s">
        <v>406</v>
      </c>
      <c r="C5626">
        <v>67</v>
      </c>
      <c r="D5626" t="s">
        <v>405</v>
      </c>
      <c r="E5626">
        <v>470</v>
      </c>
      <c r="F5626" t="s">
        <v>651</v>
      </c>
      <c r="G5626">
        <v>160</v>
      </c>
      <c r="H5626" t="s">
        <v>658</v>
      </c>
      <c r="I5626">
        <v>13755</v>
      </c>
      <c r="J5626" t="s">
        <v>294</v>
      </c>
      <c r="K5626">
        <v>31</v>
      </c>
      <c r="L5626" t="s">
        <v>294</v>
      </c>
      <c r="M5626">
        <v>98</v>
      </c>
      <c r="N5626" t="s">
        <v>654</v>
      </c>
      <c r="O5626">
        <v>3</v>
      </c>
      <c r="P5626" t="s">
        <v>655</v>
      </c>
      <c r="Q5626">
        <v>1</v>
      </c>
      <c r="R5626" t="s">
        <v>669</v>
      </c>
      <c r="S5626">
        <v>1</v>
      </c>
      <c r="T5626" t="s">
        <v>661</v>
      </c>
      <c r="U5626">
        <v>8</v>
      </c>
      <c r="V5626">
        <v>3</v>
      </c>
      <c r="W5626">
        <v>180</v>
      </c>
      <c r="X5626">
        <v>2020</v>
      </c>
    </row>
    <row r="5627" spans="1:24" x14ac:dyDescent="0.25">
      <c r="A5627">
        <v>2554</v>
      </c>
      <c r="B5627" t="s">
        <v>406</v>
      </c>
      <c r="C5627">
        <v>67</v>
      </c>
      <c r="D5627" t="s">
        <v>405</v>
      </c>
      <c r="E5627">
        <v>470</v>
      </c>
      <c r="F5627" t="s">
        <v>651</v>
      </c>
      <c r="G5627">
        <v>160</v>
      </c>
      <c r="H5627" t="s">
        <v>658</v>
      </c>
      <c r="I5627">
        <v>13755</v>
      </c>
      <c r="J5627" t="s">
        <v>295</v>
      </c>
      <c r="K5627">
        <v>30</v>
      </c>
      <c r="L5627" t="s">
        <v>295</v>
      </c>
      <c r="M5627">
        <v>96</v>
      </c>
      <c r="N5627" t="s">
        <v>654</v>
      </c>
      <c r="O5627">
        <v>3</v>
      </c>
      <c r="P5627" t="s">
        <v>655</v>
      </c>
      <c r="Q5627">
        <v>1</v>
      </c>
      <c r="R5627" t="s">
        <v>669</v>
      </c>
      <c r="S5627">
        <v>1</v>
      </c>
      <c r="T5627" t="s">
        <v>661</v>
      </c>
      <c r="U5627">
        <v>8</v>
      </c>
      <c r="V5627">
        <v>3</v>
      </c>
      <c r="W5627">
        <v>180</v>
      </c>
      <c r="X5627">
        <v>2020</v>
      </c>
    </row>
    <row r="5628" spans="1:24" x14ac:dyDescent="0.25">
      <c r="A5628">
        <v>2553</v>
      </c>
      <c r="B5628" t="s">
        <v>406</v>
      </c>
      <c r="C5628">
        <v>67</v>
      </c>
      <c r="D5628" t="s">
        <v>405</v>
      </c>
      <c r="E5628">
        <v>470</v>
      </c>
      <c r="F5628" t="s">
        <v>651</v>
      </c>
      <c r="G5628">
        <v>160</v>
      </c>
      <c r="H5628" t="s">
        <v>658</v>
      </c>
      <c r="I5628">
        <v>13755</v>
      </c>
      <c r="J5628" t="s">
        <v>301</v>
      </c>
      <c r="K5628">
        <v>26</v>
      </c>
      <c r="L5628" t="s">
        <v>930</v>
      </c>
      <c r="M5628">
        <v>84</v>
      </c>
      <c r="N5628" t="s">
        <v>654</v>
      </c>
      <c r="O5628">
        <v>3</v>
      </c>
      <c r="P5628" t="s">
        <v>655</v>
      </c>
      <c r="Q5628">
        <v>1</v>
      </c>
      <c r="R5628" t="s">
        <v>669</v>
      </c>
      <c r="S5628">
        <v>1</v>
      </c>
      <c r="T5628" t="s">
        <v>661</v>
      </c>
      <c r="U5628">
        <v>8</v>
      </c>
      <c r="V5628">
        <v>3</v>
      </c>
      <c r="W5628">
        <v>180</v>
      </c>
      <c r="X5628">
        <v>2020</v>
      </c>
    </row>
    <row r="5629" spans="1:24" x14ac:dyDescent="0.25">
      <c r="A5629">
        <v>2552</v>
      </c>
      <c r="B5629" t="s">
        <v>406</v>
      </c>
      <c r="C5629">
        <v>67</v>
      </c>
      <c r="D5629" t="s">
        <v>407</v>
      </c>
      <c r="E5629">
        <v>469</v>
      </c>
      <c r="F5629" t="s">
        <v>651</v>
      </c>
      <c r="G5629">
        <v>160</v>
      </c>
      <c r="H5629" t="s">
        <v>658</v>
      </c>
      <c r="I5629">
        <v>13755</v>
      </c>
      <c r="J5629" t="s">
        <v>299</v>
      </c>
      <c r="K5629">
        <v>27</v>
      </c>
      <c r="L5629" t="s">
        <v>690</v>
      </c>
      <c r="M5629">
        <v>89</v>
      </c>
      <c r="N5629" t="s">
        <v>654</v>
      </c>
      <c r="O5629">
        <v>3</v>
      </c>
      <c r="P5629" t="s">
        <v>655</v>
      </c>
      <c r="Q5629">
        <v>1</v>
      </c>
      <c r="R5629" t="s">
        <v>669</v>
      </c>
      <c r="S5629">
        <v>1</v>
      </c>
      <c r="T5629" t="s">
        <v>661</v>
      </c>
      <c r="U5629">
        <v>8</v>
      </c>
      <c r="V5629">
        <v>3</v>
      </c>
      <c r="W5629">
        <v>180</v>
      </c>
      <c r="X5629">
        <v>2020</v>
      </c>
    </row>
    <row r="5630" spans="1:24" x14ac:dyDescent="0.25">
      <c r="A5630">
        <v>2551</v>
      </c>
      <c r="B5630" t="s">
        <v>406</v>
      </c>
      <c r="C5630">
        <v>67</v>
      </c>
      <c r="D5630" t="s">
        <v>407</v>
      </c>
      <c r="E5630">
        <v>469</v>
      </c>
      <c r="F5630" t="s">
        <v>651</v>
      </c>
      <c r="G5630">
        <v>160</v>
      </c>
      <c r="H5630" t="s">
        <v>658</v>
      </c>
      <c r="I5630">
        <v>13755</v>
      </c>
      <c r="J5630" t="s">
        <v>807</v>
      </c>
      <c r="K5630">
        <v>25</v>
      </c>
      <c r="L5630" t="s">
        <v>1603</v>
      </c>
      <c r="M5630">
        <v>81</v>
      </c>
      <c r="N5630" t="s">
        <v>654</v>
      </c>
      <c r="O5630">
        <v>3</v>
      </c>
      <c r="P5630" t="s">
        <v>655</v>
      </c>
      <c r="Q5630">
        <v>1</v>
      </c>
      <c r="R5630" t="s">
        <v>669</v>
      </c>
      <c r="S5630">
        <v>1</v>
      </c>
      <c r="T5630" t="s">
        <v>661</v>
      </c>
      <c r="U5630">
        <v>8</v>
      </c>
      <c r="V5630">
        <v>3</v>
      </c>
      <c r="W5630">
        <v>180</v>
      </c>
      <c r="X5630">
        <v>2020</v>
      </c>
    </row>
    <row r="5631" spans="1:24" x14ac:dyDescent="0.25">
      <c r="A5631">
        <v>2550</v>
      </c>
      <c r="B5631" t="s">
        <v>409</v>
      </c>
      <c r="C5631">
        <v>66</v>
      </c>
      <c r="D5631" t="s">
        <v>408</v>
      </c>
      <c r="E5631">
        <v>468</v>
      </c>
      <c r="F5631" t="s">
        <v>651</v>
      </c>
      <c r="G5631">
        <v>160</v>
      </c>
      <c r="H5631" t="s">
        <v>658</v>
      </c>
      <c r="I5631">
        <v>13755</v>
      </c>
      <c r="J5631" t="s">
        <v>682</v>
      </c>
      <c r="K5631">
        <v>20</v>
      </c>
      <c r="L5631" t="s">
        <v>904</v>
      </c>
      <c r="M5631">
        <v>61</v>
      </c>
      <c r="N5631" t="s">
        <v>654</v>
      </c>
      <c r="O5631">
        <v>3</v>
      </c>
      <c r="P5631" t="s">
        <v>655</v>
      </c>
      <c r="Q5631">
        <v>1</v>
      </c>
      <c r="R5631" t="s">
        <v>669</v>
      </c>
      <c r="S5631">
        <v>1</v>
      </c>
      <c r="T5631" t="s">
        <v>661</v>
      </c>
      <c r="U5631">
        <v>8</v>
      </c>
      <c r="V5631">
        <v>3</v>
      </c>
      <c r="W5631">
        <v>180</v>
      </c>
      <c r="X5631">
        <v>2020</v>
      </c>
    </row>
    <row r="5632" spans="1:24" x14ac:dyDescent="0.25">
      <c r="A5632">
        <v>2548</v>
      </c>
      <c r="B5632" t="s">
        <v>409</v>
      </c>
      <c r="C5632">
        <v>66</v>
      </c>
      <c r="D5632" t="s">
        <v>316</v>
      </c>
      <c r="E5632">
        <v>467</v>
      </c>
      <c r="F5632" t="s">
        <v>651</v>
      </c>
      <c r="G5632">
        <v>160</v>
      </c>
      <c r="H5632" t="s">
        <v>658</v>
      </c>
      <c r="I5632">
        <v>13755</v>
      </c>
      <c r="J5632" t="s">
        <v>299</v>
      </c>
      <c r="K5632">
        <v>27</v>
      </c>
      <c r="L5632" t="s">
        <v>690</v>
      </c>
      <c r="M5632">
        <v>89</v>
      </c>
      <c r="N5632" t="s">
        <v>654</v>
      </c>
      <c r="O5632">
        <v>3</v>
      </c>
      <c r="P5632" t="s">
        <v>655</v>
      </c>
      <c r="Q5632">
        <v>1</v>
      </c>
      <c r="R5632" t="s">
        <v>669</v>
      </c>
      <c r="S5632">
        <v>1</v>
      </c>
      <c r="T5632" t="s">
        <v>661</v>
      </c>
      <c r="U5632">
        <v>8</v>
      </c>
      <c r="V5632">
        <v>3</v>
      </c>
      <c r="W5632">
        <v>180</v>
      </c>
      <c r="X5632">
        <v>2020</v>
      </c>
    </row>
    <row r="5633" spans="1:24" x14ac:dyDescent="0.25">
      <c r="A5633">
        <v>2547</v>
      </c>
      <c r="B5633" t="s">
        <v>409</v>
      </c>
      <c r="C5633">
        <v>66</v>
      </c>
      <c r="D5633" t="s">
        <v>316</v>
      </c>
      <c r="E5633">
        <v>467</v>
      </c>
      <c r="F5633" t="s">
        <v>651</v>
      </c>
      <c r="G5633">
        <v>160</v>
      </c>
      <c r="H5633" t="s">
        <v>658</v>
      </c>
      <c r="I5633">
        <v>13755</v>
      </c>
      <c r="J5633" t="s">
        <v>301</v>
      </c>
      <c r="K5633">
        <v>26</v>
      </c>
      <c r="L5633" t="s">
        <v>301</v>
      </c>
      <c r="M5633">
        <v>82</v>
      </c>
      <c r="N5633" t="s">
        <v>654</v>
      </c>
      <c r="O5633">
        <v>3</v>
      </c>
      <c r="P5633" t="s">
        <v>655</v>
      </c>
      <c r="Q5633">
        <v>1</v>
      </c>
      <c r="R5633" t="s">
        <v>669</v>
      </c>
      <c r="S5633">
        <v>1</v>
      </c>
      <c r="T5633" t="s">
        <v>661</v>
      </c>
      <c r="U5633">
        <v>8</v>
      </c>
      <c r="V5633">
        <v>3</v>
      </c>
      <c r="W5633">
        <v>180</v>
      </c>
      <c r="X5633">
        <v>2020</v>
      </c>
    </row>
    <row r="5634" spans="1:24" x14ac:dyDescent="0.25">
      <c r="A5634">
        <v>2535</v>
      </c>
      <c r="B5634" t="s">
        <v>414</v>
      </c>
      <c r="C5634">
        <v>64</v>
      </c>
      <c r="D5634" t="s">
        <v>413</v>
      </c>
      <c r="E5634">
        <v>464</v>
      </c>
      <c r="F5634" t="s">
        <v>651</v>
      </c>
      <c r="G5634">
        <v>160</v>
      </c>
      <c r="H5634" t="s">
        <v>658</v>
      </c>
      <c r="I5634">
        <v>13755</v>
      </c>
      <c r="J5634" t="s">
        <v>691</v>
      </c>
      <c r="K5634">
        <v>21</v>
      </c>
      <c r="L5634" t="s">
        <v>1923</v>
      </c>
      <c r="M5634">
        <v>67</v>
      </c>
      <c r="N5634" t="s">
        <v>654</v>
      </c>
      <c r="O5634">
        <v>3</v>
      </c>
      <c r="P5634" t="s">
        <v>655</v>
      </c>
      <c r="Q5634">
        <v>1</v>
      </c>
      <c r="R5634" t="s">
        <v>669</v>
      </c>
      <c r="S5634">
        <v>1</v>
      </c>
      <c r="T5634" t="s">
        <v>661</v>
      </c>
      <c r="U5634">
        <v>8</v>
      </c>
      <c r="V5634">
        <v>3</v>
      </c>
      <c r="W5634">
        <v>180</v>
      </c>
      <c r="X5634">
        <v>2020</v>
      </c>
    </row>
    <row r="5635" spans="1:24" x14ac:dyDescent="0.25">
      <c r="A5635">
        <v>2534</v>
      </c>
      <c r="B5635" t="s">
        <v>414</v>
      </c>
      <c r="C5635">
        <v>64</v>
      </c>
      <c r="D5635" t="s">
        <v>382</v>
      </c>
      <c r="E5635">
        <v>463</v>
      </c>
      <c r="F5635" t="s">
        <v>651</v>
      </c>
      <c r="G5635">
        <v>160</v>
      </c>
      <c r="H5635" t="s">
        <v>658</v>
      </c>
      <c r="I5635">
        <v>13755</v>
      </c>
      <c r="J5635" t="s">
        <v>868</v>
      </c>
      <c r="K5635">
        <v>23</v>
      </c>
      <c r="L5635" t="s">
        <v>868</v>
      </c>
      <c r="M5635">
        <v>73</v>
      </c>
      <c r="N5635" t="s">
        <v>654</v>
      </c>
      <c r="O5635">
        <v>3</v>
      </c>
      <c r="P5635" t="s">
        <v>655</v>
      </c>
      <c r="Q5635">
        <v>1</v>
      </c>
      <c r="R5635" t="s">
        <v>669</v>
      </c>
      <c r="S5635">
        <v>1</v>
      </c>
      <c r="T5635" t="s">
        <v>661</v>
      </c>
      <c r="U5635">
        <v>8</v>
      </c>
      <c r="V5635">
        <v>3</v>
      </c>
      <c r="W5635">
        <v>180</v>
      </c>
      <c r="X5635">
        <v>2020</v>
      </c>
    </row>
    <row r="5636" spans="1:24" x14ac:dyDescent="0.25">
      <c r="A5636">
        <v>2533</v>
      </c>
      <c r="B5636" t="s">
        <v>414</v>
      </c>
      <c r="C5636">
        <v>64</v>
      </c>
      <c r="D5636" t="s">
        <v>415</v>
      </c>
      <c r="E5636">
        <v>462</v>
      </c>
      <c r="F5636" t="s">
        <v>651</v>
      </c>
      <c r="G5636">
        <v>160</v>
      </c>
      <c r="H5636" t="s">
        <v>658</v>
      </c>
      <c r="I5636">
        <v>13755</v>
      </c>
      <c r="J5636" t="s">
        <v>736</v>
      </c>
      <c r="K5636">
        <v>8</v>
      </c>
      <c r="L5636" t="s">
        <v>737</v>
      </c>
      <c r="M5636">
        <v>24</v>
      </c>
      <c r="N5636" t="s">
        <v>654</v>
      </c>
      <c r="O5636">
        <v>3</v>
      </c>
      <c r="P5636" t="s">
        <v>655</v>
      </c>
      <c r="Q5636">
        <v>1</v>
      </c>
      <c r="R5636" t="s">
        <v>669</v>
      </c>
      <c r="S5636">
        <v>1</v>
      </c>
      <c r="T5636" t="s">
        <v>661</v>
      </c>
      <c r="U5636">
        <v>8</v>
      </c>
      <c r="V5636">
        <v>3</v>
      </c>
      <c r="W5636">
        <v>180</v>
      </c>
      <c r="X5636">
        <v>2020</v>
      </c>
    </row>
    <row r="5637" spans="1:24" x14ac:dyDescent="0.25">
      <c r="A5637">
        <v>2531</v>
      </c>
      <c r="B5637" t="s">
        <v>414</v>
      </c>
      <c r="C5637">
        <v>64</v>
      </c>
      <c r="D5637" t="s">
        <v>416</v>
      </c>
      <c r="E5637">
        <v>461</v>
      </c>
      <c r="F5637" t="s">
        <v>651</v>
      </c>
      <c r="G5637">
        <v>160</v>
      </c>
      <c r="H5637" t="s">
        <v>658</v>
      </c>
      <c r="I5637">
        <v>13755</v>
      </c>
      <c r="J5637" t="s">
        <v>807</v>
      </c>
      <c r="K5637">
        <v>25</v>
      </c>
      <c r="L5637" t="s">
        <v>1603</v>
      </c>
      <c r="M5637">
        <v>81</v>
      </c>
      <c r="N5637" t="s">
        <v>654</v>
      </c>
      <c r="O5637">
        <v>3</v>
      </c>
      <c r="P5637" t="s">
        <v>746</v>
      </c>
      <c r="Q5637">
        <v>2</v>
      </c>
      <c r="R5637" t="s">
        <v>669</v>
      </c>
      <c r="S5637">
        <v>1</v>
      </c>
      <c r="T5637" t="s">
        <v>661</v>
      </c>
      <c r="U5637">
        <v>8</v>
      </c>
      <c r="V5637">
        <v>3</v>
      </c>
      <c r="W5637">
        <v>180</v>
      </c>
      <c r="X5637">
        <v>2020</v>
      </c>
    </row>
    <row r="5638" spans="1:24" x14ac:dyDescent="0.25">
      <c r="A5638">
        <v>2529</v>
      </c>
      <c r="B5638" t="s">
        <v>414</v>
      </c>
      <c r="C5638">
        <v>64</v>
      </c>
      <c r="D5638" t="s">
        <v>416</v>
      </c>
      <c r="E5638">
        <v>461</v>
      </c>
      <c r="F5638" t="s">
        <v>651</v>
      </c>
      <c r="G5638">
        <v>160</v>
      </c>
      <c r="H5638" t="s">
        <v>658</v>
      </c>
      <c r="I5638">
        <v>13755</v>
      </c>
      <c r="J5638" t="s">
        <v>807</v>
      </c>
      <c r="K5638">
        <v>25</v>
      </c>
      <c r="L5638" t="s">
        <v>1603</v>
      </c>
      <c r="M5638">
        <v>81</v>
      </c>
      <c r="N5638" t="s">
        <v>654</v>
      </c>
      <c r="O5638">
        <v>3</v>
      </c>
      <c r="P5638" t="s">
        <v>655</v>
      </c>
      <c r="Q5638">
        <v>1</v>
      </c>
      <c r="R5638" t="s">
        <v>669</v>
      </c>
      <c r="S5638">
        <v>1</v>
      </c>
      <c r="T5638" t="s">
        <v>661</v>
      </c>
      <c r="U5638">
        <v>8</v>
      </c>
      <c r="V5638">
        <v>3</v>
      </c>
      <c r="W5638">
        <v>180</v>
      </c>
      <c r="X5638">
        <v>2020</v>
      </c>
    </row>
    <row r="5639" spans="1:24" x14ac:dyDescent="0.25">
      <c r="A5639">
        <v>2528</v>
      </c>
      <c r="B5639" t="s">
        <v>414</v>
      </c>
      <c r="C5639">
        <v>64</v>
      </c>
      <c r="D5639" t="s">
        <v>417</v>
      </c>
      <c r="E5639">
        <v>460</v>
      </c>
      <c r="F5639" t="s">
        <v>651</v>
      </c>
      <c r="G5639">
        <v>160</v>
      </c>
      <c r="H5639" t="s">
        <v>658</v>
      </c>
      <c r="I5639">
        <v>13755</v>
      </c>
      <c r="J5639" t="s">
        <v>730</v>
      </c>
      <c r="K5639">
        <v>66</v>
      </c>
      <c r="L5639" t="s">
        <v>3789</v>
      </c>
      <c r="M5639">
        <v>279</v>
      </c>
      <c r="N5639" t="s">
        <v>654</v>
      </c>
      <c r="O5639">
        <v>3</v>
      </c>
      <c r="P5639" t="s">
        <v>655</v>
      </c>
      <c r="Q5639">
        <v>1</v>
      </c>
      <c r="R5639" t="s">
        <v>669</v>
      </c>
      <c r="S5639">
        <v>1</v>
      </c>
      <c r="T5639" t="s">
        <v>661</v>
      </c>
      <c r="U5639">
        <v>8</v>
      </c>
      <c r="V5639">
        <v>4</v>
      </c>
      <c r="W5639">
        <v>240</v>
      </c>
      <c r="X5639">
        <v>2020</v>
      </c>
    </row>
    <row r="5640" spans="1:24" x14ac:dyDescent="0.25">
      <c r="A5640">
        <v>2526</v>
      </c>
      <c r="B5640" t="s">
        <v>414</v>
      </c>
      <c r="C5640">
        <v>64</v>
      </c>
      <c r="D5640" t="s">
        <v>402</v>
      </c>
      <c r="E5640">
        <v>459</v>
      </c>
      <c r="F5640" t="s">
        <v>651</v>
      </c>
      <c r="G5640">
        <v>160</v>
      </c>
      <c r="H5640" t="s">
        <v>658</v>
      </c>
      <c r="I5640">
        <v>13755</v>
      </c>
      <c r="J5640" t="s">
        <v>765</v>
      </c>
      <c r="K5640">
        <v>76</v>
      </c>
      <c r="L5640" t="s">
        <v>766</v>
      </c>
      <c r="M5640">
        <v>137</v>
      </c>
      <c r="N5640" t="s">
        <v>654</v>
      </c>
      <c r="O5640">
        <v>3</v>
      </c>
      <c r="P5640" t="s">
        <v>655</v>
      </c>
      <c r="Q5640">
        <v>1</v>
      </c>
      <c r="R5640" t="s">
        <v>669</v>
      </c>
      <c r="S5640">
        <v>1</v>
      </c>
      <c r="T5640" t="s">
        <v>661</v>
      </c>
      <c r="U5640">
        <v>8</v>
      </c>
      <c r="V5640">
        <v>3</v>
      </c>
      <c r="W5640">
        <v>180</v>
      </c>
      <c r="X5640">
        <v>2020</v>
      </c>
    </row>
    <row r="5641" spans="1:24" x14ac:dyDescent="0.25">
      <c r="A5641">
        <v>2525</v>
      </c>
      <c r="B5641" t="s">
        <v>414</v>
      </c>
      <c r="C5641">
        <v>64</v>
      </c>
      <c r="D5641" t="s">
        <v>402</v>
      </c>
      <c r="E5641">
        <v>459</v>
      </c>
      <c r="F5641" t="s">
        <v>651</v>
      </c>
      <c r="G5641">
        <v>160</v>
      </c>
      <c r="H5641" t="s">
        <v>658</v>
      </c>
      <c r="I5641">
        <v>13755</v>
      </c>
      <c r="J5641" t="s">
        <v>1088</v>
      </c>
      <c r="K5641">
        <v>38</v>
      </c>
      <c r="L5641" t="s">
        <v>1089</v>
      </c>
      <c r="M5641">
        <v>135</v>
      </c>
      <c r="N5641" t="s">
        <v>654</v>
      </c>
      <c r="O5641">
        <v>3</v>
      </c>
      <c r="P5641" t="s">
        <v>655</v>
      </c>
      <c r="Q5641">
        <v>1</v>
      </c>
      <c r="R5641" t="s">
        <v>669</v>
      </c>
      <c r="S5641">
        <v>1</v>
      </c>
      <c r="T5641" t="s">
        <v>661</v>
      </c>
      <c r="U5641">
        <v>8</v>
      </c>
      <c r="V5641">
        <v>3</v>
      </c>
      <c r="W5641">
        <v>180</v>
      </c>
      <c r="X5641">
        <v>2020</v>
      </c>
    </row>
    <row r="5642" spans="1:24" x14ac:dyDescent="0.25">
      <c r="A5642">
        <v>2523</v>
      </c>
      <c r="B5642" t="s">
        <v>414</v>
      </c>
      <c r="C5642">
        <v>64</v>
      </c>
      <c r="D5642" t="s">
        <v>11</v>
      </c>
      <c r="E5642">
        <v>458</v>
      </c>
      <c r="F5642" t="s">
        <v>651</v>
      </c>
      <c r="G5642">
        <v>160</v>
      </c>
      <c r="H5642" t="s">
        <v>658</v>
      </c>
      <c r="I5642">
        <v>13755</v>
      </c>
      <c r="J5642" t="s">
        <v>65</v>
      </c>
      <c r="K5642">
        <v>15</v>
      </c>
      <c r="L5642" t="s">
        <v>65</v>
      </c>
      <c r="M5642">
        <v>51</v>
      </c>
      <c r="N5642" t="s">
        <v>654</v>
      </c>
      <c r="O5642">
        <v>3</v>
      </c>
      <c r="P5642" t="s">
        <v>746</v>
      </c>
      <c r="Q5642">
        <v>2</v>
      </c>
      <c r="R5642" t="s">
        <v>669</v>
      </c>
      <c r="S5642">
        <v>1</v>
      </c>
      <c r="T5642" t="s">
        <v>661</v>
      </c>
      <c r="U5642">
        <v>8</v>
      </c>
      <c r="V5642">
        <v>4</v>
      </c>
      <c r="W5642">
        <v>240</v>
      </c>
      <c r="X5642">
        <v>2020</v>
      </c>
    </row>
    <row r="5643" spans="1:24" x14ac:dyDescent="0.25">
      <c r="A5643">
        <v>2521</v>
      </c>
      <c r="B5643" t="s">
        <v>414</v>
      </c>
      <c r="C5643">
        <v>64</v>
      </c>
      <c r="D5643" t="s">
        <v>11</v>
      </c>
      <c r="E5643">
        <v>458</v>
      </c>
      <c r="F5643" t="s">
        <v>651</v>
      </c>
      <c r="G5643">
        <v>160</v>
      </c>
      <c r="H5643" t="s">
        <v>658</v>
      </c>
      <c r="I5643">
        <v>13755</v>
      </c>
      <c r="J5643" t="s">
        <v>65</v>
      </c>
      <c r="K5643">
        <v>15</v>
      </c>
      <c r="L5643" t="s">
        <v>65</v>
      </c>
      <c r="M5643">
        <v>51</v>
      </c>
      <c r="N5643" t="s">
        <v>654</v>
      </c>
      <c r="O5643">
        <v>3</v>
      </c>
      <c r="P5643" t="s">
        <v>655</v>
      </c>
      <c r="Q5643">
        <v>1</v>
      </c>
      <c r="R5643" t="s">
        <v>669</v>
      </c>
      <c r="S5643">
        <v>1</v>
      </c>
      <c r="T5643" t="s">
        <v>661</v>
      </c>
      <c r="U5643">
        <v>8</v>
      </c>
      <c r="V5643">
        <v>4</v>
      </c>
      <c r="W5643">
        <v>240</v>
      </c>
      <c r="X5643">
        <v>2020</v>
      </c>
    </row>
    <row r="5644" spans="1:24" x14ac:dyDescent="0.25">
      <c r="A5644">
        <v>2520</v>
      </c>
      <c r="B5644" t="s">
        <v>24</v>
      </c>
      <c r="C5644">
        <v>63</v>
      </c>
      <c r="D5644" t="s">
        <v>418</v>
      </c>
      <c r="E5644">
        <v>457</v>
      </c>
      <c r="F5644" t="s">
        <v>651</v>
      </c>
      <c r="G5644">
        <v>160</v>
      </c>
      <c r="H5644" t="s">
        <v>934</v>
      </c>
      <c r="I5644">
        <v>3452</v>
      </c>
      <c r="J5644" t="s">
        <v>917</v>
      </c>
      <c r="K5644">
        <v>83</v>
      </c>
      <c r="L5644" t="s">
        <v>918</v>
      </c>
      <c r="M5644">
        <v>287</v>
      </c>
      <c r="N5644" t="s">
        <v>654</v>
      </c>
      <c r="O5644">
        <v>3</v>
      </c>
      <c r="P5644" t="s">
        <v>655</v>
      </c>
      <c r="Q5644">
        <v>1</v>
      </c>
      <c r="R5644" t="s">
        <v>669</v>
      </c>
      <c r="S5644">
        <v>1</v>
      </c>
      <c r="T5644" t="s">
        <v>661</v>
      </c>
      <c r="U5644">
        <v>8</v>
      </c>
      <c r="V5644">
        <v>4</v>
      </c>
      <c r="W5644">
        <v>240</v>
      </c>
      <c r="X5644">
        <v>2020</v>
      </c>
    </row>
    <row r="5645" spans="1:24" x14ac:dyDescent="0.25">
      <c r="A5645">
        <v>2517</v>
      </c>
      <c r="B5645" t="s">
        <v>24</v>
      </c>
      <c r="C5645">
        <v>63</v>
      </c>
      <c r="D5645" t="s">
        <v>419</v>
      </c>
      <c r="E5645">
        <v>454</v>
      </c>
      <c r="F5645" t="s">
        <v>651</v>
      </c>
      <c r="G5645">
        <v>160</v>
      </c>
      <c r="H5645" t="s">
        <v>658</v>
      </c>
      <c r="I5645">
        <v>13755</v>
      </c>
      <c r="J5645" t="s">
        <v>880</v>
      </c>
      <c r="K5645">
        <v>58</v>
      </c>
      <c r="L5645" t="s">
        <v>1086</v>
      </c>
      <c r="M5645">
        <v>238</v>
      </c>
      <c r="N5645" t="s">
        <v>654</v>
      </c>
      <c r="O5645">
        <v>3</v>
      </c>
      <c r="P5645" t="s">
        <v>746</v>
      </c>
      <c r="Q5645">
        <v>2</v>
      </c>
      <c r="R5645" t="s">
        <v>669</v>
      </c>
      <c r="S5645">
        <v>1</v>
      </c>
      <c r="T5645" t="s">
        <v>661</v>
      </c>
      <c r="U5645">
        <v>8</v>
      </c>
      <c r="V5645">
        <v>4</v>
      </c>
      <c r="W5645">
        <v>240</v>
      </c>
      <c r="X5645">
        <v>2020</v>
      </c>
    </row>
    <row r="5646" spans="1:24" x14ac:dyDescent="0.25">
      <c r="A5646">
        <v>2516</v>
      </c>
      <c r="B5646" t="s">
        <v>24</v>
      </c>
      <c r="C5646">
        <v>63</v>
      </c>
      <c r="D5646" t="s">
        <v>419</v>
      </c>
      <c r="E5646">
        <v>454</v>
      </c>
      <c r="F5646" t="s">
        <v>651</v>
      </c>
      <c r="G5646">
        <v>160</v>
      </c>
      <c r="H5646" t="s">
        <v>658</v>
      </c>
      <c r="I5646">
        <v>13755</v>
      </c>
      <c r="J5646" t="s">
        <v>880</v>
      </c>
      <c r="K5646">
        <v>58</v>
      </c>
      <c r="L5646" t="s">
        <v>1086</v>
      </c>
      <c r="M5646">
        <v>238</v>
      </c>
      <c r="N5646" t="s">
        <v>654</v>
      </c>
      <c r="O5646">
        <v>3</v>
      </c>
      <c r="P5646" t="s">
        <v>655</v>
      </c>
      <c r="Q5646">
        <v>1</v>
      </c>
      <c r="R5646" t="s">
        <v>669</v>
      </c>
      <c r="S5646">
        <v>1</v>
      </c>
      <c r="T5646" t="s">
        <v>661</v>
      </c>
      <c r="U5646">
        <v>8</v>
      </c>
      <c r="V5646">
        <v>4</v>
      </c>
      <c r="W5646">
        <v>240</v>
      </c>
      <c r="X5646">
        <v>2020</v>
      </c>
    </row>
    <row r="5647" spans="1:24" x14ac:dyDescent="0.25">
      <c r="A5647">
        <v>2515</v>
      </c>
      <c r="B5647" t="s">
        <v>24</v>
      </c>
      <c r="C5647">
        <v>63</v>
      </c>
      <c r="D5647" t="s">
        <v>11</v>
      </c>
      <c r="E5647">
        <v>453</v>
      </c>
      <c r="F5647" t="s">
        <v>651</v>
      </c>
      <c r="G5647">
        <v>160</v>
      </c>
      <c r="H5647" t="s">
        <v>658</v>
      </c>
      <c r="I5647">
        <v>13755</v>
      </c>
      <c r="J5647" t="s">
        <v>65</v>
      </c>
      <c r="K5647">
        <v>15</v>
      </c>
      <c r="L5647" t="s">
        <v>65</v>
      </c>
      <c r="M5647">
        <v>51</v>
      </c>
      <c r="N5647" t="s">
        <v>654</v>
      </c>
      <c r="O5647">
        <v>3</v>
      </c>
      <c r="P5647" t="s">
        <v>746</v>
      </c>
      <c r="Q5647">
        <v>2</v>
      </c>
      <c r="R5647" t="s">
        <v>669</v>
      </c>
      <c r="S5647">
        <v>1</v>
      </c>
      <c r="T5647" t="s">
        <v>661</v>
      </c>
      <c r="U5647">
        <v>8</v>
      </c>
      <c r="V5647">
        <v>4</v>
      </c>
      <c r="W5647">
        <v>240</v>
      </c>
      <c r="X5647">
        <v>2020</v>
      </c>
    </row>
    <row r="5648" spans="1:24" x14ac:dyDescent="0.25">
      <c r="A5648">
        <v>2514</v>
      </c>
      <c r="B5648" t="s">
        <v>24</v>
      </c>
      <c r="C5648">
        <v>63</v>
      </c>
      <c r="D5648" t="s">
        <v>11</v>
      </c>
      <c r="E5648">
        <v>453</v>
      </c>
      <c r="F5648" t="s">
        <v>651</v>
      </c>
      <c r="G5648">
        <v>160</v>
      </c>
      <c r="H5648" t="s">
        <v>658</v>
      </c>
      <c r="I5648">
        <v>13755</v>
      </c>
      <c r="J5648" t="s">
        <v>65</v>
      </c>
      <c r="K5648">
        <v>15</v>
      </c>
      <c r="L5648" t="s">
        <v>65</v>
      </c>
      <c r="M5648">
        <v>51</v>
      </c>
      <c r="N5648" t="s">
        <v>654</v>
      </c>
      <c r="O5648">
        <v>3</v>
      </c>
      <c r="P5648" t="s">
        <v>655</v>
      </c>
      <c r="Q5648">
        <v>1</v>
      </c>
      <c r="R5648" t="s">
        <v>669</v>
      </c>
      <c r="S5648">
        <v>1</v>
      </c>
      <c r="T5648" t="s">
        <v>661</v>
      </c>
      <c r="U5648">
        <v>8</v>
      </c>
      <c r="V5648">
        <v>4</v>
      </c>
      <c r="W5648">
        <v>240</v>
      </c>
      <c r="X5648">
        <v>2020</v>
      </c>
    </row>
    <row r="5649" spans="1:24" x14ac:dyDescent="0.25">
      <c r="A5649">
        <v>2509</v>
      </c>
      <c r="B5649" t="s">
        <v>24</v>
      </c>
      <c r="C5649">
        <v>63</v>
      </c>
      <c r="D5649" t="s">
        <v>420</v>
      </c>
      <c r="E5649">
        <v>448</v>
      </c>
      <c r="F5649" t="s">
        <v>651</v>
      </c>
      <c r="G5649">
        <v>160</v>
      </c>
      <c r="H5649" t="s">
        <v>658</v>
      </c>
      <c r="I5649">
        <v>13755</v>
      </c>
      <c r="J5649" t="s">
        <v>917</v>
      </c>
      <c r="K5649">
        <v>83</v>
      </c>
      <c r="L5649" t="s">
        <v>918</v>
      </c>
      <c r="M5649">
        <v>287</v>
      </c>
      <c r="N5649" t="s">
        <v>654</v>
      </c>
      <c r="O5649">
        <v>3</v>
      </c>
      <c r="P5649" t="s">
        <v>746</v>
      </c>
      <c r="Q5649">
        <v>2</v>
      </c>
      <c r="R5649" t="s">
        <v>669</v>
      </c>
      <c r="S5649">
        <v>1</v>
      </c>
      <c r="T5649" t="s">
        <v>661</v>
      </c>
      <c r="U5649">
        <v>8</v>
      </c>
      <c r="V5649">
        <v>4</v>
      </c>
      <c r="W5649">
        <v>240</v>
      </c>
      <c r="X5649">
        <v>2020</v>
      </c>
    </row>
    <row r="5650" spans="1:24" x14ac:dyDescent="0.25">
      <c r="A5650">
        <v>2508</v>
      </c>
      <c r="B5650" t="s">
        <v>24</v>
      </c>
      <c r="C5650">
        <v>63</v>
      </c>
      <c r="D5650" t="s">
        <v>420</v>
      </c>
      <c r="E5650">
        <v>448</v>
      </c>
      <c r="F5650" t="s">
        <v>651</v>
      </c>
      <c r="G5650">
        <v>160</v>
      </c>
      <c r="H5650" t="s">
        <v>658</v>
      </c>
      <c r="I5650">
        <v>13755</v>
      </c>
      <c r="J5650" t="s">
        <v>917</v>
      </c>
      <c r="K5650">
        <v>83</v>
      </c>
      <c r="L5650" t="s">
        <v>918</v>
      </c>
      <c r="M5650">
        <v>287</v>
      </c>
      <c r="N5650" t="s">
        <v>654</v>
      </c>
      <c r="O5650">
        <v>3</v>
      </c>
      <c r="P5650" t="s">
        <v>655</v>
      </c>
      <c r="Q5650">
        <v>1</v>
      </c>
      <c r="R5650" t="s">
        <v>669</v>
      </c>
      <c r="S5650">
        <v>1</v>
      </c>
      <c r="T5650" t="s">
        <v>661</v>
      </c>
      <c r="U5650">
        <v>8</v>
      </c>
      <c r="V5650">
        <v>4</v>
      </c>
      <c r="W5650">
        <v>240</v>
      </c>
      <c r="X5650">
        <v>2020</v>
      </c>
    </row>
    <row r="5651" spans="1:24" x14ac:dyDescent="0.25">
      <c r="A5651">
        <v>2507</v>
      </c>
      <c r="B5651" t="s">
        <v>67</v>
      </c>
      <c r="C5651">
        <v>62</v>
      </c>
      <c r="D5651" t="s">
        <v>421</v>
      </c>
      <c r="E5651">
        <v>447</v>
      </c>
      <c r="F5651" t="s">
        <v>651</v>
      </c>
      <c r="G5651">
        <v>160</v>
      </c>
      <c r="H5651" t="s">
        <v>658</v>
      </c>
      <c r="I5651">
        <v>13755</v>
      </c>
      <c r="J5651" t="s">
        <v>1005</v>
      </c>
      <c r="K5651">
        <v>72</v>
      </c>
      <c r="L5651" t="s">
        <v>1005</v>
      </c>
      <c r="M5651">
        <v>326</v>
      </c>
      <c r="N5651" t="s">
        <v>654</v>
      </c>
      <c r="O5651">
        <v>3</v>
      </c>
      <c r="P5651" t="s">
        <v>655</v>
      </c>
      <c r="Q5651">
        <v>1</v>
      </c>
      <c r="R5651" t="s">
        <v>669</v>
      </c>
      <c r="S5651">
        <v>1</v>
      </c>
      <c r="T5651" t="s">
        <v>661</v>
      </c>
      <c r="U5651">
        <v>8</v>
      </c>
      <c r="V5651">
        <v>6</v>
      </c>
      <c r="W5651">
        <v>360</v>
      </c>
      <c r="X5651">
        <v>2020</v>
      </c>
    </row>
    <row r="5652" spans="1:24" x14ac:dyDescent="0.25">
      <c r="A5652">
        <v>2506</v>
      </c>
      <c r="B5652" t="s">
        <v>67</v>
      </c>
      <c r="C5652">
        <v>62</v>
      </c>
      <c r="D5652" t="s">
        <v>402</v>
      </c>
      <c r="E5652">
        <v>446</v>
      </c>
      <c r="F5652" t="s">
        <v>651</v>
      </c>
      <c r="G5652">
        <v>160</v>
      </c>
      <c r="H5652" t="s">
        <v>658</v>
      </c>
      <c r="I5652">
        <v>13755</v>
      </c>
      <c r="J5652" t="s">
        <v>765</v>
      </c>
      <c r="K5652">
        <v>76</v>
      </c>
      <c r="L5652" t="s">
        <v>766</v>
      </c>
      <c r="M5652">
        <v>137</v>
      </c>
      <c r="N5652" t="s">
        <v>654</v>
      </c>
      <c r="O5652">
        <v>3</v>
      </c>
      <c r="P5652" t="s">
        <v>655</v>
      </c>
      <c r="Q5652">
        <v>1</v>
      </c>
      <c r="R5652" t="s">
        <v>669</v>
      </c>
      <c r="S5652">
        <v>1</v>
      </c>
      <c r="T5652" t="s">
        <v>661</v>
      </c>
      <c r="U5652">
        <v>8</v>
      </c>
      <c r="V5652">
        <v>3</v>
      </c>
      <c r="W5652">
        <v>180</v>
      </c>
      <c r="X5652">
        <v>2020</v>
      </c>
    </row>
    <row r="5653" spans="1:24" x14ac:dyDescent="0.25">
      <c r="A5653">
        <v>2505</v>
      </c>
      <c r="B5653" t="s">
        <v>67</v>
      </c>
      <c r="C5653">
        <v>62</v>
      </c>
      <c r="D5653" t="s">
        <v>402</v>
      </c>
      <c r="E5653">
        <v>446</v>
      </c>
      <c r="F5653" t="s">
        <v>651</v>
      </c>
      <c r="G5653">
        <v>160</v>
      </c>
      <c r="H5653" t="s">
        <v>658</v>
      </c>
      <c r="I5653">
        <v>13755</v>
      </c>
      <c r="J5653" t="s">
        <v>1088</v>
      </c>
      <c r="K5653">
        <v>38</v>
      </c>
      <c r="L5653" t="s">
        <v>1089</v>
      </c>
      <c r="M5653">
        <v>135</v>
      </c>
      <c r="N5653" t="s">
        <v>654</v>
      </c>
      <c r="O5653">
        <v>3</v>
      </c>
      <c r="P5653" t="s">
        <v>655</v>
      </c>
      <c r="Q5653">
        <v>1</v>
      </c>
      <c r="R5653" t="s">
        <v>669</v>
      </c>
      <c r="S5653">
        <v>1</v>
      </c>
      <c r="T5653" t="s">
        <v>661</v>
      </c>
      <c r="U5653">
        <v>8</v>
      </c>
      <c r="V5653">
        <v>3</v>
      </c>
      <c r="W5653">
        <v>180</v>
      </c>
      <c r="X5653">
        <v>2020</v>
      </c>
    </row>
    <row r="5654" spans="1:24" x14ac:dyDescent="0.25">
      <c r="A5654">
        <v>2504</v>
      </c>
      <c r="B5654" t="s">
        <v>67</v>
      </c>
      <c r="C5654">
        <v>62</v>
      </c>
      <c r="D5654" t="s">
        <v>422</v>
      </c>
      <c r="E5654">
        <v>445</v>
      </c>
      <c r="F5654" t="s">
        <v>651</v>
      </c>
      <c r="G5654">
        <v>160</v>
      </c>
      <c r="H5654" t="s">
        <v>658</v>
      </c>
      <c r="I5654">
        <v>13755</v>
      </c>
      <c r="J5654" t="s">
        <v>1538</v>
      </c>
      <c r="K5654">
        <v>36</v>
      </c>
      <c r="L5654" t="s">
        <v>1538</v>
      </c>
      <c r="M5654">
        <v>125</v>
      </c>
      <c r="N5654" t="s">
        <v>654</v>
      </c>
      <c r="O5654">
        <v>3</v>
      </c>
      <c r="P5654" t="s">
        <v>655</v>
      </c>
      <c r="Q5654">
        <v>1</v>
      </c>
      <c r="R5654" t="s">
        <v>669</v>
      </c>
      <c r="S5654">
        <v>1</v>
      </c>
      <c r="T5654" t="s">
        <v>661</v>
      </c>
      <c r="U5654">
        <v>8</v>
      </c>
      <c r="V5654">
        <v>6</v>
      </c>
      <c r="W5654">
        <v>360</v>
      </c>
      <c r="X5654">
        <v>2020</v>
      </c>
    </row>
    <row r="5655" spans="1:24" x14ac:dyDescent="0.25">
      <c r="A5655">
        <v>2487</v>
      </c>
      <c r="B5655" t="s">
        <v>67</v>
      </c>
      <c r="C5655">
        <v>62</v>
      </c>
      <c r="D5655" t="s">
        <v>423</v>
      </c>
      <c r="E5655">
        <v>440</v>
      </c>
      <c r="F5655" t="s">
        <v>651</v>
      </c>
      <c r="G5655">
        <v>160</v>
      </c>
      <c r="H5655" t="s">
        <v>1605</v>
      </c>
      <c r="I5655">
        <v>1001</v>
      </c>
      <c r="J5655" t="s">
        <v>299</v>
      </c>
      <c r="K5655">
        <v>27</v>
      </c>
      <c r="L5655" t="s">
        <v>690</v>
      </c>
      <c r="M5655">
        <v>89</v>
      </c>
      <c r="N5655" t="s">
        <v>654</v>
      </c>
      <c r="O5655">
        <v>3</v>
      </c>
      <c r="P5655" t="s">
        <v>655</v>
      </c>
      <c r="Q5655">
        <v>1</v>
      </c>
      <c r="R5655" t="s">
        <v>669</v>
      </c>
      <c r="S5655">
        <v>1</v>
      </c>
      <c r="T5655" t="s">
        <v>661</v>
      </c>
      <c r="U5655">
        <v>8</v>
      </c>
      <c r="V5655">
        <v>3</v>
      </c>
      <c r="W5655">
        <v>180</v>
      </c>
      <c r="X5655">
        <v>2020</v>
      </c>
    </row>
    <row r="5656" spans="1:24" x14ac:dyDescent="0.25">
      <c r="A5656">
        <v>2468</v>
      </c>
      <c r="B5656" t="s">
        <v>67</v>
      </c>
      <c r="C5656">
        <v>62</v>
      </c>
      <c r="D5656" t="s">
        <v>424</v>
      </c>
      <c r="E5656">
        <v>433</v>
      </c>
      <c r="F5656" t="s">
        <v>651</v>
      </c>
      <c r="G5656">
        <v>160</v>
      </c>
      <c r="H5656" t="s">
        <v>744</v>
      </c>
      <c r="I5656">
        <v>3143</v>
      </c>
      <c r="J5656" t="s">
        <v>684</v>
      </c>
      <c r="K5656">
        <v>22</v>
      </c>
      <c r="L5656" t="s">
        <v>1943</v>
      </c>
      <c r="M5656">
        <v>70</v>
      </c>
      <c r="N5656" t="s">
        <v>654</v>
      </c>
      <c r="O5656">
        <v>3</v>
      </c>
      <c r="P5656" t="s">
        <v>655</v>
      </c>
      <c r="Q5656">
        <v>1</v>
      </c>
      <c r="R5656" t="s">
        <v>669</v>
      </c>
      <c r="S5656">
        <v>1</v>
      </c>
      <c r="T5656" t="s">
        <v>661</v>
      </c>
      <c r="U5656">
        <v>8</v>
      </c>
      <c r="V5656">
        <v>3</v>
      </c>
      <c r="W5656">
        <v>180</v>
      </c>
      <c r="X5656">
        <v>2020</v>
      </c>
    </row>
    <row r="5657" spans="1:24" x14ac:dyDescent="0.25">
      <c r="A5657">
        <v>2467</v>
      </c>
      <c r="B5657" t="s">
        <v>67</v>
      </c>
      <c r="C5657">
        <v>62</v>
      </c>
      <c r="D5657" t="s">
        <v>424</v>
      </c>
      <c r="E5657">
        <v>433</v>
      </c>
      <c r="F5657" t="s">
        <v>651</v>
      </c>
      <c r="G5657">
        <v>160</v>
      </c>
      <c r="H5657" t="s">
        <v>744</v>
      </c>
      <c r="I5657">
        <v>3143</v>
      </c>
      <c r="J5657" t="s">
        <v>868</v>
      </c>
      <c r="K5657">
        <v>23</v>
      </c>
      <c r="L5657" t="s">
        <v>868</v>
      </c>
      <c r="M5657">
        <v>73</v>
      </c>
      <c r="N5657" t="s">
        <v>654</v>
      </c>
      <c r="O5657">
        <v>3</v>
      </c>
      <c r="P5657" t="s">
        <v>655</v>
      </c>
      <c r="Q5657">
        <v>1</v>
      </c>
      <c r="R5657" t="s">
        <v>669</v>
      </c>
      <c r="S5657">
        <v>1</v>
      </c>
      <c r="T5657" t="s">
        <v>661</v>
      </c>
      <c r="U5657">
        <v>8</v>
      </c>
      <c r="V5657">
        <v>3</v>
      </c>
      <c r="W5657">
        <v>180</v>
      </c>
      <c r="X5657">
        <v>2020</v>
      </c>
    </row>
    <row r="5658" spans="1:24" x14ac:dyDescent="0.25">
      <c r="A5658">
        <v>2466</v>
      </c>
      <c r="B5658" t="s">
        <v>67</v>
      </c>
      <c r="C5658">
        <v>62</v>
      </c>
      <c r="D5658" t="s">
        <v>425</v>
      </c>
      <c r="E5658">
        <v>432</v>
      </c>
      <c r="F5658" t="s">
        <v>651</v>
      </c>
      <c r="G5658">
        <v>160</v>
      </c>
      <c r="H5658" t="s">
        <v>658</v>
      </c>
      <c r="I5658">
        <v>13755</v>
      </c>
      <c r="J5658" t="s">
        <v>868</v>
      </c>
      <c r="K5658">
        <v>23</v>
      </c>
      <c r="L5658" t="s">
        <v>868</v>
      </c>
      <c r="M5658">
        <v>73</v>
      </c>
      <c r="N5658" t="s">
        <v>654</v>
      </c>
      <c r="O5658">
        <v>3</v>
      </c>
      <c r="P5658" t="s">
        <v>655</v>
      </c>
      <c r="Q5658">
        <v>1</v>
      </c>
      <c r="R5658" t="s">
        <v>669</v>
      </c>
      <c r="S5658">
        <v>1</v>
      </c>
      <c r="T5658" t="s">
        <v>661</v>
      </c>
      <c r="U5658">
        <v>8</v>
      </c>
      <c r="V5658">
        <v>3</v>
      </c>
      <c r="W5658">
        <v>180</v>
      </c>
      <c r="X5658">
        <v>2020</v>
      </c>
    </row>
    <row r="5659" spans="1:24" x14ac:dyDescent="0.25">
      <c r="A5659">
        <v>2439</v>
      </c>
      <c r="B5659" t="s">
        <v>76</v>
      </c>
      <c r="C5659">
        <v>61</v>
      </c>
      <c r="D5659" t="s">
        <v>336</v>
      </c>
      <c r="E5659">
        <v>623</v>
      </c>
      <c r="F5659" t="s">
        <v>651</v>
      </c>
      <c r="G5659">
        <v>160</v>
      </c>
      <c r="H5659" t="s">
        <v>658</v>
      </c>
      <c r="I5659">
        <v>13755</v>
      </c>
      <c r="J5659" t="s">
        <v>797</v>
      </c>
      <c r="K5659">
        <v>65</v>
      </c>
      <c r="L5659" t="s">
        <v>3892</v>
      </c>
      <c r="M5659">
        <v>276</v>
      </c>
      <c r="N5659" t="s">
        <v>654</v>
      </c>
      <c r="O5659">
        <v>3</v>
      </c>
      <c r="P5659" t="s">
        <v>655</v>
      </c>
      <c r="Q5659">
        <v>1</v>
      </c>
      <c r="R5659" t="s">
        <v>669</v>
      </c>
      <c r="S5659">
        <v>1</v>
      </c>
      <c r="T5659" t="s">
        <v>661</v>
      </c>
      <c r="U5659">
        <v>8</v>
      </c>
      <c r="V5659">
        <v>4</v>
      </c>
      <c r="W5659">
        <v>240</v>
      </c>
      <c r="X5659">
        <v>2020</v>
      </c>
    </row>
    <row r="5660" spans="1:24" x14ac:dyDescent="0.25">
      <c r="A5660">
        <v>2437</v>
      </c>
      <c r="B5660" t="s">
        <v>76</v>
      </c>
      <c r="C5660">
        <v>61</v>
      </c>
      <c r="D5660" t="s">
        <v>360</v>
      </c>
      <c r="E5660">
        <v>421</v>
      </c>
      <c r="F5660" t="s">
        <v>651</v>
      </c>
      <c r="G5660">
        <v>160</v>
      </c>
      <c r="H5660" t="s">
        <v>658</v>
      </c>
      <c r="I5660">
        <v>13755</v>
      </c>
      <c r="J5660" t="s">
        <v>1028</v>
      </c>
      <c r="K5660">
        <v>33</v>
      </c>
      <c r="L5660" t="s">
        <v>3898</v>
      </c>
      <c r="M5660">
        <v>497</v>
      </c>
      <c r="N5660" t="s">
        <v>654</v>
      </c>
      <c r="O5660">
        <v>3</v>
      </c>
      <c r="P5660" t="s">
        <v>655</v>
      </c>
      <c r="Q5660">
        <v>1</v>
      </c>
      <c r="R5660" t="s">
        <v>669</v>
      </c>
      <c r="S5660">
        <v>1</v>
      </c>
      <c r="T5660" t="s">
        <v>661</v>
      </c>
      <c r="U5660">
        <v>8</v>
      </c>
      <c r="V5660">
        <v>3</v>
      </c>
      <c r="W5660">
        <v>180</v>
      </c>
      <c r="X5660">
        <v>2020</v>
      </c>
    </row>
    <row r="5661" spans="1:24" x14ac:dyDescent="0.25">
      <c r="A5661">
        <v>2436</v>
      </c>
      <c r="B5661" t="s">
        <v>76</v>
      </c>
      <c r="C5661">
        <v>61</v>
      </c>
      <c r="D5661" t="s">
        <v>360</v>
      </c>
      <c r="E5661">
        <v>421</v>
      </c>
      <c r="F5661" t="s">
        <v>651</v>
      </c>
      <c r="G5661">
        <v>160</v>
      </c>
      <c r="H5661" t="s">
        <v>658</v>
      </c>
      <c r="I5661">
        <v>13755</v>
      </c>
      <c r="J5661" t="s">
        <v>679</v>
      </c>
      <c r="K5661">
        <v>32</v>
      </c>
      <c r="L5661" t="s">
        <v>1612</v>
      </c>
      <c r="M5661">
        <v>463</v>
      </c>
      <c r="N5661" t="s">
        <v>654</v>
      </c>
      <c r="O5661">
        <v>3</v>
      </c>
      <c r="P5661" t="s">
        <v>655</v>
      </c>
      <c r="Q5661">
        <v>1</v>
      </c>
      <c r="R5661" t="s">
        <v>669</v>
      </c>
      <c r="S5661">
        <v>1</v>
      </c>
      <c r="T5661" t="s">
        <v>661</v>
      </c>
      <c r="U5661">
        <v>8</v>
      </c>
      <c r="V5661">
        <v>3</v>
      </c>
      <c r="W5661">
        <v>180</v>
      </c>
      <c r="X5661">
        <v>2020</v>
      </c>
    </row>
    <row r="5662" spans="1:24" x14ac:dyDescent="0.25">
      <c r="A5662">
        <v>2435</v>
      </c>
      <c r="B5662" t="s">
        <v>76</v>
      </c>
      <c r="C5662">
        <v>61</v>
      </c>
      <c r="D5662" t="s">
        <v>316</v>
      </c>
      <c r="E5662">
        <v>420</v>
      </c>
      <c r="F5662" t="s">
        <v>651</v>
      </c>
      <c r="G5662">
        <v>160</v>
      </c>
      <c r="H5662" t="s">
        <v>658</v>
      </c>
      <c r="I5662">
        <v>13755</v>
      </c>
      <c r="J5662" t="s">
        <v>295</v>
      </c>
      <c r="K5662">
        <v>30</v>
      </c>
      <c r="L5662" t="s">
        <v>295</v>
      </c>
      <c r="M5662">
        <v>96</v>
      </c>
      <c r="N5662" t="s">
        <v>654</v>
      </c>
      <c r="O5662">
        <v>3</v>
      </c>
      <c r="P5662" t="s">
        <v>689</v>
      </c>
      <c r="Q5662">
        <v>4</v>
      </c>
      <c r="R5662" t="s">
        <v>669</v>
      </c>
      <c r="S5662">
        <v>1</v>
      </c>
      <c r="T5662" t="s">
        <v>661</v>
      </c>
      <c r="U5662">
        <v>8</v>
      </c>
      <c r="V5662">
        <v>3</v>
      </c>
      <c r="W5662">
        <v>180</v>
      </c>
      <c r="X5662">
        <v>2020</v>
      </c>
    </row>
    <row r="5663" spans="1:24" x14ac:dyDescent="0.25">
      <c r="A5663">
        <v>2434</v>
      </c>
      <c r="B5663" t="s">
        <v>76</v>
      </c>
      <c r="C5663">
        <v>61</v>
      </c>
      <c r="D5663" t="s">
        <v>316</v>
      </c>
      <c r="E5663">
        <v>420</v>
      </c>
      <c r="F5663" t="s">
        <v>651</v>
      </c>
      <c r="G5663">
        <v>160</v>
      </c>
      <c r="H5663" t="s">
        <v>658</v>
      </c>
      <c r="I5663">
        <v>13755</v>
      </c>
      <c r="J5663" t="s">
        <v>295</v>
      </c>
      <c r="K5663">
        <v>30</v>
      </c>
      <c r="L5663" t="s">
        <v>295</v>
      </c>
      <c r="M5663">
        <v>96</v>
      </c>
      <c r="N5663" t="s">
        <v>654</v>
      </c>
      <c r="O5663">
        <v>3</v>
      </c>
      <c r="P5663" t="s">
        <v>655</v>
      </c>
      <c r="Q5663">
        <v>1</v>
      </c>
      <c r="R5663" t="s">
        <v>669</v>
      </c>
      <c r="S5663">
        <v>1</v>
      </c>
      <c r="T5663" t="s">
        <v>661</v>
      </c>
      <c r="U5663">
        <v>8</v>
      </c>
      <c r="V5663">
        <v>3</v>
      </c>
      <c r="W5663">
        <v>180</v>
      </c>
      <c r="X5663">
        <v>2020</v>
      </c>
    </row>
    <row r="5664" spans="1:24" x14ac:dyDescent="0.25">
      <c r="A5664">
        <v>2433</v>
      </c>
      <c r="B5664" t="s">
        <v>76</v>
      </c>
      <c r="C5664">
        <v>61</v>
      </c>
      <c r="D5664" t="s">
        <v>316</v>
      </c>
      <c r="E5664">
        <v>420</v>
      </c>
      <c r="F5664" t="s">
        <v>651</v>
      </c>
      <c r="G5664">
        <v>160</v>
      </c>
      <c r="H5664" t="s">
        <v>658</v>
      </c>
      <c r="I5664">
        <v>13755</v>
      </c>
      <c r="J5664" t="s">
        <v>955</v>
      </c>
      <c r="K5664">
        <v>29</v>
      </c>
      <c r="L5664" t="s">
        <v>2089</v>
      </c>
      <c r="M5664">
        <v>94</v>
      </c>
      <c r="N5664" t="s">
        <v>654</v>
      </c>
      <c r="O5664">
        <v>3</v>
      </c>
      <c r="P5664" t="s">
        <v>689</v>
      </c>
      <c r="Q5664">
        <v>4</v>
      </c>
      <c r="R5664" t="s">
        <v>669</v>
      </c>
      <c r="S5664">
        <v>1</v>
      </c>
      <c r="T5664" t="s">
        <v>661</v>
      </c>
      <c r="U5664">
        <v>8</v>
      </c>
      <c r="V5664">
        <v>3</v>
      </c>
      <c r="W5664">
        <v>180</v>
      </c>
      <c r="X5664">
        <v>2020</v>
      </c>
    </row>
    <row r="5665" spans="1:24" x14ac:dyDescent="0.25">
      <c r="A5665">
        <v>2432</v>
      </c>
      <c r="B5665" t="s">
        <v>76</v>
      </c>
      <c r="C5665">
        <v>61</v>
      </c>
      <c r="D5665" t="s">
        <v>316</v>
      </c>
      <c r="E5665">
        <v>420</v>
      </c>
      <c r="F5665" t="s">
        <v>651</v>
      </c>
      <c r="G5665">
        <v>160</v>
      </c>
      <c r="H5665" t="s">
        <v>658</v>
      </c>
      <c r="I5665">
        <v>13755</v>
      </c>
      <c r="J5665" t="s">
        <v>955</v>
      </c>
      <c r="K5665">
        <v>29</v>
      </c>
      <c r="L5665" t="s">
        <v>2089</v>
      </c>
      <c r="M5665">
        <v>94</v>
      </c>
      <c r="N5665" t="s">
        <v>654</v>
      </c>
      <c r="O5665">
        <v>3</v>
      </c>
      <c r="P5665" t="s">
        <v>655</v>
      </c>
      <c r="Q5665">
        <v>1</v>
      </c>
      <c r="R5665" t="s">
        <v>669</v>
      </c>
      <c r="S5665">
        <v>1</v>
      </c>
      <c r="T5665" t="s">
        <v>661</v>
      </c>
      <c r="U5665">
        <v>8</v>
      </c>
      <c r="V5665">
        <v>3</v>
      </c>
      <c r="W5665">
        <v>180</v>
      </c>
      <c r="X5665">
        <v>2020</v>
      </c>
    </row>
    <row r="5666" spans="1:24" x14ac:dyDescent="0.25">
      <c r="A5666">
        <v>2431</v>
      </c>
      <c r="B5666" t="s">
        <v>76</v>
      </c>
      <c r="C5666">
        <v>61</v>
      </c>
      <c r="D5666" t="s">
        <v>316</v>
      </c>
      <c r="E5666">
        <v>420</v>
      </c>
      <c r="F5666" t="s">
        <v>651</v>
      </c>
      <c r="G5666">
        <v>160</v>
      </c>
      <c r="H5666" t="s">
        <v>658</v>
      </c>
      <c r="I5666">
        <v>13755</v>
      </c>
      <c r="J5666" t="s">
        <v>299</v>
      </c>
      <c r="K5666">
        <v>27</v>
      </c>
      <c r="L5666" t="s">
        <v>690</v>
      </c>
      <c r="M5666">
        <v>89</v>
      </c>
      <c r="N5666" t="s">
        <v>654</v>
      </c>
      <c r="O5666">
        <v>3</v>
      </c>
      <c r="P5666" t="s">
        <v>689</v>
      </c>
      <c r="Q5666">
        <v>4</v>
      </c>
      <c r="R5666" t="s">
        <v>669</v>
      </c>
      <c r="S5666">
        <v>1</v>
      </c>
      <c r="T5666" t="s">
        <v>661</v>
      </c>
      <c r="U5666">
        <v>8</v>
      </c>
      <c r="V5666">
        <v>3</v>
      </c>
      <c r="W5666">
        <v>180</v>
      </c>
      <c r="X5666">
        <v>2020</v>
      </c>
    </row>
    <row r="5667" spans="1:24" x14ac:dyDescent="0.25">
      <c r="A5667">
        <v>2430</v>
      </c>
      <c r="B5667" t="s">
        <v>76</v>
      </c>
      <c r="C5667">
        <v>61</v>
      </c>
      <c r="D5667" t="s">
        <v>316</v>
      </c>
      <c r="E5667">
        <v>420</v>
      </c>
      <c r="F5667" t="s">
        <v>651</v>
      </c>
      <c r="G5667">
        <v>160</v>
      </c>
      <c r="H5667" t="s">
        <v>658</v>
      </c>
      <c r="I5667">
        <v>13755</v>
      </c>
      <c r="J5667" t="s">
        <v>299</v>
      </c>
      <c r="K5667">
        <v>27</v>
      </c>
      <c r="L5667" t="s">
        <v>690</v>
      </c>
      <c r="M5667">
        <v>89</v>
      </c>
      <c r="N5667" t="s">
        <v>654</v>
      </c>
      <c r="O5667">
        <v>3</v>
      </c>
      <c r="P5667" t="s">
        <v>655</v>
      </c>
      <c r="Q5667">
        <v>1</v>
      </c>
      <c r="R5667" t="s">
        <v>669</v>
      </c>
      <c r="S5667">
        <v>1</v>
      </c>
      <c r="T5667" t="s">
        <v>661</v>
      </c>
      <c r="U5667">
        <v>8</v>
      </c>
      <c r="V5667">
        <v>3</v>
      </c>
      <c r="W5667">
        <v>180</v>
      </c>
      <c r="X5667">
        <v>2020</v>
      </c>
    </row>
    <row r="5668" spans="1:24" x14ac:dyDescent="0.25">
      <c r="A5668">
        <v>2429</v>
      </c>
      <c r="B5668" t="s">
        <v>76</v>
      </c>
      <c r="C5668">
        <v>61</v>
      </c>
      <c r="D5668" t="s">
        <v>316</v>
      </c>
      <c r="E5668">
        <v>420</v>
      </c>
      <c r="F5668" t="s">
        <v>651</v>
      </c>
      <c r="G5668">
        <v>160</v>
      </c>
      <c r="H5668" t="s">
        <v>658</v>
      </c>
      <c r="I5668">
        <v>13755</v>
      </c>
      <c r="J5668" t="s">
        <v>301</v>
      </c>
      <c r="K5668">
        <v>26</v>
      </c>
      <c r="L5668" t="s">
        <v>930</v>
      </c>
      <c r="M5668">
        <v>84</v>
      </c>
      <c r="N5668" t="s">
        <v>654</v>
      </c>
      <c r="O5668">
        <v>3</v>
      </c>
      <c r="P5668" t="s">
        <v>689</v>
      </c>
      <c r="Q5668">
        <v>4</v>
      </c>
      <c r="R5668" t="s">
        <v>669</v>
      </c>
      <c r="S5668">
        <v>1</v>
      </c>
      <c r="T5668" t="s">
        <v>661</v>
      </c>
      <c r="U5668">
        <v>8</v>
      </c>
      <c r="V5668">
        <v>3</v>
      </c>
      <c r="W5668">
        <v>180</v>
      </c>
      <c r="X5668">
        <v>2020</v>
      </c>
    </row>
    <row r="5669" spans="1:24" x14ac:dyDescent="0.25">
      <c r="A5669">
        <v>2428</v>
      </c>
      <c r="B5669" t="s">
        <v>76</v>
      </c>
      <c r="C5669">
        <v>61</v>
      </c>
      <c r="D5669" t="s">
        <v>316</v>
      </c>
      <c r="E5669">
        <v>420</v>
      </c>
      <c r="F5669" t="s">
        <v>651</v>
      </c>
      <c r="G5669">
        <v>160</v>
      </c>
      <c r="H5669" t="s">
        <v>658</v>
      </c>
      <c r="I5669">
        <v>13755</v>
      </c>
      <c r="J5669" t="s">
        <v>301</v>
      </c>
      <c r="K5669">
        <v>26</v>
      </c>
      <c r="L5669" t="s">
        <v>930</v>
      </c>
      <c r="M5669">
        <v>84</v>
      </c>
      <c r="N5669" t="s">
        <v>654</v>
      </c>
      <c r="O5669">
        <v>3</v>
      </c>
      <c r="P5669" t="s">
        <v>655</v>
      </c>
      <c r="Q5669">
        <v>1</v>
      </c>
      <c r="R5669" t="s">
        <v>669</v>
      </c>
      <c r="S5669">
        <v>1</v>
      </c>
      <c r="T5669" t="s">
        <v>661</v>
      </c>
      <c r="U5669">
        <v>8</v>
      </c>
      <c r="V5669">
        <v>3</v>
      </c>
      <c r="W5669">
        <v>180</v>
      </c>
      <c r="X5669">
        <v>2020</v>
      </c>
    </row>
    <row r="5670" spans="1:24" x14ac:dyDescent="0.25">
      <c r="A5670">
        <v>2427</v>
      </c>
      <c r="B5670" t="s">
        <v>76</v>
      </c>
      <c r="C5670">
        <v>61</v>
      </c>
      <c r="D5670" t="s">
        <v>316</v>
      </c>
      <c r="E5670">
        <v>420</v>
      </c>
      <c r="F5670" t="s">
        <v>651</v>
      </c>
      <c r="G5670">
        <v>160</v>
      </c>
      <c r="H5670" t="s">
        <v>658</v>
      </c>
      <c r="I5670">
        <v>13755</v>
      </c>
      <c r="J5670" t="s">
        <v>807</v>
      </c>
      <c r="K5670">
        <v>25</v>
      </c>
      <c r="L5670" t="s">
        <v>1603</v>
      </c>
      <c r="M5670">
        <v>81</v>
      </c>
      <c r="N5670" t="s">
        <v>654</v>
      </c>
      <c r="O5670">
        <v>3</v>
      </c>
      <c r="P5670" t="s">
        <v>689</v>
      </c>
      <c r="Q5670">
        <v>4</v>
      </c>
      <c r="R5670" t="s">
        <v>669</v>
      </c>
      <c r="S5670">
        <v>1</v>
      </c>
      <c r="T5670" t="s">
        <v>661</v>
      </c>
      <c r="U5670">
        <v>8</v>
      </c>
      <c r="V5670">
        <v>3</v>
      </c>
      <c r="W5670">
        <v>180</v>
      </c>
      <c r="X5670">
        <v>2020</v>
      </c>
    </row>
    <row r="5671" spans="1:24" x14ac:dyDescent="0.25">
      <c r="A5671">
        <v>2426</v>
      </c>
      <c r="B5671" t="s">
        <v>76</v>
      </c>
      <c r="C5671">
        <v>61</v>
      </c>
      <c r="D5671" t="s">
        <v>316</v>
      </c>
      <c r="E5671">
        <v>420</v>
      </c>
      <c r="F5671" t="s">
        <v>651</v>
      </c>
      <c r="G5671">
        <v>160</v>
      </c>
      <c r="H5671" t="s">
        <v>658</v>
      </c>
      <c r="I5671">
        <v>13755</v>
      </c>
      <c r="J5671" t="s">
        <v>807</v>
      </c>
      <c r="K5671">
        <v>25</v>
      </c>
      <c r="L5671" t="s">
        <v>1603</v>
      </c>
      <c r="M5671">
        <v>81</v>
      </c>
      <c r="N5671" t="s">
        <v>654</v>
      </c>
      <c r="O5671">
        <v>3</v>
      </c>
      <c r="P5671" t="s">
        <v>655</v>
      </c>
      <c r="Q5671">
        <v>1</v>
      </c>
      <c r="R5671" t="s">
        <v>669</v>
      </c>
      <c r="S5671">
        <v>1</v>
      </c>
      <c r="T5671" t="s">
        <v>661</v>
      </c>
      <c r="U5671">
        <v>8</v>
      </c>
      <c r="V5671">
        <v>3</v>
      </c>
      <c r="W5671">
        <v>180</v>
      </c>
      <c r="X5671">
        <v>2020</v>
      </c>
    </row>
    <row r="5672" spans="1:24" x14ac:dyDescent="0.25">
      <c r="A5672">
        <v>2418</v>
      </c>
      <c r="B5672" t="s">
        <v>76</v>
      </c>
      <c r="C5672">
        <v>61</v>
      </c>
      <c r="D5672" t="s">
        <v>346</v>
      </c>
      <c r="E5672">
        <v>624</v>
      </c>
      <c r="F5672" t="s">
        <v>651</v>
      </c>
      <c r="G5672">
        <v>160</v>
      </c>
      <c r="H5672" t="s">
        <v>658</v>
      </c>
      <c r="I5672">
        <v>13755</v>
      </c>
      <c r="J5672" t="s">
        <v>894</v>
      </c>
      <c r="K5672">
        <v>18</v>
      </c>
      <c r="L5672" t="s">
        <v>894</v>
      </c>
      <c r="M5672">
        <v>58</v>
      </c>
      <c r="N5672" t="s">
        <v>654</v>
      </c>
      <c r="O5672">
        <v>3</v>
      </c>
      <c r="P5672" t="s">
        <v>655</v>
      </c>
      <c r="Q5672">
        <v>1</v>
      </c>
      <c r="R5672" t="s">
        <v>669</v>
      </c>
      <c r="S5672">
        <v>1</v>
      </c>
      <c r="T5672" t="s">
        <v>661</v>
      </c>
      <c r="U5672">
        <v>8</v>
      </c>
      <c r="V5672">
        <v>3</v>
      </c>
      <c r="W5672">
        <v>180</v>
      </c>
      <c r="X5672">
        <v>2020</v>
      </c>
    </row>
    <row r="5673" spans="1:24" x14ac:dyDescent="0.25">
      <c r="A5673">
        <v>2415</v>
      </c>
      <c r="B5673" t="s">
        <v>76</v>
      </c>
      <c r="C5673">
        <v>61</v>
      </c>
      <c r="D5673" t="s">
        <v>346</v>
      </c>
      <c r="E5673">
        <v>624</v>
      </c>
      <c r="F5673" t="s">
        <v>651</v>
      </c>
      <c r="G5673">
        <v>160</v>
      </c>
      <c r="H5673" t="s">
        <v>658</v>
      </c>
      <c r="I5673">
        <v>13755</v>
      </c>
      <c r="J5673" t="s">
        <v>699</v>
      </c>
      <c r="K5673">
        <v>10</v>
      </c>
      <c r="L5673" t="s">
        <v>1096</v>
      </c>
      <c r="M5673">
        <v>341</v>
      </c>
      <c r="N5673" t="s">
        <v>654</v>
      </c>
      <c r="O5673">
        <v>3</v>
      </c>
      <c r="P5673" t="s">
        <v>655</v>
      </c>
      <c r="Q5673">
        <v>1</v>
      </c>
      <c r="R5673" t="s">
        <v>669</v>
      </c>
      <c r="S5673">
        <v>1</v>
      </c>
      <c r="T5673" t="s">
        <v>1295</v>
      </c>
      <c r="U5673">
        <v>10</v>
      </c>
      <c r="V5673">
        <v>3</v>
      </c>
      <c r="W5673">
        <v>180</v>
      </c>
      <c r="X5673">
        <v>2020</v>
      </c>
    </row>
    <row r="5674" spans="1:24" x14ac:dyDescent="0.25">
      <c r="A5674">
        <v>2414</v>
      </c>
      <c r="B5674" t="s">
        <v>76</v>
      </c>
      <c r="C5674">
        <v>61</v>
      </c>
      <c r="D5674" t="s">
        <v>346</v>
      </c>
      <c r="E5674">
        <v>624</v>
      </c>
      <c r="F5674" t="s">
        <v>651</v>
      </c>
      <c r="G5674">
        <v>160</v>
      </c>
      <c r="H5674" t="s">
        <v>658</v>
      </c>
      <c r="I5674">
        <v>13755</v>
      </c>
      <c r="J5674" t="s">
        <v>802</v>
      </c>
      <c r="K5674">
        <v>12</v>
      </c>
      <c r="L5674" t="s">
        <v>802</v>
      </c>
      <c r="M5674">
        <v>36</v>
      </c>
      <c r="N5674" t="s">
        <v>654</v>
      </c>
      <c r="O5674">
        <v>3</v>
      </c>
      <c r="P5674" t="s">
        <v>655</v>
      </c>
      <c r="Q5674">
        <v>1</v>
      </c>
      <c r="R5674" t="s">
        <v>669</v>
      </c>
      <c r="S5674">
        <v>1</v>
      </c>
      <c r="T5674" t="s">
        <v>661</v>
      </c>
      <c r="U5674">
        <v>8</v>
      </c>
      <c r="V5674">
        <v>3</v>
      </c>
      <c r="W5674">
        <v>180</v>
      </c>
      <c r="X5674">
        <v>2020</v>
      </c>
    </row>
    <row r="5675" spans="1:24" x14ac:dyDescent="0.25">
      <c r="A5675">
        <v>2413</v>
      </c>
      <c r="B5675" t="s">
        <v>76</v>
      </c>
      <c r="C5675">
        <v>61</v>
      </c>
      <c r="D5675" t="s">
        <v>346</v>
      </c>
      <c r="E5675">
        <v>624</v>
      </c>
      <c r="F5675" t="s">
        <v>651</v>
      </c>
      <c r="G5675">
        <v>160</v>
      </c>
      <c r="H5675" t="s">
        <v>658</v>
      </c>
      <c r="I5675">
        <v>13755</v>
      </c>
      <c r="J5675" t="s">
        <v>792</v>
      </c>
      <c r="K5675">
        <v>6</v>
      </c>
      <c r="L5675" t="s">
        <v>792</v>
      </c>
      <c r="M5675">
        <v>16</v>
      </c>
      <c r="N5675" t="s">
        <v>654</v>
      </c>
      <c r="O5675">
        <v>3</v>
      </c>
      <c r="P5675" t="s">
        <v>655</v>
      </c>
      <c r="Q5675">
        <v>1</v>
      </c>
      <c r="R5675" t="s">
        <v>669</v>
      </c>
      <c r="S5675">
        <v>1</v>
      </c>
      <c r="T5675" t="s">
        <v>661</v>
      </c>
      <c r="U5675">
        <v>8</v>
      </c>
      <c r="V5675">
        <v>3</v>
      </c>
      <c r="W5675">
        <v>180</v>
      </c>
      <c r="X5675">
        <v>2020</v>
      </c>
    </row>
    <row r="5676" spans="1:24" x14ac:dyDescent="0.25">
      <c r="A5676">
        <v>2412</v>
      </c>
      <c r="B5676" t="s">
        <v>76</v>
      </c>
      <c r="C5676">
        <v>61</v>
      </c>
      <c r="D5676" t="s">
        <v>336</v>
      </c>
      <c r="E5676">
        <v>623</v>
      </c>
      <c r="F5676" t="s">
        <v>651</v>
      </c>
      <c r="G5676">
        <v>160</v>
      </c>
      <c r="H5676" t="s">
        <v>658</v>
      </c>
      <c r="I5676">
        <v>13755</v>
      </c>
      <c r="J5676" t="s">
        <v>726</v>
      </c>
      <c r="K5676">
        <v>2</v>
      </c>
      <c r="L5676" t="s">
        <v>726</v>
      </c>
      <c r="M5676">
        <v>4</v>
      </c>
      <c r="N5676" t="s">
        <v>654</v>
      </c>
      <c r="O5676">
        <v>3</v>
      </c>
      <c r="P5676" t="s">
        <v>655</v>
      </c>
      <c r="Q5676">
        <v>1</v>
      </c>
      <c r="R5676" t="s">
        <v>669</v>
      </c>
      <c r="S5676">
        <v>1</v>
      </c>
      <c r="T5676" t="s">
        <v>661</v>
      </c>
      <c r="U5676">
        <v>8</v>
      </c>
      <c r="V5676">
        <v>3</v>
      </c>
      <c r="W5676">
        <v>180</v>
      </c>
      <c r="X5676">
        <v>2020</v>
      </c>
    </row>
    <row r="5677" spans="1:24" x14ac:dyDescent="0.25">
      <c r="A5677">
        <v>2411</v>
      </c>
      <c r="B5677" t="s">
        <v>76</v>
      </c>
      <c r="C5677">
        <v>61</v>
      </c>
      <c r="D5677" t="s">
        <v>336</v>
      </c>
      <c r="E5677">
        <v>623</v>
      </c>
      <c r="F5677" t="s">
        <v>651</v>
      </c>
      <c r="G5677">
        <v>160</v>
      </c>
      <c r="H5677" t="s">
        <v>658</v>
      </c>
      <c r="I5677">
        <v>13755</v>
      </c>
      <c r="J5677" t="s">
        <v>676</v>
      </c>
      <c r="K5677">
        <v>4</v>
      </c>
      <c r="L5677" t="s">
        <v>676</v>
      </c>
      <c r="M5677">
        <v>12</v>
      </c>
      <c r="N5677" t="s">
        <v>654</v>
      </c>
      <c r="O5677">
        <v>3</v>
      </c>
      <c r="P5677" t="s">
        <v>655</v>
      </c>
      <c r="Q5677">
        <v>1</v>
      </c>
      <c r="R5677" t="s">
        <v>669</v>
      </c>
      <c r="S5677">
        <v>1</v>
      </c>
      <c r="T5677" t="s">
        <v>661</v>
      </c>
      <c r="U5677">
        <v>8</v>
      </c>
      <c r="V5677">
        <v>3</v>
      </c>
      <c r="W5677">
        <v>180</v>
      </c>
      <c r="X5677">
        <v>2020</v>
      </c>
    </row>
    <row r="5678" spans="1:24" x14ac:dyDescent="0.25">
      <c r="A5678">
        <v>2410</v>
      </c>
      <c r="B5678" t="s">
        <v>53</v>
      </c>
      <c r="C5678">
        <v>60</v>
      </c>
      <c r="D5678" t="s">
        <v>427</v>
      </c>
      <c r="E5678">
        <v>411</v>
      </c>
      <c r="F5678" t="s">
        <v>651</v>
      </c>
      <c r="G5678">
        <v>160</v>
      </c>
      <c r="H5678" t="s">
        <v>658</v>
      </c>
      <c r="I5678">
        <v>13755</v>
      </c>
      <c r="J5678" t="s">
        <v>955</v>
      </c>
      <c r="K5678">
        <v>29</v>
      </c>
      <c r="L5678" t="s">
        <v>955</v>
      </c>
      <c r="M5678">
        <v>95</v>
      </c>
      <c r="N5678" t="s">
        <v>654</v>
      </c>
      <c r="O5678">
        <v>3</v>
      </c>
      <c r="P5678" t="s">
        <v>655</v>
      </c>
      <c r="Q5678">
        <v>1</v>
      </c>
      <c r="R5678" t="s">
        <v>669</v>
      </c>
      <c r="S5678">
        <v>1</v>
      </c>
      <c r="T5678" t="s">
        <v>661</v>
      </c>
      <c r="U5678">
        <v>8</v>
      </c>
      <c r="V5678">
        <v>3</v>
      </c>
      <c r="W5678">
        <v>180</v>
      </c>
      <c r="X5678">
        <v>2020</v>
      </c>
    </row>
    <row r="5679" spans="1:24" x14ac:dyDescent="0.25">
      <c r="A5679">
        <v>2409</v>
      </c>
      <c r="B5679" t="s">
        <v>53</v>
      </c>
      <c r="C5679">
        <v>60</v>
      </c>
      <c r="D5679" t="s">
        <v>428</v>
      </c>
      <c r="E5679">
        <v>410</v>
      </c>
      <c r="F5679" t="s">
        <v>651</v>
      </c>
      <c r="G5679">
        <v>160</v>
      </c>
      <c r="H5679" t="s">
        <v>658</v>
      </c>
      <c r="I5679">
        <v>13755</v>
      </c>
      <c r="J5679" t="s">
        <v>955</v>
      </c>
      <c r="K5679">
        <v>29</v>
      </c>
      <c r="L5679" t="s">
        <v>2089</v>
      </c>
      <c r="M5679">
        <v>94</v>
      </c>
      <c r="N5679" t="s">
        <v>654</v>
      </c>
      <c r="O5679">
        <v>3</v>
      </c>
      <c r="P5679" t="s">
        <v>746</v>
      </c>
      <c r="Q5679">
        <v>2</v>
      </c>
      <c r="R5679" t="s">
        <v>669</v>
      </c>
      <c r="S5679">
        <v>1</v>
      </c>
      <c r="T5679" t="s">
        <v>661</v>
      </c>
      <c r="U5679">
        <v>8</v>
      </c>
      <c r="V5679">
        <v>3</v>
      </c>
      <c r="W5679">
        <v>180</v>
      </c>
      <c r="X5679">
        <v>2020</v>
      </c>
    </row>
    <row r="5680" spans="1:24" x14ac:dyDescent="0.25">
      <c r="A5680">
        <v>2408</v>
      </c>
      <c r="B5680" t="s">
        <v>53</v>
      </c>
      <c r="C5680">
        <v>60</v>
      </c>
      <c r="D5680" t="s">
        <v>428</v>
      </c>
      <c r="E5680">
        <v>410</v>
      </c>
      <c r="F5680" t="s">
        <v>651</v>
      </c>
      <c r="G5680">
        <v>160</v>
      </c>
      <c r="H5680" t="s">
        <v>658</v>
      </c>
      <c r="I5680">
        <v>13755</v>
      </c>
      <c r="J5680" t="s">
        <v>955</v>
      </c>
      <c r="K5680">
        <v>29</v>
      </c>
      <c r="L5680" t="s">
        <v>2089</v>
      </c>
      <c r="M5680">
        <v>94</v>
      </c>
      <c r="N5680" t="s">
        <v>654</v>
      </c>
      <c r="O5680">
        <v>3</v>
      </c>
      <c r="P5680" t="s">
        <v>655</v>
      </c>
      <c r="Q5680">
        <v>1</v>
      </c>
      <c r="R5680" t="s">
        <v>669</v>
      </c>
      <c r="S5680">
        <v>1</v>
      </c>
      <c r="T5680" t="s">
        <v>661</v>
      </c>
      <c r="U5680">
        <v>8</v>
      </c>
      <c r="V5680">
        <v>3</v>
      </c>
      <c r="W5680">
        <v>180</v>
      </c>
      <c r="X5680">
        <v>2020</v>
      </c>
    </row>
    <row r="5681" spans="1:24" x14ac:dyDescent="0.25">
      <c r="A5681">
        <v>2407</v>
      </c>
      <c r="B5681" t="s">
        <v>53</v>
      </c>
      <c r="C5681">
        <v>60</v>
      </c>
      <c r="D5681" t="s">
        <v>428</v>
      </c>
      <c r="E5681">
        <v>410</v>
      </c>
      <c r="F5681" t="s">
        <v>651</v>
      </c>
      <c r="G5681">
        <v>160</v>
      </c>
      <c r="H5681" t="s">
        <v>658</v>
      </c>
      <c r="I5681">
        <v>13755</v>
      </c>
      <c r="J5681" t="s">
        <v>299</v>
      </c>
      <c r="K5681">
        <v>27</v>
      </c>
      <c r="L5681" t="s">
        <v>690</v>
      </c>
      <c r="M5681">
        <v>89</v>
      </c>
      <c r="N5681" t="s">
        <v>654</v>
      </c>
      <c r="O5681">
        <v>3</v>
      </c>
      <c r="P5681" t="s">
        <v>655</v>
      </c>
      <c r="Q5681">
        <v>1</v>
      </c>
      <c r="R5681" t="s">
        <v>669</v>
      </c>
      <c r="S5681">
        <v>1</v>
      </c>
      <c r="T5681" t="s">
        <v>661</v>
      </c>
      <c r="U5681">
        <v>8</v>
      </c>
      <c r="V5681">
        <v>3</v>
      </c>
      <c r="W5681">
        <v>180</v>
      </c>
      <c r="X5681">
        <v>2020</v>
      </c>
    </row>
    <row r="5682" spans="1:24" x14ac:dyDescent="0.25">
      <c r="A5682">
        <v>2405</v>
      </c>
      <c r="B5682" t="s">
        <v>53</v>
      </c>
      <c r="C5682">
        <v>60</v>
      </c>
      <c r="D5682" t="s">
        <v>428</v>
      </c>
      <c r="E5682">
        <v>410</v>
      </c>
      <c r="F5682" t="s">
        <v>651</v>
      </c>
      <c r="G5682">
        <v>160</v>
      </c>
      <c r="H5682" t="s">
        <v>658</v>
      </c>
      <c r="I5682">
        <v>13755</v>
      </c>
      <c r="J5682" t="s">
        <v>807</v>
      </c>
      <c r="K5682">
        <v>25</v>
      </c>
      <c r="L5682" t="s">
        <v>1603</v>
      </c>
      <c r="M5682">
        <v>81</v>
      </c>
      <c r="N5682" t="s">
        <v>654</v>
      </c>
      <c r="O5682">
        <v>3</v>
      </c>
      <c r="P5682" t="s">
        <v>655</v>
      </c>
      <c r="Q5682">
        <v>1</v>
      </c>
      <c r="R5682" t="s">
        <v>669</v>
      </c>
      <c r="S5682">
        <v>1</v>
      </c>
      <c r="T5682" t="s">
        <v>661</v>
      </c>
      <c r="U5682">
        <v>8</v>
      </c>
      <c r="V5682">
        <v>3</v>
      </c>
      <c r="W5682">
        <v>180</v>
      </c>
      <c r="X5682">
        <v>2020</v>
      </c>
    </row>
    <row r="5683" spans="1:24" x14ac:dyDescent="0.25">
      <c r="A5683">
        <v>2404</v>
      </c>
      <c r="B5683" t="s">
        <v>53</v>
      </c>
      <c r="C5683">
        <v>60</v>
      </c>
      <c r="D5683" t="s">
        <v>405</v>
      </c>
      <c r="E5683">
        <v>409</v>
      </c>
      <c r="F5683" t="s">
        <v>651</v>
      </c>
      <c r="G5683">
        <v>160</v>
      </c>
      <c r="H5683" t="s">
        <v>658</v>
      </c>
      <c r="I5683">
        <v>13755</v>
      </c>
      <c r="J5683" t="s">
        <v>294</v>
      </c>
      <c r="K5683">
        <v>31</v>
      </c>
      <c r="L5683" t="s">
        <v>294</v>
      </c>
      <c r="M5683">
        <v>98</v>
      </c>
      <c r="N5683" t="s">
        <v>654</v>
      </c>
      <c r="O5683">
        <v>3</v>
      </c>
      <c r="P5683" t="s">
        <v>746</v>
      </c>
      <c r="Q5683">
        <v>2</v>
      </c>
      <c r="R5683" t="s">
        <v>669</v>
      </c>
      <c r="S5683">
        <v>1</v>
      </c>
      <c r="T5683" t="s">
        <v>661</v>
      </c>
      <c r="U5683">
        <v>8</v>
      </c>
      <c r="V5683">
        <v>3</v>
      </c>
      <c r="W5683">
        <v>180</v>
      </c>
      <c r="X5683">
        <v>2020</v>
      </c>
    </row>
    <row r="5684" spans="1:24" x14ac:dyDescent="0.25">
      <c r="A5684">
        <v>2403</v>
      </c>
      <c r="B5684" t="s">
        <v>53</v>
      </c>
      <c r="C5684">
        <v>60</v>
      </c>
      <c r="D5684" t="s">
        <v>405</v>
      </c>
      <c r="E5684">
        <v>409</v>
      </c>
      <c r="F5684" t="s">
        <v>651</v>
      </c>
      <c r="G5684">
        <v>160</v>
      </c>
      <c r="H5684" t="s">
        <v>658</v>
      </c>
      <c r="I5684">
        <v>13755</v>
      </c>
      <c r="J5684" t="s">
        <v>294</v>
      </c>
      <c r="K5684">
        <v>31</v>
      </c>
      <c r="L5684" t="s">
        <v>294</v>
      </c>
      <c r="M5684">
        <v>98</v>
      </c>
      <c r="N5684" t="s">
        <v>654</v>
      </c>
      <c r="O5684">
        <v>3</v>
      </c>
      <c r="P5684" t="s">
        <v>655</v>
      </c>
      <c r="Q5684">
        <v>1</v>
      </c>
      <c r="R5684" t="s">
        <v>669</v>
      </c>
      <c r="S5684">
        <v>1</v>
      </c>
      <c r="T5684" t="s">
        <v>661</v>
      </c>
      <c r="U5684">
        <v>8</v>
      </c>
      <c r="V5684">
        <v>3</v>
      </c>
      <c r="W5684">
        <v>180</v>
      </c>
      <c r="X5684">
        <v>2020</v>
      </c>
    </row>
    <row r="5685" spans="1:24" x14ac:dyDescent="0.25">
      <c r="A5685">
        <v>2402</v>
      </c>
      <c r="B5685" t="s">
        <v>53</v>
      </c>
      <c r="C5685">
        <v>60</v>
      </c>
      <c r="D5685" t="s">
        <v>405</v>
      </c>
      <c r="E5685">
        <v>409</v>
      </c>
      <c r="F5685" t="s">
        <v>651</v>
      </c>
      <c r="G5685">
        <v>160</v>
      </c>
      <c r="H5685" t="s">
        <v>658</v>
      </c>
      <c r="I5685">
        <v>13755</v>
      </c>
      <c r="J5685" t="s">
        <v>295</v>
      </c>
      <c r="K5685">
        <v>30</v>
      </c>
      <c r="L5685" t="s">
        <v>295</v>
      </c>
      <c r="M5685">
        <v>96</v>
      </c>
      <c r="N5685" t="s">
        <v>654</v>
      </c>
      <c r="O5685">
        <v>3</v>
      </c>
      <c r="P5685" t="s">
        <v>746</v>
      </c>
      <c r="Q5685">
        <v>2</v>
      </c>
      <c r="R5685" t="s">
        <v>669</v>
      </c>
      <c r="S5685">
        <v>1</v>
      </c>
      <c r="T5685" t="s">
        <v>661</v>
      </c>
      <c r="U5685">
        <v>8</v>
      </c>
      <c r="V5685">
        <v>3</v>
      </c>
      <c r="W5685">
        <v>180</v>
      </c>
      <c r="X5685">
        <v>2020</v>
      </c>
    </row>
    <row r="5686" spans="1:24" x14ac:dyDescent="0.25">
      <c r="A5686">
        <v>2401</v>
      </c>
      <c r="B5686" t="s">
        <v>53</v>
      </c>
      <c r="C5686">
        <v>60</v>
      </c>
      <c r="D5686" t="s">
        <v>405</v>
      </c>
      <c r="E5686">
        <v>409</v>
      </c>
      <c r="F5686" t="s">
        <v>651</v>
      </c>
      <c r="G5686">
        <v>160</v>
      </c>
      <c r="H5686" t="s">
        <v>658</v>
      </c>
      <c r="I5686">
        <v>13755</v>
      </c>
      <c r="J5686" t="s">
        <v>295</v>
      </c>
      <c r="K5686">
        <v>30</v>
      </c>
      <c r="L5686" t="s">
        <v>295</v>
      </c>
      <c r="M5686">
        <v>96</v>
      </c>
      <c r="N5686" t="s">
        <v>654</v>
      </c>
      <c r="O5686">
        <v>3</v>
      </c>
      <c r="P5686" t="s">
        <v>655</v>
      </c>
      <c r="Q5686">
        <v>1</v>
      </c>
      <c r="R5686" t="s">
        <v>669</v>
      </c>
      <c r="S5686">
        <v>1</v>
      </c>
      <c r="T5686" t="s">
        <v>661</v>
      </c>
      <c r="U5686">
        <v>8</v>
      </c>
      <c r="V5686">
        <v>3</v>
      </c>
      <c r="W5686">
        <v>180</v>
      </c>
      <c r="X5686">
        <v>2020</v>
      </c>
    </row>
    <row r="5687" spans="1:24" x14ac:dyDescent="0.25">
      <c r="A5687">
        <v>2400</v>
      </c>
      <c r="B5687" t="s">
        <v>53</v>
      </c>
      <c r="C5687">
        <v>60</v>
      </c>
      <c r="D5687" t="s">
        <v>429</v>
      </c>
      <c r="E5687">
        <v>408</v>
      </c>
      <c r="F5687" t="s">
        <v>651</v>
      </c>
      <c r="G5687">
        <v>160</v>
      </c>
      <c r="H5687" t="s">
        <v>658</v>
      </c>
      <c r="I5687">
        <v>13755</v>
      </c>
      <c r="J5687" t="s">
        <v>1094</v>
      </c>
      <c r="K5687">
        <v>28</v>
      </c>
      <c r="L5687" t="s">
        <v>296</v>
      </c>
      <c r="M5687">
        <v>91</v>
      </c>
      <c r="N5687" t="s">
        <v>654</v>
      </c>
      <c r="O5687">
        <v>3</v>
      </c>
      <c r="P5687" t="s">
        <v>655</v>
      </c>
      <c r="Q5687">
        <v>1</v>
      </c>
      <c r="R5687" t="s">
        <v>669</v>
      </c>
      <c r="S5687">
        <v>1</v>
      </c>
      <c r="T5687" t="s">
        <v>661</v>
      </c>
      <c r="U5687">
        <v>8</v>
      </c>
      <c r="V5687">
        <v>3</v>
      </c>
      <c r="W5687">
        <v>180</v>
      </c>
      <c r="X5687">
        <v>2020</v>
      </c>
    </row>
    <row r="5688" spans="1:24" x14ac:dyDescent="0.25">
      <c r="A5688">
        <v>2399</v>
      </c>
      <c r="B5688" t="s">
        <v>53</v>
      </c>
      <c r="C5688">
        <v>60</v>
      </c>
      <c r="D5688" t="s">
        <v>430</v>
      </c>
      <c r="E5688">
        <v>407</v>
      </c>
      <c r="F5688" t="s">
        <v>651</v>
      </c>
      <c r="G5688">
        <v>160</v>
      </c>
      <c r="H5688" t="s">
        <v>658</v>
      </c>
      <c r="I5688">
        <v>13755</v>
      </c>
      <c r="J5688" t="s">
        <v>301</v>
      </c>
      <c r="K5688">
        <v>26</v>
      </c>
      <c r="L5688" t="s">
        <v>930</v>
      </c>
      <c r="M5688">
        <v>84</v>
      </c>
      <c r="N5688" t="s">
        <v>654</v>
      </c>
      <c r="O5688">
        <v>3</v>
      </c>
      <c r="P5688" t="s">
        <v>746</v>
      </c>
      <c r="Q5688">
        <v>2</v>
      </c>
      <c r="R5688" t="s">
        <v>669</v>
      </c>
      <c r="S5688">
        <v>1</v>
      </c>
      <c r="T5688" t="s">
        <v>661</v>
      </c>
      <c r="U5688">
        <v>8</v>
      </c>
      <c r="V5688">
        <v>3</v>
      </c>
      <c r="W5688">
        <v>180</v>
      </c>
      <c r="X5688">
        <v>2020</v>
      </c>
    </row>
    <row r="5689" spans="1:24" x14ac:dyDescent="0.25">
      <c r="A5689">
        <v>2398</v>
      </c>
      <c r="B5689" t="s">
        <v>53</v>
      </c>
      <c r="C5689">
        <v>60</v>
      </c>
      <c r="D5689" t="s">
        <v>430</v>
      </c>
      <c r="E5689">
        <v>407</v>
      </c>
      <c r="F5689" t="s">
        <v>651</v>
      </c>
      <c r="G5689">
        <v>160</v>
      </c>
      <c r="H5689" t="s">
        <v>658</v>
      </c>
      <c r="I5689">
        <v>13755</v>
      </c>
      <c r="J5689" t="s">
        <v>301</v>
      </c>
      <c r="K5689">
        <v>26</v>
      </c>
      <c r="L5689" t="s">
        <v>930</v>
      </c>
      <c r="M5689">
        <v>84</v>
      </c>
      <c r="N5689" t="s">
        <v>654</v>
      </c>
      <c r="O5689">
        <v>3</v>
      </c>
      <c r="P5689" t="s">
        <v>655</v>
      </c>
      <c r="Q5689">
        <v>1</v>
      </c>
      <c r="R5689" t="s">
        <v>669</v>
      </c>
      <c r="S5689">
        <v>1</v>
      </c>
      <c r="T5689" t="s">
        <v>661</v>
      </c>
      <c r="U5689">
        <v>8</v>
      </c>
      <c r="V5689">
        <v>3</v>
      </c>
      <c r="W5689">
        <v>180</v>
      </c>
      <c r="X5689">
        <v>2020</v>
      </c>
    </row>
    <row r="5690" spans="1:24" x14ac:dyDescent="0.25">
      <c r="A5690">
        <v>2397</v>
      </c>
      <c r="B5690" t="s">
        <v>53</v>
      </c>
      <c r="C5690">
        <v>60</v>
      </c>
      <c r="D5690" t="s">
        <v>11</v>
      </c>
      <c r="E5690">
        <v>406</v>
      </c>
      <c r="F5690" t="s">
        <v>651</v>
      </c>
      <c r="G5690">
        <v>160</v>
      </c>
      <c r="H5690" t="s">
        <v>658</v>
      </c>
      <c r="I5690">
        <v>13755</v>
      </c>
      <c r="J5690" t="s">
        <v>65</v>
      </c>
      <c r="K5690">
        <v>15</v>
      </c>
      <c r="L5690" t="s">
        <v>65</v>
      </c>
      <c r="M5690">
        <v>51</v>
      </c>
      <c r="N5690" t="s">
        <v>654</v>
      </c>
      <c r="O5690">
        <v>3</v>
      </c>
      <c r="P5690" t="s">
        <v>746</v>
      </c>
      <c r="Q5690">
        <v>2</v>
      </c>
      <c r="R5690" t="s">
        <v>669</v>
      </c>
      <c r="S5690">
        <v>1</v>
      </c>
      <c r="T5690" t="s">
        <v>661</v>
      </c>
      <c r="U5690">
        <v>8</v>
      </c>
      <c r="V5690">
        <v>4</v>
      </c>
      <c r="W5690">
        <v>240</v>
      </c>
      <c r="X5690">
        <v>2020</v>
      </c>
    </row>
    <row r="5691" spans="1:24" x14ac:dyDescent="0.25">
      <c r="A5691">
        <v>2396</v>
      </c>
      <c r="B5691" t="s">
        <v>53</v>
      </c>
      <c r="C5691">
        <v>60</v>
      </c>
      <c r="D5691" t="s">
        <v>11</v>
      </c>
      <c r="E5691">
        <v>406</v>
      </c>
      <c r="F5691" t="s">
        <v>651</v>
      </c>
      <c r="G5691">
        <v>160</v>
      </c>
      <c r="H5691" t="s">
        <v>658</v>
      </c>
      <c r="I5691">
        <v>13755</v>
      </c>
      <c r="J5691" t="s">
        <v>65</v>
      </c>
      <c r="K5691">
        <v>15</v>
      </c>
      <c r="L5691" t="s">
        <v>65</v>
      </c>
      <c r="M5691">
        <v>51</v>
      </c>
      <c r="N5691" t="s">
        <v>654</v>
      </c>
      <c r="O5691">
        <v>3</v>
      </c>
      <c r="P5691" t="s">
        <v>655</v>
      </c>
      <c r="Q5691">
        <v>1</v>
      </c>
      <c r="R5691" t="s">
        <v>669</v>
      </c>
      <c r="S5691">
        <v>1</v>
      </c>
      <c r="T5691" t="s">
        <v>661</v>
      </c>
      <c r="U5691">
        <v>8</v>
      </c>
      <c r="V5691">
        <v>4</v>
      </c>
      <c r="W5691">
        <v>240</v>
      </c>
      <c r="X5691">
        <v>2020</v>
      </c>
    </row>
    <row r="5692" spans="1:24" x14ac:dyDescent="0.25">
      <c r="A5692">
        <v>2395</v>
      </c>
      <c r="B5692" t="s">
        <v>287</v>
      </c>
      <c r="C5692">
        <v>59</v>
      </c>
      <c r="D5692" t="s">
        <v>431</v>
      </c>
      <c r="E5692">
        <v>405</v>
      </c>
      <c r="F5692" t="s">
        <v>651</v>
      </c>
      <c r="G5692">
        <v>160</v>
      </c>
      <c r="H5692" t="s">
        <v>658</v>
      </c>
      <c r="I5692">
        <v>13755</v>
      </c>
      <c r="J5692" t="s">
        <v>682</v>
      </c>
      <c r="K5692">
        <v>20</v>
      </c>
      <c r="L5692" t="s">
        <v>904</v>
      </c>
      <c r="M5692">
        <v>61</v>
      </c>
      <c r="N5692" t="s">
        <v>654</v>
      </c>
      <c r="O5692">
        <v>3</v>
      </c>
      <c r="P5692" t="s">
        <v>689</v>
      </c>
      <c r="Q5692">
        <v>4</v>
      </c>
      <c r="R5692" t="s">
        <v>669</v>
      </c>
      <c r="S5692">
        <v>1</v>
      </c>
      <c r="T5692" t="s">
        <v>661</v>
      </c>
      <c r="U5692">
        <v>8</v>
      </c>
      <c r="V5692">
        <v>3</v>
      </c>
      <c r="W5692">
        <v>180</v>
      </c>
      <c r="X5692">
        <v>2020</v>
      </c>
    </row>
    <row r="5693" spans="1:24" x14ac:dyDescent="0.25">
      <c r="A5693">
        <v>2394</v>
      </c>
      <c r="B5693" t="s">
        <v>287</v>
      </c>
      <c r="C5693">
        <v>59</v>
      </c>
      <c r="D5693" t="s">
        <v>431</v>
      </c>
      <c r="E5693">
        <v>405</v>
      </c>
      <c r="F5693" t="s">
        <v>651</v>
      </c>
      <c r="G5693">
        <v>160</v>
      </c>
      <c r="H5693" t="s">
        <v>658</v>
      </c>
      <c r="I5693">
        <v>13755</v>
      </c>
      <c r="J5693" t="s">
        <v>682</v>
      </c>
      <c r="K5693">
        <v>20</v>
      </c>
      <c r="L5693" t="s">
        <v>904</v>
      </c>
      <c r="M5693">
        <v>61</v>
      </c>
      <c r="N5693" t="s">
        <v>654</v>
      </c>
      <c r="O5693">
        <v>3</v>
      </c>
      <c r="P5693" t="s">
        <v>655</v>
      </c>
      <c r="Q5693">
        <v>1</v>
      </c>
      <c r="R5693" t="s">
        <v>669</v>
      </c>
      <c r="S5693">
        <v>1</v>
      </c>
      <c r="T5693" t="s">
        <v>661</v>
      </c>
      <c r="U5693">
        <v>8</v>
      </c>
      <c r="V5693">
        <v>3</v>
      </c>
      <c r="W5693">
        <v>180</v>
      </c>
      <c r="X5693">
        <v>2020</v>
      </c>
    </row>
    <row r="5694" spans="1:24" x14ac:dyDescent="0.25">
      <c r="A5694">
        <v>2391</v>
      </c>
      <c r="B5694" t="s">
        <v>287</v>
      </c>
      <c r="C5694">
        <v>59</v>
      </c>
      <c r="D5694" t="s">
        <v>9</v>
      </c>
      <c r="E5694">
        <v>404</v>
      </c>
      <c r="F5694" t="s">
        <v>651</v>
      </c>
      <c r="G5694">
        <v>160</v>
      </c>
      <c r="H5694" t="s">
        <v>658</v>
      </c>
      <c r="I5694">
        <v>13755</v>
      </c>
      <c r="J5694" t="s">
        <v>299</v>
      </c>
      <c r="K5694">
        <v>27</v>
      </c>
      <c r="L5694" t="s">
        <v>690</v>
      </c>
      <c r="M5694">
        <v>89</v>
      </c>
      <c r="N5694" t="s">
        <v>654</v>
      </c>
      <c r="O5694">
        <v>3</v>
      </c>
      <c r="P5694" t="s">
        <v>689</v>
      </c>
      <c r="Q5694">
        <v>4</v>
      </c>
      <c r="R5694" t="s">
        <v>669</v>
      </c>
      <c r="S5694">
        <v>1</v>
      </c>
      <c r="T5694" t="s">
        <v>661</v>
      </c>
      <c r="U5694">
        <v>8</v>
      </c>
      <c r="V5694">
        <v>3</v>
      </c>
      <c r="W5694">
        <v>180</v>
      </c>
      <c r="X5694">
        <v>2020</v>
      </c>
    </row>
    <row r="5695" spans="1:24" x14ac:dyDescent="0.25">
      <c r="A5695">
        <v>2390</v>
      </c>
      <c r="B5695" t="s">
        <v>287</v>
      </c>
      <c r="C5695">
        <v>59</v>
      </c>
      <c r="D5695" t="s">
        <v>9</v>
      </c>
      <c r="E5695">
        <v>404</v>
      </c>
      <c r="F5695" t="s">
        <v>651</v>
      </c>
      <c r="G5695">
        <v>160</v>
      </c>
      <c r="H5695" t="s">
        <v>658</v>
      </c>
      <c r="I5695">
        <v>13755</v>
      </c>
      <c r="J5695" t="s">
        <v>299</v>
      </c>
      <c r="K5695">
        <v>27</v>
      </c>
      <c r="L5695" t="s">
        <v>690</v>
      </c>
      <c r="M5695">
        <v>89</v>
      </c>
      <c r="N5695" t="s">
        <v>654</v>
      </c>
      <c r="O5695">
        <v>3</v>
      </c>
      <c r="P5695" t="s">
        <v>655</v>
      </c>
      <c r="Q5695">
        <v>1</v>
      </c>
      <c r="R5695" t="s">
        <v>669</v>
      </c>
      <c r="S5695">
        <v>1</v>
      </c>
      <c r="T5695" t="s">
        <v>661</v>
      </c>
      <c r="U5695">
        <v>8</v>
      </c>
      <c r="V5695">
        <v>3</v>
      </c>
      <c r="W5695">
        <v>180</v>
      </c>
      <c r="X5695">
        <v>2020</v>
      </c>
    </row>
    <row r="5696" spans="1:24" x14ac:dyDescent="0.25">
      <c r="A5696">
        <v>2387</v>
      </c>
      <c r="B5696" t="s">
        <v>287</v>
      </c>
      <c r="C5696">
        <v>59</v>
      </c>
      <c r="D5696" t="s">
        <v>9</v>
      </c>
      <c r="E5696">
        <v>404</v>
      </c>
      <c r="F5696" t="s">
        <v>651</v>
      </c>
      <c r="G5696">
        <v>160</v>
      </c>
      <c r="H5696" t="s">
        <v>658</v>
      </c>
      <c r="I5696">
        <v>13755</v>
      </c>
      <c r="J5696" t="s">
        <v>301</v>
      </c>
      <c r="K5696">
        <v>26</v>
      </c>
      <c r="L5696" t="s">
        <v>301</v>
      </c>
      <c r="M5696">
        <v>82</v>
      </c>
      <c r="N5696" t="s">
        <v>654</v>
      </c>
      <c r="O5696">
        <v>3</v>
      </c>
      <c r="P5696" t="s">
        <v>655</v>
      </c>
      <c r="Q5696">
        <v>1</v>
      </c>
      <c r="R5696" t="s">
        <v>669</v>
      </c>
      <c r="S5696">
        <v>1</v>
      </c>
      <c r="T5696" t="s">
        <v>661</v>
      </c>
      <c r="U5696">
        <v>8</v>
      </c>
      <c r="V5696">
        <v>3</v>
      </c>
      <c r="W5696">
        <v>180</v>
      </c>
      <c r="X5696">
        <v>2020</v>
      </c>
    </row>
    <row r="5697" spans="1:24" x14ac:dyDescent="0.25">
      <c r="A5697">
        <v>2383</v>
      </c>
      <c r="B5697" t="s">
        <v>287</v>
      </c>
      <c r="C5697">
        <v>59</v>
      </c>
      <c r="D5697" t="s">
        <v>11</v>
      </c>
      <c r="E5697">
        <v>403</v>
      </c>
      <c r="F5697" t="s">
        <v>651</v>
      </c>
      <c r="G5697">
        <v>160</v>
      </c>
      <c r="H5697" t="s">
        <v>658</v>
      </c>
      <c r="I5697">
        <v>13755</v>
      </c>
      <c r="J5697" t="s">
        <v>65</v>
      </c>
      <c r="K5697">
        <v>15</v>
      </c>
      <c r="L5697" t="s">
        <v>65</v>
      </c>
      <c r="M5697">
        <v>51</v>
      </c>
      <c r="N5697" t="s">
        <v>654</v>
      </c>
      <c r="O5697">
        <v>3</v>
      </c>
      <c r="P5697" t="s">
        <v>689</v>
      </c>
      <c r="Q5697">
        <v>4</v>
      </c>
      <c r="R5697" t="s">
        <v>669</v>
      </c>
      <c r="S5697">
        <v>1</v>
      </c>
      <c r="T5697" t="s">
        <v>661</v>
      </c>
      <c r="U5697">
        <v>8</v>
      </c>
      <c r="V5697">
        <v>4</v>
      </c>
      <c r="W5697">
        <v>240</v>
      </c>
      <c r="X5697">
        <v>2020</v>
      </c>
    </row>
    <row r="5698" spans="1:24" x14ac:dyDescent="0.25">
      <c r="A5698">
        <v>2382</v>
      </c>
      <c r="B5698" t="s">
        <v>287</v>
      </c>
      <c r="C5698">
        <v>59</v>
      </c>
      <c r="D5698" t="s">
        <v>11</v>
      </c>
      <c r="E5698">
        <v>403</v>
      </c>
      <c r="F5698" t="s">
        <v>651</v>
      </c>
      <c r="G5698">
        <v>160</v>
      </c>
      <c r="H5698" t="s">
        <v>658</v>
      </c>
      <c r="I5698">
        <v>13755</v>
      </c>
      <c r="J5698" t="s">
        <v>65</v>
      </c>
      <c r="K5698">
        <v>15</v>
      </c>
      <c r="L5698" t="s">
        <v>65</v>
      </c>
      <c r="M5698">
        <v>51</v>
      </c>
      <c r="N5698" t="s">
        <v>654</v>
      </c>
      <c r="O5698">
        <v>3</v>
      </c>
      <c r="P5698" t="s">
        <v>655</v>
      </c>
      <c r="Q5698">
        <v>1</v>
      </c>
      <c r="R5698" t="s">
        <v>669</v>
      </c>
      <c r="S5698">
        <v>1</v>
      </c>
      <c r="T5698" t="s">
        <v>661</v>
      </c>
      <c r="U5698">
        <v>8</v>
      </c>
      <c r="V5698">
        <v>4</v>
      </c>
      <c r="W5698">
        <v>240</v>
      </c>
      <c r="X5698">
        <v>2020</v>
      </c>
    </row>
    <row r="5699" spans="1:24" x14ac:dyDescent="0.25">
      <c r="A5699">
        <v>2377</v>
      </c>
      <c r="B5699" t="s">
        <v>63</v>
      </c>
      <c r="C5699">
        <v>58</v>
      </c>
      <c r="D5699" t="s">
        <v>23</v>
      </c>
      <c r="E5699">
        <v>401</v>
      </c>
      <c r="F5699" t="s">
        <v>651</v>
      </c>
      <c r="G5699">
        <v>160</v>
      </c>
      <c r="H5699" t="s">
        <v>658</v>
      </c>
      <c r="I5699">
        <v>13755</v>
      </c>
      <c r="J5699" t="s">
        <v>676</v>
      </c>
      <c r="K5699">
        <v>4</v>
      </c>
      <c r="L5699" t="s">
        <v>676</v>
      </c>
      <c r="M5699">
        <v>12</v>
      </c>
      <c r="N5699" t="s">
        <v>654</v>
      </c>
      <c r="O5699">
        <v>3</v>
      </c>
      <c r="P5699" t="s">
        <v>689</v>
      </c>
      <c r="Q5699">
        <v>4</v>
      </c>
      <c r="R5699" t="s">
        <v>669</v>
      </c>
      <c r="S5699">
        <v>1</v>
      </c>
      <c r="T5699" t="s">
        <v>661</v>
      </c>
      <c r="U5699">
        <v>8</v>
      </c>
      <c r="V5699">
        <v>3</v>
      </c>
      <c r="W5699">
        <v>180</v>
      </c>
      <c r="X5699">
        <v>2020</v>
      </c>
    </row>
    <row r="5700" spans="1:24" x14ac:dyDescent="0.25">
      <c r="A5700">
        <v>2376</v>
      </c>
      <c r="B5700" t="s">
        <v>63</v>
      </c>
      <c r="C5700">
        <v>58</v>
      </c>
      <c r="D5700" t="s">
        <v>23</v>
      </c>
      <c r="E5700">
        <v>401</v>
      </c>
      <c r="F5700" t="s">
        <v>651</v>
      </c>
      <c r="G5700">
        <v>160</v>
      </c>
      <c r="H5700" t="s">
        <v>658</v>
      </c>
      <c r="I5700">
        <v>13755</v>
      </c>
      <c r="J5700" t="s">
        <v>676</v>
      </c>
      <c r="K5700">
        <v>4</v>
      </c>
      <c r="L5700" t="s">
        <v>676</v>
      </c>
      <c r="M5700">
        <v>12</v>
      </c>
      <c r="N5700" t="s">
        <v>654</v>
      </c>
      <c r="O5700">
        <v>3</v>
      </c>
      <c r="P5700" t="s">
        <v>655</v>
      </c>
      <c r="Q5700">
        <v>1</v>
      </c>
      <c r="R5700" t="s">
        <v>669</v>
      </c>
      <c r="S5700">
        <v>1</v>
      </c>
      <c r="T5700" t="s">
        <v>661</v>
      </c>
      <c r="U5700">
        <v>8</v>
      </c>
      <c r="V5700">
        <v>3</v>
      </c>
      <c r="W5700">
        <v>180</v>
      </c>
      <c r="X5700">
        <v>2020</v>
      </c>
    </row>
    <row r="5701" spans="1:24" x14ac:dyDescent="0.25">
      <c r="A5701">
        <v>2375</v>
      </c>
      <c r="B5701" t="s">
        <v>63</v>
      </c>
      <c r="C5701">
        <v>58</v>
      </c>
      <c r="D5701" t="s">
        <v>382</v>
      </c>
      <c r="E5701">
        <v>400</v>
      </c>
      <c r="F5701" t="s">
        <v>651</v>
      </c>
      <c r="G5701">
        <v>160</v>
      </c>
      <c r="H5701" t="s">
        <v>658</v>
      </c>
      <c r="I5701">
        <v>13755</v>
      </c>
      <c r="J5701" t="s">
        <v>868</v>
      </c>
      <c r="K5701">
        <v>23</v>
      </c>
      <c r="L5701" t="s">
        <v>868</v>
      </c>
      <c r="M5701">
        <v>73</v>
      </c>
      <c r="N5701" t="s">
        <v>654</v>
      </c>
      <c r="O5701">
        <v>3</v>
      </c>
      <c r="P5701" t="s">
        <v>689</v>
      </c>
      <c r="Q5701">
        <v>4</v>
      </c>
      <c r="R5701" t="s">
        <v>669</v>
      </c>
      <c r="S5701">
        <v>1</v>
      </c>
      <c r="T5701" t="s">
        <v>661</v>
      </c>
      <c r="U5701">
        <v>8</v>
      </c>
      <c r="V5701">
        <v>3</v>
      </c>
      <c r="W5701">
        <v>180</v>
      </c>
      <c r="X5701">
        <v>2020</v>
      </c>
    </row>
    <row r="5702" spans="1:24" x14ac:dyDescent="0.25">
      <c r="A5702">
        <v>2374</v>
      </c>
      <c r="B5702" t="s">
        <v>63</v>
      </c>
      <c r="C5702">
        <v>58</v>
      </c>
      <c r="D5702" t="s">
        <v>382</v>
      </c>
      <c r="E5702">
        <v>400</v>
      </c>
      <c r="F5702" t="s">
        <v>651</v>
      </c>
      <c r="G5702">
        <v>160</v>
      </c>
      <c r="H5702" t="s">
        <v>658</v>
      </c>
      <c r="I5702">
        <v>13755</v>
      </c>
      <c r="J5702" t="s">
        <v>868</v>
      </c>
      <c r="K5702">
        <v>23</v>
      </c>
      <c r="L5702" t="s">
        <v>868</v>
      </c>
      <c r="M5702">
        <v>73</v>
      </c>
      <c r="N5702" t="s">
        <v>654</v>
      </c>
      <c r="O5702">
        <v>3</v>
      </c>
      <c r="P5702" t="s">
        <v>655</v>
      </c>
      <c r="Q5702">
        <v>1</v>
      </c>
      <c r="R5702" t="s">
        <v>669</v>
      </c>
      <c r="S5702">
        <v>1</v>
      </c>
      <c r="T5702" t="s">
        <v>661</v>
      </c>
      <c r="U5702">
        <v>8</v>
      </c>
      <c r="V5702">
        <v>3</v>
      </c>
      <c r="W5702">
        <v>180</v>
      </c>
      <c r="X5702">
        <v>2020</v>
      </c>
    </row>
    <row r="5703" spans="1:24" x14ac:dyDescent="0.25">
      <c r="A5703">
        <v>2372</v>
      </c>
      <c r="B5703" t="s">
        <v>63</v>
      </c>
      <c r="C5703">
        <v>58</v>
      </c>
      <c r="D5703" t="s">
        <v>333</v>
      </c>
      <c r="E5703">
        <v>647</v>
      </c>
      <c r="F5703" t="s">
        <v>651</v>
      </c>
      <c r="G5703">
        <v>160</v>
      </c>
      <c r="H5703" t="s">
        <v>1060</v>
      </c>
      <c r="I5703">
        <v>6305</v>
      </c>
      <c r="J5703" t="s">
        <v>299</v>
      </c>
      <c r="K5703">
        <v>27</v>
      </c>
      <c r="L5703" t="s">
        <v>690</v>
      </c>
      <c r="M5703">
        <v>89</v>
      </c>
      <c r="N5703" t="s">
        <v>654</v>
      </c>
      <c r="O5703">
        <v>3</v>
      </c>
      <c r="P5703" t="s">
        <v>655</v>
      </c>
      <c r="Q5703">
        <v>1</v>
      </c>
      <c r="R5703" t="s">
        <v>669</v>
      </c>
      <c r="S5703">
        <v>1</v>
      </c>
      <c r="T5703" t="s">
        <v>661</v>
      </c>
      <c r="U5703">
        <v>8</v>
      </c>
      <c r="V5703">
        <v>3</v>
      </c>
      <c r="W5703">
        <v>180</v>
      </c>
      <c r="X5703">
        <v>2020</v>
      </c>
    </row>
    <row r="5704" spans="1:24" x14ac:dyDescent="0.25">
      <c r="A5704">
        <v>2371</v>
      </c>
      <c r="B5704" t="s">
        <v>63</v>
      </c>
      <c r="C5704">
        <v>58</v>
      </c>
      <c r="D5704" t="s">
        <v>432</v>
      </c>
      <c r="E5704">
        <v>398</v>
      </c>
      <c r="F5704" t="s">
        <v>651</v>
      </c>
      <c r="G5704">
        <v>160</v>
      </c>
      <c r="H5704" t="s">
        <v>658</v>
      </c>
      <c r="I5704">
        <v>13755</v>
      </c>
      <c r="J5704" t="s">
        <v>299</v>
      </c>
      <c r="K5704">
        <v>27</v>
      </c>
      <c r="L5704" t="s">
        <v>690</v>
      </c>
      <c r="M5704">
        <v>89</v>
      </c>
      <c r="N5704" t="s">
        <v>654</v>
      </c>
      <c r="O5704">
        <v>3</v>
      </c>
      <c r="P5704" t="s">
        <v>689</v>
      </c>
      <c r="Q5704">
        <v>4</v>
      </c>
      <c r="R5704" t="s">
        <v>669</v>
      </c>
      <c r="S5704">
        <v>1</v>
      </c>
      <c r="T5704" t="s">
        <v>661</v>
      </c>
      <c r="U5704">
        <v>8</v>
      </c>
      <c r="V5704">
        <v>3</v>
      </c>
      <c r="W5704">
        <v>180</v>
      </c>
      <c r="X5704">
        <v>2020</v>
      </c>
    </row>
    <row r="5705" spans="1:24" x14ac:dyDescent="0.25">
      <c r="A5705">
        <v>2370</v>
      </c>
      <c r="B5705" t="s">
        <v>63</v>
      </c>
      <c r="C5705">
        <v>58</v>
      </c>
      <c r="D5705" t="s">
        <v>432</v>
      </c>
      <c r="E5705">
        <v>398</v>
      </c>
      <c r="F5705" t="s">
        <v>651</v>
      </c>
      <c r="G5705">
        <v>160</v>
      </c>
      <c r="H5705" t="s">
        <v>658</v>
      </c>
      <c r="I5705">
        <v>13755</v>
      </c>
      <c r="J5705" t="s">
        <v>299</v>
      </c>
      <c r="K5705">
        <v>27</v>
      </c>
      <c r="L5705" t="s">
        <v>690</v>
      </c>
      <c r="M5705">
        <v>89</v>
      </c>
      <c r="N5705" t="s">
        <v>654</v>
      </c>
      <c r="O5705">
        <v>3</v>
      </c>
      <c r="P5705" t="s">
        <v>655</v>
      </c>
      <c r="Q5705">
        <v>1</v>
      </c>
      <c r="R5705" t="s">
        <v>669</v>
      </c>
      <c r="S5705">
        <v>1</v>
      </c>
      <c r="T5705" t="s">
        <v>661</v>
      </c>
      <c r="U5705">
        <v>8</v>
      </c>
      <c r="V5705">
        <v>3</v>
      </c>
      <c r="W5705">
        <v>180</v>
      </c>
      <c r="X5705">
        <v>2020</v>
      </c>
    </row>
    <row r="5706" spans="1:24" x14ac:dyDescent="0.25">
      <c r="A5706">
        <v>2369</v>
      </c>
      <c r="B5706" t="s">
        <v>63</v>
      </c>
      <c r="C5706">
        <v>58</v>
      </c>
      <c r="D5706" t="s">
        <v>432</v>
      </c>
      <c r="E5706">
        <v>398</v>
      </c>
      <c r="F5706" t="s">
        <v>651</v>
      </c>
      <c r="G5706">
        <v>160</v>
      </c>
      <c r="H5706" t="s">
        <v>658</v>
      </c>
      <c r="I5706">
        <v>13755</v>
      </c>
      <c r="J5706" t="s">
        <v>301</v>
      </c>
      <c r="K5706">
        <v>26</v>
      </c>
      <c r="L5706" t="s">
        <v>301</v>
      </c>
      <c r="M5706">
        <v>82</v>
      </c>
      <c r="N5706" t="s">
        <v>654</v>
      </c>
      <c r="O5706">
        <v>3</v>
      </c>
      <c r="P5706" t="s">
        <v>655</v>
      </c>
      <c r="Q5706">
        <v>1</v>
      </c>
      <c r="R5706" t="s">
        <v>669</v>
      </c>
      <c r="S5706">
        <v>1</v>
      </c>
      <c r="T5706" t="s">
        <v>661</v>
      </c>
      <c r="U5706">
        <v>8</v>
      </c>
      <c r="V5706">
        <v>3</v>
      </c>
      <c r="W5706">
        <v>180</v>
      </c>
      <c r="X5706">
        <v>2020</v>
      </c>
    </row>
    <row r="5707" spans="1:24" x14ac:dyDescent="0.25">
      <c r="A5707">
        <v>2367</v>
      </c>
      <c r="B5707" t="s">
        <v>63</v>
      </c>
      <c r="C5707">
        <v>58</v>
      </c>
      <c r="D5707" t="s">
        <v>432</v>
      </c>
      <c r="E5707">
        <v>398</v>
      </c>
      <c r="F5707" t="s">
        <v>651</v>
      </c>
      <c r="G5707">
        <v>160</v>
      </c>
      <c r="H5707" t="s">
        <v>658</v>
      </c>
      <c r="I5707">
        <v>13755</v>
      </c>
      <c r="J5707" t="s">
        <v>807</v>
      </c>
      <c r="K5707">
        <v>25</v>
      </c>
      <c r="L5707" t="s">
        <v>1603</v>
      </c>
      <c r="M5707">
        <v>81</v>
      </c>
      <c r="N5707" t="s">
        <v>654</v>
      </c>
      <c r="O5707">
        <v>3</v>
      </c>
      <c r="P5707" t="s">
        <v>689</v>
      </c>
      <c r="Q5707">
        <v>4</v>
      </c>
      <c r="R5707" t="s">
        <v>669</v>
      </c>
      <c r="S5707">
        <v>1</v>
      </c>
      <c r="T5707" t="s">
        <v>661</v>
      </c>
      <c r="U5707">
        <v>8</v>
      </c>
      <c r="V5707">
        <v>3</v>
      </c>
      <c r="W5707">
        <v>180</v>
      </c>
      <c r="X5707">
        <v>2020</v>
      </c>
    </row>
    <row r="5708" spans="1:24" x14ac:dyDescent="0.25">
      <c r="A5708">
        <v>2366</v>
      </c>
      <c r="B5708" t="s">
        <v>63</v>
      </c>
      <c r="C5708">
        <v>58</v>
      </c>
      <c r="D5708" t="s">
        <v>432</v>
      </c>
      <c r="E5708">
        <v>398</v>
      </c>
      <c r="F5708" t="s">
        <v>651</v>
      </c>
      <c r="G5708">
        <v>160</v>
      </c>
      <c r="H5708" t="s">
        <v>658</v>
      </c>
      <c r="I5708">
        <v>13755</v>
      </c>
      <c r="J5708" t="s">
        <v>807</v>
      </c>
      <c r="K5708">
        <v>25</v>
      </c>
      <c r="L5708" t="s">
        <v>1603</v>
      </c>
      <c r="M5708">
        <v>81</v>
      </c>
      <c r="N5708" t="s">
        <v>654</v>
      </c>
      <c r="O5708">
        <v>3</v>
      </c>
      <c r="P5708" t="s">
        <v>655</v>
      </c>
      <c r="Q5708">
        <v>1</v>
      </c>
      <c r="R5708" t="s">
        <v>669</v>
      </c>
      <c r="S5708">
        <v>1</v>
      </c>
      <c r="T5708" t="s">
        <v>661</v>
      </c>
      <c r="U5708">
        <v>8</v>
      </c>
      <c r="V5708">
        <v>3</v>
      </c>
      <c r="W5708">
        <v>180</v>
      </c>
      <c r="X5708">
        <v>2020</v>
      </c>
    </row>
    <row r="5709" spans="1:24" x14ac:dyDescent="0.25">
      <c r="A5709">
        <v>2365</v>
      </c>
      <c r="B5709" t="s">
        <v>63</v>
      </c>
      <c r="C5709">
        <v>58</v>
      </c>
      <c r="D5709" t="s">
        <v>333</v>
      </c>
      <c r="E5709">
        <v>647</v>
      </c>
      <c r="F5709" t="s">
        <v>651</v>
      </c>
      <c r="G5709">
        <v>160</v>
      </c>
      <c r="H5709" t="s">
        <v>1060</v>
      </c>
      <c r="I5709">
        <v>6305</v>
      </c>
      <c r="J5709" t="s">
        <v>65</v>
      </c>
      <c r="K5709">
        <v>15</v>
      </c>
      <c r="L5709" t="s">
        <v>65</v>
      </c>
      <c r="M5709">
        <v>51</v>
      </c>
      <c r="N5709" t="s">
        <v>654</v>
      </c>
      <c r="O5709">
        <v>3</v>
      </c>
      <c r="P5709" t="s">
        <v>655</v>
      </c>
      <c r="Q5709">
        <v>1</v>
      </c>
      <c r="R5709" t="s">
        <v>669</v>
      </c>
      <c r="S5709">
        <v>1</v>
      </c>
      <c r="T5709" t="s">
        <v>661</v>
      </c>
      <c r="U5709">
        <v>8</v>
      </c>
      <c r="V5709">
        <v>4</v>
      </c>
      <c r="W5709">
        <v>240</v>
      </c>
      <c r="X5709">
        <v>2020</v>
      </c>
    </row>
    <row r="5710" spans="1:24" x14ac:dyDescent="0.25">
      <c r="A5710">
        <v>2362</v>
      </c>
      <c r="B5710" t="s">
        <v>63</v>
      </c>
      <c r="C5710">
        <v>58</v>
      </c>
      <c r="D5710" t="s">
        <v>11</v>
      </c>
      <c r="E5710">
        <v>396</v>
      </c>
      <c r="F5710" t="s">
        <v>651</v>
      </c>
      <c r="G5710">
        <v>160</v>
      </c>
      <c r="H5710" t="s">
        <v>658</v>
      </c>
      <c r="I5710">
        <v>13755</v>
      </c>
      <c r="J5710" t="s">
        <v>65</v>
      </c>
      <c r="K5710">
        <v>15</v>
      </c>
      <c r="L5710" t="s">
        <v>65</v>
      </c>
      <c r="M5710">
        <v>51</v>
      </c>
      <c r="N5710" t="s">
        <v>654</v>
      </c>
      <c r="O5710">
        <v>3</v>
      </c>
      <c r="P5710" t="s">
        <v>689</v>
      </c>
      <c r="Q5710">
        <v>4</v>
      </c>
      <c r="R5710" t="s">
        <v>669</v>
      </c>
      <c r="S5710">
        <v>1</v>
      </c>
      <c r="T5710" t="s">
        <v>661</v>
      </c>
      <c r="U5710">
        <v>8</v>
      </c>
      <c r="V5710">
        <v>4</v>
      </c>
      <c r="W5710">
        <v>240</v>
      </c>
      <c r="X5710">
        <v>2020</v>
      </c>
    </row>
    <row r="5711" spans="1:24" x14ac:dyDescent="0.25">
      <c r="A5711">
        <v>2361</v>
      </c>
      <c r="B5711" t="s">
        <v>63</v>
      </c>
      <c r="C5711">
        <v>58</v>
      </c>
      <c r="D5711" t="s">
        <v>11</v>
      </c>
      <c r="E5711">
        <v>396</v>
      </c>
      <c r="F5711" t="s">
        <v>651</v>
      </c>
      <c r="G5711">
        <v>160</v>
      </c>
      <c r="H5711" t="s">
        <v>658</v>
      </c>
      <c r="I5711">
        <v>13755</v>
      </c>
      <c r="J5711" t="s">
        <v>65</v>
      </c>
      <c r="K5711">
        <v>15</v>
      </c>
      <c r="L5711" t="s">
        <v>65</v>
      </c>
      <c r="M5711">
        <v>51</v>
      </c>
      <c r="N5711" t="s">
        <v>654</v>
      </c>
      <c r="O5711">
        <v>3</v>
      </c>
      <c r="P5711" t="s">
        <v>655</v>
      </c>
      <c r="Q5711">
        <v>1</v>
      </c>
      <c r="R5711" t="s">
        <v>669</v>
      </c>
      <c r="S5711">
        <v>1</v>
      </c>
      <c r="T5711" t="s">
        <v>661</v>
      </c>
      <c r="U5711">
        <v>8</v>
      </c>
      <c r="V5711">
        <v>4</v>
      </c>
      <c r="W5711">
        <v>240</v>
      </c>
      <c r="X5711">
        <v>2020</v>
      </c>
    </row>
    <row r="5712" spans="1:24" x14ac:dyDescent="0.25">
      <c r="A5712">
        <v>2351</v>
      </c>
      <c r="B5712" t="s">
        <v>10</v>
      </c>
      <c r="C5712">
        <v>57</v>
      </c>
      <c r="D5712" t="s">
        <v>435</v>
      </c>
      <c r="E5712">
        <v>391</v>
      </c>
      <c r="F5712" t="s">
        <v>651</v>
      </c>
      <c r="G5712">
        <v>160</v>
      </c>
      <c r="H5712" t="s">
        <v>773</v>
      </c>
      <c r="I5712">
        <v>11846</v>
      </c>
      <c r="J5712" t="s">
        <v>301</v>
      </c>
      <c r="K5712">
        <v>26</v>
      </c>
      <c r="L5712" t="s">
        <v>930</v>
      </c>
      <c r="M5712">
        <v>84</v>
      </c>
      <c r="N5712" t="s">
        <v>654</v>
      </c>
      <c r="O5712">
        <v>3</v>
      </c>
      <c r="P5712" t="s">
        <v>655</v>
      </c>
      <c r="Q5712">
        <v>1</v>
      </c>
      <c r="R5712" t="s">
        <v>669</v>
      </c>
      <c r="S5712">
        <v>1</v>
      </c>
      <c r="T5712" t="s">
        <v>661</v>
      </c>
      <c r="U5712">
        <v>8</v>
      </c>
      <c r="V5712">
        <v>3</v>
      </c>
      <c r="W5712">
        <v>180</v>
      </c>
      <c r="X5712">
        <v>2020</v>
      </c>
    </row>
    <row r="5713" spans="1:24" x14ac:dyDescent="0.25">
      <c r="A5713">
        <v>2347</v>
      </c>
      <c r="B5713" t="s">
        <v>10</v>
      </c>
      <c r="C5713">
        <v>57</v>
      </c>
      <c r="D5713" t="s">
        <v>437</v>
      </c>
      <c r="E5713">
        <v>389</v>
      </c>
      <c r="F5713" t="s">
        <v>651</v>
      </c>
      <c r="G5713">
        <v>160</v>
      </c>
      <c r="H5713" t="s">
        <v>739</v>
      </c>
      <c r="I5713">
        <v>4413</v>
      </c>
      <c r="J5713" t="s">
        <v>299</v>
      </c>
      <c r="K5713">
        <v>27</v>
      </c>
      <c r="L5713" t="s">
        <v>690</v>
      </c>
      <c r="M5713">
        <v>89</v>
      </c>
      <c r="N5713" t="s">
        <v>654</v>
      </c>
      <c r="O5713">
        <v>3</v>
      </c>
      <c r="P5713" t="s">
        <v>746</v>
      </c>
      <c r="Q5713">
        <v>2</v>
      </c>
      <c r="R5713" t="s">
        <v>669</v>
      </c>
      <c r="S5713">
        <v>1</v>
      </c>
      <c r="T5713" t="s">
        <v>661</v>
      </c>
      <c r="U5713">
        <v>8</v>
      </c>
      <c r="V5713">
        <v>3</v>
      </c>
      <c r="W5713">
        <v>180</v>
      </c>
      <c r="X5713">
        <v>2020</v>
      </c>
    </row>
    <row r="5714" spans="1:24" x14ac:dyDescent="0.25">
      <c r="A5714">
        <v>2346</v>
      </c>
      <c r="B5714" t="s">
        <v>10</v>
      </c>
      <c r="C5714">
        <v>57</v>
      </c>
      <c r="D5714" t="s">
        <v>437</v>
      </c>
      <c r="E5714">
        <v>389</v>
      </c>
      <c r="F5714" t="s">
        <v>651</v>
      </c>
      <c r="G5714">
        <v>160</v>
      </c>
      <c r="H5714" t="s">
        <v>739</v>
      </c>
      <c r="I5714">
        <v>4413</v>
      </c>
      <c r="J5714" t="s">
        <v>299</v>
      </c>
      <c r="K5714">
        <v>27</v>
      </c>
      <c r="L5714" t="s">
        <v>690</v>
      </c>
      <c r="M5714">
        <v>89</v>
      </c>
      <c r="N5714" t="s">
        <v>654</v>
      </c>
      <c r="O5714">
        <v>3</v>
      </c>
      <c r="P5714" t="s">
        <v>655</v>
      </c>
      <c r="Q5714">
        <v>1</v>
      </c>
      <c r="R5714" t="s">
        <v>669</v>
      </c>
      <c r="S5714">
        <v>1</v>
      </c>
      <c r="T5714" t="s">
        <v>661</v>
      </c>
      <c r="U5714">
        <v>8</v>
      </c>
      <c r="V5714">
        <v>3</v>
      </c>
      <c r="W5714">
        <v>180</v>
      </c>
      <c r="X5714">
        <v>2020</v>
      </c>
    </row>
    <row r="5715" spans="1:24" x14ac:dyDescent="0.25">
      <c r="A5715">
        <v>2341</v>
      </c>
      <c r="B5715" t="s">
        <v>10</v>
      </c>
      <c r="C5715">
        <v>57</v>
      </c>
      <c r="D5715" t="s">
        <v>438</v>
      </c>
      <c r="E5715">
        <v>388</v>
      </c>
      <c r="F5715" t="s">
        <v>651</v>
      </c>
      <c r="G5715">
        <v>160</v>
      </c>
      <c r="H5715" t="s">
        <v>739</v>
      </c>
      <c r="I5715">
        <v>4413</v>
      </c>
      <c r="J5715" t="s">
        <v>65</v>
      </c>
      <c r="K5715">
        <v>15</v>
      </c>
      <c r="L5715" t="s">
        <v>65</v>
      </c>
      <c r="M5715">
        <v>51</v>
      </c>
      <c r="N5715" t="s">
        <v>654</v>
      </c>
      <c r="O5715">
        <v>3</v>
      </c>
      <c r="P5715" t="s">
        <v>746</v>
      </c>
      <c r="Q5715">
        <v>2</v>
      </c>
      <c r="R5715" t="s">
        <v>669</v>
      </c>
      <c r="S5715">
        <v>1</v>
      </c>
      <c r="T5715" t="s">
        <v>661</v>
      </c>
      <c r="U5715">
        <v>8</v>
      </c>
      <c r="V5715">
        <v>4</v>
      </c>
      <c r="W5715">
        <v>240</v>
      </c>
      <c r="X5715">
        <v>2020</v>
      </c>
    </row>
    <row r="5716" spans="1:24" x14ac:dyDescent="0.25">
      <c r="A5716">
        <v>2340</v>
      </c>
      <c r="B5716" t="s">
        <v>10</v>
      </c>
      <c r="C5716">
        <v>57</v>
      </c>
      <c r="D5716" t="s">
        <v>438</v>
      </c>
      <c r="E5716">
        <v>388</v>
      </c>
      <c r="F5716" t="s">
        <v>651</v>
      </c>
      <c r="G5716">
        <v>160</v>
      </c>
      <c r="H5716" t="s">
        <v>739</v>
      </c>
      <c r="I5716">
        <v>4413</v>
      </c>
      <c r="J5716" t="s">
        <v>65</v>
      </c>
      <c r="K5716">
        <v>15</v>
      </c>
      <c r="L5716" t="s">
        <v>65</v>
      </c>
      <c r="M5716">
        <v>51</v>
      </c>
      <c r="N5716" t="s">
        <v>654</v>
      </c>
      <c r="O5716">
        <v>3</v>
      </c>
      <c r="P5716" t="s">
        <v>655</v>
      </c>
      <c r="Q5716">
        <v>1</v>
      </c>
      <c r="R5716" t="s">
        <v>669</v>
      </c>
      <c r="S5716">
        <v>1</v>
      </c>
      <c r="T5716" t="s">
        <v>661</v>
      </c>
      <c r="U5716">
        <v>8</v>
      </c>
      <c r="V5716">
        <v>4</v>
      </c>
      <c r="W5716">
        <v>240</v>
      </c>
      <c r="X5716">
        <v>2020</v>
      </c>
    </row>
    <row r="5717" spans="1:24" x14ac:dyDescent="0.25">
      <c r="A5717">
        <v>2336</v>
      </c>
      <c r="B5717" t="s">
        <v>10</v>
      </c>
      <c r="C5717">
        <v>57</v>
      </c>
      <c r="D5717" t="s">
        <v>440</v>
      </c>
      <c r="E5717">
        <v>386</v>
      </c>
      <c r="F5717" t="s">
        <v>651</v>
      </c>
      <c r="G5717">
        <v>160</v>
      </c>
      <c r="H5717" t="s">
        <v>658</v>
      </c>
      <c r="I5717">
        <v>13755</v>
      </c>
      <c r="J5717" t="s">
        <v>691</v>
      </c>
      <c r="K5717">
        <v>21</v>
      </c>
      <c r="L5717" t="s">
        <v>1923</v>
      </c>
      <c r="M5717">
        <v>67</v>
      </c>
      <c r="N5717" t="s">
        <v>654</v>
      </c>
      <c r="O5717">
        <v>3</v>
      </c>
      <c r="P5717" t="s">
        <v>655</v>
      </c>
      <c r="Q5717">
        <v>1</v>
      </c>
      <c r="R5717" t="s">
        <v>669</v>
      </c>
      <c r="S5717">
        <v>1</v>
      </c>
      <c r="T5717" t="s">
        <v>661</v>
      </c>
      <c r="U5717">
        <v>8</v>
      </c>
      <c r="V5717">
        <v>3</v>
      </c>
      <c r="W5717">
        <v>180</v>
      </c>
      <c r="X5717">
        <v>2020</v>
      </c>
    </row>
    <row r="5718" spans="1:24" x14ac:dyDescent="0.25">
      <c r="A5718">
        <v>2333</v>
      </c>
      <c r="B5718" t="s">
        <v>10</v>
      </c>
      <c r="C5718">
        <v>57</v>
      </c>
      <c r="D5718" t="s">
        <v>9</v>
      </c>
      <c r="E5718">
        <v>1385</v>
      </c>
      <c r="F5718" t="s">
        <v>651</v>
      </c>
      <c r="G5718">
        <v>160</v>
      </c>
      <c r="H5718" t="s">
        <v>658</v>
      </c>
      <c r="I5718">
        <v>13755</v>
      </c>
      <c r="J5718" t="s">
        <v>807</v>
      </c>
      <c r="K5718">
        <v>25</v>
      </c>
      <c r="L5718" t="s">
        <v>1603</v>
      </c>
      <c r="M5718">
        <v>81</v>
      </c>
      <c r="N5718" t="s">
        <v>654</v>
      </c>
      <c r="O5718">
        <v>3</v>
      </c>
      <c r="P5718" t="s">
        <v>746</v>
      </c>
      <c r="Q5718">
        <v>2</v>
      </c>
      <c r="R5718" t="s">
        <v>669</v>
      </c>
      <c r="S5718">
        <v>1</v>
      </c>
      <c r="T5718" t="s">
        <v>661</v>
      </c>
      <c r="U5718">
        <v>8</v>
      </c>
      <c r="V5718">
        <v>3</v>
      </c>
      <c r="W5718">
        <v>180</v>
      </c>
      <c r="X5718">
        <v>2020</v>
      </c>
    </row>
    <row r="5719" spans="1:24" x14ac:dyDescent="0.25">
      <c r="A5719">
        <v>2332</v>
      </c>
      <c r="B5719" t="s">
        <v>10</v>
      </c>
      <c r="C5719">
        <v>57</v>
      </c>
      <c r="D5719" t="s">
        <v>9</v>
      </c>
      <c r="E5719">
        <v>1385</v>
      </c>
      <c r="F5719" t="s">
        <v>651</v>
      </c>
      <c r="G5719">
        <v>160</v>
      </c>
      <c r="H5719" t="s">
        <v>658</v>
      </c>
      <c r="I5719">
        <v>13755</v>
      </c>
      <c r="J5719" t="s">
        <v>807</v>
      </c>
      <c r="K5719">
        <v>25</v>
      </c>
      <c r="L5719" t="s">
        <v>1603</v>
      </c>
      <c r="M5719">
        <v>81</v>
      </c>
      <c r="N5719" t="s">
        <v>654</v>
      </c>
      <c r="O5719">
        <v>3</v>
      </c>
      <c r="P5719" t="s">
        <v>655</v>
      </c>
      <c r="Q5719">
        <v>1</v>
      </c>
      <c r="R5719" t="s">
        <v>669</v>
      </c>
      <c r="S5719">
        <v>1</v>
      </c>
      <c r="T5719" t="s">
        <v>661</v>
      </c>
      <c r="U5719">
        <v>8</v>
      </c>
      <c r="V5719">
        <v>3</v>
      </c>
      <c r="W5719">
        <v>180</v>
      </c>
      <c r="X5719">
        <v>2020</v>
      </c>
    </row>
    <row r="5720" spans="1:24" x14ac:dyDescent="0.25">
      <c r="A5720">
        <v>2331</v>
      </c>
      <c r="B5720" t="s">
        <v>10</v>
      </c>
      <c r="C5720">
        <v>57</v>
      </c>
      <c r="D5720" t="s">
        <v>9</v>
      </c>
      <c r="E5720">
        <v>1385</v>
      </c>
      <c r="F5720" t="s">
        <v>651</v>
      </c>
      <c r="G5720">
        <v>160</v>
      </c>
      <c r="H5720" t="s">
        <v>658</v>
      </c>
      <c r="I5720">
        <v>13755</v>
      </c>
      <c r="J5720" t="s">
        <v>955</v>
      </c>
      <c r="K5720">
        <v>29</v>
      </c>
      <c r="L5720" t="s">
        <v>955</v>
      </c>
      <c r="M5720">
        <v>95</v>
      </c>
      <c r="N5720" t="s">
        <v>654</v>
      </c>
      <c r="O5720">
        <v>3</v>
      </c>
      <c r="P5720" t="s">
        <v>746</v>
      </c>
      <c r="Q5720">
        <v>2</v>
      </c>
      <c r="R5720" t="s">
        <v>669</v>
      </c>
      <c r="S5720">
        <v>1</v>
      </c>
      <c r="T5720" t="s">
        <v>661</v>
      </c>
      <c r="U5720">
        <v>8</v>
      </c>
      <c r="V5720">
        <v>3</v>
      </c>
      <c r="W5720">
        <v>180</v>
      </c>
      <c r="X5720">
        <v>2020</v>
      </c>
    </row>
    <row r="5721" spans="1:24" x14ac:dyDescent="0.25">
      <c r="A5721">
        <v>2330</v>
      </c>
      <c r="B5721" t="s">
        <v>10</v>
      </c>
      <c r="C5721">
        <v>57</v>
      </c>
      <c r="D5721" t="s">
        <v>9</v>
      </c>
      <c r="E5721">
        <v>1385</v>
      </c>
      <c r="F5721" t="s">
        <v>651</v>
      </c>
      <c r="G5721">
        <v>160</v>
      </c>
      <c r="H5721" t="s">
        <v>658</v>
      </c>
      <c r="I5721">
        <v>13755</v>
      </c>
      <c r="J5721" t="s">
        <v>955</v>
      </c>
      <c r="K5721">
        <v>29</v>
      </c>
      <c r="L5721" t="s">
        <v>955</v>
      </c>
      <c r="M5721">
        <v>95</v>
      </c>
      <c r="N5721" t="s">
        <v>654</v>
      </c>
      <c r="O5721">
        <v>3</v>
      </c>
      <c r="P5721" t="s">
        <v>655</v>
      </c>
      <c r="Q5721">
        <v>1</v>
      </c>
      <c r="R5721" t="s">
        <v>669</v>
      </c>
      <c r="S5721">
        <v>1</v>
      </c>
      <c r="T5721" t="s">
        <v>661</v>
      </c>
      <c r="U5721">
        <v>8</v>
      </c>
      <c r="V5721">
        <v>3</v>
      </c>
      <c r="W5721">
        <v>180</v>
      </c>
      <c r="X5721">
        <v>2020</v>
      </c>
    </row>
    <row r="5722" spans="1:24" x14ac:dyDescent="0.25">
      <c r="A5722">
        <v>2327</v>
      </c>
      <c r="B5722" t="s">
        <v>10</v>
      </c>
      <c r="C5722">
        <v>57</v>
      </c>
      <c r="D5722" t="s">
        <v>442</v>
      </c>
      <c r="E5722">
        <v>382</v>
      </c>
      <c r="F5722" t="s">
        <v>651</v>
      </c>
      <c r="G5722">
        <v>160</v>
      </c>
      <c r="H5722" t="s">
        <v>658</v>
      </c>
      <c r="I5722">
        <v>13755</v>
      </c>
      <c r="J5722" t="s">
        <v>301</v>
      </c>
      <c r="K5722">
        <v>26</v>
      </c>
      <c r="L5722" t="s">
        <v>930</v>
      </c>
      <c r="M5722">
        <v>84</v>
      </c>
      <c r="N5722" t="s">
        <v>654</v>
      </c>
      <c r="O5722">
        <v>3</v>
      </c>
      <c r="P5722" t="s">
        <v>746</v>
      </c>
      <c r="Q5722">
        <v>2</v>
      </c>
      <c r="R5722" t="s">
        <v>669</v>
      </c>
      <c r="S5722">
        <v>1</v>
      </c>
      <c r="T5722" t="s">
        <v>661</v>
      </c>
      <c r="U5722">
        <v>8</v>
      </c>
      <c r="V5722">
        <v>3</v>
      </c>
      <c r="W5722">
        <v>180</v>
      </c>
      <c r="X5722">
        <v>2020</v>
      </c>
    </row>
    <row r="5723" spans="1:24" x14ac:dyDescent="0.25">
      <c r="A5723">
        <v>2326</v>
      </c>
      <c r="B5723" t="s">
        <v>10</v>
      </c>
      <c r="C5723">
        <v>57</v>
      </c>
      <c r="D5723" t="s">
        <v>442</v>
      </c>
      <c r="E5723">
        <v>382</v>
      </c>
      <c r="F5723" t="s">
        <v>651</v>
      </c>
      <c r="G5723">
        <v>160</v>
      </c>
      <c r="H5723" t="s">
        <v>658</v>
      </c>
      <c r="I5723">
        <v>13755</v>
      </c>
      <c r="J5723" t="s">
        <v>301</v>
      </c>
      <c r="K5723">
        <v>26</v>
      </c>
      <c r="L5723" t="s">
        <v>930</v>
      </c>
      <c r="M5723">
        <v>84</v>
      </c>
      <c r="N5723" t="s">
        <v>654</v>
      </c>
      <c r="O5723">
        <v>3</v>
      </c>
      <c r="P5723" t="s">
        <v>655</v>
      </c>
      <c r="Q5723">
        <v>1</v>
      </c>
      <c r="R5723" t="s">
        <v>669</v>
      </c>
      <c r="S5723">
        <v>1</v>
      </c>
      <c r="T5723" t="s">
        <v>661</v>
      </c>
      <c r="U5723">
        <v>8</v>
      </c>
      <c r="V5723">
        <v>3</v>
      </c>
      <c r="W5723">
        <v>180</v>
      </c>
      <c r="X5723">
        <v>2020</v>
      </c>
    </row>
    <row r="5724" spans="1:24" x14ac:dyDescent="0.25">
      <c r="A5724">
        <v>2325</v>
      </c>
      <c r="B5724" t="s">
        <v>10</v>
      </c>
      <c r="C5724">
        <v>57</v>
      </c>
      <c r="D5724" t="s">
        <v>323</v>
      </c>
      <c r="E5724">
        <v>381</v>
      </c>
      <c r="F5724" t="s">
        <v>651</v>
      </c>
      <c r="G5724">
        <v>160</v>
      </c>
      <c r="H5724" t="s">
        <v>658</v>
      </c>
      <c r="I5724">
        <v>13755</v>
      </c>
      <c r="J5724" t="s">
        <v>682</v>
      </c>
      <c r="K5724">
        <v>20</v>
      </c>
      <c r="L5724" t="s">
        <v>904</v>
      </c>
      <c r="M5724">
        <v>61</v>
      </c>
      <c r="N5724" t="s">
        <v>654</v>
      </c>
      <c r="O5724">
        <v>3</v>
      </c>
      <c r="P5724" t="s">
        <v>655</v>
      </c>
      <c r="Q5724">
        <v>1</v>
      </c>
      <c r="R5724" t="s">
        <v>669</v>
      </c>
      <c r="S5724">
        <v>1</v>
      </c>
      <c r="T5724" t="s">
        <v>661</v>
      </c>
      <c r="U5724">
        <v>8</v>
      </c>
      <c r="V5724">
        <v>3</v>
      </c>
      <c r="W5724">
        <v>180</v>
      </c>
      <c r="X5724">
        <v>2020</v>
      </c>
    </row>
    <row r="5725" spans="1:24" x14ac:dyDescent="0.25">
      <c r="A5725">
        <v>2324</v>
      </c>
      <c r="B5725" t="s">
        <v>10</v>
      </c>
      <c r="C5725">
        <v>57</v>
      </c>
      <c r="D5725" t="s">
        <v>323</v>
      </c>
      <c r="E5725">
        <v>381</v>
      </c>
      <c r="F5725" t="s">
        <v>651</v>
      </c>
      <c r="G5725">
        <v>160</v>
      </c>
      <c r="H5725" t="s">
        <v>658</v>
      </c>
      <c r="I5725">
        <v>13755</v>
      </c>
      <c r="J5725" t="s">
        <v>65</v>
      </c>
      <c r="K5725">
        <v>15</v>
      </c>
      <c r="L5725" t="s">
        <v>65</v>
      </c>
      <c r="M5725">
        <v>51</v>
      </c>
      <c r="N5725" t="s">
        <v>654</v>
      </c>
      <c r="O5725">
        <v>3</v>
      </c>
      <c r="P5725" t="s">
        <v>746</v>
      </c>
      <c r="Q5725">
        <v>2</v>
      </c>
      <c r="R5725" t="s">
        <v>669</v>
      </c>
      <c r="S5725">
        <v>1</v>
      </c>
      <c r="T5725" t="s">
        <v>661</v>
      </c>
      <c r="U5725">
        <v>8</v>
      </c>
      <c r="V5725">
        <v>4</v>
      </c>
      <c r="W5725">
        <v>240</v>
      </c>
      <c r="X5725">
        <v>2020</v>
      </c>
    </row>
    <row r="5726" spans="1:24" x14ac:dyDescent="0.25">
      <c r="A5726">
        <v>2323</v>
      </c>
      <c r="B5726" t="s">
        <v>10</v>
      </c>
      <c r="C5726">
        <v>57</v>
      </c>
      <c r="D5726" t="s">
        <v>323</v>
      </c>
      <c r="E5726">
        <v>381</v>
      </c>
      <c r="F5726" t="s">
        <v>651</v>
      </c>
      <c r="G5726">
        <v>160</v>
      </c>
      <c r="H5726" t="s">
        <v>658</v>
      </c>
      <c r="I5726">
        <v>13755</v>
      </c>
      <c r="J5726" t="s">
        <v>65</v>
      </c>
      <c r="K5726">
        <v>15</v>
      </c>
      <c r="L5726" t="s">
        <v>65</v>
      </c>
      <c r="M5726">
        <v>51</v>
      </c>
      <c r="N5726" t="s">
        <v>654</v>
      </c>
      <c r="O5726">
        <v>3</v>
      </c>
      <c r="P5726" t="s">
        <v>655</v>
      </c>
      <c r="Q5726">
        <v>1</v>
      </c>
      <c r="R5726" t="s">
        <v>669</v>
      </c>
      <c r="S5726">
        <v>1</v>
      </c>
      <c r="T5726" t="s">
        <v>661</v>
      </c>
      <c r="U5726">
        <v>8</v>
      </c>
      <c r="V5726">
        <v>4</v>
      </c>
      <c r="W5726">
        <v>240</v>
      </c>
      <c r="X5726">
        <v>2020</v>
      </c>
    </row>
    <row r="5727" spans="1:24" x14ac:dyDescent="0.25">
      <c r="A5727">
        <v>2322</v>
      </c>
      <c r="B5727" t="s">
        <v>50</v>
      </c>
      <c r="C5727">
        <v>56</v>
      </c>
      <c r="D5727" t="s">
        <v>49</v>
      </c>
      <c r="E5727">
        <v>1304</v>
      </c>
      <c r="F5727" t="s">
        <v>651</v>
      </c>
      <c r="G5727">
        <v>160</v>
      </c>
      <c r="H5727" t="s">
        <v>817</v>
      </c>
      <c r="I5727">
        <v>11010</v>
      </c>
      <c r="J5727" t="s">
        <v>1614</v>
      </c>
      <c r="K5727">
        <v>71</v>
      </c>
      <c r="L5727" t="s">
        <v>1135</v>
      </c>
      <c r="M5727">
        <v>318</v>
      </c>
      <c r="N5727" t="s">
        <v>654</v>
      </c>
      <c r="O5727">
        <v>3</v>
      </c>
      <c r="P5727" t="s">
        <v>655</v>
      </c>
      <c r="Q5727">
        <v>1</v>
      </c>
      <c r="R5727" t="s">
        <v>669</v>
      </c>
      <c r="S5727">
        <v>1</v>
      </c>
      <c r="T5727" t="s">
        <v>661</v>
      </c>
      <c r="U5727">
        <v>8</v>
      </c>
      <c r="V5727">
        <v>3</v>
      </c>
      <c r="W5727">
        <v>180</v>
      </c>
      <c r="X5727">
        <v>2020</v>
      </c>
    </row>
    <row r="5728" spans="1:24" x14ac:dyDescent="0.25">
      <c r="A5728">
        <v>2320</v>
      </c>
      <c r="B5728" t="s">
        <v>50</v>
      </c>
      <c r="C5728">
        <v>56</v>
      </c>
      <c r="D5728" t="s">
        <v>49</v>
      </c>
      <c r="E5728">
        <v>1304</v>
      </c>
      <c r="F5728" t="s">
        <v>651</v>
      </c>
      <c r="G5728">
        <v>160</v>
      </c>
      <c r="H5728" t="s">
        <v>817</v>
      </c>
      <c r="I5728">
        <v>11010</v>
      </c>
      <c r="J5728" t="s">
        <v>682</v>
      </c>
      <c r="K5728">
        <v>20</v>
      </c>
      <c r="L5728" t="s">
        <v>904</v>
      </c>
      <c r="M5728">
        <v>61</v>
      </c>
      <c r="N5728" t="s">
        <v>654</v>
      </c>
      <c r="O5728">
        <v>3</v>
      </c>
      <c r="P5728" t="s">
        <v>655</v>
      </c>
      <c r="Q5728">
        <v>1</v>
      </c>
      <c r="R5728" t="s">
        <v>669</v>
      </c>
      <c r="S5728">
        <v>1</v>
      </c>
      <c r="T5728" t="s">
        <v>661</v>
      </c>
      <c r="U5728">
        <v>8</v>
      </c>
      <c r="V5728">
        <v>3</v>
      </c>
      <c r="W5728">
        <v>180</v>
      </c>
      <c r="X5728">
        <v>2020</v>
      </c>
    </row>
    <row r="5729" spans="1:24" x14ac:dyDescent="0.25">
      <c r="A5729">
        <v>2318</v>
      </c>
      <c r="B5729" t="s">
        <v>340</v>
      </c>
      <c r="C5729">
        <v>55</v>
      </c>
      <c r="D5729" t="s">
        <v>339</v>
      </c>
      <c r="E5729">
        <v>641</v>
      </c>
      <c r="F5729" t="s">
        <v>651</v>
      </c>
      <c r="G5729">
        <v>160</v>
      </c>
      <c r="H5729" t="s">
        <v>747</v>
      </c>
      <c r="I5729">
        <v>4847</v>
      </c>
      <c r="J5729" t="s">
        <v>730</v>
      </c>
      <c r="K5729">
        <v>66</v>
      </c>
      <c r="L5729" t="s">
        <v>2124</v>
      </c>
      <c r="M5729">
        <v>282</v>
      </c>
      <c r="N5729" t="s">
        <v>654</v>
      </c>
      <c r="O5729">
        <v>3</v>
      </c>
      <c r="P5729" t="s">
        <v>655</v>
      </c>
      <c r="Q5729">
        <v>1</v>
      </c>
      <c r="R5729" t="s">
        <v>669</v>
      </c>
      <c r="S5729">
        <v>1</v>
      </c>
      <c r="T5729" t="s">
        <v>661</v>
      </c>
      <c r="U5729">
        <v>8</v>
      </c>
      <c r="V5729">
        <v>4</v>
      </c>
      <c r="W5729">
        <v>240</v>
      </c>
      <c r="X5729">
        <v>2020</v>
      </c>
    </row>
    <row r="5730" spans="1:24" x14ac:dyDescent="0.25">
      <c r="A5730">
        <v>2316</v>
      </c>
      <c r="B5730" t="s">
        <v>340</v>
      </c>
      <c r="C5730">
        <v>55</v>
      </c>
      <c r="D5730" t="s">
        <v>341</v>
      </c>
      <c r="E5730">
        <v>640</v>
      </c>
      <c r="F5730" t="s">
        <v>651</v>
      </c>
      <c r="G5730">
        <v>160</v>
      </c>
      <c r="H5730" t="s">
        <v>747</v>
      </c>
      <c r="I5730">
        <v>4847</v>
      </c>
      <c r="J5730" t="s">
        <v>714</v>
      </c>
      <c r="K5730">
        <v>52</v>
      </c>
      <c r="L5730" t="s">
        <v>928</v>
      </c>
      <c r="M5730">
        <v>202</v>
      </c>
      <c r="N5730" t="s">
        <v>654</v>
      </c>
      <c r="O5730">
        <v>3</v>
      </c>
      <c r="P5730" t="s">
        <v>655</v>
      </c>
      <c r="Q5730">
        <v>1</v>
      </c>
      <c r="R5730" t="s">
        <v>669</v>
      </c>
      <c r="S5730">
        <v>1</v>
      </c>
      <c r="T5730" t="s">
        <v>661</v>
      </c>
      <c r="U5730">
        <v>8</v>
      </c>
      <c r="V5730">
        <v>4</v>
      </c>
      <c r="W5730">
        <v>240</v>
      </c>
      <c r="X5730">
        <v>2020</v>
      </c>
    </row>
    <row r="5731" spans="1:24" x14ac:dyDescent="0.25">
      <c r="A5731">
        <v>2315</v>
      </c>
      <c r="B5731" t="s">
        <v>340</v>
      </c>
      <c r="C5731">
        <v>55</v>
      </c>
      <c r="D5731" t="s">
        <v>341</v>
      </c>
      <c r="E5731">
        <v>640</v>
      </c>
      <c r="F5731" t="s">
        <v>651</v>
      </c>
      <c r="G5731">
        <v>160</v>
      </c>
      <c r="H5731" t="s">
        <v>747</v>
      </c>
      <c r="I5731">
        <v>4847</v>
      </c>
      <c r="J5731" t="s">
        <v>3795</v>
      </c>
      <c r="K5731">
        <v>64</v>
      </c>
      <c r="L5731" t="s">
        <v>3796</v>
      </c>
      <c r="M5731">
        <v>275</v>
      </c>
      <c r="N5731" t="s">
        <v>654</v>
      </c>
      <c r="O5731">
        <v>3</v>
      </c>
      <c r="P5731" t="s">
        <v>655</v>
      </c>
      <c r="Q5731">
        <v>1</v>
      </c>
      <c r="R5731" t="s">
        <v>669</v>
      </c>
      <c r="S5731">
        <v>1</v>
      </c>
      <c r="T5731" t="s">
        <v>661</v>
      </c>
      <c r="U5731">
        <v>8</v>
      </c>
      <c r="V5731">
        <v>4</v>
      </c>
      <c r="W5731">
        <v>240</v>
      </c>
      <c r="X5731">
        <v>2020</v>
      </c>
    </row>
    <row r="5732" spans="1:24" x14ac:dyDescent="0.25">
      <c r="A5732">
        <v>2313</v>
      </c>
      <c r="B5732" t="s">
        <v>340</v>
      </c>
      <c r="C5732">
        <v>55</v>
      </c>
      <c r="D5732" t="s">
        <v>339</v>
      </c>
      <c r="E5732">
        <v>641</v>
      </c>
      <c r="F5732" t="s">
        <v>651</v>
      </c>
      <c r="G5732">
        <v>160</v>
      </c>
      <c r="H5732" t="s">
        <v>747</v>
      </c>
      <c r="I5732">
        <v>4847</v>
      </c>
      <c r="J5732" t="s">
        <v>3795</v>
      </c>
      <c r="K5732">
        <v>64</v>
      </c>
      <c r="L5732" t="s">
        <v>3797</v>
      </c>
      <c r="M5732">
        <v>273</v>
      </c>
      <c r="N5732" t="s">
        <v>654</v>
      </c>
      <c r="O5732">
        <v>3</v>
      </c>
      <c r="P5732" t="s">
        <v>655</v>
      </c>
      <c r="Q5732">
        <v>1</v>
      </c>
      <c r="R5732" t="s">
        <v>669</v>
      </c>
      <c r="S5732">
        <v>1</v>
      </c>
      <c r="T5732" t="s">
        <v>661</v>
      </c>
      <c r="U5732">
        <v>8</v>
      </c>
      <c r="V5732">
        <v>4</v>
      </c>
      <c r="W5732">
        <v>240</v>
      </c>
      <c r="X5732">
        <v>2020</v>
      </c>
    </row>
    <row r="5733" spans="1:24" x14ac:dyDescent="0.25">
      <c r="A5733">
        <v>2310</v>
      </c>
      <c r="B5733" t="s">
        <v>340</v>
      </c>
      <c r="C5733">
        <v>55</v>
      </c>
      <c r="D5733" t="s">
        <v>341</v>
      </c>
      <c r="E5733">
        <v>640</v>
      </c>
      <c r="F5733" t="s">
        <v>651</v>
      </c>
      <c r="G5733">
        <v>160</v>
      </c>
      <c r="H5733" t="s">
        <v>747</v>
      </c>
      <c r="I5733">
        <v>4847</v>
      </c>
      <c r="J5733" t="s">
        <v>3795</v>
      </c>
      <c r="K5733">
        <v>64</v>
      </c>
      <c r="L5733" t="s">
        <v>3899</v>
      </c>
      <c r="M5733">
        <v>274</v>
      </c>
      <c r="N5733" t="s">
        <v>654</v>
      </c>
      <c r="O5733">
        <v>3</v>
      </c>
      <c r="P5733" t="s">
        <v>655</v>
      </c>
      <c r="Q5733">
        <v>1</v>
      </c>
      <c r="R5733" t="s">
        <v>669</v>
      </c>
      <c r="S5733">
        <v>1</v>
      </c>
      <c r="T5733" t="s">
        <v>661</v>
      </c>
      <c r="U5733">
        <v>8</v>
      </c>
      <c r="V5733">
        <v>4</v>
      </c>
      <c r="W5733">
        <v>240</v>
      </c>
      <c r="X5733">
        <v>2020</v>
      </c>
    </row>
    <row r="5734" spans="1:24" x14ac:dyDescent="0.25">
      <c r="A5734">
        <v>2309</v>
      </c>
      <c r="B5734" t="s">
        <v>48</v>
      </c>
      <c r="C5734">
        <v>54</v>
      </c>
      <c r="D5734" t="s">
        <v>444</v>
      </c>
      <c r="E5734">
        <v>377</v>
      </c>
      <c r="F5734" t="s">
        <v>651</v>
      </c>
      <c r="G5734">
        <v>160</v>
      </c>
      <c r="H5734" t="s">
        <v>744</v>
      </c>
      <c r="I5734">
        <v>3143</v>
      </c>
      <c r="J5734" t="s">
        <v>1614</v>
      </c>
      <c r="K5734">
        <v>71</v>
      </c>
      <c r="L5734" t="s">
        <v>3900</v>
      </c>
      <c r="M5734">
        <v>324</v>
      </c>
      <c r="N5734" t="s">
        <v>654</v>
      </c>
      <c r="O5734">
        <v>3</v>
      </c>
      <c r="P5734" t="s">
        <v>655</v>
      </c>
      <c r="Q5734">
        <v>1</v>
      </c>
      <c r="R5734" t="s">
        <v>669</v>
      </c>
      <c r="S5734">
        <v>1</v>
      </c>
      <c r="T5734" t="s">
        <v>661</v>
      </c>
      <c r="U5734">
        <v>8</v>
      </c>
      <c r="V5734">
        <v>3</v>
      </c>
      <c r="W5734">
        <v>180</v>
      </c>
      <c r="X5734">
        <v>2020</v>
      </c>
    </row>
    <row r="5735" spans="1:24" x14ac:dyDescent="0.25">
      <c r="A5735">
        <v>2308</v>
      </c>
      <c r="B5735" t="s">
        <v>48</v>
      </c>
      <c r="C5735">
        <v>54</v>
      </c>
      <c r="D5735" t="s">
        <v>444</v>
      </c>
      <c r="E5735">
        <v>377</v>
      </c>
      <c r="F5735" t="s">
        <v>651</v>
      </c>
      <c r="G5735">
        <v>160</v>
      </c>
      <c r="H5735" t="s">
        <v>744</v>
      </c>
      <c r="I5735">
        <v>3143</v>
      </c>
      <c r="J5735" t="s">
        <v>1614</v>
      </c>
      <c r="K5735">
        <v>71</v>
      </c>
      <c r="L5735" t="s">
        <v>3901</v>
      </c>
      <c r="M5735">
        <v>325</v>
      </c>
      <c r="N5735" t="s">
        <v>654</v>
      </c>
      <c r="O5735">
        <v>3</v>
      </c>
      <c r="P5735" t="s">
        <v>655</v>
      </c>
      <c r="Q5735">
        <v>1</v>
      </c>
      <c r="R5735" t="s">
        <v>669</v>
      </c>
      <c r="S5735">
        <v>1</v>
      </c>
      <c r="T5735" t="s">
        <v>661</v>
      </c>
      <c r="U5735">
        <v>8</v>
      </c>
      <c r="V5735">
        <v>3</v>
      </c>
      <c r="W5735">
        <v>180</v>
      </c>
      <c r="X5735">
        <v>2020</v>
      </c>
    </row>
    <row r="5736" spans="1:24" x14ac:dyDescent="0.25">
      <c r="A5736">
        <v>2307</v>
      </c>
      <c r="B5736" t="s">
        <v>48</v>
      </c>
      <c r="C5736">
        <v>54</v>
      </c>
      <c r="D5736" t="s">
        <v>444</v>
      </c>
      <c r="E5736">
        <v>377</v>
      </c>
      <c r="F5736" t="s">
        <v>651</v>
      </c>
      <c r="G5736">
        <v>160</v>
      </c>
      <c r="H5736" t="s">
        <v>744</v>
      </c>
      <c r="I5736">
        <v>3143</v>
      </c>
      <c r="J5736" t="s">
        <v>1614</v>
      </c>
      <c r="K5736">
        <v>71</v>
      </c>
      <c r="L5736" t="s">
        <v>1939</v>
      </c>
      <c r="M5736">
        <v>315</v>
      </c>
      <c r="N5736" t="s">
        <v>654</v>
      </c>
      <c r="O5736">
        <v>3</v>
      </c>
      <c r="P5736" t="s">
        <v>655</v>
      </c>
      <c r="Q5736">
        <v>1</v>
      </c>
      <c r="R5736" t="s">
        <v>669</v>
      </c>
      <c r="S5736">
        <v>1</v>
      </c>
      <c r="T5736" t="s">
        <v>661</v>
      </c>
      <c r="U5736">
        <v>8</v>
      </c>
      <c r="V5736">
        <v>3</v>
      </c>
      <c r="W5736">
        <v>180</v>
      </c>
      <c r="X5736">
        <v>2020</v>
      </c>
    </row>
    <row r="5737" spans="1:24" x14ac:dyDescent="0.25">
      <c r="A5737">
        <v>2306</v>
      </c>
      <c r="B5737" t="s">
        <v>303</v>
      </c>
      <c r="C5737">
        <v>53</v>
      </c>
      <c r="D5737" t="s">
        <v>445</v>
      </c>
      <c r="E5737">
        <v>376</v>
      </c>
      <c r="F5737" t="s">
        <v>651</v>
      </c>
      <c r="G5737">
        <v>160</v>
      </c>
      <c r="H5737" t="s">
        <v>658</v>
      </c>
      <c r="I5737">
        <v>13755</v>
      </c>
      <c r="J5737" t="s">
        <v>802</v>
      </c>
      <c r="K5737">
        <v>12</v>
      </c>
      <c r="L5737" t="s">
        <v>1053</v>
      </c>
      <c r="M5737">
        <v>38</v>
      </c>
      <c r="N5737" t="s">
        <v>654</v>
      </c>
      <c r="O5737">
        <v>3</v>
      </c>
      <c r="P5737" t="s">
        <v>655</v>
      </c>
      <c r="Q5737">
        <v>1</v>
      </c>
      <c r="R5737" t="s">
        <v>669</v>
      </c>
      <c r="S5737">
        <v>1</v>
      </c>
      <c r="T5737" t="s">
        <v>661</v>
      </c>
      <c r="U5737">
        <v>8</v>
      </c>
      <c r="V5737">
        <v>3</v>
      </c>
      <c r="W5737">
        <v>180</v>
      </c>
      <c r="X5737">
        <v>2020</v>
      </c>
    </row>
    <row r="5738" spans="1:24" x14ac:dyDescent="0.25">
      <c r="A5738">
        <v>2305</v>
      </c>
      <c r="B5738" t="s">
        <v>303</v>
      </c>
      <c r="C5738">
        <v>53</v>
      </c>
      <c r="D5738" t="s">
        <v>446</v>
      </c>
      <c r="E5738">
        <v>375</v>
      </c>
      <c r="F5738" t="s">
        <v>651</v>
      </c>
      <c r="G5738">
        <v>160</v>
      </c>
      <c r="H5738" t="s">
        <v>658</v>
      </c>
      <c r="I5738">
        <v>13755</v>
      </c>
      <c r="J5738" t="s">
        <v>3131</v>
      </c>
      <c r="K5738">
        <v>50</v>
      </c>
      <c r="L5738" t="s">
        <v>3902</v>
      </c>
      <c r="M5738">
        <v>193</v>
      </c>
      <c r="N5738" t="s">
        <v>654</v>
      </c>
      <c r="O5738">
        <v>3</v>
      </c>
      <c r="P5738" t="s">
        <v>655</v>
      </c>
      <c r="Q5738">
        <v>1</v>
      </c>
      <c r="R5738" t="s">
        <v>669</v>
      </c>
      <c r="S5738">
        <v>1</v>
      </c>
      <c r="T5738" t="s">
        <v>661</v>
      </c>
      <c r="U5738">
        <v>8</v>
      </c>
      <c r="V5738">
        <v>4</v>
      </c>
      <c r="W5738">
        <v>240</v>
      </c>
      <c r="X5738">
        <v>2020</v>
      </c>
    </row>
    <row r="5739" spans="1:24" x14ac:dyDescent="0.25">
      <c r="A5739">
        <v>2304</v>
      </c>
      <c r="B5739" t="s">
        <v>303</v>
      </c>
      <c r="C5739">
        <v>53</v>
      </c>
      <c r="D5739" t="s">
        <v>447</v>
      </c>
      <c r="E5739">
        <v>374</v>
      </c>
      <c r="F5739" t="s">
        <v>651</v>
      </c>
      <c r="G5739">
        <v>160</v>
      </c>
      <c r="H5739" t="s">
        <v>658</v>
      </c>
      <c r="I5739">
        <v>13755</v>
      </c>
      <c r="J5739" t="s">
        <v>1614</v>
      </c>
      <c r="K5739">
        <v>71</v>
      </c>
      <c r="L5739" t="s">
        <v>1940</v>
      </c>
      <c r="M5739">
        <v>53</v>
      </c>
      <c r="N5739" t="s">
        <v>654</v>
      </c>
      <c r="O5739">
        <v>3</v>
      </c>
      <c r="P5739" t="s">
        <v>746</v>
      </c>
      <c r="Q5739">
        <v>2</v>
      </c>
      <c r="R5739" t="s">
        <v>669</v>
      </c>
      <c r="S5739">
        <v>1</v>
      </c>
      <c r="T5739" t="s">
        <v>661</v>
      </c>
      <c r="U5739">
        <v>8</v>
      </c>
      <c r="V5739">
        <v>3</v>
      </c>
      <c r="W5739">
        <v>180</v>
      </c>
      <c r="X5739">
        <v>2020</v>
      </c>
    </row>
    <row r="5740" spans="1:24" x14ac:dyDescent="0.25">
      <c r="A5740">
        <v>2303</v>
      </c>
      <c r="B5740" t="s">
        <v>303</v>
      </c>
      <c r="C5740">
        <v>53</v>
      </c>
      <c r="D5740" t="s">
        <v>447</v>
      </c>
      <c r="E5740">
        <v>374</v>
      </c>
      <c r="F5740" t="s">
        <v>651</v>
      </c>
      <c r="G5740">
        <v>160</v>
      </c>
      <c r="H5740" t="s">
        <v>658</v>
      </c>
      <c r="I5740">
        <v>13755</v>
      </c>
      <c r="J5740" t="s">
        <v>1614</v>
      </c>
      <c r="K5740">
        <v>71</v>
      </c>
      <c r="L5740" t="s">
        <v>1940</v>
      </c>
      <c r="M5740">
        <v>53</v>
      </c>
      <c r="N5740" t="s">
        <v>654</v>
      </c>
      <c r="O5740">
        <v>3</v>
      </c>
      <c r="P5740" t="s">
        <v>655</v>
      </c>
      <c r="Q5740">
        <v>1</v>
      </c>
      <c r="R5740" t="s">
        <v>669</v>
      </c>
      <c r="S5740">
        <v>1</v>
      </c>
      <c r="T5740" t="s">
        <v>661</v>
      </c>
      <c r="U5740">
        <v>8</v>
      </c>
      <c r="V5740">
        <v>3</v>
      </c>
      <c r="W5740">
        <v>180</v>
      </c>
      <c r="X5740">
        <v>2020</v>
      </c>
    </row>
    <row r="5741" spans="1:24" x14ac:dyDescent="0.25">
      <c r="A5741">
        <v>2300</v>
      </c>
      <c r="B5741" t="s">
        <v>293</v>
      </c>
      <c r="C5741">
        <v>52</v>
      </c>
      <c r="D5741" t="s">
        <v>448</v>
      </c>
      <c r="E5741">
        <v>373</v>
      </c>
      <c r="F5741" t="s">
        <v>651</v>
      </c>
      <c r="G5741">
        <v>160</v>
      </c>
      <c r="H5741" t="s">
        <v>658</v>
      </c>
      <c r="I5741">
        <v>13755</v>
      </c>
      <c r="J5741" t="s">
        <v>1614</v>
      </c>
      <c r="K5741">
        <v>71</v>
      </c>
      <c r="L5741" t="s">
        <v>3903</v>
      </c>
      <c r="M5741">
        <v>317</v>
      </c>
      <c r="N5741" t="s">
        <v>654</v>
      </c>
      <c r="O5741">
        <v>3</v>
      </c>
      <c r="P5741" t="s">
        <v>655</v>
      </c>
      <c r="Q5741">
        <v>1</v>
      </c>
      <c r="R5741" t="s">
        <v>669</v>
      </c>
      <c r="S5741">
        <v>1</v>
      </c>
      <c r="T5741" t="s">
        <v>661</v>
      </c>
      <c r="U5741">
        <v>8</v>
      </c>
      <c r="V5741">
        <v>3</v>
      </c>
      <c r="W5741">
        <v>180</v>
      </c>
      <c r="X5741">
        <v>2020</v>
      </c>
    </row>
    <row r="5742" spans="1:24" x14ac:dyDescent="0.25">
      <c r="A5742">
        <v>2298</v>
      </c>
      <c r="B5742" t="s">
        <v>131</v>
      </c>
      <c r="C5742">
        <v>51</v>
      </c>
      <c r="D5742" t="s">
        <v>347</v>
      </c>
      <c r="E5742">
        <v>622</v>
      </c>
      <c r="F5742" t="s">
        <v>651</v>
      </c>
      <c r="G5742">
        <v>160</v>
      </c>
      <c r="H5742" t="s">
        <v>658</v>
      </c>
      <c r="I5742">
        <v>13755</v>
      </c>
      <c r="J5742" t="s">
        <v>1614</v>
      </c>
      <c r="K5742">
        <v>71</v>
      </c>
      <c r="L5742" t="s">
        <v>3904</v>
      </c>
      <c r="M5742">
        <v>322</v>
      </c>
      <c r="N5742" t="s">
        <v>668</v>
      </c>
      <c r="O5742">
        <v>4</v>
      </c>
      <c r="P5742" t="s">
        <v>655</v>
      </c>
      <c r="Q5742">
        <v>1</v>
      </c>
      <c r="R5742" t="s">
        <v>669</v>
      </c>
      <c r="S5742">
        <v>1</v>
      </c>
      <c r="T5742" t="s">
        <v>661</v>
      </c>
      <c r="U5742">
        <v>8</v>
      </c>
      <c r="V5742">
        <v>3</v>
      </c>
      <c r="W5742">
        <v>180</v>
      </c>
      <c r="X5742">
        <v>2020</v>
      </c>
    </row>
    <row r="5743" spans="1:24" x14ac:dyDescent="0.25">
      <c r="A5743">
        <v>2297</v>
      </c>
      <c r="B5743" t="s">
        <v>131</v>
      </c>
      <c r="C5743">
        <v>51</v>
      </c>
      <c r="D5743" t="s">
        <v>347</v>
      </c>
      <c r="E5743">
        <v>622</v>
      </c>
      <c r="F5743" t="s">
        <v>651</v>
      </c>
      <c r="G5743">
        <v>160</v>
      </c>
      <c r="H5743" t="s">
        <v>658</v>
      </c>
      <c r="I5743">
        <v>13755</v>
      </c>
      <c r="J5743" t="s">
        <v>1614</v>
      </c>
      <c r="K5743">
        <v>71</v>
      </c>
      <c r="L5743" t="s">
        <v>3905</v>
      </c>
      <c r="M5743">
        <v>321</v>
      </c>
      <c r="N5743" t="s">
        <v>654</v>
      </c>
      <c r="O5743">
        <v>3</v>
      </c>
      <c r="P5743" t="s">
        <v>655</v>
      </c>
      <c r="Q5743">
        <v>1</v>
      </c>
      <c r="R5743" t="s">
        <v>669</v>
      </c>
      <c r="S5743">
        <v>1</v>
      </c>
      <c r="T5743" t="s">
        <v>661</v>
      </c>
      <c r="U5743">
        <v>8</v>
      </c>
      <c r="V5743">
        <v>3</v>
      </c>
      <c r="W5743">
        <v>180</v>
      </c>
      <c r="X5743">
        <v>2020</v>
      </c>
    </row>
    <row r="5744" spans="1:24" x14ac:dyDescent="0.25">
      <c r="A5744">
        <v>2295</v>
      </c>
      <c r="B5744" t="s">
        <v>131</v>
      </c>
      <c r="C5744">
        <v>51</v>
      </c>
      <c r="D5744" t="s">
        <v>347</v>
      </c>
      <c r="E5744">
        <v>622</v>
      </c>
      <c r="F5744" t="s">
        <v>651</v>
      </c>
      <c r="G5744">
        <v>160</v>
      </c>
      <c r="H5744" t="s">
        <v>658</v>
      </c>
      <c r="I5744">
        <v>13755</v>
      </c>
      <c r="J5744" t="s">
        <v>1614</v>
      </c>
      <c r="K5744">
        <v>71</v>
      </c>
      <c r="L5744" t="s">
        <v>2160</v>
      </c>
      <c r="M5744">
        <v>319</v>
      </c>
      <c r="N5744" t="s">
        <v>654</v>
      </c>
      <c r="O5744">
        <v>3</v>
      </c>
      <c r="P5744" t="s">
        <v>655</v>
      </c>
      <c r="Q5744">
        <v>1</v>
      </c>
      <c r="R5744" t="s">
        <v>669</v>
      </c>
      <c r="S5744">
        <v>1</v>
      </c>
      <c r="T5744" t="s">
        <v>661</v>
      </c>
      <c r="U5744">
        <v>8</v>
      </c>
      <c r="V5744">
        <v>3</v>
      </c>
      <c r="W5744">
        <v>180</v>
      </c>
      <c r="X5744">
        <v>2020</v>
      </c>
    </row>
    <row r="5745" spans="1:24" x14ac:dyDescent="0.25">
      <c r="A5745">
        <v>2293</v>
      </c>
      <c r="B5745" t="s">
        <v>131</v>
      </c>
      <c r="C5745">
        <v>51</v>
      </c>
      <c r="D5745" t="s">
        <v>449</v>
      </c>
      <c r="E5745">
        <v>372</v>
      </c>
      <c r="F5745" t="s">
        <v>651</v>
      </c>
      <c r="G5745">
        <v>160</v>
      </c>
      <c r="H5745" t="s">
        <v>658</v>
      </c>
      <c r="I5745">
        <v>13755</v>
      </c>
      <c r="J5745" t="s">
        <v>1614</v>
      </c>
      <c r="K5745">
        <v>71</v>
      </c>
      <c r="L5745" t="s">
        <v>3906</v>
      </c>
      <c r="M5745">
        <v>314</v>
      </c>
      <c r="N5745" t="s">
        <v>654</v>
      </c>
      <c r="O5745">
        <v>3</v>
      </c>
      <c r="P5745" t="s">
        <v>655</v>
      </c>
      <c r="Q5745">
        <v>1</v>
      </c>
      <c r="R5745" t="s">
        <v>669</v>
      </c>
      <c r="S5745">
        <v>1</v>
      </c>
      <c r="T5745" t="s">
        <v>661</v>
      </c>
      <c r="U5745">
        <v>8</v>
      </c>
      <c r="V5745">
        <v>3</v>
      </c>
      <c r="W5745">
        <v>180</v>
      </c>
      <c r="X5745">
        <v>2020</v>
      </c>
    </row>
    <row r="5746" spans="1:24" x14ac:dyDescent="0.25">
      <c r="A5746">
        <v>2292</v>
      </c>
      <c r="B5746" t="s">
        <v>131</v>
      </c>
      <c r="C5746">
        <v>51</v>
      </c>
      <c r="D5746" t="s">
        <v>449</v>
      </c>
      <c r="E5746">
        <v>372</v>
      </c>
      <c r="F5746" t="s">
        <v>651</v>
      </c>
      <c r="G5746">
        <v>160</v>
      </c>
      <c r="H5746" t="s">
        <v>658</v>
      </c>
      <c r="I5746">
        <v>13755</v>
      </c>
      <c r="J5746" t="s">
        <v>1614</v>
      </c>
      <c r="K5746">
        <v>71</v>
      </c>
      <c r="L5746" t="s">
        <v>1134</v>
      </c>
      <c r="M5746">
        <v>313</v>
      </c>
      <c r="N5746" t="s">
        <v>654</v>
      </c>
      <c r="O5746">
        <v>3</v>
      </c>
      <c r="P5746" t="s">
        <v>655</v>
      </c>
      <c r="Q5746">
        <v>1</v>
      </c>
      <c r="R5746" t="s">
        <v>669</v>
      </c>
      <c r="S5746">
        <v>1</v>
      </c>
      <c r="T5746" t="s">
        <v>661</v>
      </c>
      <c r="U5746">
        <v>8</v>
      </c>
      <c r="V5746">
        <v>3</v>
      </c>
      <c r="W5746">
        <v>180</v>
      </c>
      <c r="X5746">
        <v>2020</v>
      </c>
    </row>
    <row r="5747" spans="1:24" x14ac:dyDescent="0.25">
      <c r="A5747">
        <v>2290</v>
      </c>
      <c r="B5747" t="s">
        <v>131</v>
      </c>
      <c r="C5747">
        <v>51</v>
      </c>
      <c r="D5747" t="s">
        <v>449</v>
      </c>
      <c r="E5747">
        <v>372</v>
      </c>
      <c r="F5747" t="s">
        <v>651</v>
      </c>
      <c r="G5747">
        <v>160</v>
      </c>
      <c r="H5747" t="s">
        <v>658</v>
      </c>
      <c r="I5747">
        <v>13755</v>
      </c>
      <c r="J5747" t="s">
        <v>1614</v>
      </c>
      <c r="K5747">
        <v>71</v>
      </c>
      <c r="L5747" t="s">
        <v>1132</v>
      </c>
      <c r="M5747">
        <v>311</v>
      </c>
      <c r="N5747" t="s">
        <v>654</v>
      </c>
      <c r="O5747">
        <v>3</v>
      </c>
      <c r="P5747" t="s">
        <v>655</v>
      </c>
      <c r="Q5747">
        <v>1</v>
      </c>
      <c r="R5747" t="s">
        <v>669</v>
      </c>
      <c r="S5747">
        <v>1</v>
      </c>
      <c r="T5747" t="s">
        <v>661</v>
      </c>
      <c r="U5747">
        <v>8</v>
      </c>
      <c r="V5747">
        <v>3</v>
      </c>
      <c r="W5747">
        <v>180</v>
      </c>
      <c r="X5747">
        <v>2020</v>
      </c>
    </row>
    <row r="5748" spans="1:24" x14ac:dyDescent="0.25">
      <c r="A5748">
        <v>2289</v>
      </c>
      <c r="B5748" t="s">
        <v>37</v>
      </c>
      <c r="C5748">
        <v>50</v>
      </c>
      <c r="D5748" t="s">
        <v>39</v>
      </c>
      <c r="E5748">
        <v>1328</v>
      </c>
      <c r="F5748" t="s">
        <v>651</v>
      </c>
      <c r="G5748">
        <v>160</v>
      </c>
      <c r="H5748" t="s">
        <v>658</v>
      </c>
      <c r="I5748">
        <v>13755</v>
      </c>
      <c r="J5748" t="s">
        <v>797</v>
      </c>
      <c r="K5748">
        <v>65</v>
      </c>
      <c r="L5748" t="s">
        <v>3907</v>
      </c>
      <c r="M5748">
        <v>277</v>
      </c>
      <c r="N5748" t="s">
        <v>654</v>
      </c>
      <c r="O5748">
        <v>3</v>
      </c>
      <c r="P5748" t="s">
        <v>655</v>
      </c>
      <c r="Q5748">
        <v>1</v>
      </c>
      <c r="R5748" t="s">
        <v>669</v>
      </c>
      <c r="S5748">
        <v>1</v>
      </c>
      <c r="T5748" t="s">
        <v>661</v>
      </c>
      <c r="U5748">
        <v>8</v>
      </c>
      <c r="V5748">
        <v>4</v>
      </c>
      <c r="W5748">
        <v>240</v>
      </c>
      <c r="X5748">
        <v>2020</v>
      </c>
    </row>
    <row r="5749" spans="1:24" x14ac:dyDescent="0.25">
      <c r="A5749">
        <v>2288</v>
      </c>
      <c r="B5749" t="s">
        <v>37</v>
      </c>
      <c r="C5749">
        <v>50</v>
      </c>
      <c r="D5749" t="s">
        <v>38</v>
      </c>
      <c r="E5749">
        <v>1331</v>
      </c>
      <c r="F5749" t="s">
        <v>651</v>
      </c>
      <c r="G5749">
        <v>160</v>
      </c>
      <c r="H5749" t="s">
        <v>658</v>
      </c>
      <c r="I5749">
        <v>13755</v>
      </c>
      <c r="J5749" t="s">
        <v>710</v>
      </c>
      <c r="K5749">
        <v>53</v>
      </c>
      <c r="L5749" t="s">
        <v>3908</v>
      </c>
      <c r="M5749">
        <v>210</v>
      </c>
      <c r="N5749" t="s">
        <v>654</v>
      </c>
      <c r="O5749">
        <v>3</v>
      </c>
      <c r="P5749" t="s">
        <v>655</v>
      </c>
      <c r="Q5749">
        <v>1</v>
      </c>
      <c r="R5749" t="s">
        <v>669</v>
      </c>
      <c r="S5749">
        <v>1</v>
      </c>
      <c r="T5749" t="s">
        <v>661</v>
      </c>
      <c r="U5749">
        <v>8</v>
      </c>
      <c r="V5749">
        <v>4</v>
      </c>
      <c r="W5749">
        <v>240</v>
      </c>
      <c r="X5749">
        <v>2020</v>
      </c>
    </row>
    <row r="5750" spans="1:24" x14ac:dyDescent="0.25">
      <c r="A5750">
        <v>2287</v>
      </c>
      <c r="B5750" t="s">
        <v>37</v>
      </c>
      <c r="C5750">
        <v>50</v>
      </c>
      <c r="D5750" t="s">
        <v>38</v>
      </c>
      <c r="E5750">
        <v>1331</v>
      </c>
      <c r="F5750" t="s">
        <v>651</v>
      </c>
      <c r="G5750">
        <v>160</v>
      </c>
      <c r="H5750" t="s">
        <v>658</v>
      </c>
      <c r="I5750">
        <v>13755</v>
      </c>
      <c r="J5750" t="s">
        <v>710</v>
      </c>
      <c r="K5750">
        <v>53</v>
      </c>
      <c r="L5750" t="s">
        <v>3909</v>
      </c>
      <c r="M5750">
        <v>209</v>
      </c>
      <c r="N5750" t="s">
        <v>654</v>
      </c>
      <c r="O5750">
        <v>3</v>
      </c>
      <c r="P5750" t="s">
        <v>655</v>
      </c>
      <c r="Q5750">
        <v>1</v>
      </c>
      <c r="R5750" t="s">
        <v>669</v>
      </c>
      <c r="S5750">
        <v>1</v>
      </c>
      <c r="T5750" t="s">
        <v>661</v>
      </c>
      <c r="U5750">
        <v>8</v>
      </c>
      <c r="V5750">
        <v>4</v>
      </c>
      <c r="W5750">
        <v>240</v>
      </c>
      <c r="X5750">
        <v>2020</v>
      </c>
    </row>
    <row r="5751" spans="1:24" x14ac:dyDescent="0.25">
      <c r="A5751">
        <v>2286</v>
      </c>
      <c r="B5751" t="s">
        <v>37</v>
      </c>
      <c r="C5751">
        <v>50</v>
      </c>
      <c r="D5751" t="s">
        <v>39</v>
      </c>
      <c r="E5751">
        <v>1328</v>
      </c>
      <c r="F5751" t="s">
        <v>651</v>
      </c>
      <c r="G5751">
        <v>160</v>
      </c>
      <c r="H5751" t="s">
        <v>658</v>
      </c>
      <c r="I5751">
        <v>13755</v>
      </c>
      <c r="J5751" t="s">
        <v>767</v>
      </c>
      <c r="K5751">
        <v>44</v>
      </c>
      <c r="L5751" t="s">
        <v>3910</v>
      </c>
      <c r="M5751">
        <v>154</v>
      </c>
      <c r="N5751" t="s">
        <v>654</v>
      </c>
      <c r="O5751">
        <v>3</v>
      </c>
      <c r="P5751" t="s">
        <v>655</v>
      </c>
      <c r="Q5751">
        <v>1</v>
      </c>
      <c r="R5751" t="s">
        <v>669</v>
      </c>
      <c r="S5751">
        <v>1</v>
      </c>
      <c r="T5751" t="s">
        <v>661</v>
      </c>
      <c r="U5751">
        <v>8</v>
      </c>
      <c r="V5751">
        <v>4</v>
      </c>
      <c r="W5751">
        <v>240</v>
      </c>
      <c r="X5751">
        <v>2020</v>
      </c>
    </row>
    <row r="5752" spans="1:24" x14ac:dyDescent="0.25">
      <c r="A5752">
        <v>2285</v>
      </c>
      <c r="B5752" t="s">
        <v>37</v>
      </c>
      <c r="C5752">
        <v>50</v>
      </c>
      <c r="D5752" t="s">
        <v>41</v>
      </c>
      <c r="E5752">
        <v>1322</v>
      </c>
      <c r="F5752" t="s">
        <v>651</v>
      </c>
      <c r="G5752">
        <v>160</v>
      </c>
      <c r="H5752" t="s">
        <v>658</v>
      </c>
      <c r="I5752">
        <v>13755</v>
      </c>
      <c r="J5752" t="s">
        <v>707</v>
      </c>
      <c r="K5752">
        <v>59</v>
      </c>
      <c r="L5752" t="s">
        <v>3911</v>
      </c>
      <c r="M5752">
        <v>244</v>
      </c>
      <c r="N5752" t="s">
        <v>654</v>
      </c>
      <c r="O5752">
        <v>3</v>
      </c>
      <c r="P5752" t="s">
        <v>655</v>
      </c>
      <c r="Q5752">
        <v>1</v>
      </c>
      <c r="R5752" t="s">
        <v>669</v>
      </c>
      <c r="S5752">
        <v>1</v>
      </c>
      <c r="T5752" t="s">
        <v>661</v>
      </c>
      <c r="U5752">
        <v>8</v>
      </c>
      <c r="V5752">
        <v>4</v>
      </c>
      <c r="W5752">
        <v>240</v>
      </c>
      <c r="X5752">
        <v>2020</v>
      </c>
    </row>
    <row r="5753" spans="1:24" x14ac:dyDescent="0.25">
      <c r="A5753">
        <v>2284</v>
      </c>
      <c r="B5753" t="s">
        <v>37</v>
      </c>
      <c r="C5753">
        <v>50</v>
      </c>
      <c r="D5753" t="s">
        <v>40</v>
      </c>
      <c r="E5753">
        <v>1325</v>
      </c>
      <c r="F5753" t="s">
        <v>651</v>
      </c>
      <c r="G5753">
        <v>160</v>
      </c>
      <c r="H5753" t="s">
        <v>658</v>
      </c>
      <c r="I5753">
        <v>13755</v>
      </c>
      <c r="J5753" t="s">
        <v>1528</v>
      </c>
      <c r="K5753">
        <v>51</v>
      </c>
      <c r="L5753" t="s">
        <v>3912</v>
      </c>
      <c r="M5753">
        <v>196</v>
      </c>
      <c r="N5753" t="s">
        <v>654</v>
      </c>
      <c r="O5753">
        <v>3</v>
      </c>
      <c r="P5753" t="s">
        <v>655</v>
      </c>
      <c r="Q5753">
        <v>1</v>
      </c>
      <c r="R5753" t="s">
        <v>669</v>
      </c>
      <c r="S5753">
        <v>1</v>
      </c>
      <c r="T5753" t="s">
        <v>661</v>
      </c>
      <c r="U5753">
        <v>8</v>
      </c>
      <c r="V5753">
        <v>4</v>
      </c>
      <c r="W5753">
        <v>240</v>
      </c>
      <c r="X5753">
        <v>2020</v>
      </c>
    </row>
    <row r="5754" spans="1:24" x14ac:dyDescent="0.25">
      <c r="A5754">
        <v>2283</v>
      </c>
      <c r="B5754" t="s">
        <v>37</v>
      </c>
      <c r="C5754">
        <v>50</v>
      </c>
      <c r="D5754" t="s">
        <v>40</v>
      </c>
      <c r="E5754">
        <v>1325</v>
      </c>
      <c r="F5754" t="s">
        <v>651</v>
      </c>
      <c r="G5754">
        <v>160</v>
      </c>
      <c r="H5754" t="s">
        <v>658</v>
      </c>
      <c r="I5754">
        <v>13755</v>
      </c>
      <c r="J5754" t="s">
        <v>1528</v>
      </c>
      <c r="K5754">
        <v>51</v>
      </c>
      <c r="L5754" t="s">
        <v>3913</v>
      </c>
      <c r="M5754">
        <v>195</v>
      </c>
      <c r="N5754" t="s">
        <v>654</v>
      </c>
      <c r="O5754">
        <v>3</v>
      </c>
      <c r="P5754" t="s">
        <v>655</v>
      </c>
      <c r="Q5754">
        <v>1</v>
      </c>
      <c r="R5754" t="s">
        <v>669</v>
      </c>
      <c r="S5754">
        <v>1</v>
      </c>
      <c r="T5754" t="s">
        <v>661</v>
      </c>
      <c r="U5754">
        <v>8</v>
      </c>
      <c r="V5754">
        <v>4</v>
      </c>
      <c r="W5754">
        <v>240</v>
      </c>
      <c r="X5754">
        <v>2020</v>
      </c>
    </row>
    <row r="5755" spans="1:24" x14ac:dyDescent="0.25">
      <c r="A5755">
        <v>2282</v>
      </c>
      <c r="B5755" t="s">
        <v>37</v>
      </c>
      <c r="C5755">
        <v>50</v>
      </c>
      <c r="D5755" t="s">
        <v>40</v>
      </c>
      <c r="E5755">
        <v>1325</v>
      </c>
      <c r="F5755" t="s">
        <v>651</v>
      </c>
      <c r="G5755">
        <v>160</v>
      </c>
      <c r="H5755" t="s">
        <v>658</v>
      </c>
      <c r="I5755">
        <v>13755</v>
      </c>
      <c r="J5755" t="s">
        <v>1528</v>
      </c>
      <c r="K5755">
        <v>51</v>
      </c>
      <c r="L5755" t="s">
        <v>3914</v>
      </c>
      <c r="M5755">
        <v>194</v>
      </c>
      <c r="N5755" t="s">
        <v>654</v>
      </c>
      <c r="O5755">
        <v>3</v>
      </c>
      <c r="P5755" t="s">
        <v>655</v>
      </c>
      <c r="Q5755">
        <v>1</v>
      </c>
      <c r="R5755" t="s">
        <v>669</v>
      </c>
      <c r="S5755">
        <v>1</v>
      </c>
      <c r="T5755" t="s">
        <v>661</v>
      </c>
      <c r="U5755">
        <v>8</v>
      </c>
      <c r="V5755">
        <v>4</v>
      </c>
      <c r="W5755">
        <v>240</v>
      </c>
      <c r="X5755">
        <v>2020</v>
      </c>
    </row>
    <row r="5756" spans="1:24" x14ac:dyDescent="0.25">
      <c r="A5756">
        <v>2280</v>
      </c>
      <c r="B5756" t="s">
        <v>37</v>
      </c>
      <c r="C5756">
        <v>50</v>
      </c>
      <c r="D5756" t="s">
        <v>40</v>
      </c>
      <c r="E5756">
        <v>1325</v>
      </c>
      <c r="F5756" t="s">
        <v>651</v>
      </c>
      <c r="G5756">
        <v>160</v>
      </c>
      <c r="H5756" t="s">
        <v>658</v>
      </c>
      <c r="I5756">
        <v>13755</v>
      </c>
      <c r="J5756" t="s">
        <v>1080</v>
      </c>
      <c r="K5756">
        <v>49</v>
      </c>
      <c r="L5756" t="s">
        <v>3915</v>
      </c>
      <c r="M5756">
        <v>183</v>
      </c>
      <c r="N5756" t="s">
        <v>654</v>
      </c>
      <c r="O5756">
        <v>3</v>
      </c>
      <c r="P5756" t="s">
        <v>655</v>
      </c>
      <c r="Q5756">
        <v>1</v>
      </c>
      <c r="R5756" t="s">
        <v>669</v>
      </c>
      <c r="S5756">
        <v>1</v>
      </c>
      <c r="T5756" t="s">
        <v>661</v>
      </c>
      <c r="U5756">
        <v>8</v>
      </c>
      <c r="V5756">
        <v>4</v>
      </c>
      <c r="W5756">
        <v>240</v>
      </c>
      <c r="X5756">
        <v>2020</v>
      </c>
    </row>
    <row r="5757" spans="1:24" x14ac:dyDescent="0.25">
      <c r="A5757">
        <v>2277</v>
      </c>
      <c r="B5757" t="s">
        <v>37</v>
      </c>
      <c r="C5757">
        <v>50</v>
      </c>
      <c r="D5757" t="s">
        <v>41</v>
      </c>
      <c r="E5757">
        <v>1322</v>
      </c>
      <c r="F5757" t="s">
        <v>651</v>
      </c>
      <c r="G5757">
        <v>160</v>
      </c>
      <c r="H5757" t="s">
        <v>658</v>
      </c>
      <c r="I5757">
        <v>13755</v>
      </c>
      <c r="J5757" t="s">
        <v>1514</v>
      </c>
      <c r="K5757">
        <v>47</v>
      </c>
      <c r="L5757" t="s">
        <v>3916</v>
      </c>
      <c r="M5757">
        <v>164</v>
      </c>
      <c r="N5757" t="s">
        <v>654</v>
      </c>
      <c r="O5757">
        <v>3</v>
      </c>
      <c r="P5757" t="s">
        <v>655</v>
      </c>
      <c r="Q5757">
        <v>1</v>
      </c>
      <c r="R5757" t="s">
        <v>669</v>
      </c>
      <c r="S5757">
        <v>1</v>
      </c>
      <c r="T5757" t="s">
        <v>661</v>
      </c>
      <c r="U5757">
        <v>8</v>
      </c>
      <c r="V5757">
        <v>4</v>
      </c>
      <c r="W5757">
        <v>240</v>
      </c>
      <c r="X5757">
        <v>2020</v>
      </c>
    </row>
    <row r="5758" spans="1:24" x14ac:dyDescent="0.25">
      <c r="A5758">
        <v>2276</v>
      </c>
      <c r="B5758" t="s">
        <v>37</v>
      </c>
      <c r="C5758">
        <v>50</v>
      </c>
      <c r="D5758" t="s">
        <v>41</v>
      </c>
      <c r="E5758">
        <v>1322</v>
      </c>
      <c r="F5758" t="s">
        <v>651</v>
      </c>
      <c r="G5758">
        <v>160</v>
      </c>
      <c r="H5758" t="s">
        <v>658</v>
      </c>
      <c r="I5758">
        <v>13755</v>
      </c>
      <c r="J5758" t="s">
        <v>1514</v>
      </c>
      <c r="K5758">
        <v>47</v>
      </c>
      <c r="L5758" t="s">
        <v>3917</v>
      </c>
      <c r="M5758">
        <v>162</v>
      </c>
      <c r="N5758" t="s">
        <v>654</v>
      </c>
      <c r="O5758">
        <v>3</v>
      </c>
      <c r="P5758" t="s">
        <v>655</v>
      </c>
      <c r="Q5758">
        <v>1</v>
      </c>
      <c r="R5758" t="s">
        <v>669</v>
      </c>
      <c r="S5758">
        <v>1</v>
      </c>
      <c r="T5758" t="s">
        <v>661</v>
      </c>
      <c r="U5758">
        <v>8</v>
      </c>
      <c r="V5758">
        <v>4</v>
      </c>
      <c r="W5758">
        <v>240</v>
      </c>
      <c r="X5758">
        <v>2020</v>
      </c>
    </row>
    <row r="5759" spans="1:24" x14ac:dyDescent="0.25">
      <c r="A5759">
        <v>2275</v>
      </c>
      <c r="B5759" t="s">
        <v>37</v>
      </c>
      <c r="C5759">
        <v>50</v>
      </c>
      <c r="D5759" t="s">
        <v>40</v>
      </c>
      <c r="E5759">
        <v>1325</v>
      </c>
      <c r="F5759" t="s">
        <v>651</v>
      </c>
      <c r="G5759">
        <v>160</v>
      </c>
      <c r="H5759" t="s">
        <v>658</v>
      </c>
      <c r="I5759">
        <v>13755</v>
      </c>
      <c r="J5759" t="s">
        <v>1182</v>
      </c>
      <c r="K5759">
        <v>46</v>
      </c>
      <c r="L5759" t="s">
        <v>3918</v>
      </c>
      <c r="M5759">
        <v>159</v>
      </c>
      <c r="N5759" t="s">
        <v>654</v>
      </c>
      <c r="O5759">
        <v>3</v>
      </c>
      <c r="P5759" t="s">
        <v>655</v>
      </c>
      <c r="Q5759">
        <v>1</v>
      </c>
      <c r="R5759" t="s">
        <v>669</v>
      </c>
      <c r="S5759">
        <v>1</v>
      </c>
      <c r="T5759" t="s">
        <v>661</v>
      </c>
      <c r="U5759">
        <v>8</v>
      </c>
      <c r="V5759">
        <v>4</v>
      </c>
      <c r="W5759">
        <v>240</v>
      </c>
      <c r="X5759">
        <v>2020</v>
      </c>
    </row>
    <row r="5760" spans="1:24" x14ac:dyDescent="0.25">
      <c r="A5760">
        <v>2274</v>
      </c>
      <c r="B5760" t="s">
        <v>37</v>
      </c>
      <c r="C5760">
        <v>50</v>
      </c>
      <c r="D5760" t="s">
        <v>40</v>
      </c>
      <c r="E5760">
        <v>1325</v>
      </c>
      <c r="F5760" t="s">
        <v>651</v>
      </c>
      <c r="G5760">
        <v>160</v>
      </c>
      <c r="H5760" t="s">
        <v>658</v>
      </c>
      <c r="I5760">
        <v>13755</v>
      </c>
      <c r="J5760" t="s">
        <v>3919</v>
      </c>
      <c r="K5760">
        <v>45</v>
      </c>
      <c r="L5760" t="s">
        <v>3920</v>
      </c>
      <c r="M5760">
        <v>157</v>
      </c>
      <c r="N5760" t="s">
        <v>654</v>
      </c>
      <c r="O5760">
        <v>3</v>
      </c>
      <c r="P5760" t="s">
        <v>655</v>
      </c>
      <c r="Q5760">
        <v>1</v>
      </c>
      <c r="R5760" t="s">
        <v>669</v>
      </c>
      <c r="S5760">
        <v>1</v>
      </c>
      <c r="T5760" t="s">
        <v>661</v>
      </c>
      <c r="U5760">
        <v>8</v>
      </c>
      <c r="V5760">
        <v>4</v>
      </c>
      <c r="W5760">
        <v>240</v>
      </c>
      <c r="X5760">
        <v>2020</v>
      </c>
    </row>
    <row r="5761" spans="1:24" x14ac:dyDescent="0.25">
      <c r="A5761">
        <v>2271</v>
      </c>
      <c r="B5761" t="s">
        <v>28</v>
      </c>
      <c r="C5761">
        <v>49</v>
      </c>
      <c r="D5761" t="s">
        <v>321</v>
      </c>
      <c r="E5761">
        <v>369</v>
      </c>
      <c r="F5761" t="s">
        <v>651</v>
      </c>
      <c r="G5761">
        <v>160</v>
      </c>
      <c r="H5761" t="s">
        <v>773</v>
      </c>
      <c r="I5761">
        <v>11846</v>
      </c>
      <c r="J5761" t="s">
        <v>1931</v>
      </c>
      <c r="K5761">
        <v>80</v>
      </c>
      <c r="L5761" t="s">
        <v>878</v>
      </c>
      <c r="M5761">
        <v>329</v>
      </c>
      <c r="N5761" t="s">
        <v>654</v>
      </c>
      <c r="O5761">
        <v>3</v>
      </c>
      <c r="P5761" t="s">
        <v>655</v>
      </c>
      <c r="Q5761">
        <v>1</v>
      </c>
      <c r="R5761" t="s">
        <v>669</v>
      </c>
      <c r="S5761">
        <v>1</v>
      </c>
      <c r="T5761" t="s">
        <v>661</v>
      </c>
      <c r="U5761">
        <v>8</v>
      </c>
      <c r="V5761">
        <v>5</v>
      </c>
      <c r="W5761">
        <v>300</v>
      </c>
      <c r="X5761">
        <v>2020</v>
      </c>
    </row>
    <row r="5762" spans="1:24" x14ac:dyDescent="0.25">
      <c r="A5762">
        <v>2269</v>
      </c>
      <c r="B5762" t="s">
        <v>28</v>
      </c>
      <c r="C5762">
        <v>49</v>
      </c>
      <c r="D5762" t="s">
        <v>54</v>
      </c>
      <c r="E5762">
        <v>368</v>
      </c>
      <c r="F5762" t="s">
        <v>651</v>
      </c>
      <c r="G5762">
        <v>160</v>
      </c>
      <c r="H5762" t="s">
        <v>773</v>
      </c>
      <c r="I5762">
        <v>11846</v>
      </c>
      <c r="J5762" t="s">
        <v>671</v>
      </c>
      <c r="K5762">
        <v>81</v>
      </c>
      <c r="L5762" t="s">
        <v>920</v>
      </c>
      <c r="M5762">
        <v>335</v>
      </c>
      <c r="N5762" t="s">
        <v>654</v>
      </c>
      <c r="O5762">
        <v>3</v>
      </c>
      <c r="P5762" t="s">
        <v>655</v>
      </c>
      <c r="Q5762">
        <v>1</v>
      </c>
      <c r="R5762" t="s">
        <v>669</v>
      </c>
      <c r="S5762">
        <v>1</v>
      </c>
      <c r="T5762" t="s">
        <v>661</v>
      </c>
      <c r="U5762">
        <v>8</v>
      </c>
      <c r="V5762">
        <v>3</v>
      </c>
      <c r="W5762">
        <v>180</v>
      </c>
      <c r="X5762">
        <v>2020</v>
      </c>
    </row>
    <row r="5763" spans="1:24" x14ac:dyDescent="0.25">
      <c r="A5763">
        <v>2268</v>
      </c>
      <c r="B5763" t="s">
        <v>28</v>
      </c>
      <c r="C5763">
        <v>49</v>
      </c>
      <c r="D5763" t="s">
        <v>54</v>
      </c>
      <c r="E5763">
        <v>368</v>
      </c>
      <c r="F5763" t="s">
        <v>651</v>
      </c>
      <c r="G5763">
        <v>160</v>
      </c>
      <c r="H5763" t="s">
        <v>773</v>
      </c>
      <c r="I5763">
        <v>11846</v>
      </c>
      <c r="J5763" t="s">
        <v>751</v>
      </c>
      <c r="K5763">
        <v>79</v>
      </c>
      <c r="L5763" t="s">
        <v>752</v>
      </c>
      <c r="M5763">
        <v>328</v>
      </c>
      <c r="N5763" t="s">
        <v>654</v>
      </c>
      <c r="O5763">
        <v>3</v>
      </c>
      <c r="P5763" t="s">
        <v>655</v>
      </c>
      <c r="Q5763">
        <v>1</v>
      </c>
      <c r="R5763" t="s">
        <v>669</v>
      </c>
      <c r="S5763">
        <v>1</v>
      </c>
      <c r="T5763" t="s">
        <v>661</v>
      </c>
      <c r="U5763">
        <v>8</v>
      </c>
      <c r="V5763">
        <v>6</v>
      </c>
      <c r="W5763">
        <v>360</v>
      </c>
      <c r="X5763">
        <v>2020</v>
      </c>
    </row>
    <row r="5764" spans="1:24" x14ac:dyDescent="0.25">
      <c r="A5764">
        <v>2267</v>
      </c>
      <c r="B5764" t="s">
        <v>28</v>
      </c>
      <c r="C5764">
        <v>49</v>
      </c>
      <c r="D5764" t="s">
        <v>322</v>
      </c>
      <c r="E5764">
        <v>367</v>
      </c>
      <c r="F5764" t="s">
        <v>651</v>
      </c>
      <c r="G5764">
        <v>160</v>
      </c>
      <c r="H5764" t="s">
        <v>773</v>
      </c>
      <c r="I5764">
        <v>11846</v>
      </c>
      <c r="J5764" t="s">
        <v>915</v>
      </c>
      <c r="K5764">
        <v>78</v>
      </c>
      <c r="L5764" t="s">
        <v>1143</v>
      </c>
      <c r="M5764">
        <v>340</v>
      </c>
      <c r="N5764" t="s">
        <v>654</v>
      </c>
      <c r="O5764">
        <v>3</v>
      </c>
      <c r="P5764" t="s">
        <v>655</v>
      </c>
      <c r="Q5764">
        <v>1</v>
      </c>
      <c r="R5764" t="s">
        <v>669</v>
      </c>
      <c r="S5764">
        <v>1</v>
      </c>
      <c r="T5764" t="s">
        <v>661</v>
      </c>
      <c r="U5764">
        <v>8</v>
      </c>
      <c r="V5764">
        <v>3</v>
      </c>
      <c r="W5764">
        <v>180</v>
      </c>
      <c r="X5764">
        <v>2020</v>
      </c>
    </row>
    <row r="5765" spans="1:24" x14ac:dyDescent="0.25">
      <c r="A5765">
        <v>2266</v>
      </c>
      <c r="B5765" t="s">
        <v>28</v>
      </c>
      <c r="C5765">
        <v>49</v>
      </c>
      <c r="D5765" t="s">
        <v>322</v>
      </c>
      <c r="E5765">
        <v>367</v>
      </c>
      <c r="F5765" t="s">
        <v>651</v>
      </c>
      <c r="G5765">
        <v>160</v>
      </c>
      <c r="H5765" t="s">
        <v>773</v>
      </c>
      <c r="I5765">
        <v>11846</v>
      </c>
      <c r="J5765" t="s">
        <v>915</v>
      </c>
      <c r="K5765">
        <v>78</v>
      </c>
      <c r="L5765" t="s">
        <v>1266</v>
      </c>
      <c r="M5765">
        <v>334</v>
      </c>
      <c r="N5765" t="s">
        <v>654</v>
      </c>
      <c r="O5765">
        <v>3</v>
      </c>
      <c r="P5765" t="s">
        <v>655</v>
      </c>
      <c r="Q5765">
        <v>1</v>
      </c>
      <c r="R5765" t="s">
        <v>669</v>
      </c>
      <c r="S5765">
        <v>1</v>
      </c>
      <c r="T5765" t="s">
        <v>661</v>
      </c>
      <c r="U5765">
        <v>8</v>
      </c>
      <c r="V5765">
        <v>3</v>
      </c>
      <c r="W5765">
        <v>180</v>
      </c>
      <c r="X5765">
        <v>2020</v>
      </c>
    </row>
    <row r="5766" spans="1:24" x14ac:dyDescent="0.25">
      <c r="A5766">
        <v>2262</v>
      </c>
      <c r="B5766" t="s">
        <v>28</v>
      </c>
      <c r="C5766">
        <v>49</v>
      </c>
      <c r="D5766" t="s">
        <v>322</v>
      </c>
      <c r="E5766">
        <v>367</v>
      </c>
      <c r="F5766" t="s">
        <v>651</v>
      </c>
      <c r="G5766">
        <v>160</v>
      </c>
      <c r="H5766" t="s">
        <v>773</v>
      </c>
      <c r="I5766">
        <v>11846</v>
      </c>
      <c r="J5766" t="s">
        <v>932</v>
      </c>
      <c r="K5766">
        <v>77</v>
      </c>
      <c r="L5766" t="s">
        <v>933</v>
      </c>
      <c r="M5766">
        <v>330</v>
      </c>
      <c r="N5766" t="s">
        <v>654</v>
      </c>
      <c r="O5766">
        <v>3</v>
      </c>
      <c r="P5766" t="s">
        <v>655</v>
      </c>
      <c r="Q5766">
        <v>1</v>
      </c>
      <c r="R5766" t="s">
        <v>669</v>
      </c>
      <c r="S5766">
        <v>1</v>
      </c>
      <c r="T5766" t="s">
        <v>661</v>
      </c>
      <c r="U5766">
        <v>8</v>
      </c>
      <c r="V5766">
        <v>4</v>
      </c>
      <c r="W5766">
        <v>240</v>
      </c>
      <c r="X5766">
        <v>2020</v>
      </c>
    </row>
    <row r="5767" spans="1:24" x14ac:dyDescent="0.25">
      <c r="A5767">
        <v>2261</v>
      </c>
      <c r="B5767" t="s">
        <v>28</v>
      </c>
      <c r="C5767">
        <v>49</v>
      </c>
      <c r="D5767" t="s">
        <v>322</v>
      </c>
      <c r="E5767">
        <v>367</v>
      </c>
      <c r="F5767" t="s">
        <v>651</v>
      </c>
      <c r="G5767">
        <v>160</v>
      </c>
      <c r="H5767" t="s">
        <v>773</v>
      </c>
      <c r="I5767">
        <v>11846</v>
      </c>
      <c r="J5767" t="s">
        <v>932</v>
      </c>
      <c r="K5767">
        <v>77</v>
      </c>
      <c r="L5767" t="s">
        <v>839</v>
      </c>
      <c r="M5767">
        <v>327</v>
      </c>
      <c r="N5767" t="s">
        <v>654</v>
      </c>
      <c r="O5767">
        <v>3</v>
      </c>
      <c r="P5767" t="s">
        <v>655</v>
      </c>
      <c r="Q5767">
        <v>1</v>
      </c>
      <c r="R5767" t="s">
        <v>669</v>
      </c>
      <c r="S5767">
        <v>1</v>
      </c>
      <c r="T5767" t="s">
        <v>661</v>
      </c>
      <c r="U5767">
        <v>8</v>
      </c>
      <c r="V5767">
        <v>6</v>
      </c>
      <c r="W5767">
        <v>360</v>
      </c>
      <c r="X5767">
        <v>2020</v>
      </c>
    </row>
    <row r="5768" spans="1:24" x14ac:dyDescent="0.25">
      <c r="A5768">
        <v>2260</v>
      </c>
      <c r="B5768" t="s">
        <v>93</v>
      </c>
      <c r="C5768">
        <v>48</v>
      </c>
      <c r="D5768" t="s">
        <v>402</v>
      </c>
      <c r="E5768">
        <v>366</v>
      </c>
      <c r="F5768" t="s">
        <v>651</v>
      </c>
      <c r="G5768">
        <v>160</v>
      </c>
      <c r="H5768" t="s">
        <v>773</v>
      </c>
      <c r="I5768">
        <v>11846</v>
      </c>
      <c r="J5768" t="s">
        <v>765</v>
      </c>
      <c r="K5768">
        <v>76</v>
      </c>
      <c r="L5768" t="s">
        <v>766</v>
      </c>
      <c r="M5768">
        <v>137</v>
      </c>
      <c r="N5768" t="s">
        <v>654</v>
      </c>
      <c r="O5768">
        <v>3</v>
      </c>
      <c r="P5768" t="s">
        <v>655</v>
      </c>
      <c r="Q5768">
        <v>1</v>
      </c>
      <c r="R5768" t="s">
        <v>669</v>
      </c>
      <c r="S5768">
        <v>1</v>
      </c>
      <c r="T5768" t="s">
        <v>661</v>
      </c>
      <c r="U5768">
        <v>8</v>
      </c>
      <c r="V5768">
        <v>3</v>
      </c>
      <c r="W5768">
        <v>180</v>
      </c>
      <c r="X5768">
        <v>2020</v>
      </c>
    </row>
    <row r="5769" spans="1:24" x14ac:dyDescent="0.25">
      <c r="A5769">
        <v>2259</v>
      </c>
      <c r="B5769" t="s">
        <v>93</v>
      </c>
      <c r="C5769">
        <v>48</v>
      </c>
      <c r="D5769" t="s">
        <v>402</v>
      </c>
      <c r="E5769">
        <v>366</v>
      </c>
      <c r="F5769" t="s">
        <v>651</v>
      </c>
      <c r="G5769">
        <v>160</v>
      </c>
      <c r="H5769" t="s">
        <v>773</v>
      </c>
      <c r="I5769">
        <v>11846</v>
      </c>
      <c r="J5769" t="s">
        <v>1088</v>
      </c>
      <c r="K5769">
        <v>38</v>
      </c>
      <c r="L5769" t="s">
        <v>1089</v>
      </c>
      <c r="M5769">
        <v>135</v>
      </c>
      <c r="N5769" t="s">
        <v>654</v>
      </c>
      <c r="O5769">
        <v>3</v>
      </c>
      <c r="P5769" t="s">
        <v>746</v>
      </c>
      <c r="Q5769">
        <v>2</v>
      </c>
      <c r="R5769" t="s">
        <v>669</v>
      </c>
      <c r="S5769">
        <v>1</v>
      </c>
      <c r="T5769" t="s">
        <v>661</v>
      </c>
      <c r="U5769">
        <v>8</v>
      </c>
      <c r="V5769">
        <v>3</v>
      </c>
      <c r="W5769">
        <v>180</v>
      </c>
      <c r="X5769">
        <v>2020</v>
      </c>
    </row>
    <row r="5770" spans="1:24" x14ac:dyDescent="0.25">
      <c r="A5770">
        <v>2258</v>
      </c>
      <c r="B5770" t="s">
        <v>93</v>
      </c>
      <c r="C5770">
        <v>48</v>
      </c>
      <c r="D5770" t="s">
        <v>402</v>
      </c>
      <c r="E5770">
        <v>366</v>
      </c>
      <c r="F5770" t="s">
        <v>651</v>
      </c>
      <c r="G5770">
        <v>160</v>
      </c>
      <c r="H5770" t="s">
        <v>773</v>
      </c>
      <c r="I5770">
        <v>11846</v>
      </c>
      <c r="J5770" t="s">
        <v>1088</v>
      </c>
      <c r="K5770">
        <v>38</v>
      </c>
      <c r="L5770" t="s">
        <v>1089</v>
      </c>
      <c r="M5770">
        <v>135</v>
      </c>
      <c r="N5770" t="s">
        <v>654</v>
      </c>
      <c r="O5770">
        <v>3</v>
      </c>
      <c r="P5770" t="s">
        <v>655</v>
      </c>
      <c r="Q5770">
        <v>1</v>
      </c>
      <c r="R5770" t="s">
        <v>669</v>
      </c>
      <c r="S5770">
        <v>1</v>
      </c>
      <c r="T5770" t="s">
        <v>661</v>
      </c>
      <c r="U5770">
        <v>8</v>
      </c>
      <c r="V5770">
        <v>3</v>
      </c>
      <c r="W5770">
        <v>180</v>
      </c>
      <c r="X5770">
        <v>2020</v>
      </c>
    </row>
    <row r="5771" spans="1:24" x14ac:dyDescent="0.25">
      <c r="A5771">
        <v>2257</v>
      </c>
      <c r="B5771" t="s">
        <v>93</v>
      </c>
      <c r="C5771">
        <v>48</v>
      </c>
      <c r="D5771" t="s">
        <v>450</v>
      </c>
      <c r="E5771">
        <v>365</v>
      </c>
      <c r="F5771" t="s">
        <v>651</v>
      </c>
      <c r="G5771">
        <v>160</v>
      </c>
      <c r="H5771" t="s">
        <v>773</v>
      </c>
      <c r="I5771">
        <v>11846</v>
      </c>
      <c r="J5771" t="s">
        <v>673</v>
      </c>
      <c r="K5771">
        <v>34</v>
      </c>
      <c r="L5771" t="s">
        <v>3792</v>
      </c>
      <c r="M5771">
        <v>108</v>
      </c>
      <c r="N5771" t="s">
        <v>654</v>
      </c>
      <c r="O5771">
        <v>3</v>
      </c>
      <c r="P5771" t="s">
        <v>655</v>
      </c>
      <c r="Q5771">
        <v>1</v>
      </c>
      <c r="R5771" t="s">
        <v>669</v>
      </c>
      <c r="S5771">
        <v>1</v>
      </c>
      <c r="T5771" t="s">
        <v>661</v>
      </c>
      <c r="U5771">
        <v>8</v>
      </c>
      <c r="V5771">
        <v>4</v>
      </c>
      <c r="W5771">
        <v>240</v>
      </c>
      <c r="X5771">
        <v>2020</v>
      </c>
    </row>
    <row r="5772" spans="1:24" x14ac:dyDescent="0.25">
      <c r="A5772">
        <v>2256</v>
      </c>
      <c r="B5772" t="s">
        <v>93</v>
      </c>
      <c r="C5772">
        <v>48</v>
      </c>
      <c r="D5772" t="s">
        <v>450</v>
      </c>
      <c r="E5772">
        <v>365</v>
      </c>
      <c r="F5772" t="s">
        <v>651</v>
      </c>
      <c r="G5772">
        <v>160</v>
      </c>
      <c r="H5772" t="s">
        <v>773</v>
      </c>
      <c r="I5772">
        <v>11846</v>
      </c>
      <c r="J5772" t="s">
        <v>673</v>
      </c>
      <c r="K5772">
        <v>34</v>
      </c>
      <c r="L5772" t="s">
        <v>674</v>
      </c>
      <c r="M5772">
        <v>107</v>
      </c>
      <c r="N5772" t="s">
        <v>654</v>
      </c>
      <c r="O5772">
        <v>3</v>
      </c>
      <c r="P5772" t="s">
        <v>655</v>
      </c>
      <c r="Q5772">
        <v>1</v>
      </c>
      <c r="R5772" t="s">
        <v>669</v>
      </c>
      <c r="S5772">
        <v>1</v>
      </c>
      <c r="T5772" t="s">
        <v>661</v>
      </c>
      <c r="U5772">
        <v>8</v>
      </c>
      <c r="V5772">
        <v>4</v>
      </c>
      <c r="W5772">
        <v>240</v>
      </c>
      <c r="X5772">
        <v>2020</v>
      </c>
    </row>
    <row r="5773" spans="1:24" x14ac:dyDescent="0.25">
      <c r="A5773">
        <v>2255</v>
      </c>
      <c r="B5773" t="s">
        <v>93</v>
      </c>
      <c r="C5773">
        <v>48</v>
      </c>
      <c r="D5773" t="s">
        <v>450</v>
      </c>
      <c r="E5773">
        <v>365</v>
      </c>
      <c r="F5773" t="s">
        <v>651</v>
      </c>
      <c r="G5773">
        <v>160</v>
      </c>
      <c r="H5773" t="s">
        <v>773</v>
      </c>
      <c r="I5773">
        <v>11846</v>
      </c>
      <c r="J5773" t="s">
        <v>673</v>
      </c>
      <c r="K5773">
        <v>34</v>
      </c>
      <c r="L5773" t="s">
        <v>673</v>
      </c>
      <c r="M5773">
        <v>104</v>
      </c>
      <c r="N5773" t="s">
        <v>654</v>
      </c>
      <c r="O5773">
        <v>3</v>
      </c>
      <c r="P5773" t="s">
        <v>655</v>
      </c>
      <c r="Q5773">
        <v>1</v>
      </c>
      <c r="R5773" t="s">
        <v>669</v>
      </c>
      <c r="S5773">
        <v>1</v>
      </c>
      <c r="T5773" t="s">
        <v>661</v>
      </c>
      <c r="U5773">
        <v>8</v>
      </c>
      <c r="V5773">
        <v>3</v>
      </c>
      <c r="W5773">
        <v>180</v>
      </c>
      <c r="X5773">
        <v>2020</v>
      </c>
    </row>
    <row r="5774" spans="1:24" x14ac:dyDescent="0.25">
      <c r="A5774">
        <v>2254</v>
      </c>
      <c r="B5774" t="s">
        <v>93</v>
      </c>
      <c r="C5774">
        <v>48</v>
      </c>
      <c r="D5774" t="s">
        <v>450</v>
      </c>
      <c r="E5774">
        <v>365</v>
      </c>
      <c r="F5774" t="s">
        <v>651</v>
      </c>
      <c r="G5774">
        <v>160</v>
      </c>
      <c r="H5774" t="s">
        <v>773</v>
      </c>
      <c r="I5774">
        <v>11846</v>
      </c>
      <c r="J5774" t="s">
        <v>679</v>
      </c>
      <c r="K5774">
        <v>32</v>
      </c>
      <c r="L5774" t="s">
        <v>1612</v>
      </c>
      <c r="M5774">
        <v>463</v>
      </c>
      <c r="N5774" t="s">
        <v>654</v>
      </c>
      <c r="O5774">
        <v>3</v>
      </c>
      <c r="P5774" t="s">
        <v>655</v>
      </c>
      <c r="Q5774">
        <v>1</v>
      </c>
      <c r="R5774" t="s">
        <v>669</v>
      </c>
      <c r="S5774">
        <v>1</v>
      </c>
      <c r="T5774" t="s">
        <v>729</v>
      </c>
      <c r="U5774">
        <v>4</v>
      </c>
      <c r="V5774">
        <v>3</v>
      </c>
      <c r="W5774">
        <v>180</v>
      </c>
      <c r="X5774">
        <v>2020</v>
      </c>
    </row>
    <row r="5775" spans="1:24" x14ac:dyDescent="0.25">
      <c r="A5775">
        <v>2253</v>
      </c>
      <c r="B5775" t="s">
        <v>93</v>
      </c>
      <c r="C5775">
        <v>48</v>
      </c>
      <c r="D5775" t="s">
        <v>450</v>
      </c>
      <c r="E5775">
        <v>365</v>
      </c>
      <c r="F5775" t="s">
        <v>651</v>
      </c>
      <c r="G5775">
        <v>160</v>
      </c>
      <c r="H5775" t="s">
        <v>773</v>
      </c>
      <c r="I5775">
        <v>11846</v>
      </c>
      <c r="J5775" t="s">
        <v>679</v>
      </c>
      <c r="K5775">
        <v>32</v>
      </c>
      <c r="L5775" t="s">
        <v>1612</v>
      </c>
      <c r="M5775">
        <v>463</v>
      </c>
      <c r="N5775" t="s">
        <v>654</v>
      </c>
      <c r="O5775">
        <v>3</v>
      </c>
      <c r="P5775" t="s">
        <v>655</v>
      </c>
      <c r="Q5775">
        <v>1</v>
      </c>
      <c r="R5775" t="s">
        <v>669</v>
      </c>
      <c r="S5775">
        <v>1</v>
      </c>
      <c r="T5775" t="s">
        <v>661</v>
      </c>
      <c r="U5775">
        <v>8</v>
      </c>
      <c r="V5775">
        <v>3</v>
      </c>
      <c r="W5775">
        <v>180</v>
      </c>
      <c r="X5775">
        <v>2020</v>
      </c>
    </row>
    <row r="5776" spans="1:24" x14ac:dyDescent="0.25">
      <c r="A5776">
        <v>2251</v>
      </c>
      <c r="B5776" t="s">
        <v>93</v>
      </c>
      <c r="C5776">
        <v>48</v>
      </c>
      <c r="D5776" t="s">
        <v>451</v>
      </c>
      <c r="E5776">
        <v>364</v>
      </c>
      <c r="F5776" t="s">
        <v>651</v>
      </c>
      <c r="G5776">
        <v>160</v>
      </c>
      <c r="H5776" t="s">
        <v>773</v>
      </c>
      <c r="I5776">
        <v>11846</v>
      </c>
      <c r="J5776" t="s">
        <v>659</v>
      </c>
      <c r="K5776">
        <v>35</v>
      </c>
      <c r="L5776" t="s">
        <v>3790</v>
      </c>
      <c r="M5776">
        <v>121</v>
      </c>
      <c r="N5776" t="s">
        <v>654</v>
      </c>
      <c r="O5776">
        <v>3</v>
      </c>
      <c r="P5776" t="s">
        <v>655</v>
      </c>
      <c r="Q5776">
        <v>1</v>
      </c>
      <c r="R5776" t="s">
        <v>669</v>
      </c>
      <c r="S5776">
        <v>1</v>
      </c>
      <c r="T5776" t="s">
        <v>661</v>
      </c>
      <c r="U5776">
        <v>8</v>
      </c>
      <c r="V5776">
        <v>3</v>
      </c>
      <c r="W5776">
        <v>180</v>
      </c>
      <c r="X5776">
        <v>2020</v>
      </c>
    </row>
    <row r="5777" spans="1:24" x14ac:dyDescent="0.25">
      <c r="A5777">
        <v>2248</v>
      </c>
      <c r="B5777" t="s">
        <v>93</v>
      </c>
      <c r="C5777">
        <v>48</v>
      </c>
      <c r="D5777" t="s">
        <v>451</v>
      </c>
      <c r="E5777">
        <v>364</v>
      </c>
      <c r="F5777" t="s">
        <v>651</v>
      </c>
      <c r="G5777">
        <v>160</v>
      </c>
      <c r="H5777" t="s">
        <v>773</v>
      </c>
      <c r="I5777">
        <v>11846</v>
      </c>
      <c r="J5777" t="s">
        <v>659</v>
      </c>
      <c r="K5777">
        <v>35</v>
      </c>
      <c r="L5777" t="s">
        <v>1049</v>
      </c>
      <c r="M5777">
        <v>115</v>
      </c>
      <c r="N5777" t="s">
        <v>654</v>
      </c>
      <c r="O5777">
        <v>3</v>
      </c>
      <c r="P5777" t="s">
        <v>655</v>
      </c>
      <c r="Q5777">
        <v>1</v>
      </c>
      <c r="R5777" t="s">
        <v>669</v>
      </c>
      <c r="S5777">
        <v>1</v>
      </c>
      <c r="T5777" t="s">
        <v>661</v>
      </c>
      <c r="U5777">
        <v>8</v>
      </c>
      <c r="V5777">
        <v>3</v>
      </c>
      <c r="W5777">
        <v>180</v>
      </c>
      <c r="X5777">
        <v>2020</v>
      </c>
    </row>
    <row r="5778" spans="1:24" x14ac:dyDescent="0.25">
      <c r="A5778">
        <v>2247</v>
      </c>
      <c r="B5778" t="s">
        <v>93</v>
      </c>
      <c r="C5778">
        <v>48</v>
      </c>
      <c r="D5778" t="s">
        <v>451</v>
      </c>
      <c r="E5778">
        <v>364</v>
      </c>
      <c r="F5778" t="s">
        <v>651</v>
      </c>
      <c r="G5778">
        <v>160</v>
      </c>
      <c r="H5778" t="s">
        <v>773</v>
      </c>
      <c r="I5778">
        <v>11846</v>
      </c>
      <c r="J5778" t="s">
        <v>659</v>
      </c>
      <c r="K5778">
        <v>35</v>
      </c>
      <c r="L5778" t="s">
        <v>2610</v>
      </c>
      <c r="M5778">
        <v>114</v>
      </c>
      <c r="N5778" t="s">
        <v>654</v>
      </c>
      <c r="O5778">
        <v>3</v>
      </c>
      <c r="P5778" t="s">
        <v>655</v>
      </c>
      <c r="Q5778">
        <v>1</v>
      </c>
      <c r="R5778" t="s">
        <v>669</v>
      </c>
      <c r="S5778">
        <v>1</v>
      </c>
      <c r="T5778" t="s">
        <v>661</v>
      </c>
      <c r="U5778">
        <v>8</v>
      </c>
      <c r="V5778">
        <v>3</v>
      </c>
      <c r="W5778">
        <v>180</v>
      </c>
      <c r="X5778">
        <v>2020</v>
      </c>
    </row>
    <row r="5779" spans="1:24" x14ac:dyDescent="0.25">
      <c r="A5779">
        <v>2246</v>
      </c>
      <c r="B5779" t="s">
        <v>93</v>
      </c>
      <c r="C5779">
        <v>48</v>
      </c>
      <c r="D5779" t="s">
        <v>451</v>
      </c>
      <c r="E5779">
        <v>364</v>
      </c>
      <c r="F5779" t="s">
        <v>651</v>
      </c>
      <c r="G5779">
        <v>160</v>
      </c>
      <c r="H5779" t="s">
        <v>773</v>
      </c>
      <c r="I5779">
        <v>11846</v>
      </c>
      <c r="J5779" t="s">
        <v>659</v>
      </c>
      <c r="K5779">
        <v>35</v>
      </c>
      <c r="L5779" t="s">
        <v>3791</v>
      </c>
      <c r="M5779">
        <v>113</v>
      </c>
      <c r="N5779" t="s">
        <v>668</v>
      </c>
      <c r="O5779">
        <v>4</v>
      </c>
      <c r="P5779" t="s">
        <v>655</v>
      </c>
      <c r="Q5779">
        <v>1</v>
      </c>
      <c r="R5779" t="s">
        <v>669</v>
      </c>
      <c r="S5779">
        <v>1</v>
      </c>
      <c r="T5779" t="s">
        <v>661</v>
      </c>
      <c r="U5779">
        <v>8</v>
      </c>
      <c r="V5779">
        <v>3</v>
      </c>
      <c r="W5779">
        <v>180</v>
      </c>
      <c r="X5779">
        <v>2020</v>
      </c>
    </row>
    <row r="5780" spans="1:24" x14ac:dyDescent="0.25">
      <c r="A5780">
        <v>2245</v>
      </c>
      <c r="B5780" t="s">
        <v>93</v>
      </c>
      <c r="C5780">
        <v>48</v>
      </c>
      <c r="D5780" t="s">
        <v>451</v>
      </c>
      <c r="E5780">
        <v>364</v>
      </c>
      <c r="F5780" t="s">
        <v>651</v>
      </c>
      <c r="G5780">
        <v>160</v>
      </c>
      <c r="H5780" t="s">
        <v>773</v>
      </c>
      <c r="I5780">
        <v>11846</v>
      </c>
      <c r="J5780" t="s">
        <v>659</v>
      </c>
      <c r="K5780">
        <v>35</v>
      </c>
      <c r="L5780" t="s">
        <v>3921</v>
      </c>
      <c r="M5780">
        <v>494</v>
      </c>
      <c r="N5780" t="s">
        <v>654</v>
      </c>
      <c r="O5780">
        <v>3</v>
      </c>
      <c r="P5780" t="s">
        <v>655</v>
      </c>
      <c r="Q5780">
        <v>1</v>
      </c>
      <c r="R5780" t="s">
        <v>669</v>
      </c>
      <c r="S5780">
        <v>1</v>
      </c>
      <c r="T5780" t="s">
        <v>661</v>
      </c>
      <c r="U5780">
        <v>8</v>
      </c>
      <c r="V5780">
        <v>3</v>
      </c>
      <c r="W5780">
        <v>180</v>
      </c>
      <c r="X5780">
        <v>2020</v>
      </c>
    </row>
    <row r="5781" spans="1:24" x14ac:dyDescent="0.25">
      <c r="A5781">
        <v>2244</v>
      </c>
      <c r="B5781" t="s">
        <v>93</v>
      </c>
      <c r="C5781">
        <v>48</v>
      </c>
      <c r="D5781" t="s">
        <v>451</v>
      </c>
      <c r="E5781">
        <v>364</v>
      </c>
      <c r="F5781" t="s">
        <v>651</v>
      </c>
      <c r="G5781">
        <v>160</v>
      </c>
      <c r="H5781" t="s">
        <v>773</v>
      </c>
      <c r="I5781">
        <v>11846</v>
      </c>
      <c r="J5781" t="s">
        <v>659</v>
      </c>
      <c r="K5781">
        <v>35</v>
      </c>
      <c r="L5781" t="s">
        <v>3793</v>
      </c>
      <c r="M5781">
        <v>380</v>
      </c>
      <c r="N5781" t="s">
        <v>654</v>
      </c>
      <c r="O5781">
        <v>3</v>
      </c>
      <c r="P5781" t="s">
        <v>655</v>
      </c>
      <c r="Q5781">
        <v>1</v>
      </c>
      <c r="R5781" t="s">
        <v>669</v>
      </c>
      <c r="S5781">
        <v>1</v>
      </c>
      <c r="T5781" t="s">
        <v>661</v>
      </c>
      <c r="U5781">
        <v>8</v>
      </c>
      <c r="V5781">
        <v>3</v>
      </c>
      <c r="W5781">
        <v>180</v>
      </c>
      <c r="X5781">
        <v>2020</v>
      </c>
    </row>
    <row r="5782" spans="1:24" x14ac:dyDescent="0.25">
      <c r="A5782">
        <v>2243</v>
      </c>
      <c r="B5782" t="s">
        <v>93</v>
      </c>
      <c r="C5782">
        <v>48</v>
      </c>
      <c r="D5782" t="s">
        <v>452</v>
      </c>
      <c r="E5782">
        <v>363</v>
      </c>
      <c r="F5782" t="s">
        <v>651</v>
      </c>
      <c r="G5782">
        <v>160</v>
      </c>
      <c r="H5782" t="s">
        <v>773</v>
      </c>
      <c r="I5782">
        <v>11846</v>
      </c>
      <c r="J5782" t="s">
        <v>294</v>
      </c>
      <c r="K5782">
        <v>31</v>
      </c>
      <c r="L5782" t="s">
        <v>294</v>
      </c>
      <c r="M5782">
        <v>98</v>
      </c>
      <c r="N5782" t="s">
        <v>654</v>
      </c>
      <c r="O5782">
        <v>3</v>
      </c>
      <c r="P5782" t="s">
        <v>655</v>
      </c>
      <c r="Q5782">
        <v>1</v>
      </c>
      <c r="R5782" t="s">
        <v>669</v>
      </c>
      <c r="S5782">
        <v>1</v>
      </c>
      <c r="T5782" t="s">
        <v>661</v>
      </c>
      <c r="U5782">
        <v>8</v>
      </c>
      <c r="V5782">
        <v>3</v>
      </c>
      <c r="W5782">
        <v>180</v>
      </c>
      <c r="X5782">
        <v>2020</v>
      </c>
    </row>
    <row r="5783" spans="1:24" x14ac:dyDescent="0.25">
      <c r="A5783">
        <v>2241</v>
      </c>
      <c r="B5783" t="s">
        <v>93</v>
      </c>
      <c r="C5783">
        <v>48</v>
      </c>
      <c r="D5783" t="s">
        <v>452</v>
      </c>
      <c r="E5783">
        <v>363</v>
      </c>
      <c r="F5783" t="s">
        <v>651</v>
      </c>
      <c r="G5783">
        <v>160</v>
      </c>
      <c r="H5783" t="s">
        <v>773</v>
      </c>
      <c r="I5783">
        <v>11846</v>
      </c>
      <c r="J5783" t="s">
        <v>295</v>
      </c>
      <c r="K5783">
        <v>30</v>
      </c>
      <c r="L5783" t="s">
        <v>295</v>
      </c>
      <c r="M5783">
        <v>96</v>
      </c>
      <c r="N5783" t="s">
        <v>654</v>
      </c>
      <c r="O5783">
        <v>3</v>
      </c>
      <c r="P5783" t="s">
        <v>689</v>
      </c>
      <c r="Q5783">
        <v>4</v>
      </c>
      <c r="R5783" t="s">
        <v>669</v>
      </c>
      <c r="S5783">
        <v>1</v>
      </c>
      <c r="T5783" t="s">
        <v>661</v>
      </c>
      <c r="U5783">
        <v>8</v>
      </c>
      <c r="V5783">
        <v>3</v>
      </c>
      <c r="W5783">
        <v>180</v>
      </c>
      <c r="X5783">
        <v>2020</v>
      </c>
    </row>
    <row r="5784" spans="1:24" x14ac:dyDescent="0.25">
      <c r="A5784">
        <v>2240</v>
      </c>
      <c r="B5784" t="s">
        <v>93</v>
      </c>
      <c r="C5784">
        <v>48</v>
      </c>
      <c r="D5784" t="s">
        <v>452</v>
      </c>
      <c r="E5784">
        <v>363</v>
      </c>
      <c r="F5784" t="s">
        <v>651</v>
      </c>
      <c r="G5784">
        <v>160</v>
      </c>
      <c r="H5784" t="s">
        <v>773</v>
      </c>
      <c r="I5784">
        <v>11846</v>
      </c>
      <c r="J5784" t="s">
        <v>295</v>
      </c>
      <c r="K5784">
        <v>30</v>
      </c>
      <c r="L5784" t="s">
        <v>295</v>
      </c>
      <c r="M5784">
        <v>96</v>
      </c>
      <c r="N5784" t="s">
        <v>654</v>
      </c>
      <c r="O5784">
        <v>3</v>
      </c>
      <c r="P5784" t="s">
        <v>655</v>
      </c>
      <c r="Q5784">
        <v>1</v>
      </c>
      <c r="R5784" t="s">
        <v>669</v>
      </c>
      <c r="S5784">
        <v>1</v>
      </c>
      <c r="T5784" t="s">
        <v>661</v>
      </c>
      <c r="U5784">
        <v>8</v>
      </c>
      <c r="V5784">
        <v>3</v>
      </c>
      <c r="W5784">
        <v>180</v>
      </c>
      <c r="X5784">
        <v>2020</v>
      </c>
    </row>
    <row r="5785" spans="1:24" x14ac:dyDescent="0.25">
      <c r="A5785">
        <v>2238</v>
      </c>
      <c r="B5785" t="s">
        <v>93</v>
      </c>
      <c r="C5785">
        <v>48</v>
      </c>
      <c r="D5785" t="s">
        <v>452</v>
      </c>
      <c r="E5785">
        <v>363</v>
      </c>
      <c r="F5785" t="s">
        <v>651</v>
      </c>
      <c r="G5785">
        <v>160</v>
      </c>
      <c r="H5785" t="s">
        <v>773</v>
      </c>
      <c r="I5785">
        <v>11846</v>
      </c>
      <c r="J5785" t="s">
        <v>955</v>
      </c>
      <c r="K5785">
        <v>29</v>
      </c>
      <c r="L5785" t="s">
        <v>955</v>
      </c>
      <c r="M5785">
        <v>95</v>
      </c>
      <c r="N5785" t="s">
        <v>654</v>
      </c>
      <c r="O5785">
        <v>3</v>
      </c>
      <c r="P5785" t="s">
        <v>655</v>
      </c>
      <c r="Q5785">
        <v>1</v>
      </c>
      <c r="R5785" t="s">
        <v>669</v>
      </c>
      <c r="S5785">
        <v>1</v>
      </c>
      <c r="T5785" t="s">
        <v>661</v>
      </c>
      <c r="U5785">
        <v>8</v>
      </c>
      <c r="V5785">
        <v>3</v>
      </c>
      <c r="W5785">
        <v>180</v>
      </c>
      <c r="X5785">
        <v>2020</v>
      </c>
    </row>
    <row r="5786" spans="1:24" x14ac:dyDescent="0.25">
      <c r="A5786">
        <v>2237</v>
      </c>
      <c r="B5786" t="s">
        <v>93</v>
      </c>
      <c r="C5786">
        <v>48</v>
      </c>
      <c r="D5786" t="s">
        <v>452</v>
      </c>
      <c r="E5786">
        <v>363</v>
      </c>
      <c r="F5786" t="s">
        <v>651</v>
      </c>
      <c r="G5786">
        <v>160</v>
      </c>
      <c r="H5786" t="s">
        <v>773</v>
      </c>
      <c r="I5786">
        <v>11846</v>
      </c>
      <c r="J5786" t="s">
        <v>1094</v>
      </c>
      <c r="K5786">
        <v>28</v>
      </c>
      <c r="L5786" t="s">
        <v>296</v>
      </c>
      <c r="M5786">
        <v>91</v>
      </c>
      <c r="N5786" t="s">
        <v>654</v>
      </c>
      <c r="O5786">
        <v>3</v>
      </c>
      <c r="P5786" t="s">
        <v>655</v>
      </c>
      <c r="Q5786">
        <v>1</v>
      </c>
      <c r="R5786" t="s">
        <v>669</v>
      </c>
      <c r="S5786">
        <v>1</v>
      </c>
      <c r="T5786" t="s">
        <v>661</v>
      </c>
      <c r="U5786">
        <v>8</v>
      </c>
      <c r="V5786">
        <v>3</v>
      </c>
      <c r="W5786">
        <v>180</v>
      </c>
      <c r="X5786">
        <v>2020</v>
      </c>
    </row>
    <row r="5787" spans="1:24" x14ac:dyDescent="0.25">
      <c r="A5787">
        <v>2236</v>
      </c>
      <c r="B5787" t="s">
        <v>93</v>
      </c>
      <c r="C5787">
        <v>48</v>
      </c>
      <c r="D5787" t="s">
        <v>452</v>
      </c>
      <c r="E5787">
        <v>363</v>
      </c>
      <c r="F5787" t="s">
        <v>651</v>
      </c>
      <c r="G5787">
        <v>160</v>
      </c>
      <c r="H5787" t="s">
        <v>773</v>
      </c>
      <c r="I5787">
        <v>11846</v>
      </c>
      <c r="J5787" t="s">
        <v>299</v>
      </c>
      <c r="K5787">
        <v>27</v>
      </c>
      <c r="L5787" t="s">
        <v>690</v>
      </c>
      <c r="M5787">
        <v>89</v>
      </c>
      <c r="N5787" t="s">
        <v>654</v>
      </c>
      <c r="O5787">
        <v>3</v>
      </c>
      <c r="P5787" t="s">
        <v>689</v>
      </c>
      <c r="Q5787">
        <v>4</v>
      </c>
      <c r="R5787" t="s">
        <v>669</v>
      </c>
      <c r="S5787">
        <v>1</v>
      </c>
      <c r="T5787" t="s">
        <v>661</v>
      </c>
      <c r="U5787">
        <v>8</v>
      </c>
      <c r="V5787">
        <v>3</v>
      </c>
      <c r="W5787">
        <v>180</v>
      </c>
      <c r="X5787">
        <v>2020</v>
      </c>
    </row>
    <row r="5788" spans="1:24" x14ac:dyDescent="0.25">
      <c r="A5788">
        <v>2235</v>
      </c>
      <c r="B5788" t="s">
        <v>93</v>
      </c>
      <c r="C5788">
        <v>48</v>
      </c>
      <c r="D5788" t="s">
        <v>452</v>
      </c>
      <c r="E5788">
        <v>363</v>
      </c>
      <c r="F5788" t="s">
        <v>651</v>
      </c>
      <c r="G5788">
        <v>160</v>
      </c>
      <c r="H5788" t="s">
        <v>773</v>
      </c>
      <c r="I5788">
        <v>11846</v>
      </c>
      <c r="J5788" t="s">
        <v>299</v>
      </c>
      <c r="K5788">
        <v>27</v>
      </c>
      <c r="L5788" t="s">
        <v>690</v>
      </c>
      <c r="M5788">
        <v>89</v>
      </c>
      <c r="N5788" t="s">
        <v>654</v>
      </c>
      <c r="O5788">
        <v>3</v>
      </c>
      <c r="P5788" t="s">
        <v>655</v>
      </c>
      <c r="Q5788">
        <v>1</v>
      </c>
      <c r="R5788" t="s">
        <v>669</v>
      </c>
      <c r="S5788">
        <v>1</v>
      </c>
      <c r="T5788" t="s">
        <v>661</v>
      </c>
      <c r="U5788">
        <v>8</v>
      </c>
      <c r="V5788">
        <v>3</v>
      </c>
      <c r="W5788">
        <v>180</v>
      </c>
      <c r="X5788">
        <v>2020</v>
      </c>
    </row>
    <row r="5789" spans="1:24" x14ac:dyDescent="0.25">
      <c r="A5789">
        <v>2234</v>
      </c>
      <c r="B5789" t="s">
        <v>93</v>
      </c>
      <c r="C5789">
        <v>48</v>
      </c>
      <c r="D5789" t="s">
        <v>452</v>
      </c>
      <c r="E5789">
        <v>363</v>
      </c>
      <c r="F5789" t="s">
        <v>651</v>
      </c>
      <c r="G5789">
        <v>160</v>
      </c>
      <c r="H5789" t="s">
        <v>773</v>
      </c>
      <c r="I5789">
        <v>11846</v>
      </c>
      <c r="J5789" t="s">
        <v>301</v>
      </c>
      <c r="K5789">
        <v>26</v>
      </c>
      <c r="L5789" t="s">
        <v>930</v>
      </c>
      <c r="M5789">
        <v>84</v>
      </c>
      <c r="N5789" t="s">
        <v>654</v>
      </c>
      <c r="O5789">
        <v>3</v>
      </c>
      <c r="P5789" t="s">
        <v>655</v>
      </c>
      <c r="Q5789">
        <v>1</v>
      </c>
      <c r="R5789" t="s">
        <v>669</v>
      </c>
      <c r="S5789">
        <v>1</v>
      </c>
      <c r="T5789" t="s">
        <v>661</v>
      </c>
      <c r="U5789">
        <v>8</v>
      </c>
      <c r="V5789">
        <v>3</v>
      </c>
      <c r="W5789">
        <v>180</v>
      </c>
      <c r="X5789">
        <v>2020</v>
      </c>
    </row>
    <row r="5790" spans="1:24" x14ac:dyDescent="0.25">
      <c r="A5790">
        <v>2233</v>
      </c>
      <c r="B5790" t="s">
        <v>93</v>
      </c>
      <c r="C5790">
        <v>48</v>
      </c>
      <c r="D5790" t="s">
        <v>452</v>
      </c>
      <c r="E5790">
        <v>363</v>
      </c>
      <c r="F5790" t="s">
        <v>651</v>
      </c>
      <c r="G5790">
        <v>160</v>
      </c>
      <c r="H5790" t="s">
        <v>773</v>
      </c>
      <c r="I5790">
        <v>11846</v>
      </c>
      <c r="J5790" t="s">
        <v>807</v>
      </c>
      <c r="K5790">
        <v>25</v>
      </c>
      <c r="L5790" t="s">
        <v>1603</v>
      </c>
      <c r="M5790">
        <v>81</v>
      </c>
      <c r="N5790" t="s">
        <v>654</v>
      </c>
      <c r="O5790">
        <v>3</v>
      </c>
      <c r="P5790" t="s">
        <v>655</v>
      </c>
      <c r="Q5790">
        <v>1</v>
      </c>
      <c r="R5790" t="s">
        <v>669</v>
      </c>
      <c r="S5790">
        <v>1</v>
      </c>
      <c r="T5790" t="s">
        <v>718</v>
      </c>
      <c r="U5790">
        <v>2</v>
      </c>
      <c r="V5790">
        <v>3</v>
      </c>
      <c r="W5790">
        <v>180</v>
      </c>
      <c r="X5790">
        <v>2020</v>
      </c>
    </row>
    <row r="5791" spans="1:24" x14ac:dyDescent="0.25">
      <c r="A5791">
        <v>2232</v>
      </c>
      <c r="B5791" t="s">
        <v>93</v>
      </c>
      <c r="C5791">
        <v>48</v>
      </c>
      <c r="D5791" t="s">
        <v>452</v>
      </c>
      <c r="E5791">
        <v>363</v>
      </c>
      <c r="F5791" t="s">
        <v>651</v>
      </c>
      <c r="G5791">
        <v>160</v>
      </c>
      <c r="H5791" t="s">
        <v>773</v>
      </c>
      <c r="I5791">
        <v>11846</v>
      </c>
      <c r="J5791" t="s">
        <v>807</v>
      </c>
      <c r="K5791">
        <v>25</v>
      </c>
      <c r="L5791" t="s">
        <v>1603</v>
      </c>
      <c r="M5791">
        <v>81</v>
      </c>
      <c r="N5791" t="s">
        <v>654</v>
      </c>
      <c r="O5791">
        <v>3</v>
      </c>
      <c r="P5791" t="s">
        <v>689</v>
      </c>
      <c r="Q5791">
        <v>4</v>
      </c>
      <c r="R5791" t="s">
        <v>669</v>
      </c>
      <c r="S5791">
        <v>1</v>
      </c>
      <c r="T5791" t="s">
        <v>661</v>
      </c>
      <c r="U5791">
        <v>8</v>
      </c>
      <c r="V5791">
        <v>3</v>
      </c>
      <c r="W5791">
        <v>180</v>
      </c>
      <c r="X5791">
        <v>2020</v>
      </c>
    </row>
    <row r="5792" spans="1:24" x14ac:dyDescent="0.25">
      <c r="A5792">
        <v>2231</v>
      </c>
      <c r="B5792" t="s">
        <v>93</v>
      </c>
      <c r="C5792">
        <v>48</v>
      </c>
      <c r="D5792" t="s">
        <v>452</v>
      </c>
      <c r="E5792">
        <v>363</v>
      </c>
      <c r="F5792" t="s">
        <v>651</v>
      </c>
      <c r="G5792">
        <v>160</v>
      </c>
      <c r="H5792" t="s">
        <v>773</v>
      </c>
      <c r="I5792">
        <v>11846</v>
      </c>
      <c r="J5792" t="s">
        <v>807</v>
      </c>
      <c r="K5792">
        <v>25</v>
      </c>
      <c r="L5792" t="s">
        <v>1603</v>
      </c>
      <c r="M5792">
        <v>81</v>
      </c>
      <c r="N5792" t="s">
        <v>654</v>
      </c>
      <c r="O5792">
        <v>3</v>
      </c>
      <c r="P5792" t="s">
        <v>655</v>
      </c>
      <c r="Q5792">
        <v>1</v>
      </c>
      <c r="R5792" t="s">
        <v>669</v>
      </c>
      <c r="S5792">
        <v>1</v>
      </c>
      <c r="T5792" t="s">
        <v>661</v>
      </c>
      <c r="U5792">
        <v>8</v>
      </c>
      <c r="V5792">
        <v>3</v>
      </c>
      <c r="W5792">
        <v>180</v>
      </c>
      <c r="X5792">
        <v>2020</v>
      </c>
    </row>
    <row r="5793" spans="1:24" x14ac:dyDescent="0.25">
      <c r="A5793">
        <v>2230</v>
      </c>
      <c r="B5793" t="s">
        <v>93</v>
      </c>
      <c r="C5793">
        <v>48</v>
      </c>
      <c r="D5793" t="s">
        <v>452</v>
      </c>
      <c r="E5793">
        <v>363</v>
      </c>
      <c r="F5793" t="s">
        <v>651</v>
      </c>
      <c r="G5793">
        <v>160</v>
      </c>
      <c r="H5793" t="s">
        <v>773</v>
      </c>
      <c r="I5793">
        <v>11846</v>
      </c>
      <c r="J5793" t="s">
        <v>813</v>
      </c>
      <c r="K5793">
        <v>24</v>
      </c>
      <c r="L5793" t="s">
        <v>3922</v>
      </c>
      <c r="M5793">
        <v>80</v>
      </c>
      <c r="N5793" t="s">
        <v>654</v>
      </c>
      <c r="O5793">
        <v>3</v>
      </c>
      <c r="P5793" t="s">
        <v>655</v>
      </c>
      <c r="Q5793">
        <v>1</v>
      </c>
      <c r="R5793" t="s">
        <v>669</v>
      </c>
      <c r="S5793">
        <v>1</v>
      </c>
      <c r="T5793" t="s">
        <v>661</v>
      </c>
      <c r="U5793">
        <v>8</v>
      </c>
      <c r="V5793">
        <v>3</v>
      </c>
      <c r="W5793">
        <v>180</v>
      </c>
      <c r="X5793">
        <v>2020</v>
      </c>
    </row>
    <row r="5794" spans="1:24" x14ac:dyDescent="0.25">
      <c r="A5794">
        <v>2228</v>
      </c>
      <c r="B5794" t="s">
        <v>93</v>
      </c>
      <c r="C5794">
        <v>48</v>
      </c>
      <c r="D5794" t="s">
        <v>453</v>
      </c>
      <c r="E5794">
        <v>362</v>
      </c>
      <c r="F5794" t="s">
        <v>651</v>
      </c>
      <c r="G5794">
        <v>160</v>
      </c>
      <c r="H5794" t="s">
        <v>773</v>
      </c>
      <c r="I5794">
        <v>11846</v>
      </c>
      <c r="J5794" t="s">
        <v>868</v>
      </c>
      <c r="K5794">
        <v>23</v>
      </c>
      <c r="L5794" t="s">
        <v>868</v>
      </c>
      <c r="M5794">
        <v>73</v>
      </c>
      <c r="N5794" t="s">
        <v>654</v>
      </c>
      <c r="O5794">
        <v>3</v>
      </c>
      <c r="P5794" t="s">
        <v>655</v>
      </c>
      <c r="Q5794">
        <v>1</v>
      </c>
      <c r="R5794" t="s">
        <v>669</v>
      </c>
      <c r="S5794">
        <v>1</v>
      </c>
      <c r="T5794" t="s">
        <v>661</v>
      </c>
      <c r="U5794">
        <v>8</v>
      </c>
      <c r="V5794">
        <v>3</v>
      </c>
      <c r="W5794">
        <v>180</v>
      </c>
      <c r="X5794">
        <v>2020</v>
      </c>
    </row>
    <row r="5795" spans="1:24" x14ac:dyDescent="0.25">
      <c r="A5795">
        <v>2227</v>
      </c>
      <c r="B5795" t="s">
        <v>93</v>
      </c>
      <c r="C5795">
        <v>48</v>
      </c>
      <c r="D5795" t="s">
        <v>453</v>
      </c>
      <c r="E5795">
        <v>362</v>
      </c>
      <c r="F5795" t="s">
        <v>651</v>
      </c>
      <c r="G5795">
        <v>160</v>
      </c>
      <c r="H5795" t="s">
        <v>773</v>
      </c>
      <c r="I5795">
        <v>11846</v>
      </c>
      <c r="J5795" t="s">
        <v>684</v>
      </c>
      <c r="K5795">
        <v>22</v>
      </c>
      <c r="L5795" t="s">
        <v>685</v>
      </c>
      <c r="M5795">
        <v>72</v>
      </c>
      <c r="N5795" t="s">
        <v>654</v>
      </c>
      <c r="O5795">
        <v>3</v>
      </c>
      <c r="P5795" t="s">
        <v>655</v>
      </c>
      <c r="Q5795">
        <v>1</v>
      </c>
      <c r="R5795" t="s">
        <v>669</v>
      </c>
      <c r="S5795">
        <v>1</v>
      </c>
      <c r="T5795" t="s">
        <v>661</v>
      </c>
      <c r="U5795">
        <v>8</v>
      </c>
      <c r="V5795">
        <v>3</v>
      </c>
      <c r="W5795">
        <v>180</v>
      </c>
      <c r="X5795">
        <v>2020</v>
      </c>
    </row>
    <row r="5796" spans="1:24" x14ac:dyDescent="0.25">
      <c r="A5796">
        <v>2226</v>
      </c>
      <c r="B5796" t="s">
        <v>93</v>
      </c>
      <c r="C5796">
        <v>48</v>
      </c>
      <c r="D5796" t="s">
        <v>453</v>
      </c>
      <c r="E5796">
        <v>362</v>
      </c>
      <c r="F5796" t="s">
        <v>651</v>
      </c>
      <c r="G5796">
        <v>160</v>
      </c>
      <c r="H5796" t="s">
        <v>773</v>
      </c>
      <c r="I5796">
        <v>11846</v>
      </c>
      <c r="J5796" t="s">
        <v>684</v>
      </c>
      <c r="K5796">
        <v>22</v>
      </c>
      <c r="L5796" t="s">
        <v>3802</v>
      </c>
      <c r="M5796">
        <v>71</v>
      </c>
      <c r="N5796" t="s">
        <v>654</v>
      </c>
      <c r="O5796">
        <v>3</v>
      </c>
      <c r="P5796" t="s">
        <v>655</v>
      </c>
      <c r="Q5796">
        <v>1</v>
      </c>
      <c r="R5796" t="s">
        <v>669</v>
      </c>
      <c r="S5796">
        <v>1</v>
      </c>
      <c r="T5796" t="s">
        <v>661</v>
      </c>
      <c r="U5796">
        <v>8</v>
      </c>
      <c r="V5796">
        <v>3</v>
      </c>
      <c r="W5796">
        <v>180</v>
      </c>
      <c r="X5796">
        <v>2020</v>
      </c>
    </row>
    <row r="5797" spans="1:24" x14ac:dyDescent="0.25">
      <c r="A5797">
        <v>2225</v>
      </c>
      <c r="B5797" t="s">
        <v>93</v>
      </c>
      <c r="C5797">
        <v>48</v>
      </c>
      <c r="D5797" t="s">
        <v>453</v>
      </c>
      <c r="E5797">
        <v>362</v>
      </c>
      <c r="F5797" t="s">
        <v>651</v>
      </c>
      <c r="G5797">
        <v>160</v>
      </c>
      <c r="H5797" t="s">
        <v>773</v>
      </c>
      <c r="I5797">
        <v>11846</v>
      </c>
      <c r="J5797" t="s">
        <v>684</v>
      </c>
      <c r="K5797">
        <v>22</v>
      </c>
      <c r="L5797" t="s">
        <v>1943</v>
      </c>
      <c r="M5797">
        <v>70</v>
      </c>
      <c r="N5797" t="s">
        <v>654</v>
      </c>
      <c r="O5797">
        <v>3</v>
      </c>
      <c r="P5797" t="s">
        <v>655</v>
      </c>
      <c r="Q5797">
        <v>1</v>
      </c>
      <c r="R5797" t="s">
        <v>669</v>
      </c>
      <c r="S5797">
        <v>1</v>
      </c>
      <c r="T5797" t="s">
        <v>661</v>
      </c>
      <c r="U5797">
        <v>8</v>
      </c>
      <c r="V5797">
        <v>3</v>
      </c>
      <c r="W5797">
        <v>180</v>
      </c>
      <c r="X5797">
        <v>2020</v>
      </c>
    </row>
    <row r="5798" spans="1:24" x14ac:dyDescent="0.25">
      <c r="A5798">
        <v>2224</v>
      </c>
      <c r="B5798" t="s">
        <v>93</v>
      </c>
      <c r="C5798">
        <v>48</v>
      </c>
      <c r="D5798" t="s">
        <v>453</v>
      </c>
      <c r="E5798">
        <v>362</v>
      </c>
      <c r="F5798" t="s">
        <v>651</v>
      </c>
      <c r="G5798">
        <v>160</v>
      </c>
      <c r="H5798" t="s">
        <v>773</v>
      </c>
      <c r="I5798">
        <v>11846</v>
      </c>
      <c r="J5798" t="s">
        <v>1011</v>
      </c>
      <c r="K5798">
        <v>17</v>
      </c>
      <c r="L5798" t="s">
        <v>1011</v>
      </c>
      <c r="M5798">
        <v>57</v>
      </c>
      <c r="N5798" t="s">
        <v>654</v>
      </c>
      <c r="O5798">
        <v>3</v>
      </c>
      <c r="P5798" t="s">
        <v>689</v>
      </c>
      <c r="Q5798">
        <v>4</v>
      </c>
      <c r="R5798" t="s">
        <v>669</v>
      </c>
      <c r="S5798">
        <v>1</v>
      </c>
      <c r="T5798" t="s">
        <v>661</v>
      </c>
      <c r="U5798">
        <v>8</v>
      </c>
      <c r="V5798">
        <v>3</v>
      </c>
      <c r="W5798">
        <v>180</v>
      </c>
      <c r="X5798">
        <v>2020</v>
      </c>
    </row>
    <row r="5799" spans="1:24" x14ac:dyDescent="0.25">
      <c r="A5799">
        <v>2223</v>
      </c>
      <c r="B5799" t="s">
        <v>93</v>
      </c>
      <c r="C5799">
        <v>48</v>
      </c>
      <c r="D5799" t="s">
        <v>453</v>
      </c>
      <c r="E5799">
        <v>362</v>
      </c>
      <c r="F5799" t="s">
        <v>651</v>
      </c>
      <c r="G5799">
        <v>160</v>
      </c>
      <c r="H5799" t="s">
        <v>773</v>
      </c>
      <c r="I5799">
        <v>11846</v>
      </c>
      <c r="J5799" t="s">
        <v>1011</v>
      </c>
      <c r="K5799">
        <v>17</v>
      </c>
      <c r="L5799" t="s">
        <v>1011</v>
      </c>
      <c r="M5799">
        <v>57</v>
      </c>
      <c r="N5799" t="s">
        <v>654</v>
      </c>
      <c r="O5799">
        <v>3</v>
      </c>
      <c r="P5799" t="s">
        <v>655</v>
      </c>
      <c r="Q5799">
        <v>1</v>
      </c>
      <c r="R5799" t="s">
        <v>669</v>
      </c>
      <c r="S5799">
        <v>1</v>
      </c>
      <c r="T5799" t="s">
        <v>661</v>
      </c>
      <c r="U5799">
        <v>8</v>
      </c>
      <c r="V5799">
        <v>3</v>
      </c>
      <c r="W5799">
        <v>180</v>
      </c>
      <c r="X5799">
        <v>2020</v>
      </c>
    </row>
    <row r="5800" spans="1:24" x14ac:dyDescent="0.25">
      <c r="A5800">
        <v>2221</v>
      </c>
      <c r="B5800" t="s">
        <v>93</v>
      </c>
      <c r="C5800">
        <v>48</v>
      </c>
      <c r="D5800" t="s">
        <v>453</v>
      </c>
      <c r="E5800">
        <v>362</v>
      </c>
      <c r="F5800" t="s">
        <v>651</v>
      </c>
      <c r="G5800">
        <v>160</v>
      </c>
      <c r="H5800" t="s">
        <v>773</v>
      </c>
      <c r="I5800">
        <v>11846</v>
      </c>
      <c r="J5800" t="s">
        <v>703</v>
      </c>
      <c r="K5800">
        <v>16</v>
      </c>
      <c r="L5800" t="s">
        <v>703</v>
      </c>
      <c r="M5800">
        <v>54</v>
      </c>
      <c r="N5800" t="s">
        <v>654</v>
      </c>
      <c r="O5800">
        <v>3</v>
      </c>
      <c r="P5800" t="s">
        <v>655</v>
      </c>
      <c r="Q5800">
        <v>1</v>
      </c>
      <c r="R5800" t="s">
        <v>669</v>
      </c>
      <c r="S5800">
        <v>1</v>
      </c>
      <c r="T5800" t="s">
        <v>661</v>
      </c>
      <c r="U5800">
        <v>8</v>
      </c>
      <c r="V5800">
        <v>3</v>
      </c>
      <c r="W5800">
        <v>180</v>
      </c>
      <c r="X5800">
        <v>2020</v>
      </c>
    </row>
    <row r="5801" spans="1:24" x14ac:dyDescent="0.25">
      <c r="A5801">
        <v>2218</v>
      </c>
      <c r="B5801" t="s">
        <v>93</v>
      </c>
      <c r="C5801">
        <v>48</v>
      </c>
      <c r="D5801" t="s">
        <v>11</v>
      </c>
      <c r="E5801">
        <v>361</v>
      </c>
      <c r="F5801" t="s">
        <v>651</v>
      </c>
      <c r="G5801">
        <v>160</v>
      </c>
      <c r="H5801" t="s">
        <v>773</v>
      </c>
      <c r="I5801">
        <v>11846</v>
      </c>
      <c r="J5801" t="s">
        <v>65</v>
      </c>
      <c r="K5801">
        <v>15</v>
      </c>
      <c r="L5801" t="s">
        <v>65</v>
      </c>
      <c r="M5801">
        <v>51</v>
      </c>
      <c r="N5801" t="s">
        <v>654</v>
      </c>
      <c r="O5801">
        <v>3</v>
      </c>
      <c r="P5801" t="s">
        <v>746</v>
      </c>
      <c r="Q5801">
        <v>2</v>
      </c>
      <c r="R5801" t="s">
        <v>669</v>
      </c>
      <c r="S5801">
        <v>1</v>
      </c>
      <c r="T5801" t="s">
        <v>661</v>
      </c>
      <c r="U5801">
        <v>8</v>
      </c>
      <c r="V5801">
        <v>4</v>
      </c>
      <c r="W5801">
        <v>240</v>
      </c>
      <c r="X5801">
        <v>2020</v>
      </c>
    </row>
    <row r="5802" spans="1:24" x14ac:dyDescent="0.25">
      <c r="A5802">
        <v>2216</v>
      </c>
      <c r="B5802" t="s">
        <v>93</v>
      </c>
      <c r="C5802">
        <v>48</v>
      </c>
      <c r="D5802" t="s">
        <v>11</v>
      </c>
      <c r="E5802">
        <v>361</v>
      </c>
      <c r="F5802" t="s">
        <v>651</v>
      </c>
      <c r="G5802">
        <v>160</v>
      </c>
      <c r="H5802" t="s">
        <v>773</v>
      </c>
      <c r="I5802">
        <v>11846</v>
      </c>
      <c r="J5802" t="s">
        <v>65</v>
      </c>
      <c r="K5802">
        <v>15</v>
      </c>
      <c r="L5802" t="s">
        <v>65</v>
      </c>
      <c r="M5802">
        <v>51</v>
      </c>
      <c r="N5802" t="s">
        <v>654</v>
      </c>
      <c r="O5802">
        <v>3</v>
      </c>
      <c r="P5802" t="s">
        <v>655</v>
      </c>
      <c r="Q5802">
        <v>1</v>
      </c>
      <c r="R5802" t="s">
        <v>669</v>
      </c>
      <c r="S5802">
        <v>1</v>
      </c>
      <c r="T5802" t="s">
        <v>661</v>
      </c>
      <c r="U5802">
        <v>8</v>
      </c>
      <c r="V5802">
        <v>4</v>
      </c>
      <c r="W5802">
        <v>240</v>
      </c>
      <c r="X5802">
        <v>2020</v>
      </c>
    </row>
    <row r="5803" spans="1:24" x14ac:dyDescent="0.25">
      <c r="A5803">
        <v>2215</v>
      </c>
      <c r="B5803" t="s">
        <v>93</v>
      </c>
      <c r="C5803">
        <v>48</v>
      </c>
      <c r="D5803" t="s">
        <v>454</v>
      </c>
      <c r="E5803">
        <v>360</v>
      </c>
      <c r="F5803" t="s">
        <v>651</v>
      </c>
      <c r="G5803">
        <v>160</v>
      </c>
      <c r="H5803" t="s">
        <v>773</v>
      </c>
      <c r="I5803">
        <v>11846</v>
      </c>
      <c r="J5803" t="s">
        <v>691</v>
      </c>
      <c r="K5803">
        <v>21</v>
      </c>
      <c r="L5803" t="s">
        <v>3765</v>
      </c>
      <c r="M5803">
        <v>69</v>
      </c>
      <c r="N5803" t="s">
        <v>654</v>
      </c>
      <c r="O5803">
        <v>3</v>
      </c>
      <c r="P5803" t="s">
        <v>655</v>
      </c>
      <c r="Q5803">
        <v>1</v>
      </c>
      <c r="R5803" t="s">
        <v>669</v>
      </c>
      <c r="S5803">
        <v>1</v>
      </c>
      <c r="T5803" t="s">
        <v>661</v>
      </c>
      <c r="U5803">
        <v>8</v>
      </c>
      <c r="V5803">
        <v>3</v>
      </c>
      <c r="W5803">
        <v>180</v>
      </c>
      <c r="X5803">
        <v>2020</v>
      </c>
    </row>
    <row r="5804" spans="1:24" x14ac:dyDescent="0.25">
      <c r="A5804">
        <v>2214</v>
      </c>
      <c r="B5804" t="s">
        <v>93</v>
      </c>
      <c r="C5804">
        <v>48</v>
      </c>
      <c r="D5804" t="s">
        <v>454</v>
      </c>
      <c r="E5804">
        <v>360</v>
      </c>
      <c r="F5804" t="s">
        <v>651</v>
      </c>
      <c r="G5804">
        <v>160</v>
      </c>
      <c r="H5804" t="s">
        <v>773</v>
      </c>
      <c r="I5804">
        <v>11846</v>
      </c>
      <c r="J5804" t="s">
        <v>691</v>
      </c>
      <c r="K5804">
        <v>21</v>
      </c>
      <c r="L5804" t="s">
        <v>2991</v>
      </c>
      <c r="M5804">
        <v>68</v>
      </c>
      <c r="N5804" t="s">
        <v>654</v>
      </c>
      <c r="O5804">
        <v>3</v>
      </c>
      <c r="P5804" t="s">
        <v>655</v>
      </c>
      <c r="Q5804">
        <v>1</v>
      </c>
      <c r="R5804" t="s">
        <v>669</v>
      </c>
      <c r="S5804">
        <v>1</v>
      </c>
      <c r="T5804" t="s">
        <v>661</v>
      </c>
      <c r="U5804">
        <v>8</v>
      </c>
      <c r="V5804">
        <v>3</v>
      </c>
      <c r="W5804">
        <v>180</v>
      </c>
      <c r="X5804">
        <v>2020</v>
      </c>
    </row>
    <row r="5805" spans="1:24" x14ac:dyDescent="0.25">
      <c r="A5805">
        <v>2213</v>
      </c>
      <c r="B5805" t="s">
        <v>93</v>
      </c>
      <c r="C5805">
        <v>48</v>
      </c>
      <c r="D5805" t="s">
        <v>454</v>
      </c>
      <c r="E5805">
        <v>360</v>
      </c>
      <c r="F5805" t="s">
        <v>651</v>
      </c>
      <c r="G5805">
        <v>160</v>
      </c>
      <c r="H5805" t="s">
        <v>773</v>
      </c>
      <c r="I5805">
        <v>11846</v>
      </c>
      <c r="J5805" t="s">
        <v>691</v>
      </c>
      <c r="K5805">
        <v>21</v>
      </c>
      <c r="L5805" t="s">
        <v>1923</v>
      </c>
      <c r="M5805">
        <v>67</v>
      </c>
      <c r="N5805" t="s">
        <v>654</v>
      </c>
      <c r="O5805">
        <v>3</v>
      </c>
      <c r="P5805" t="s">
        <v>655</v>
      </c>
      <c r="Q5805">
        <v>1</v>
      </c>
      <c r="R5805" t="s">
        <v>669</v>
      </c>
      <c r="S5805">
        <v>1</v>
      </c>
      <c r="T5805" t="s">
        <v>661</v>
      </c>
      <c r="U5805">
        <v>8</v>
      </c>
      <c r="V5805">
        <v>3</v>
      </c>
      <c r="W5805">
        <v>180</v>
      </c>
      <c r="X5805">
        <v>2020</v>
      </c>
    </row>
    <row r="5806" spans="1:24" x14ac:dyDescent="0.25">
      <c r="A5806">
        <v>2212</v>
      </c>
      <c r="B5806" t="s">
        <v>93</v>
      </c>
      <c r="C5806">
        <v>48</v>
      </c>
      <c r="D5806" t="s">
        <v>454</v>
      </c>
      <c r="E5806">
        <v>360</v>
      </c>
      <c r="F5806" t="s">
        <v>651</v>
      </c>
      <c r="G5806">
        <v>160</v>
      </c>
      <c r="H5806" t="s">
        <v>773</v>
      </c>
      <c r="I5806">
        <v>11846</v>
      </c>
      <c r="J5806" t="s">
        <v>691</v>
      </c>
      <c r="K5806">
        <v>21</v>
      </c>
      <c r="L5806" t="s">
        <v>1609</v>
      </c>
      <c r="M5806">
        <v>66</v>
      </c>
      <c r="N5806" t="s">
        <v>654</v>
      </c>
      <c r="O5806">
        <v>3</v>
      </c>
      <c r="P5806" t="s">
        <v>655</v>
      </c>
      <c r="Q5806">
        <v>1</v>
      </c>
      <c r="R5806" t="s">
        <v>669</v>
      </c>
      <c r="S5806">
        <v>1</v>
      </c>
      <c r="T5806" t="s">
        <v>661</v>
      </c>
      <c r="U5806">
        <v>8</v>
      </c>
      <c r="V5806">
        <v>3</v>
      </c>
      <c r="W5806">
        <v>180</v>
      </c>
      <c r="X5806">
        <v>2020</v>
      </c>
    </row>
    <row r="5807" spans="1:24" x14ac:dyDescent="0.25">
      <c r="A5807">
        <v>2211</v>
      </c>
      <c r="B5807" t="s">
        <v>93</v>
      </c>
      <c r="C5807">
        <v>48</v>
      </c>
      <c r="D5807" t="s">
        <v>454</v>
      </c>
      <c r="E5807">
        <v>360</v>
      </c>
      <c r="F5807" t="s">
        <v>651</v>
      </c>
      <c r="G5807">
        <v>160</v>
      </c>
      <c r="H5807" t="s">
        <v>773</v>
      </c>
      <c r="I5807">
        <v>11846</v>
      </c>
      <c r="J5807" t="s">
        <v>756</v>
      </c>
      <c r="K5807">
        <v>19</v>
      </c>
      <c r="L5807" t="s">
        <v>756</v>
      </c>
      <c r="M5807">
        <v>60</v>
      </c>
      <c r="N5807" t="s">
        <v>654</v>
      </c>
      <c r="O5807">
        <v>3</v>
      </c>
      <c r="P5807" t="s">
        <v>655</v>
      </c>
      <c r="Q5807">
        <v>1</v>
      </c>
      <c r="R5807" t="s">
        <v>669</v>
      </c>
      <c r="S5807">
        <v>1</v>
      </c>
      <c r="T5807" t="s">
        <v>729</v>
      </c>
      <c r="U5807">
        <v>4</v>
      </c>
      <c r="V5807">
        <v>3</v>
      </c>
      <c r="W5807">
        <v>180</v>
      </c>
      <c r="X5807">
        <v>2020</v>
      </c>
    </row>
    <row r="5808" spans="1:24" x14ac:dyDescent="0.25">
      <c r="A5808">
        <v>2210</v>
      </c>
      <c r="B5808" t="s">
        <v>93</v>
      </c>
      <c r="C5808">
        <v>48</v>
      </c>
      <c r="D5808" t="s">
        <v>454</v>
      </c>
      <c r="E5808">
        <v>360</v>
      </c>
      <c r="F5808" t="s">
        <v>651</v>
      </c>
      <c r="G5808">
        <v>160</v>
      </c>
      <c r="H5808" t="s">
        <v>773</v>
      </c>
      <c r="I5808">
        <v>11846</v>
      </c>
      <c r="J5808" t="s">
        <v>756</v>
      </c>
      <c r="K5808">
        <v>19</v>
      </c>
      <c r="L5808" t="s">
        <v>756</v>
      </c>
      <c r="M5808">
        <v>60</v>
      </c>
      <c r="N5808" t="s">
        <v>654</v>
      </c>
      <c r="O5808">
        <v>3</v>
      </c>
      <c r="P5808" t="s">
        <v>655</v>
      </c>
      <c r="Q5808">
        <v>1</v>
      </c>
      <c r="R5808" t="s">
        <v>669</v>
      </c>
      <c r="S5808">
        <v>1</v>
      </c>
      <c r="T5808" t="s">
        <v>661</v>
      </c>
      <c r="U5808">
        <v>8</v>
      </c>
      <c r="V5808">
        <v>3</v>
      </c>
      <c r="W5808">
        <v>180</v>
      </c>
      <c r="X5808">
        <v>2020</v>
      </c>
    </row>
    <row r="5809" spans="1:24" x14ac:dyDescent="0.25">
      <c r="A5809">
        <v>2209</v>
      </c>
      <c r="B5809" t="s">
        <v>93</v>
      </c>
      <c r="C5809">
        <v>48</v>
      </c>
      <c r="D5809" t="s">
        <v>454</v>
      </c>
      <c r="E5809">
        <v>360</v>
      </c>
      <c r="F5809" t="s">
        <v>651</v>
      </c>
      <c r="G5809">
        <v>160</v>
      </c>
      <c r="H5809" t="s">
        <v>773</v>
      </c>
      <c r="I5809">
        <v>11846</v>
      </c>
      <c r="J5809" t="s">
        <v>894</v>
      </c>
      <c r="K5809">
        <v>18</v>
      </c>
      <c r="L5809" t="s">
        <v>894</v>
      </c>
      <c r="M5809">
        <v>58</v>
      </c>
      <c r="N5809" t="s">
        <v>654</v>
      </c>
      <c r="O5809">
        <v>3</v>
      </c>
      <c r="P5809" t="s">
        <v>655</v>
      </c>
      <c r="Q5809">
        <v>1</v>
      </c>
      <c r="R5809" t="s">
        <v>669</v>
      </c>
      <c r="S5809">
        <v>1</v>
      </c>
      <c r="T5809" t="s">
        <v>661</v>
      </c>
      <c r="U5809">
        <v>8</v>
      </c>
      <c r="V5809">
        <v>3</v>
      </c>
      <c r="W5809">
        <v>180</v>
      </c>
      <c r="X5809">
        <v>2020</v>
      </c>
    </row>
    <row r="5810" spans="1:24" x14ac:dyDescent="0.25">
      <c r="A5810">
        <v>2208</v>
      </c>
      <c r="B5810" t="s">
        <v>93</v>
      </c>
      <c r="C5810">
        <v>48</v>
      </c>
      <c r="D5810" t="s">
        <v>454</v>
      </c>
      <c r="E5810">
        <v>360</v>
      </c>
      <c r="F5810" t="s">
        <v>651</v>
      </c>
      <c r="G5810">
        <v>160</v>
      </c>
      <c r="H5810" t="s">
        <v>773</v>
      </c>
      <c r="I5810">
        <v>11846</v>
      </c>
      <c r="J5810" t="s">
        <v>866</v>
      </c>
      <c r="K5810">
        <v>9</v>
      </c>
      <c r="L5810" t="s">
        <v>866</v>
      </c>
      <c r="M5810">
        <v>28</v>
      </c>
      <c r="N5810" t="s">
        <v>654</v>
      </c>
      <c r="O5810">
        <v>3</v>
      </c>
      <c r="P5810" t="s">
        <v>655</v>
      </c>
      <c r="Q5810">
        <v>1</v>
      </c>
      <c r="R5810" t="s">
        <v>669</v>
      </c>
      <c r="S5810">
        <v>1</v>
      </c>
      <c r="T5810" t="s">
        <v>661</v>
      </c>
      <c r="U5810">
        <v>8</v>
      </c>
      <c r="V5810">
        <v>3</v>
      </c>
      <c r="W5810">
        <v>180</v>
      </c>
      <c r="X5810">
        <v>2020</v>
      </c>
    </row>
    <row r="5811" spans="1:24" x14ac:dyDescent="0.25">
      <c r="A5811">
        <v>2206</v>
      </c>
      <c r="B5811" t="s">
        <v>93</v>
      </c>
      <c r="C5811">
        <v>48</v>
      </c>
      <c r="D5811" t="s">
        <v>455</v>
      </c>
      <c r="E5811">
        <v>359</v>
      </c>
      <c r="F5811" t="s">
        <v>651</v>
      </c>
      <c r="G5811">
        <v>160</v>
      </c>
      <c r="H5811" t="s">
        <v>773</v>
      </c>
      <c r="I5811">
        <v>11846</v>
      </c>
      <c r="J5811" t="s">
        <v>864</v>
      </c>
      <c r="K5811">
        <v>14</v>
      </c>
      <c r="L5811" t="s">
        <v>1257</v>
      </c>
      <c r="M5811">
        <v>354</v>
      </c>
      <c r="N5811" t="s">
        <v>654</v>
      </c>
      <c r="O5811">
        <v>3</v>
      </c>
      <c r="P5811" t="s">
        <v>655</v>
      </c>
      <c r="Q5811">
        <v>1</v>
      </c>
      <c r="R5811" t="s">
        <v>669</v>
      </c>
      <c r="S5811">
        <v>1</v>
      </c>
      <c r="T5811" t="s">
        <v>661</v>
      </c>
      <c r="U5811">
        <v>8</v>
      </c>
      <c r="V5811">
        <v>4</v>
      </c>
      <c r="W5811">
        <v>240</v>
      </c>
      <c r="X5811">
        <v>2020</v>
      </c>
    </row>
    <row r="5812" spans="1:24" x14ac:dyDescent="0.25">
      <c r="A5812">
        <v>2205</v>
      </c>
      <c r="B5812" t="s">
        <v>93</v>
      </c>
      <c r="C5812">
        <v>48</v>
      </c>
      <c r="D5812" t="s">
        <v>455</v>
      </c>
      <c r="E5812">
        <v>359</v>
      </c>
      <c r="F5812" t="s">
        <v>651</v>
      </c>
      <c r="G5812">
        <v>160</v>
      </c>
      <c r="H5812" t="s">
        <v>773</v>
      </c>
      <c r="I5812">
        <v>11846</v>
      </c>
      <c r="J5812" t="s">
        <v>802</v>
      </c>
      <c r="K5812">
        <v>12</v>
      </c>
      <c r="L5812" t="s">
        <v>802</v>
      </c>
      <c r="M5812">
        <v>36</v>
      </c>
      <c r="N5812" t="s">
        <v>654</v>
      </c>
      <c r="O5812">
        <v>3</v>
      </c>
      <c r="P5812" t="s">
        <v>655</v>
      </c>
      <c r="Q5812">
        <v>1</v>
      </c>
      <c r="R5812" t="s">
        <v>669</v>
      </c>
      <c r="S5812">
        <v>1</v>
      </c>
      <c r="T5812" t="s">
        <v>661</v>
      </c>
      <c r="U5812">
        <v>8</v>
      </c>
      <c r="V5812">
        <v>3</v>
      </c>
      <c r="W5812">
        <v>180</v>
      </c>
      <c r="X5812">
        <v>2020</v>
      </c>
    </row>
    <row r="5813" spans="1:24" x14ac:dyDescent="0.25">
      <c r="A5813">
        <v>2204</v>
      </c>
      <c r="B5813" t="s">
        <v>93</v>
      </c>
      <c r="C5813">
        <v>48</v>
      </c>
      <c r="D5813" t="s">
        <v>455</v>
      </c>
      <c r="E5813">
        <v>359</v>
      </c>
      <c r="F5813" t="s">
        <v>651</v>
      </c>
      <c r="G5813">
        <v>160</v>
      </c>
      <c r="H5813" t="s">
        <v>773</v>
      </c>
      <c r="I5813">
        <v>11846</v>
      </c>
      <c r="J5813" t="s">
        <v>895</v>
      </c>
      <c r="K5813">
        <v>13</v>
      </c>
      <c r="L5813" t="s">
        <v>895</v>
      </c>
      <c r="M5813">
        <v>44</v>
      </c>
      <c r="N5813" t="s">
        <v>654</v>
      </c>
      <c r="O5813">
        <v>3</v>
      </c>
      <c r="P5813" t="s">
        <v>655</v>
      </c>
      <c r="Q5813">
        <v>1</v>
      </c>
      <c r="R5813" t="s">
        <v>669</v>
      </c>
      <c r="S5813">
        <v>1</v>
      </c>
      <c r="T5813" t="s">
        <v>661</v>
      </c>
      <c r="U5813">
        <v>8</v>
      </c>
      <c r="V5813">
        <v>3</v>
      </c>
      <c r="W5813">
        <v>180</v>
      </c>
      <c r="X5813">
        <v>2020</v>
      </c>
    </row>
    <row r="5814" spans="1:24" x14ac:dyDescent="0.25">
      <c r="A5814">
        <v>2203</v>
      </c>
      <c r="B5814" t="s">
        <v>93</v>
      </c>
      <c r="C5814">
        <v>48</v>
      </c>
      <c r="D5814" t="s">
        <v>455</v>
      </c>
      <c r="E5814">
        <v>359</v>
      </c>
      <c r="F5814" t="s">
        <v>651</v>
      </c>
      <c r="G5814">
        <v>160</v>
      </c>
      <c r="H5814" t="s">
        <v>773</v>
      </c>
      <c r="I5814">
        <v>11846</v>
      </c>
      <c r="J5814" t="s">
        <v>667</v>
      </c>
      <c r="K5814">
        <v>11</v>
      </c>
      <c r="L5814" t="s">
        <v>667</v>
      </c>
      <c r="M5814">
        <v>35</v>
      </c>
      <c r="N5814" t="s">
        <v>654</v>
      </c>
      <c r="O5814">
        <v>3</v>
      </c>
      <c r="P5814" t="s">
        <v>655</v>
      </c>
      <c r="Q5814">
        <v>1</v>
      </c>
      <c r="R5814" t="s">
        <v>669</v>
      </c>
      <c r="S5814">
        <v>1</v>
      </c>
      <c r="T5814" t="s">
        <v>661</v>
      </c>
      <c r="U5814">
        <v>8</v>
      </c>
      <c r="V5814">
        <v>3</v>
      </c>
      <c r="W5814">
        <v>180</v>
      </c>
      <c r="X5814">
        <v>2020</v>
      </c>
    </row>
    <row r="5815" spans="1:24" x14ac:dyDescent="0.25">
      <c r="A5815">
        <v>2196</v>
      </c>
      <c r="B5815" t="s">
        <v>93</v>
      </c>
      <c r="C5815">
        <v>48</v>
      </c>
      <c r="D5815" t="s">
        <v>456</v>
      </c>
      <c r="E5815">
        <v>358</v>
      </c>
      <c r="F5815" t="s">
        <v>651</v>
      </c>
      <c r="G5815">
        <v>160</v>
      </c>
      <c r="H5815" t="s">
        <v>773</v>
      </c>
      <c r="I5815">
        <v>11846</v>
      </c>
      <c r="J5815" t="s">
        <v>792</v>
      </c>
      <c r="K5815">
        <v>6</v>
      </c>
      <c r="L5815" t="s">
        <v>3778</v>
      </c>
      <c r="M5815">
        <v>20</v>
      </c>
      <c r="N5815" t="s">
        <v>654</v>
      </c>
      <c r="O5815">
        <v>3</v>
      </c>
      <c r="P5815" t="s">
        <v>655</v>
      </c>
      <c r="Q5815">
        <v>1</v>
      </c>
      <c r="R5815" t="s">
        <v>669</v>
      </c>
      <c r="S5815">
        <v>1</v>
      </c>
      <c r="T5815" t="s">
        <v>661</v>
      </c>
      <c r="U5815">
        <v>8</v>
      </c>
      <c r="V5815">
        <v>3</v>
      </c>
      <c r="W5815">
        <v>180</v>
      </c>
      <c r="X5815">
        <v>2020</v>
      </c>
    </row>
    <row r="5816" spans="1:24" x14ac:dyDescent="0.25">
      <c r="A5816">
        <v>2195</v>
      </c>
      <c r="B5816" t="s">
        <v>93</v>
      </c>
      <c r="C5816">
        <v>48</v>
      </c>
      <c r="D5816" t="s">
        <v>456</v>
      </c>
      <c r="E5816">
        <v>358</v>
      </c>
      <c r="F5816" t="s">
        <v>651</v>
      </c>
      <c r="G5816">
        <v>160</v>
      </c>
      <c r="H5816" t="s">
        <v>773</v>
      </c>
      <c r="I5816">
        <v>11846</v>
      </c>
      <c r="J5816" t="s">
        <v>792</v>
      </c>
      <c r="K5816">
        <v>6</v>
      </c>
      <c r="L5816" t="s">
        <v>1927</v>
      </c>
      <c r="M5816">
        <v>17</v>
      </c>
      <c r="N5816" t="s">
        <v>654</v>
      </c>
      <c r="O5816">
        <v>3</v>
      </c>
      <c r="P5816" t="s">
        <v>655</v>
      </c>
      <c r="Q5816">
        <v>1</v>
      </c>
      <c r="R5816" t="s">
        <v>669</v>
      </c>
      <c r="S5816">
        <v>1</v>
      </c>
      <c r="T5816" t="s">
        <v>661</v>
      </c>
      <c r="U5816">
        <v>8</v>
      </c>
      <c r="V5816">
        <v>3</v>
      </c>
      <c r="W5816">
        <v>180</v>
      </c>
      <c r="X5816">
        <v>2020</v>
      </c>
    </row>
    <row r="5817" spans="1:24" x14ac:dyDescent="0.25">
      <c r="A5817">
        <v>2194</v>
      </c>
      <c r="B5817" t="s">
        <v>93</v>
      </c>
      <c r="C5817">
        <v>48</v>
      </c>
      <c r="D5817" t="s">
        <v>456</v>
      </c>
      <c r="E5817">
        <v>358</v>
      </c>
      <c r="F5817" t="s">
        <v>651</v>
      </c>
      <c r="G5817">
        <v>160</v>
      </c>
      <c r="H5817" t="s">
        <v>773</v>
      </c>
      <c r="I5817">
        <v>11846</v>
      </c>
      <c r="J5817" t="s">
        <v>792</v>
      </c>
      <c r="K5817">
        <v>6</v>
      </c>
      <c r="L5817" t="s">
        <v>792</v>
      </c>
      <c r="M5817">
        <v>16</v>
      </c>
      <c r="N5817" t="s">
        <v>654</v>
      </c>
      <c r="O5817">
        <v>3</v>
      </c>
      <c r="P5817" t="s">
        <v>655</v>
      </c>
      <c r="Q5817">
        <v>1</v>
      </c>
      <c r="R5817" t="s">
        <v>669</v>
      </c>
      <c r="S5817">
        <v>1</v>
      </c>
      <c r="T5817" t="s">
        <v>661</v>
      </c>
      <c r="U5817">
        <v>8</v>
      </c>
      <c r="V5817">
        <v>3</v>
      </c>
      <c r="W5817">
        <v>180</v>
      </c>
      <c r="X5817">
        <v>2020</v>
      </c>
    </row>
    <row r="5818" spans="1:24" x14ac:dyDescent="0.25">
      <c r="A5818">
        <v>2193</v>
      </c>
      <c r="B5818" t="s">
        <v>93</v>
      </c>
      <c r="C5818">
        <v>48</v>
      </c>
      <c r="D5818" t="s">
        <v>456</v>
      </c>
      <c r="E5818">
        <v>358</v>
      </c>
      <c r="F5818" t="s">
        <v>651</v>
      </c>
      <c r="G5818">
        <v>160</v>
      </c>
      <c r="H5818" t="s">
        <v>773</v>
      </c>
      <c r="I5818">
        <v>11846</v>
      </c>
      <c r="J5818" t="s">
        <v>3923</v>
      </c>
      <c r="K5818">
        <v>75</v>
      </c>
      <c r="L5818" t="s">
        <v>3924</v>
      </c>
      <c r="M5818">
        <v>15</v>
      </c>
      <c r="N5818" t="s">
        <v>654</v>
      </c>
      <c r="O5818">
        <v>3</v>
      </c>
      <c r="P5818" t="s">
        <v>655</v>
      </c>
      <c r="Q5818">
        <v>1</v>
      </c>
      <c r="R5818" t="s">
        <v>669</v>
      </c>
      <c r="S5818">
        <v>1</v>
      </c>
      <c r="T5818" t="s">
        <v>661</v>
      </c>
      <c r="U5818">
        <v>8</v>
      </c>
      <c r="V5818">
        <v>3</v>
      </c>
      <c r="W5818">
        <v>180</v>
      </c>
      <c r="X5818">
        <v>2020</v>
      </c>
    </row>
    <row r="5819" spans="1:24" x14ac:dyDescent="0.25">
      <c r="A5819">
        <v>2192</v>
      </c>
      <c r="B5819" t="s">
        <v>93</v>
      </c>
      <c r="C5819">
        <v>48</v>
      </c>
      <c r="D5819" t="s">
        <v>456</v>
      </c>
      <c r="E5819">
        <v>358</v>
      </c>
      <c r="F5819" t="s">
        <v>651</v>
      </c>
      <c r="G5819">
        <v>160</v>
      </c>
      <c r="H5819" t="s">
        <v>773</v>
      </c>
      <c r="I5819">
        <v>11846</v>
      </c>
      <c r="J5819" t="s">
        <v>831</v>
      </c>
      <c r="K5819">
        <v>5</v>
      </c>
      <c r="L5819" t="s">
        <v>831</v>
      </c>
      <c r="M5819">
        <v>14</v>
      </c>
      <c r="N5819" t="s">
        <v>654</v>
      </c>
      <c r="O5819">
        <v>3</v>
      </c>
      <c r="P5819" t="s">
        <v>655</v>
      </c>
      <c r="Q5819">
        <v>1</v>
      </c>
      <c r="R5819" t="s">
        <v>669</v>
      </c>
      <c r="S5819">
        <v>1</v>
      </c>
      <c r="T5819" t="s">
        <v>661</v>
      </c>
      <c r="U5819">
        <v>8</v>
      </c>
      <c r="V5819">
        <v>3</v>
      </c>
      <c r="W5819">
        <v>180</v>
      </c>
      <c r="X5819">
        <v>2020</v>
      </c>
    </row>
    <row r="5820" spans="1:24" x14ac:dyDescent="0.25">
      <c r="A5820">
        <v>2188</v>
      </c>
      <c r="B5820" t="s">
        <v>93</v>
      </c>
      <c r="C5820">
        <v>48</v>
      </c>
      <c r="D5820" t="s">
        <v>456</v>
      </c>
      <c r="E5820">
        <v>358</v>
      </c>
      <c r="F5820" t="s">
        <v>651</v>
      </c>
      <c r="G5820">
        <v>160</v>
      </c>
      <c r="H5820" t="s">
        <v>773</v>
      </c>
      <c r="I5820">
        <v>11846</v>
      </c>
      <c r="J5820" t="s">
        <v>897</v>
      </c>
      <c r="K5820">
        <v>3</v>
      </c>
      <c r="L5820" t="s">
        <v>897</v>
      </c>
      <c r="M5820">
        <v>8</v>
      </c>
      <c r="N5820" t="s">
        <v>654</v>
      </c>
      <c r="O5820">
        <v>3</v>
      </c>
      <c r="P5820" t="s">
        <v>655</v>
      </c>
      <c r="Q5820">
        <v>1</v>
      </c>
      <c r="R5820" t="s">
        <v>669</v>
      </c>
      <c r="S5820">
        <v>1</v>
      </c>
      <c r="T5820" t="s">
        <v>661</v>
      </c>
      <c r="U5820">
        <v>8</v>
      </c>
      <c r="V5820">
        <v>3</v>
      </c>
      <c r="W5820">
        <v>180</v>
      </c>
      <c r="X5820">
        <v>2020</v>
      </c>
    </row>
    <row r="5821" spans="1:24" x14ac:dyDescent="0.25">
      <c r="A5821">
        <v>2185</v>
      </c>
      <c r="B5821" t="s">
        <v>93</v>
      </c>
      <c r="C5821">
        <v>48</v>
      </c>
      <c r="D5821" t="s">
        <v>457</v>
      </c>
      <c r="E5821">
        <v>357</v>
      </c>
      <c r="F5821" t="s">
        <v>651</v>
      </c>
      <c r="G5821">
        <v>160</v>
      </c>
      <c r="H5821" t="s">
        <v>773</v>
      </c>
      <c r="I5821">
        <v>11846</v>
      </c>
      <c r="J5821" t="s">
        <v>726</v>
      </c>
      <c r="K5821">
        <v>2</v>
      </c>
      <c r="L5821" t="s">
        <v>1258</v>
      </c>
      <c r="M5821">
        <v>7</v>
      </c>
      <c r="N5821" t="s">
        <v>654</v>
      </c>
      <c r="O5821">
        <v>3</v>
      </c>
      <c r="P5821" t="s">
        <v>655</v>
      </c>
      <c r="Q5821">
        <v>1</v>
      </c>
      <c r="R5821" t="s">
        <v>669</v>
      </c>
      <c r="S5821">
        <v>1</v>
      </c>
      <c r="T5821" t="s">
        <v>661</v>
      </c>
      <c r="U5821">
        <v>8</v>
      </c>
      <c r="V5821">
        <v>3</v>
      </c>
      <c r="W5821">
        <v>180</v>
      </c>
      <c r="X5821">
        <v>2020</v>
      </c>
    </row>
    <row r="5822" spans="1:24" x14ac:dyDescent="0.25">
      <c r="A5822">
        <v>2184</v>
      </c>
      <c r="B5822" t="s">
        <v>93</v>
      </c>
      <c r="C5822">
        <v>48</v>
      </c>
      <c r="D5822" t="s">
        <v>457</v>
      </c>
      <c r="E5822">
        <v>357</v>
      </c>
      <c r="F5822" t="s">
        <v>651</v>
      </c>
      <c r="G5822">
        <v>160</v>
      </c>
      <c r="H5822" t="s">
        <v>773</v>
      </c>
      <c r="I5822">
        <v>11846</v>
      </c>
      <c r="J5822" t="s">
        <v>726</v>
      </c>
      <c r="K5822">
        <v>2</v>
      </c>
      <c r="L5822" t="s">
        <v>1087</v>
      </c>
      <c r="M5822">
        <v>5</v>
      </c>
      <c r="N5822" t="s">
        <v>654</v>
      </c>
      <c r="O5822">
        <v>3</v>
      </c>
      <c r="P5822" t="s">
        <v>655</v>
      </c>
      <c r="Q5822">
        <v>1</v>
      </c>
      <c r="R5822" t="s">
        <v>669</v>
      </c>
      <c r="S5822">
        <v>1</v>
      </c>
      <c r="T5822" t="s">
        <v>661</v>
      </c>
      <c r="U5822">
        <v>8</v>
      </c>
      <c r="V5822">
        <v>3</v>
      </c>
      <c r="W5822">
        <v>180</v>
      </c>
      <c r="X5822">
        <v>2020</v>
      </c>
    </row>
    <row r="5823" spans="1:24" x14ac:dyDescent="0.25">
      <c r="A5823">
        <v>2183</v>
      </c>
      <c r="B5823" t="s">
        <v>93</v>
      </c>
      <c r="C5823">
        <v>48</v>
      </c>
      <c r="D5823" t="s">
        <v>457</v>
      </c>
      <c r="E5823">
        <v>357</v>
      </c>
      <c r="F5823" t="s">
        <v>651</v>
      </c>
      <c r="G5823">
        <v>160</v>
      </c>
      <c r="H5823" t="s">
        <v>773</v>
      </c>
      <c r="I5823">
        <v>11846</v>
      </c>
      <c r="J5823" t="s">
        <v>726</v>
      </c>
      <c r="K5823">
        <v>2</v>
      </c>
      <c r="L5823" t="s">
        <v>726</v>
      </c>
      <c r="M5823">
        <v>4</v>
      </c>
      <c r="N5823" t="s">
        <v>654</v>
      </c>
      <c r="O5823">
        <v>3</v>
      </c>
      <c r="P5823" t="s">
        <v>655</v>
      </c>
      <c r="Q5823">
        <v>1</v>
      </c>
      <c r="R5823" t="s">
        <v>669</v>
      </c>
      <c r="S5823">
        <v>1</v>
      </c>
      <c r="T5823" t="s">
        <v>661</v>
      </c>
      <c r="U5823">
        <v>8</v>
      </c>
      <c r="V5823">
        <v>3</v>
      </c>
      <c r="W5823">
        <v>180</v>
      </c>
      <c r="X5823">
        <v>2020</v>
      </c>
    </row>
    <row r="5824" spans="1:24" x14ac:dyDescent="0.25">
      <c r="A5824">
        <v>2182</v>
      </c>
      <c r="B5824" t="s">
        <v>93</v>
      </c>
      <c r="C5824">
        <v>48</v>
      </c>
      <c r="D5824" t="s">
        <v>458</v>
      </c>
      <c r="E5824">
        <v>356</v>
      </c>
      <c r="F5824" t="s">
        <v>651</v>
      </c>
      <c r="G5824">
        <v>160</v>
      </c>
      <c r="H5824" t="s">
        <v>773</v>
      </c>
      <c r="I5824">
        <v>11846</v>
      </c>
      <c r="J5824" t="s">
        <v>676</v>
      </c>
      <c r="K5824">
        <v>4</v>
      </c>
      <c r="L5824" t="s">
        <v>936</v>
      </c>
      <c r="M5824">
        <v>13</v>
      </c>
      <c r="N5824" t="s">
        <v>654</v>
      </c>
      <c r="O5824">
        <v>3</v>
      </c>
      <c r="P5824" t="s">
        <v>655</v>
      </c>
      <c r="Q5824">
        <v>1</v>
      </c>
      <c r="R5824" t="s">
        <v>669</v>
      </c>
      <c r="S5824">
        <v>1</v>
      </c>
      <c r="T5824" t="s">
        <v>661</v>
      </c>
      <c r="U5824">
        <v>8</v>
      </c>
      <c r="V5824">
        <v>3</v>
      </c>
      <c r="W5824">
        <v>180</v>
      </c>
      <c r="X5824">
        <v>2020</v>
      </c>
    </row>
    <row r="5825" spans="1:24" x14ac:dyDescent="0.25">
      <c r="A5825">
        <v>2181</v>
      </c>
      <c r="B5825" t="s">
        <v>93</v>
      </c>
      <c r="C5825">
        <v>48</v>
      </c>
      <c r="D5825" t="s">
        <v>458</v>
      </c>
      <c r="E5825">
        <v>356</v>
      </c>
      <c r="F5825" t="s">
        <v>651</v>
      </c>
      <c r="G5825">
        <v>160</v>
      </c>
      <c r="H5825" t="s">
        <v>773</v>
      </c>
      <c r="I5825">
        <v>11846</v>
      </c>
      <c r="J5825" t="s">
        <v>676</v>
      </c>
      <c r="K5825">
        <v>4</v>
      </c>
      <c r="L5825" t="s">
        <v>676</v>
      </c>
      <c r="M5825">
        <v>12</v>
      </c>
      <c r="N5825" t="s">
        <v>654</v>
      </c>
      <c r="O5825">
        <v>3</v>
      </c>
      <c r="P5825" t="s">
        <v>655</v>
      </c>
      <c r="Q5825">
        <v>1</v>
      </c>
      <c r="R5825" t="s">
        <v>669</v>
      </c>
      <c r="S5825">
        <v>1</v>
      </c>
      <c r="T5825" t="s">
        <v>718</v>
      </c>
      <c r="U5825">
        <v>2</v>
      </c>
      <c r="V5825">
        <v>3</v>
      </c>
      <c r="W5825">
        <v>180</v>
      </c>
      <c r="X5825">
        <v>2020</v>
      </c>
    </row>
    <row r="5826" spans="1:24" x14ac:dyDescent="0.25">
      <c r="A5826">
        <v>2180</v>
      </c>
      <c r="B5826" t="s">
        <v>93</v>
      </c>
      <c r="C5826">
        <v>48</v>
      </c>
      <c r="D5826" t="s">
        <v>458</v>
      </c>
      <c r="E5826">
        <v>356</v>
      </c>
      <c r="F5826" t="s">
        <v>651</v>
      </c>
      <c r="G5826">
        <v>160</v>
      </c>
      <c r="H5826" t="s">
        <v>773</v>
      </c>
      <c r="I5826">
        <v>11846</v>
      </c>
      <c r="J5826" t="s">
        <v>676</v>
      </c>
      <c r="K5826">
        <v>4</v>
      </c>
      <c r="L5826" t="s">
        <v>676</v>
      </c>
      <c r="M5826">
        <v>12</v>
      </c>
      <c r="N5826" t="s">
        <v>654</v>
      </c>
      <c r="O5826">
        <v>3</v>
      </c>
      <c r="P5826" t="s">
        <v>655</v>
      </c>
      <c r="Q5826">
        <v>1</v>
      </c>
      <c r="R5826" t="s">
        <v>669</v>
      </c>
      <c r="S5826">
        <v>1</v>
      </c>
      <c r="T5826" t="s">
        <v>661</v>
      </c>
      <c r="U5826">
        <v>8</v>
      </c>
      <c r="V5826">
        <v>3</v>
      </c>
      <c r="W5826">
        <v>180</v>
      </c>
      <c r="X5826">
        <v>2020</v>
      </c>
    </row>
    <row r="5827" spans="1:24" x14ac:dyDescent="0.25">
      <c r="A5827">
        <v>2179</v>
      </c>
      <c r="B5827" t="s">
        <v>93</v>
      </c>
      <c r="C5827">
        <v>48</v>
      </c>
      <c r="D5827" t="s">
        <v>458</v>
      </c>
      <c r="E5827">
        <v>356</v>
      </c>
      <c r="F5827" t="s">
        <v>651</v>
      </c>
      <c r="G5827">
        <v>160</v>
      </c>
      <c r="H5827" t="s">
        <v>773</v>
      </c>
      <c r="I5827">
        <v>11846</v>
      </c>
      <c r="J5827" t="s">
        <v>885</v>
      </c>
      <c r="K5827">
        <v>1</v>
      </c>
      <c r="L5827" t="s">
        <v>1543</v>
      </c>
      <c r="M5827">
        <v>3</v>
      </c>
      <c r="N5827" t="s">
        <v>654</v>
      </c>
      <c r="O5827">
        <v>3</v>
      </c>
      <c r="P5827" t="s">
        <v>655</v>
      </c>
      <c r="Q5827">
        <v>1</v>
      </c>
      <c r="R5827" t="s">
        <v>669</v>
      </c>
      <c r="S5827">
        <v>1</v>
      </c>
      <c r="T5827" t="s">
        <v>661</v>
      </c>
      <c r="U5827">
        <v>8</v>
      </c>
      <c r="V5827">
        <v>3</v>
      </c>
      <c r="W5827">
        <v>180</v>
      </c>
      <c r="X5827">
        <v>2020</v>
      </c>
    </row>
    <row r="5828" spans="1:24" x14ac:dyDescent="0.25">
      <c r="A5828">
        <v>2178</v>
      </c>
      <c r="B5828" t="s">
        <v>93</v>
      </c>
      <c r="C5828">
        <v>48</v>
      </c>
      <c r="D5828" t="s">
        <v>458</v>
      </c>
      <c r="E5828">
        <v>356</v>
      </c>
      <c r="F5828" t="s">
        <v>651</v>
      </c>
      <c r="G5828">
        <v>160</v>
      </c>
      <c r="H5828" t="s">
        <v>773</v>
      </c>
      <c r="I5828">
        <v>11846</v>
      </c>
      <c r="J5828" t="s">
        <v>885</v>
      </c>
      <c r="K5828">
        <v>1</v>
      </c>
      <c r="L5828" t="s">
        <v>2624</v>
      </c>
      <c r="M5828">
        <v>2</v>
      </c>
      <c r="N5828" t="s">
        <v>654</v>
      </c>
      <c r="O5828">
        <v>3</v>
      </c>
      <c r="P5828" t="s">
        <v>655</v>
      </c>
      <c r="Q5828">
        <v>1</v>
      </c>
      <c r="R5828" t="s">
        <v>669</v>
      </c>
      <c r="S5828">
        <v>1</v>
      </c>
      <c r="T5828" t="s">
        <v>661</v>
      </c>
      <c r="U5828">
        <v>8</v>
      </c>
      <c r="V5828">
        <v>3</v>
      </c>
      <c r="W5828">
        <v>180</v>
      </c>
      <c r="X5828">
        <v>2020</v>
      </c>
    </row>
    <row r="5829" spans="1:24" x14ac:dyDescent="0.25">
      <c r="A5829">
        <v>2177</v>
      </c>
      <c r="B5829" t="s">
        <v>93</v>
      </c>
      <c r="C5829">
        <v>48</v>
      </c>
      <c r="D5829" t="s">
        <v>458</v>
      </c>
      <c r="E5829">
        <v>356</v>
      </c>
      <c r="F5829" t="s">
        <v>651</v>
      </c>
      <c r="G5829">
        <v>160</v>
      </c>
      <c r="H5829" t="s">
        <v>773</v>
      </c>
      <c r="I5829">
        <v>11846</v>
      </c>
      <c r="J5829" t="s">
        <v>885</v>
      </c>
      <c r="K5829">
        <v>1</v>
      </c>
      <c r="L5829" t="s">
        <v>885</v>
      </c>
      <c r="M5829">
        <v>1</v>
      </c>
      <c r="N5829" t="s">
        <v>654</v>
      </c>
      <c r="O5829">
        <v>3</v>
      </c>
      <c r="P5829" t="s">
        <v>655</v>
      </c>
      <c r="Q5829">
        <v>1</v>
      </c>
      <c r="R5829" t="s">
        <v>669</v>
      </c>
      <c r="S5829">
        <v>1</v>
      </c>
      <c r="T5829" t="s">
        <v>661</v>
      </c>
      <c r="U5829">
        <v>8</v>
      </c>
      <c r="V5829">
        <v>3</v>
      </c>
      <c r="W5829">
        <v>180</v>
      </c>
      <c r="X5829">
        <v>2020</v>
      </c>
    </row>
    <row r="5830" spans="1:24" x14ac:dyDescent="0.25">
      <c r="A5830">
        <v>2176</v>
      </c>
      <c r="B5830" t="s">
        <v>186</v>
      </c>
      <c r="C5830">
        <v>47</v>
      </c>
      <c r="D5830" t="s">
        <v>459</v>
      </c>
      <c r="E5830">
        <v>355</v>
      </c>
      <c r="F5830" t="s">
        <v>651</v>
      </c>
      <c r="G5830">
        <v>160</v>
      </c>
      <c r="H5830" t="s">
        <v>773</v>
      </c>
      <c r="I5830">
        <v>11846</v>
      </c>
      <c r="J5830" t="s">
        <v>851</v>
      </c>
      <c r="K5830">
        <v>43</v>
      </c>
      <c r="L5830" t="s">
        <v>1090</v>
      </c>
      <c r="M5830">
        <v>472</v>
      </c>
      <c r="N5830" t="s">
        <v>654</v>
      </c>
      <c r="O5830">
        <v>3</v>
      </c>
      <c r="P5830" t="s">
        <v>655</v>
      </c>
      <c r="Q5830">
        <v>1</v>
      </c>
      <c r="R5830" t="s">
        <v>669</v>
      </c>
      <c r="S5830">
        <v>1</v>
      </c>
      <c r="T5830" t="s">
        <v>661</v>
      </c>
      <c r="U5830">
        <v>8</v>
      </c>
      <c r="V5830">
        <v>4</v>
      </c>
      <c r="W5830">
        <v>240</v>
      </c>
      <c r="X5830">
        <v>2020</v>
      </c>
    </row>
    <row r="5831" spans="1:24" x14ac:dyDescent="0.25">
      <c r="A5831">
        <v>2173</v>
      </c>
      <c r="B5831" t="s">
        <v>186</v>
      </c>
      <c r="C5831">
        <v>47</v>
      </c>
      <c r="D5831" t="s">
        <v>459</v>
      </c>
      <c r="E5831">
        <v>355</v>
      </c>
      <c r="F5831" t="s">
        <v>651</v>
      </c>
      <c r="G5831">
        <v>160</v>
      </c>
      <c r="H5831" t="s">
        <v>773</v>
      </c>
      <c r="I5831">
        <v>11846</v>
      </c>
      <c r="J5831" t="s">
        <v>1219</v>
      </c>
      <c r="K5831">
        <v>42</v>
      </c>
      <c r="L5831" t="s">
        <v>1219</v>
      </c>
      <c r="M5831">
        <v>148</v>
      </c>
      <c r="N5831" t="s">
        <v>654</v>
      </c>
      <c r="O5831">
        <v>3</v>
      </c>
      <c r="P5831" t="s">
        <v>655</v>
      </c>
      <c r="Q5831">
        <v>1</v>
      </c>
      <c r="R5831" t="s">
        <v>669</v>
      </c>
      <c r="S5831">
        <v>1</v>
      </c>
      <c r="T5831" t="s">
        <v>661</v>
      </c>
      <c r="U5831">
        <v>8</v>
      </c>
      <c r="V5831">
        <v>4</v>
      </c>
      <c r="W5831">
        <v>240</v>
      </c>
      <c r="X5831">
        <v>2020</v>
      </c>
    </row>
    <row r="5832" spans="1:24" x14ac:dyDescent="0.25">
      <c r="A5832">
        <v>2172</v>
      </c>
      <c r="B5832" t="s">
        <v>186</v>
      </c>
      <c r="C5832">
        <v>47</v>
      </c>
      <c r="D5832" t="s">
        <v>460</v>
      </c>
      <c r="E5832">
        <v>354</v>
      </c>
      <c r="F5832" t="s">
        <v>651</v>
      </c>
      <c r="G5832">
        <v>160</v>
      </c>
      <c r="H5832" t="s">
        <v>773</v>
      </c>
      <c r="I5832">
        <v>11846</v>
      </c>
      <c r="J5832" t="s">
        <v>880</v>
      </c>
      <c r="K5832">
        <v>58</v>
      </c>
      <c r="L5832" t="s">
        <v>1086</v>
      </c>
      <c r="M5832">
        <v>238</v>
      </c>
      <c r="N5832" t="s">
        <v>654</v>
      </c>
      <c r="O5832">
        <v>3</v>
      </c>
      <c r="P5832" t="s">
        <v>655</v>
      </c>
      <c r="Q5832">
        <v>1</v>
      </c>
      <c r="R5832" t="s">
        <v>669</v>
      </c>
      <c r="S5832">
        <v>1</v>
      </c>
      <c r="T5832" t="s">
        <v>661</v>
      </c>
      <c r="U5832">
        <v>8</v>
      </c>
      <c r="V5832">
        <v>4</v>
      </c>
      <c r="W5832">
        <v>240</v>
      </c>
      <c r="X5832">
        <v>2020</v>
      </c>
    </row>
    <row r="5833" spans="1:24" x14ac:dyDescent="0.25">
      <c r="A5833">
        <v>2166</v>
      </c>
      <c r="B5833" t="s">
        <v>186</v>
      </c>
      <c r="C5833">
        <v>47</v>
      </c>
      <c r="D5833" t="s">
        <v>421</v>
      </c>
      <c r="E5833">
        <v>353</v>
      </c>
      <c r="F5833" t="s">
        <v>651</v>
      </c>
      <c r="G5833">
        <v>160</v>
      </c>
      <c r="H5833" t="s">
        <v>773</v>
      </c>
      <c r="I5833">
        <v>11846</v>
      </c>
      <c r="J5833" t="s">
        <v>1005</v>
      </c>
      <c r="K5833">
        <v>72</v>
      </c>
      <c r="L5833" t="s">
        <v>1005</v>
      </c>
      <c r="M5833">
        <v>326</v>
      </c>
      <c r="N5833" t="s">
        <v>654</v>
      </c>
      <c r="O5833">
        <v>3</v>
      </c>
      <c r="P5833" t="s">
        <v>655</v>
      </c>
      <c r="Q5833">
        <v>1</v>
      </c>
      <c r="R5833" t="s">
        <v>669</v>
      </c>
      <c r="S5833">
        <v>1</v>
      </c>
      <c r="T5833" t="s">
        <v>718</v>
      </c>
      <c r="U5833">
        <v>2</v>
      </c>
      <c r="V5833">
        <v>6</v>
      </c>
      <c r="W5833">
        <v>360</v>
      </c>
      <c r="X5833">
        <v>2020</v>
      </c>
    </row>
    <row r="5834" spans="1:24" x14ac:dyDescent="0.25">
      <c r="A5834">
        <v>2165</v>
      </c>
      <c r="B5834" t="s">
        <v>186</v>
      </c>
      <c r="C5834">
        <v>47</v>
      </c>
      <c r="D5834" t="s">
        <v>421</v>
      </c>
      <c r="E5834">
        <v>353</v>
      </c>
      <c r="F5834" t="s">
        <v>651</v>
      </c>
      <c r="G5834">
        <v>160</v>
      </c>
      <c r="H5834" t="s">
        <v>773</v>
      </c>
      <c r="I5834">
        <v>11846</v>
      </c>
      <c r="J5834" t="s">
        <v>1005</v>
      </c>
      <c r="K5834">
        <v>72</v>
      </c>
      <c r="L5834" t="s">
        <v>1005</v>
      </c>
      <c r="M5834">
        <v>326</v>
      </c>
      <c r="N5834" t="s">
        <v>654</v>
      </c>
      <c r="O5834">
        <v>3</v>
      </c>
      <c r="P5834" t="s">
        <v>655</v>
      </c>
      <c r="Q5834">
        <v>1</v>
      </c>
      <c r="R5834" t="s">
        <v>669</v>
      </c>
      <c r="S5834">
        <v>1</v>
      </c>
      <c r="T5834" t="s">
        <v>661</v>
      </c>
      <c r="U5834">
        <v>8</v>
      </c>
      <c r="V5834">
        <v>6</v>
      </c>
      <c r="W5834">
        <v>360</v>
      </c>
      <c r="X5834">
        <v>2020</v>
      </c>
    </row>
    <row r="5835" spans="1:24" x14ac:dyDescent="0.25">
      <c r="A5835">
        <v>2164</v>
      </c>
      <c r="B5835" t="s">
        <v>186</v>
      </c>
      <c r="C5835">
        <v>47</v>
      </c>
      <c r="D5835" t="s">
        <v>461</v>
      </c>
      <c r="E5835">
        <v>352</v>
      </c>
      <c r="F5835" t="s">
        <v>651</v>
      </c>
      <c r="G5835">
        <v>160</v>
      </c>
      <c r="H5835" t="s">
        <v>773</v>
      </c>
      <c r="I5835">
        <v>11846</v>
      </c>
      <c r="J5835" t="s">
        <v>730</v>
      </c>
      <c r="K5835">
        <v>66</v>
      </c>
      <c r="L5835" t="s">
        <v>3887</v>
      </c>
      <c r="M5835">
        <v>288</v>
      </c>
      <c r="N5835" t="s">
        <v>654</v>
      </c>
      <c r="O5835">
        <v>3</v>
      </c>
      <c r="P5835" t="s">
        <v>655</v>
      </c>
      <c r="Q5835">
        <v>1</v>
      </c>
      <c r="R5835" t="s">
        <v>669</v>
      </c>
      <c r="S5835">
        <v>1</v>
      </c>
      <c r="T5835" t="s">
        <v>661</v>
      </c>
      <c r="U5835">
        <v>8</v>
      </c>
      <c r="V5835">
        <v>4</v>
      </c>
      <c r="W5835">
        <v>240</v>
      </c>
      <c r="X5835">
        <v>2020</v>
      </c>
    </row>
    <row r="5836" spans="1:24" x14ac:dyDescent="0.25">
      <c r="A5836">
        <v>2162</v>
      </c>
      <c r="B5836" t="s">
        <v>186</v>
      </c>
      <c r="C5836">
        <v>47</v>
      </c>
      <c r="D5836" t="s">
        <v>461</v>
      </c>
      <c r="E5836">
        <v>352</v>
      </c>
      <c r="F5836" t="s">
        <v>651</v>
      </c>
      <c r="G5836">
        <v>160</v>
      </c>
      <c r="H5836" t="s">
        <v>773</v>
      </c>
      <c r="I5836">
        <v>11846</v>
      </c>
      <c r="J5836" t="s">
        <v>917</v>
      </c>
      <c r="K5836">
        <v>83</v>
      </c>
      <c r="L5836" t="s">
        <v>918</v>
      </c>
      <c r="M5836">
        <v>287</v>
      </c>
      <c r="N5836" t="s">
        <v>654</v>
      </c>
      <c r="O5836">
        <v>3</v>
      </c>
      <c r="P5836" t="s">
        <v>655</v>
      </c>
      <c r="Q5836">
        <v>1</v>
      </c>
      <c r="R5836" t="s">
        <v>669</v>
      </c>
      <c r="S5836">
        <v>1</v>
      </c>
      <c r="T5836" t="s">
        <v>661</v>
      </c>
      <c r="U5836">
        <v>8</v>
      </c>
      <c r="V5836">
        <v>4</v>
      </c>
      <c r="W5836">
        <v>240</v>
      </c>
      <c r="X5836">
        <v>2020</v>
      </c>
    </row>
    <row r="5837" spans="1:24" x14ac:dyDescent="0.25">
      <c r="A5837">
        <v>2160</v>
      </c>
      <c r="B5837" t="s">
        <v>186</v>
      </c>
      <c r="C5837">
        <v>47</v>
      </c>
      <c r="D5837" t="s">
        <v>461</v>
      </c>
      <c r="E5837">
        <v>352</v>
      </c>
      <c r="F5837" t="s">
        <v>651</v>
      </c>
      <c r="G5837">
        <v>160</v>
      </c>
      <c r="H5837" t="s">
        <v>773</v>
      </c>
      <c r="I5837">
        <v>11846</v>
      </c>
      <c r="J5837" t="s">
        <v>917</v>
      </c>
      <c r="K5837">
        <v>83</v>
      </c>
      <c r="L5837" t="s">
        <v>3925</v>
      </c>
      <c r="M5837">
        <v>286</v>
      </c>
      <c r="N5837" t="s">
        <v>654</v>
      </c>
      <c r="O5837">
        <v>3</v>
      </c>
      <c r="P5837" t="s">
        <v>655</v>
      </c>
      <c r="Q5837">
        <v>1</v>
      </c>
      <c r="R5837" t="s">
        <v>669</v>
      </c>
      <c r="S5837">
        <v>1</v>
      </c>
      <c r="T5837" t="s">
        <v>661</v>
      </c>
      <c r="U5837">
        <v>8</v>
      </c>
      <c r="V5837">
        <v>4</v>
      </c>
      <c r="W5837">
        <v>240</v>
      </c>
      <c r="X5837">
        <v>2020</v>
      </c>
    </row>
    <row r="5838" spans="1:24" x14ac:dyDescent="0.25">
      <c r="A5838">
        <v>2159</v>
      </c>
      <c r="B5838" t="s">
        <v>186</v>
      </c>
      <c r="C5838">
        <v>47</v>
      </c>
      <c r="D5838" t="s">
        <v>462</v>
      </c>
      <c r="E5838">
        <v>351</v>
      </c>
      <c r="F5838" t="s">
        <v>651</v>
      </c>
      <c r="G5838">
        <v>160</v>
      </c>
      <c r="H5838" t="s">
        <v>773</v>
      </c>
      <c r="I5838">
        <v>11846</v>
      </c>
      <c r="J5838" t="s">
        <v>851</v>
      </c>
      <c r="K5838">
        <v>43</v>
      </c>
      <c r="L5838" t="s">
        <v>1922</v>
      </c>
      <c r="M5838">
        <v>150</v>
      </c>
      <c r="N5838" t="s">
        <v>654</v>
      </c>
      <c r="O5838">
        <v>3</v>
      </c>
      <c r="P5838" t="s">
        <v>655</v>
      </c>
      <c r="Q5838">
        <v>1</v>
      </c>
      <c r="R5838" t="s">
        <v>669</v>
      </c>
      <c r="S5838">
        <v>1</v>
      </c>
      <c r="T5838" t="s">
        <v>661</v>
      </c>
      <c r="U5838">
        <v>8</v>
      </c>
      <c r="V5838">
        <v>4</v>
      </c>
      <c r="W5838">
        <v>240</v>
      </c>
      <c r="X5838">
        <v>2020</v>
      </c>
    </row>
    <row r="5839" spans="1:24" x14ac:dyDescent="0.25">
      <c r="A5839">
        <v>2158</v>
      </c>
      <c r="B5839" t="s">
        <v>186</v>
      </c>
      <c r="C5839">
        <v>47</v>
      </c>
      <c r="D5839" t="s">
        <v>462</v>
      </c>
      <c r="E5839">
        <v>351</v>
      </c>
      <c r="F5839" t="s">
        <v>651</v>
      </c>
      <c r="G5839">
        <v>160</v>
      </c>
      <c r="H5839" t="s">
        <v>773</v>
      </c>
      <c r="I5839">
        <v>11846</v>
      </c>
      <c r="J5839" t="s">
        <v>678</v>
      </c>
      <c r="K5839">
        <v>41</v>
      </c>
      <c r="L5839" t="s">
        <v>678</v>
      </c>
      <c r="M5839">
        <v>145</v>
      </c>
      <c r="N5839" t="s">
        <v>654</v>
      </c>
      <c r="O5839">
        <v>3</v>
      </c>
      <c r="P5839" t="s">
        <v>655</v>
      </c>
      <c r="Q5839">
        <v>1</v>
      </c>
      <c r="R5839" t="s">
        <v>669</v>
      </c>
      <c r="S5839">
        <v>1</v>
      </c>
      <c r="T5839" t="s">
        <v>661</v>
      </c>
      <c r="U5839">
        <v>8</v>
      </c>
      <c r="V5839">
        <v>4</v>
      </c>
      <c r="W5839">
        <v>240</v>
      </c>
      <c r="X5839">
        <v>2020</v>
      </c>
    </row>
    <row r="5840" spans="1:24" x14ac:dyDescent="0.25">
      <c r="A5840">
        <v>2157</v>
      </c>
      <c r="B5840" t="s">
        <v>186</v>
      </c>
      <c r="C5840">
        <v>47</v>
      </c>
      <c r="D5840" t="s">
        <v>462</v>
      </c>
      <c r="E5840">
        <v>351</v>
      </c>
      <c r="F5840" t="s">
        <v>651</v>
      </c>
      <c r="G5840">
        <v>160</v>
      </c>
      <c r="H5840" t="s">
        <v>773</v>
      </c>
      <c r="I5840">
        <v>11846</v>
      </c>
      <c r="J5840" t="s">
        <v>794</v>
      </c>
      <c r="K5840">
        <v>40</v>
      </c>
      <c r="L5840" t="s">
        <v>3710</v>
      </c>
      <c r="M5840">
        <v>144</v>
      </c>
      <c r="N5840" t="s">
        <v>654</v>
      </c>
      <c r="O5840">
        <v>3</v>
      </c>
      <c r="P5840" t="s">
        <v>655</v>
      </c>
      <c r="Q5840">
        <v>1</v>
      </c>
      <c r="R5840" t="s">
        <v>669</v>
      </c>
      <c r="S5840">
        <v>1</v>
      </c>
      <c r="T5840" t="s">
        <v>661</v>
      </c>
      <c r="U5840">
        <v>8</v>
      </c>
      <c r="V5840">
        <v>4</v>
      </c>
      <c r="W5840">
        <v>240</v>
      </c>
      <c r="X5840">
        <v>2020</v>
      </c>
    </row>
    <row r="5841" spans="1:24" x14ac:dyDescent="0.25">
      <c r="A5841">
        <v>2156</v>
      </c>
      <c r="B5841" t="s">
        <v>186</v>
      </c>
      <c r="C5841">
        <v>47</v>
      </c>
      <c r="D5841" t="s">
        <v>462</v>
      </c>
      <c r="E5841">
        <v>351</v>
      </c>
      <c r="F5841" t="s">
        <v>651</v>
      </c>
      <c r="G5841">
        <v>160</v>
      </c>
      <c r="H5841" t="s">
        <v>773</v>
      </c>
      <c r="I5841">
        <v>11846</v>
      </c>
      <c r="J5841" t="s">
        <v>794</v>
      </c>
      <c r="K5841">
        <v>40</v>
      </c>
      <c r="L5841" t="s">
        <v>794</v>
      </c>
      <c r="M5841">
        <v>143</v>
      </c>
      <c r="N5841" t="s">
        <v>654</v>
      </c>
      <c r="O5841">
        <v>3</v>
      </c>
      <c r="P5841" t="s">
        <v>746</v>
      </c>
      <c r="Q5841">
        <v>2</v>
      </c>
      <c r="R5841" t="s">
        <v>669</v>
      </c>
      <c r="S5841">
        <v>1</v>
      </c>
      <c r="T5841" t="s">
        <v>661</v>
      </c>
      <c r="U5841">
        <v>8</v>
      </c>
      <c r="V5841">
        <v>4</v>
      </c>
      <c r="W5841">
        <v>240</v>
      </c>
      <c r="X5841">
        <v>2020</v>
      </c>
    </row>
    <row r="5842" spans="1:24" x14ac:dyDescent="0.25">
      <c r="A5842">
        <v>2155</v>
      </c>
      <c r="B5842" t="s">
        <v>186</v>
      </c>
      <c r="C5842">
        <v>47</v>
      </c>
      <c r="D5842" t="s">
        <v>462</v>
      </c>
      <c r="E5842">
        <v>351</v>
      </c>
      <c r="F5842" t="s">
        <v>651</v>
      </c>
      <c r="G5842">
        <v>160</v>
      </c>
      <c r="H5842" t="s">
        <v>773</v>
      </c>
      <c r="I5842">
        <v>11846</v>
      </c>
      <c r="J5842" t="s">
        <v>794</v>
      </c>
      <c r="K5842">
        <v>40</v>
      </c>
      <c r="L5842" t="s">
        <v>794</v>
      </c>
      <c r="M5842">
        <v>143</v>
      </c>
      <c r="N5842" t="s">
        <v>654</v>
      </c>
      <c r="O5842">
        <v>3</v>
      </c>
      <c r="P5842" t="s">
        <v>655</v>
      </c>
      <c r="Q5842">
        <v>1</v>
      </c>
      <c r="R5842" t="s">
        <v>669</v>
      </c>
      <c r="S5842">
        <v>1</v>
      </c>
      <c r="T5842" t="s">
        <v>661</v>
      </c>
      <c r="U5842">
        <v>8</v>
      </c>
      <c r="V5842">
        <v>4</v>
      </c>
      <c r="W5842">
        <v>240</v>
      </c>
      <c r="X5842">
        <v>2020</v>
      </c>
    </row>
    <row r="5843" spans="1:24" x14ac:dyDescent="0.25">
      <c r="A5843">
        <v>2154</v>
      </c>
      <c r="B5843" t="s">
        <v>186</v>
      </c>
      <c r="C5843">
        <v>47</v>
      </c>
      <c r="D5843" t="s">
        <v>463</v>
      </c>
      <c r="E5843">
        <v>350</v>
      </c>
      <c r="F5843" t="s">
        <v>651</v>
      </c>
      <c r="G5843">
        <v>160</v>
      </c>
      <c r="H5843" t="s">
        <v>773</v>
      </c>
      <c r="I5843">
        <v>11846</v>
      </c>
      <c r="J5843" t="s">
        <v>848</v>
      </c>
      <c r="K5843">
        <v>62</v>
      </c>
      <c r="L5843" t="s">
        <v>937</v>
      </c>
      <c r="M5843">
        <v>266</v>
      </c>
      <c r="N5843" t="s">
        <v>654</v>
      </c>
      <c r="O5843">
        <v>3</v>
      </c>
      <c r="P5843" t="s">
        <v>746</v>
      </c>
      <c r="Q5843">
        <v>2</v>
      </c>
      <c r="R5843" t="s">
        <v>669</v>
      </c>
      <c r="S5843">
        <v>1</v>
      </c>
      <c r="T5843" t="s">
        <v>661</v>
      </c>
      <c r="U5843">
        <v>8</v>
      </c>
      <c r="V5843">
        <v>4</v>
      </c>
      <c r="W5843">
        <v>240</v>
      </c>
      <c r="X5843">
        <v>2020</v>
      </c>
    </row>
    <row r="5844" spans="1:24" x14ac:dyDescent="0.25">
      <c r="A5844">
        <v>2153</v>
      </c>
      <c r="B5844" t="s">
        <v>186</v>
      </c>
      <c r="C5844">
        <v>47</v>
      </c>
      <c r="D5844" t="s">
        <v>463</v>
      </c>
      <c r="E5844">
        <v>350</v>
      </c>
      <c r="F5844" t="s">
        <v>651</v>
      </c>
      <c r="G5844">
        <v>160</v>
      </c>
      <c r="H5844" t="s">
        <v>773</v>
      </c>
      <c r="I5844">
        <v>11846</v>
      </c>
      <c r="J5844" t="s">
        <v>848</v>
      </c>
      <c r="K5844">
        <v>62</v>
      </c>
      <c r="L5844" t="s">
        <v>937</v>
      </c>
      <c r="M5844">
        <v>266</v>
      </c>
      <c r="N5844" t="s">
        <v>654</v>
      </c>
      <c r="O5844">
        <v>3</v>
      </c>
      <c r="P5844" t="s">
        <v>655</v>
      </c>
      <c r="Q5844">
        <v>1</v>
      </c>
      <c r="R5844" t="s">
        <v>669</v>
      </c>
      <c r="S5844">
        <v>1</v>
      </c>
      <c r="T5844" t="s">
        <v>661</v>
      </c>
      <c r="U5844">
        <v>8</v>
      </c>
      <c r="V5844">
        <v>4</v>
      </c>
      <c r="W5844">
        <v>240</v>
      </c>
      <c r="X5844">
        <v>2020</v>
      </c>
    </row>
    <row r="5845" spans="1:24" x14ac:dyDescent="0.25">
      <c r="A5845">
        <v>2152</v>
      </c>
      <c r="B5845" t="s">
        <v>186</v>
      </c>
      <c r="C5845">
        <v>47</v>
      </c>
      <c r="D5845" t="s">
        <v>463</v>
      </c>
      <c r="E5845">
        <v>350</v>
      </c>
      <c r="F5845" t="s">
        <v>651</v>
      </c>
      <c r="G5845">
        <v>160</v>
      </c>
      <c r="H5845" t="s">
        <v>773</v>
      </c>
      <c r="I5845">
        <v>11846</v>
      </c>
      <c r="J5845" t="s">
        <v>738</v>
      </c>
      <c r="K5845">
        <v>61</v>
      </c>
      <c r="L5845" t="s">
        <v>1261</v>
      </c>
      <c r="M5845">
        <v>253</v>
      </c>
      <c r="N5845" t="s">
        <v>654</v>
      </c>
      <c r="O5845">
        <v>3</v>
      </c>
      <c r="P5845" t="s">
        <v>655</v>
      </c>
      <c r="Q5845">
        <v>1</v>
      </c>
      <c r="R5845" t="s">
        <v>669</v>
      </c>
      <c r="S5845">
        <v>1</v>
      </c>
      <c r="T5845" t="s">
        <v>661</v>
      </c>
      <c r="U5845">
        <v>8</v>
      </c>
      <c r="V5845">
        <v>4</v>
      </c>
      <c r="W5845">
        <v>240</v>
      </c>
      <c r="X5845">
        <v>2020</v>
      </c>
    </row>
    <row r="5846" spans="1:24" x14ac:dyDescent="0.25">
      <c r="A5846">
        <v>2151</v>
      </c>
      <c r="B5846" t="s">
        <v>186</v>
      </c>
      <c r="C5846">
        <v>47</v>
      </c>
      <c r="D5846" t="s">
        <v>463</v>
      </c>
      <c r="E5846">
        <v>350</v>
      </c>
      <c r="F5846" t="s">
        <v>651</v>
      </c>
      <c r="G5846">
        <v>160</v>
      </c>
      <c r="H5846" t="s">
        <v>773</v>
      </c>
      <c r="I5846">
        <v>11846</v>
      </c>
      <c r="J5846" t="s">
        <v>1182</v>
      </c>
      <c r="K5846">
        <v>46</v>
      </c>
      <c r="L5846" t="s">
        <v>3689</v>
      </c>
      <c r="M5846">
        <v>158</v>
      </c>
      <c r="N5846" t="s">
        <v>654</v>
      </c>
      <c r="O5846">
        <v>3</v>
      </c>
      <c r="P5846" t="s">
        <v>655</v>
      </c>
      <c r="Q5846">
        <v>1</v>
      </c>
      <c r="R5846" t="s">
        <v>669</v>
      </c>
      <c r="S5846">
        <v>1</v>
      </c>
      <c r="T5846" t="s">
        <v>661</v>
      </c>
      <c r="U5846">
        <v>8</v>
      </c>
      <c r="V5846">
        <v>4</v>
      </c>
      <c r="W5846">
        <v>240</v>
      </c>
      <c r="X5846">
        <v>2020</v>
      </c>
    </row>
    <row r="5847" spans="1:24" x14ac:dyDescent="0.25">
      <c r="A5847">
        <v>2150</v>
      </c>
      <c r="B5847" t="s">
        <v>186</v>
      </c>
      <c r="C5847">
        <v>47</v>
      </c>
      <c r="D5847" t="s">
        <v>463</v>
      </c>
      <c r="E5847">
        <v>350</v>
      </c>
      <c r="F5847" t="s">
        <v>651</v>
      </c>
      <c r="G5847">
        <v>160</v>
      </c>
      <c r="H5847" t="s">
        <v>773</v>
      </c>
      <c r="I5847">
        <v>11846</v>
      </c>
      <c r="J5847" t="s">
        <v>909</v>
      </c>
      <c r="K5847">
        <v>39</v>
      </c>
      <c r="L5847" t="s">
        <v>1997</v>
      </c>
      <c r="M5847">
        <v>141</v>
      </c>
      <c r="N5847" t="s">
        <v>654</v>
      </c>
      <c r="O5847">
        <v>3</v>
      </c>
      <c r="P5847" t="s">
        <v>655</v>
      </c>
      <c r="Q5847">
        <v>1</v>
      </c>
      <c r="R5847" t="s">
        <v>669</v>
      </c>
      <c r="S5847">
        <v>1</v>
      </c>
      <c r="T5847" t="s">
        <v>661</v>
      </c>
      <c r="U5847">
        <v>8</v>
      </c>
      <c r="V5847">
        <v>4</v>
      </c>
      <c r="W5847">
        <v>240</v>
      </c>
      <c r="X5847">
        <v>2020</v>
      </c>
    </row>
    <row r="5848" spans="1:24" x14ac:dyDescent="0.25">
      <c r="A5848">
        <v>2149</v>
      </c>
      <c r="B5848" t="s">
        <v>186</v>
      </c>
      <c r="C5848">
        <v>47</v>
      </c>
      <c r="D5848" t="s">
        <v>463</v>
      </c>
      <c r="E5848">
        <v>350</v>
      </c>
      <c r="F5848" t="s">
        <v>651</v>
      </c>
      <c r="G5848">
        <v>160</v>
      </c>
      <c r="H5848" t="s">
        <v>773</v>
      </c>
      <c r="I5848">
        <v>11846</v>
      </c>
      <c r="J5848" t="s">
        <v>909</v>
      </c>
      <c r="K5848">
        <v>39</v>
      </c>
      <c r="L5848" t="s">
        <v>1925</v>
      </c>
      <c r="M5848">
        <v>138</v>
      </c>
      <c r="N5848" t="s">
        <v>654</v>
      </c>
      <c r="O5848">
        <v>3</v>
      </c>
      <c r="P5848" t="s">
        <v>746</v>
      </c>
      <c r="Q5848">
        <v>2</v>
      </c>
      <c r="R5848" t="s">
        <v>669</v>
      </c>
      <c r="S5848">
        <v>1</v>
      </c>
      <c r="T5848" t="s">
        <v>661</v>
      </c>
      <c r="U5848">
        <v>8</v>
      </c>
      <c r="V5848">
        <v>4</v>
      </c>
      <c r="W5848">
        <v>240</v>
      </c>
      <c r="X5848">
        <v>2020</v>
      </c>
    </row>
    <row r="5849" spans="1:24" x14ac:dyDescent="0.25">
      <c r="A5849">
        <v>2148</v>
      </c>
      <c r="B5849" t="s">
        <v>186</v>
      </c>
      <c r="C5849">
        <v>47</v>
      </c>
      <c r="D5849" t="s">
        <v>463</v>
      </c>
      <c r="E5849">
        <v>350</v>
      </c>
      <c r="F5849" t="s">
        <v>651</v>
      </c>
      <c r="G5849">
        <v>160</v>
      </c>
      <c r="H5849" t="s">
        <v>773</v>
      </c>
      <c r="I5849">
        <v>11846</v>
      </c>
      <c r="J5849" t="s">
        <v>909</v>
      </c>
      <c r="K5849">
        <v>39</v>
      </c>
      <c r="L5849" t="s">
        <v>1925</v>
      </c>
      <c r="M5849">
        <v>138</v>
      </c>
      <c r="N5849" t="s">
        <v>654</v>
      </c>
      <c r="O5849">
        <v>3</v>
      </c>
      <c r="P5849" t="s">
        <v>655</v>
      </c>
      <c r="Q5849">
        <v>1</v>
      </c>
      <c r="R5849" t="s">
        <v>669</v>
      </c>
      <c r="S5849">
        <v>1</v>
      </c>
      <c r="T5849" t="s">
        <v>661</v>
      </c>
      <c r="U5849">
        <v>8</v>
      </c>
      <c r="V5849">
        <v>4</v>
      </c>
      <c r="W5849">
        <v>240</v>
      </c>
      <c r="X5849">
        <v>2020</v>
      </c>
    </row>
    <row r="5850" spans="1:24" x14ac:dyDescent="0.25">
      <c r="A5850">
        <v>2147</v>
      </c>
      <c r="B5850" t="s">
        <v>186</v>
      </c>
      <c r="C5850">
        <v>47</v>
      </c>
      <c r="D5850" t="s">
        <v>463</v>
      </c>
      <c r="E5850">
        <v>350</v>
      </c>
      <c r="F5850" t="s">
        <v>651</v>
      </c>
      <c r="G5850">
        <v>160</v>
      </c>
      <c r="H5850" t="s">
        <v>773</v>
      </c>
      <c r="I5850">
        <v>11846</v>
      </c>
      <c r="J5850" t="s">
        <v>831</v>
      </c>
      <c r="K5850">
        <v>5</v>
      </c>
      <c r="L5850" t="s">
        <v>831</v>
      </c>
      <c r="M5850">
        <v>14</v>
      </c>
      <c r="N5850" t="s">
        <v>654</v>
      </c>
      <c r="O5850">
        <v>3</v>
      </c>
      <c r="P5850" t="s">
        <v>655</v>
      </c>
      <c r="Q5850">
        <v>1</v>
      </c>
      <c r="R5850" t="s">
        <v>669</v>
      </c>
      <c r="S5850">
        <v>1</v>
      </c>
      <c r="T5850" t="s">
        <v>661</v>
      </c>
      <c r="U5850">
        <v>8</v>
      </c>
      <c r="V5850">
        <v>3</v>
      </c>
      <c r="W5850">
        <v>180</v>
      </c>
      <c r="X5850">
        <v>2020</v>
      </c>
    </row>
    <row r="5851" spans="1:24" x14ac:dyDescent="0.25">
      <c r="A5851">
        <v>2146</v>
      </c>
      <c r="B5851" t="s">
        <v>224</v>
      </c>
      <c r="C5851">
        <v>46</v>
      </c>
      <c r="D5851" t="s">
        <v>464</v>
      </c>
      <c r="E5851">
        <v>349</v>
      </c>
      <c r="F5851" t="s">
        <v>651</v>
      </c>
      <c r="G5851">
        <v>160</v>
      </c>
      <c r="H5851" t="s">
        <v>929</v>
      </c>
      <c r="I5851">
        <v>7015</v>
      </c>
      <c r="J5851" t="s">
        <v>705</v>
      </c>
      <c r="K5851">
        <v>70</v>
      </c>
      <c r="L5851" t="s">
        <v>3784</v>
      </c>
      <c r="M5851">
        <v>305</v>
      </c>
      <c r="N5851" t="s">
        <v>654</v>
      </c>
      <c r="O5851">
        <v>3</v>
      </c>
      <c r="P5851" t="s">
        <v>655</v>
      </c>
      <c r="Q5851">
        <v>1</v>
      </c>
      <c r="R5851" t="s">
        <v>669</v>
      </c>
      <c r="S5851">
        <v>1</v>
      </c>
      <c r="T5851" t="s">
        <v>661</v>
      </c>
      <c r="U5851">
        <v>8</v>
      </c>
      <c r="V5851">
        <v>4</v>
      </c>
      <c r="W5851">
        <v>240</v>
      </c>
      <c r="X5851">
        <v>2020</v>
      </c>
    </row>
    <row r="5852" spans="1:24" x14ac:dyDescent="0.25">
      <c r="A5852">
        <v>2145</v>
      </c>
      <c r="B5852" t="s">
        <v>224</v>
      </c>
      <c r="C5852">
        <v>46</v>
      </c>
      <c r="D5852" t="s">
        <v>464</v>
      </c>
      <c r="E5852">
        <v>349</v>
      </c>
      <c r="F5852" t="s">
        <v>651</v>
      </c>
      <c r="G5852">
        <v>160</v>
      </c>
      <c r="H5852" t="s">
        <v>929</v>
      </c>
      <c r="I5852">
        <v>7015</v>
      </c>
      <c r="J5852" t="s">
        <v>730</v>
      </c>
      <c r="K5852">
        <v>66</v>
      </c>
      <c r="L5852" t="s">
        <v>3738</v>
      </c>
      <c r="M5852">
        <v>285</v>
      </c>
      <c r="N5852" t="s">
        <v>654</v>
      </c>
      <c r="O5852">
        <v>3</v>
      </c>
      <c r="P5852" t="s">
        <v>655</v>
      </c>
      <c r="Q5852">
        <v>1</v>
      </c>
      <c r="R5852" t="s">
        <v>669</v>
      </c>
      <c r="S5852">
        <v>1</v>
      </c>
      <c r="T5852" t="s">
        <v>661</v>
      </c>
      <c r="U5852">
        <v>8</v>
      </c>
      <c r="V5852">
        <v>4</v>
      </c>
      <c r="W5852">
        <v>240</v>
      </c>
      <c r="X5852">
        <v>2020</v>
      </c>
    </row>
    <row r="5853" spans="1:24" x14ac:dyDescent="0.25">
      <c r="A5853">
        <v>2144</v>
      </c>
      <c r="B5853" t="s">
        <v>224</v>
      </c>
      <c r="C5853">
        <v>46</v>
      </c>
      <c r="D5853" t="s">
        <v>464</v>
      </c>
      <c r="E5853">
        <v>349</v>
      </c>
      <c r="F5853" t="s">
        <v>651</v>
      </c>
      <c r="G5853">
        <v>160</v>
      </c>
      <c r="H5853" t="s">
        <v>929</v>
      </c>
      <c r="I5853">
        <v>7015</v>
      </c>
      <c r="J5853" t="s">
        <v>730</v>
      </c>
      <c r="K5853">
        <v>66</v>
      </c>
      <c r="L5853" t="s">
        <v>3926</v>
      </c>
      <c r="M5853">
        <v>280</v>
      </c>
      <c r="N5853" t="s">
        <v>654</v>
      </c>
      <c r="O5853">
        <v>3</v>
      </c>
      <c r="P5853" t="s">
        <v>655</v>
      </c>
      <c r="Q5853">
        <v>1</v>
      </c>
      <c r="R5853" t="s">
        <v>669</v>
      </c>
      <c r="S5853">
        <v>1</v>
      </c>
      <c r="T5853" t="s">
        <v>661</v>
      </c>
      <c r="U5853">
        <v>8</v>
      </c>
      <c r="V5853">
        <v>4</v>
      </c>
      <c r="W5853">
        <v>240</v>
      </c>
      <c r="X5853">
        <v>2020</v>
      </c>
    </row>
    <row r="5854" spans="1:24" x14ac:dyDescent="0.25">
      <c r="A5854">
        <v>2141</v>
      </c>
      <c r="B5854" t="s">
        <v>224</v>
      </c>
      <c r="C5854">
        <v>46</v>
      </c>
      <c r="D5854" t="s">
        <v>464</v>
      </c>
      <c r="E5854">
        <v>349</v>
      </c>
      <c r="F5854" t="s">
        <v>651</v>
      </c>
      <c r="G5854">
        <v>160</v>
      </c>
      <c r="H5854" t="s">
        <v>929</v>
      </c>
      <c r="I5854">
        <v>7015</v>
      </c>
      <c r="J5854" t="s">
        <v>707</v>
      </c>
      <c r="K5854">
        <v>59</v>
      </c>
      <c r="L5854" t="s">
        <v>708</v>
      </c>
      <c r="M5854">
        <v>242</v>
      </c>
      <c r="N5854" t="s">
        <v>654</v>
      </c>
      <c r="O5854">
        <v>3</v>
      </c>
      <c r="P5854" t="s">
        <v>655</v>
      </c>
      <c r="Q5854">
        <v>1</v>
      </c>
      <c r="R5854" t="s">
        <v>669</v>
      </c>
      <c r="S5854">
        <v>1</v>
      </c>
      <c r="T5854" t="s">
        <v>661</v>
      </c>
      <c r="U5854">
        <v>8</v>
      </c>
      <c r="V5854">
        <v>4</v>
      </c>
      <c r="W5854">
        <v>240</v>
      </c>
      <c r="X5854">
        <v>2020</v>
      </c>
    </row>
    <row r="5855" spans="1:24" x14ac:dyDescent="0.25">
      <c r="A5855">
        <v>2139</v>
      </c>
      <c r="B5855" t="s">
        <v>224</v>
      </c>
      <c r="C5855">
        <v>46</v>
      </c>
      <c r="D5855" t="s">
        <v>440</v>
      </c>
      <c r="E5855">
        <v>348</v>
      </c>
      <c r="F5855" t="s">
        <v>651</v>
      </c>
      <c r="G5855">
        <v>160</v>
      </c>
      <c r="H5855" t="s">
        <v>773</v>
      </c>
      <c r="I5855">
        <v>11846</v>
      </c>
      <c r="J5855" t="s">
        <v>691</v>
      </c>
      <c r="K5855">
        <v>21</v>
      </c>
      <c r="L5855" t="s">
        <v>1923</v>
      </c>
      <c r="M5855">
        <v>67</v>
      </c>
      <c r="N5855" t="s">
        <v>654</v>
      </c>
      <c r="O5855">
        <v>3</v>
      </c>
      <c r="P5855" t="s">
        <v>655</v>
      </c>
      <c r="Q5855">
        <v>1</v>
      </c>
      <c r="R5855" t="s">
        <v>669</v>
      </c>
      <c r="S5855">
        <v>1</v>
      </c>
      <c r="T5855" t="s">
        <v>661</v>
      </c>
      <c r="U5855">
        <v>8</v>
      </c>
      <c r="V5855">
        <v>3</v>
      </c>
      <c r="W5855">
        <v>180</v>
      </c>
      <c r="X5855">
        <v>2020</v>
      </c>
    </row>
    <row r="5856" spans="1:24" x14ac:dyDescent="0.25">
      <c r="A5856">
        <v>2137</v>
      </c>
      <c r="B5856" t="s">
        <v>224</v>
      </c>
      <c r="C5856">
        <v>46</v>
      </c>
      <c r="D5856" t="s">
        <v>440</v>
      </c>
      <c r="E5856">
        <v>348</v>
      </c>
      <c r="F5856" t="s">
        <v>651</v>
      </c>
      <c r="G5856">
        <v>160</v>
      </c>
      <c r="H5856" t="s">
        <v>773</v>
      </c>
      <c r="I5856">
        <v>11846</v>
      </c>
      <c r="J5856" t="s">
        <v>667</v>
      </c>
      <c r="K5856">
        <v>11</v>
      </c>
      <c r="L5856" t="s">
        <v>1420</v>
      </c>
      <c r="M5856">
        <v>34</v>
      </c>
      <c r="N5856" t="s">
        <v>654</v>
      </c>
      <c r="O5856">
        <v>3</v>
      </c>
      <c r="P5856" t="s">
        <v>655</v>
      </c>
      <c r="Q5856">
        <v>1</v>
      </c>
      <c r="R5856" t="s">
        <v>669</v>
      </c>
      <c r="S5856">
        <v>1</v>
      </c>
      <c r="T5856" t="s">
        <v>661</v>
      </c>
      <c r="U5856">
        <v>8</v>
      </c>
      <c r="V5856">
        <v>3</v>
      </c>
      <c r="W5856">
        <v>180</v>
      </c>
      <c r="X5856">
        <v>2020</v>
      </c>
    </row>
    <row r="5857" spans="1:24" x14ac:dyDescent="0.25">
      <c r="A5857">
        <v>2136</v>
      </c>
      <c r="B5857" t="s">
        <v>224</v>
      </c>
      <c r="C5857">
        <v>46</v>
      </c>
      <c r="D5857" t="s">
        <v>465</v>
      </c>
      <c r="E5857">
        <v>347</v>
      </c>
      <c r="F5857" t="s">
        <v>651</v>
      </c>
      <c r="G5857">
        <v>160</v>
      </c>
      <c r="H5857" t="s">
        <v>773</v>
      </c>
      <c r="I5857">
        <v>11846</v>
      </c>
      <c r="J5857" t="s">
        <v>705</v>
      </c>
      <c r="K5857">
        <v>70</v>
      </c>
      <c r="L5857" t="s">
        <v>890</v>
      </c>
      <c r="M5857">
        <v>301</v>
      </c>
      <c r="N5857" t="s">
        <v>654</v>
      </c>
      <c r="O5857">
        <v>3</v>
      </c>
      <c r="P5857" t="s">
        <v>655</v>
      </c>
      <c r="Q5857">
        <v>1</v>
      </c>
      <c r="R5857" t="s">
        <v>669</v>
      </c>
      <c r="S5857">
        <v>1</v>
      </c>
      <c r="T5857" t="s">
        <v>661</v>
      </c>
      <c r="U5857">
        <v>8</v>
      </c>
      <c r="V5857">
        <v>4</v>
      </c>
      <c r="W5857">
        <v>240</v>
      </c>
      <c r="X5857">
        <v>2020</v>
      </c>
    </row>
    <row r="5858" spans="1:24" x14ac:dyDescent="0.25">
      <c r="A5858">
        <v>2134</v>
      </c>
      <c r="B5858" t="s">
        <v>224</v>
      </c>
      <c r="C5858">
        <v>46</v>
      </c>
      <c r="D5858" t="s">
        <v>465</v>
      </c>
      <c r="E5858">
        <v>347</v>
      </c>
      <c r="F5858" t="s">
        <v>651</v>
      </c>
      <c r="G5858">
        <v>160</v>
      </c>
      <c r="H5858" t="s">
        <v>773</v>
      </c>
      <c r="I5858">
        <v>11846</v>
      </c>
      <c r="J5858" t="s">
        <v>716</v>
      </c>
      <c r="K5858">
        <v>68</v>
      </c>
      <c r="L5858" t="s">
        <v>717</v>
      </c>
      <c r="M5858">
        <v>295</v>
      </c>
      <c r="N5858" t="s">
        <v>654</v>
      </c>
      <c r="O5858">
        <v>3</v>
      </c>
      <c r="P5858" t="s">
        <v>655</v>
      </c>
      <c r="Q5858">
        <v>1</v>
      </c>
      <c r="R5858" t="s">
        <v>669</v>
      </c>
      <c r="S5858">
        <v>1</v>
      </c>
      <c r="T5858" t="s">
        <v>661</v>
      </c>
      <c r="U5858">
        <v>8</v>
      </c>
      <c r="V5858">
        <v>4</v>
      </c>
      <c r="W5858">
        <v>240</v>
      </c>
      <c r="X5858">
        <v>2020</v>
      </c>
    </row>
    <row r="5859" spans="1:24" x14ac:dyDescent="0.25">
      <c r="A5859">
        <v>2133</v>
      </c>
      <c r="B5859" t="s">
        <v>224</v>
      </c>
      <c r="C5859">
        <v>46</v>
      </c>
      <c r="D5859" t="s">
        <v>465</v>
      </c>
      <c r="E5859">
        <v>347</v>
      </c>
      <c r="F5859" t="s">
        <v>651</v>
      </c>
      <c r="G5859">
        <v>160</v>
      </c>
      <c r="H5859" t="s">
        <v>773</v>
      </c>
      <c r="I5859">
        <v>11846</v>
      </c>
      <c r="J5859" t="s">
        <v>716</v>
      </c>
      <c r="K5859">
        <v>68</v>
      </c>
      <c r="L5859" t="s">
        <v>1915</v>
      </c>
      <c r="M5859">
        <v>294</v>
      </c>
      <c r="N5859" t="s">
        <v>654</v>
      </c>
      <c r="O5859">
        <v>3</v>
      </c>
      <c r="P5859" t="s">
        <v>655</v>
      </c>
      <c r="Q5859">
        <v>1</v>
      </c>
      <c r="R5859" t="s">
        <v>669</v>
      </c>
      <c r="S5859">
        <v>1</v>
      </c>
      <c r="T5859" t="s">
        <v>661</v>
      </c>
      <c r="U5859">
        <v>8</v>
      </c>
      <c r="V5859">
        <v>4</v>
      </c>
      <c r="W5859">
        <v>240</v>
      </c>
      <c r="X5859">
        <v>2020</v>
      </c>
    </row>
    <row r="5860" spans="1:24" x14ac:dyDescent="0.25">
      <c r="A5860">
        <v>2132</v>
      </c>
      <c r="B5860" t="s">
        <v>224</v>
      </c>
      <c r="C5860">
        <v>46</v>
      </c>
      <c r="D5860" t="s">
        <v>465</v>
      </c>
      <c r="E5860">
        <v>347</v>
      </c>
      <c r="F5860" t="s">
        <v>651</v>
      </c>
      <c r="G5860">
        <v>160</v>
      </c>
      <c r="H5860" t="s">
        <v>773</v>
      </c>
      <c r="I5860">
        <v>11846</v>
      </c>
      <c r="J5860" t="s">
        <v>980</v>
      </c>
      <c r="K5860">
        <v>67</v>
      </c>
      <c r="L5860" t="s">
        <v>3800</v>
      </c>
      <c r="M5860">
        <v>291</v>
      </c>
      <c r="N5860" t="s">
        <v>654</v>
      </c>
      <c r="O5860">
        <v>3</v>
      </c>
      <c r="P5860" t="s">
        <v>655</v>
      </c>
      <c r="Q5860">
        <v>1</v>
      </c>
      <c r="R5860" t="s">
        <v>669</v>
      </c>
      <c r="S5860">
        <v>1</v>
      </c>
      <c r="T5860" t="s">
        <v>661</v>
      </c>
      <c r="U5860">
        <v>8</v>
      </c>
      <c r="V5860">
        <v>4</v>
      </c>
      <c r="W5860">
        <v>240</v>
      </c>
      <c r="X5860">
        <v>2020</v>
      </c>
    </row>
    <row r="5861" spans="1:24" x14ac:dyDescent="0.25">
      <c r="A5861">
        <v>2131</v>
      </c>
      <c r="B5861" t="s">
        <v>224</v>
      </c>
      <c r="C5861">
        <v>46</v>
      </c>
      <c r="D5861" t="s">
        <v>465</v>
      </c>
      <c r="E5861">
        <v>347</v>
      </c>
      <c r="F5861" t="s">
        <v>651</v>
      </c>
      <c r="G5861">
        <v>160</v>
      </c>
      <c r="H5861" t="s">
        <v>773</v>
      </c>
      <c r="I5861">
        <v>11846</v>
      </c>
      <c r="J5861" t="s">
        <v>738</v>
      </c>
      <c r="K5861">
        <v>61</v>
      </c>
      <c r="L5861" t="s">
        <v>3927</v>
      </c>
      <c r="M5861">
        <v>260</v>
      </c>
      <c r="N5861" t="s">
        <v>654</v>
      </c>
      <c r="O5861">
        <v>3</v>
      </c>
      <c r="P5861" t="s">
        <v>655</v>
      </c>
      <c r="Q5861">
        <v>1</v>
      </c>
      <c r="R5861" t="s">
        <v>669</v>
      </c>
      <c r="S5861">
        <v>1</v>
      </c>
      <c r="T5861" t="s">
        <v>661</v>
      </c>
      <c r="U5861">
        <v>8</v>
      </c>
      <c r="V5861">
        <v>4</v>
      </c>
      <c r="W5861">
        <v>240</v>
      </c>
      <c r="X5861">
        <v>2020</v>
      </c>
    </row>
    <row r="5862" spans="1:24" x14ac:dyDescent="0.25">
      <c r="A5862">
        <v>2128</v>
      </c>
      <c r="B5862" t="s">
        <v>224</v>
      </c>
      <c r="C5862">
        <v>46</v>
      </c>
      <c r="D5862" t="s">
        <v>465</v>
      </c>
      <c r="E5862">
        <v>347</v>
      </c>
      <c r="F5862" t="s">
        <v>651</v>
      </c>
      <c r="G5862">
        <v>160</v>
      </c>
      <c r="H5862" t="s">
        <v>773</v>
      </c>
      <c r="I5862">
        <v>11846</v>
      </c>
      <c r="J5862" t="s">
        <v>738</v>
      </c>
      <c r="K5862">
        <v>61</v>
      </c>
      <c r="L5862" t="s">
        <v>1261</v>
      </c>
      <c r="M5862">
        <v>253</v>
      </c>
      <c r="N5862" t="s">
        <v>654</v>
      </c>
      <c r="O5862">
        <v>3</v>
      </c>
      <c r="P5862" t="s">
        <v>655</v>
      </c>
      <c r="Q5862">
        <v>1</v>
      </c>
      <c r="R5862" t="s">
        <v>669</v>
      </c>
      <c r="S5862">
        <v>1</v>
      </c>
      <c r="T5862" t="s">
        <v>661</v>
      </c>
      <c r="U5862">
        <v>8</v>
      </c>
      <c r="V5862">
        <v>4</v>
      </c>
      <c r="W5862">
        <v>240</v>
      </c>
      <c r="X5862">
        <v>2020</v>
      </c>
    </row>
    <row r="5863" spans="1:24" x14ac:dyDescent="0.25">
      <c r="A5863">
        <v>2127</v>
      </c>
      <c r="B5863" t="s">
        <v>224</v>
      </c>
      <c r="C5863">
        <v>46</v>
      </c>
      <c r="D5863" t="s">
        <v>465</v>
      </c>
      <c r="E5863">
        <v>347</v>
      </c>
      <c r="F5863" t="s">
        <v>651</v>
      </c>
      <c r="G5863">
        <v>160</v>
      </c>
      <c r="H5863" t="s">
        <v>773</v>
      </c>
      <c r="I5863">
        <v>11846</v>
      </c>
      <c r="J5863" t="s">
        <v>738</v>
      </c>
      <c r="K5863">
        <v>61</v>
      </c>
      <c r="L5863" t="s">
        <v>738</v>
      </c>
      <c r="M5863">
        <v>252</v>
      </c>
      <c r="N5863" t="s">
        <v>654</v>
      </c>
      <c r="O5863">
        <v>3</v>
      </c>
      <c r="P5863" t="s">
        <v>655</v>
      </c>
      <c r="Q5863">
        <v>1</v>
      </c>
      <c r="R5863" t="s">
        <v>669</v>
      </c>
      <c r="S5863">
        <v>1</v>
      </c>
      <c r="T5863" t="s">
        <v>661</v>
      </c>
      <c r="U5863">
        <v>8</v>
      </c>
      <c r="V5863">
        <v>4</v>
      </c>
      <c r="W5863">
        <v>240</v>
      </c>
      <c r="X5863">
        <v>2020</v>
      </c>
    </row>
    <row r="5864" spans="1:24" x14ac:dyDescent="0.25">
      <c r="A5864">
        <v>2124</v>
      </c>
      <c r="B5864" t="s">
        <v>224</v>
      </c>
      <c r="C5864">
        <v>46</v>
      </c>
      <c r="D5864" t="s">
        <v>465</v>
      </c>
      <c r="E5864">
        <v>347</v>
      </c>
      <c r="F5864" t="s">
        <v>651</v>
      </c>
      <c r="G5864">
        <v>160</v>
      </c>
      <c r="H5864" t="s">
        <v>773</v>
      </c>
      <c r="I5864">
        <v>11846</v>
      </c>
      <c r="J5864" t="s">
        <v>738</v>
      </c>
      <c r="K5864">
        <v>61</v>
      </c>
      <c r="L5864" t="s">
        <v>3928</v>
      </c>
      <c r="M5864">
        <v>249</v>
      </c>
      <c r="N5864" t="s">
        <v>654</v>
      </c>
      <c r="O5864">
        <v>3</v>
      </c>
      <c r="P5864" t="s">
        <v>655</v>
      </c>
      <c r="Q5864">
        <v>1</v>
      </c>
      <c r="R5864" t="s">
        <v>669</v>
      </c>
      <c r="S5864">
        <v>1</v>
      </c>
      <c r="T5864" t="s">
        <v>661</v>
      </c>
      <c r="U5864">
        <v>8</v>
      </c>
      <c r="V5864">
        <v>4</v>
      </c>
      <c r="W5864">
        <v>240</v>
      </c>
      <c r="X5864">
        <v>2020</v>
      </c>
    </row>
    <row r="5865" spans="1:24" x14ac:dyDescent="0.25">
      <c r="A5865">
        <v>2123</v>
      </c>
      <c r="B5865" t="s">
        <v>224</v>
      </c>
      <c r="C5865">
        <v>46</v>
      </c>
      <c r="D5865" t="s">
        <v>465</v>
      </c>
      <c r="E5865">
        <v>347</v>
      </c>
      <c r="F5865" t="s">
        <v>651</v>
      </c>
      <c r="G5865">
        <v>160</v>
      </c>
      <c r="H5865" t="s">
        <v>773</v>
      </c>
      <c r="I5865">
        <v>11846</v>
      </c>
      <c r="J5865" t="s">
        <v>738</v>
      </c>
      <c r="K5865">
        <v>61</v>
      </c>
      <c r="L5865" t="s">
        <v>924</v>
      </c>
      <c r="M5865">
        <v>248</v>
      </c>
      <c r="N5865" t="s">
        <v>654</v>
      </c>
      <c r="O5865">
        <v>3</v>
      </c>
      <c r="P5865" t="s">
        <v>655</v>
      </c>
      <c r="Q5865">
        <v>1</v>
      </c>
      <c r="R5865" t="s">
        <v>669</v>
      </c>
      <c r="S5865">
        <v>1</v>
      </c>
      <c r="T5865" t="s">
        <v>661</v>
      </c>
      <c r="U5865">
        <v>8</v>
      </c>
      <c r="V5865">
        <v>4</v>
      </c>
      <c r="W5865">
        <v>240</v>
      </c>
      <c r="X5865">
        <v>2020</v>
      </c>
    </row>
    <row r="5866" spans="1:24" x14ac:dyDescent="0.25">
      <c r="A5866">
        <v>2122</v>
      </c>
      <c r="B5866" t="s">
        <v>224</v>
      </c>
      <c r="C5866">
        <v>46</v>
      </c>
      <c r="D5866" t="s">
        <v>465</v>
      </c>
      <c r="E5866">
        <v>347</v>
      </c>
      <c r="F5866" t="s">
        <v>651</v>
      </c>
      <c r="G5866">
        <v>160</v>
      </c>
      <c r="H5866" t="s">
        <v>773</v>
      </c>
      <c r="I5866">
        <v>11846</v>
      </c>
      <c r="J5866" t="s">
        <v>1236</v>
      </c>
      <c r="K5866">
        <v>60</v>
      </c>
      <c r="L5866" t="s">
        <v>3673</v>
      </c>
      <c r="M5866">
        <v>245</v>
      </c>
      <c r="N5866" t="s">
        <v>654</v>
      </c>
      <c r="O5866">
        <v>3</v>
      </c>
      <c r="P5866" t="s">
        <v>655</v>
      </c>
      <c r="Q5866">
        <v>1</v>
      </c>
      <c r="R5866" t="s">
        <v>669</v>
      </c>
      <c r="S5866">
        <v>1</v>
      </c>
      <c r="T5866" t="s">
        <v>661</v>
      </c>
      <c r="U5866">
        <v>8</v>
      </c>
      <c r="V5866">
        <v>4</v>
      </c>
      <c r="W5866">
        <v>240</v>
      </c>
      <c r="X5866">
        <v>2020</v>
      </c>
    </row>
    <row r="5867" spans="1:24" x14ac:dyDescent="0.25">
      <c r="A5867">
        <v>2121</v>
      </c>
      <c r="B5867" t="s">
        <v>224</v>
      </c>
      <c r="C5867">
        <v>46</v>
      </c>
      <c r="D5867" t="s">
        <v>465</v>
      </c>
      <c r="E5867">
        <v>347</v>
      </c>
      <c r="F5867" t="s">
        <v>651</v>
      </c>
      <c r="G5867">
        <v>160</v>
      </c>
      <c r="H5867" t="s">
        <v>773</v>
      </c>
      <c r="I5867">
        <v>11846</v>
      </c>
      <c r="J5867" t="s">
        <v>707</v>
      </c>
      <c r="K5867">
        <v>59</v>
      </c>
      <c r="L5867" t="s">
        <v>708</v>
      </c>
      <c r="M5867">
        <v>242</v>
      </c>
      <c r="N5867" t="s">
        <v>654</v>
      </c>
      <c r="O5867">
        <v>3</v>
      </c>
      <c r="P5867" t="s">
        <v>655</v>
      </c>
      <c r="Q5867">
        <v>1</v>
      </c>
      <c r="R5867" t="s">
        <v>669</v>
      </c>
      <c r="S5867">
        <v>1</v>
      </c>
      <c r="T5867" t="s">
        <v>661</v>
      </c>
      <c r="U5867">
        <v>8</v>
      </c>
      <c r="V5867">
        <v>4</v>
      </c>
      <c r="W5867">
        <v>240</v>
      </c>
      <c r="X5867">
        <v>2020</v>
      </c>
    </row>
    <row r="5868" spans="1:24" x14ac:dyDescent="0.25">
      <c r="A5868">
        <v>2118</v>
      </c>
      <c r="B5868" t="s">
        <v>224</v>
      </c>
      <c r="C5868">
        <v>46</v>
      </c>
      <c r="D5868" t="s">
        <v>465</v>
      </c>
      <c r="E5868">
        <v>347</v>
      </c>
      <c r="F5868" t="s">
        <v>651</v>
      </c>
      <c r="G5868">
        <v>160</v>
      </c>
      <c r="H5868" t="s">
        <v>773</v>
      </c>
      <c r="I5868">
        <v>11846</v>
      </c>
      <c r="J5868" t="s">
        <v>693</v>
      </c>
      <c r="K5868">
        <v>56</v>
      </c>
      <c r="L5868" t="s">
        <v>3929</v>
      </c>
      <c r="M5868">
        <v>223</v>
      </c>
      <c r="N5868" t="s">
        <v>654</v>
      </c>
      <c r="O5868">
        <v>3</v>
      </c>
      <c r="P5868" t="s">
        <v>655</v>
      </c>
      <c r="Q5868">
        <v>1</v>
      </c>
      <c r="R5868" t="s">
        <v>669</v>
      </c>
      <c r="S5868">
        <v>1</v>
      </c>
      <c r="T5868" t="s">
        <v>661</v>
      </c>
      <c r="U5868">
        <v>8</v>
      </c>
      <c r="V5868">
        <v>4</v>
      </c>
      <c r="W5868">
        <v>240</v>
      </c>
      <c r="X5868">
        <v>2020</v>
      </c>
    </row>
    <row r="5869" spans="1:24" x14ac:dyDescent="0.25">
      <c r="A5869">
        <v>2115</v>
      </c>
      <c r="B5869" t="s">
        <v>224</v>
      </c>
      <c r="C5869">
        <v>46</v>
      </c>
      <c r="D5869" t="s">
        <v>465</v>
      </c>
      <c r="E5869">
        <v>347</v>
      </c>
      <c r="F5869" t="s">
        <v>651</v>
      </c>
      <c r="G5869">
        <v>160</v>
      </c>
      <c r="H5869" t="s">
        <v>773</v>
      </c>
      <c r="I5869">
        <v>11846</v>
      </c>
      <c r="J5869" t="s">
        <v>693</v>
      </c>
      <c r="K5869">
        <v>56</v>
      </c>
      <c r="L5869" t="s">
        <v>3669</v>
      </c>
      <c r="M5869">
        <v>221</v>
      </c>
      <c r="N5869" t="s">
        <v>654</v>
      </c>
      <c r="O5869">
        <v>3</v>
      </c>
      <c r="P5869" t="s">
        <v>655</v>
      </c>
      <c r="Q5869">
        <v>1</v>
      </c>
      <c r="R5869" t="s">
        <v>669</v>
      </c>
      <c r="S5869">
        <v>1</v>
      </c>
      <c r="T5869" t="s">
        <v>661</v>
      </c>
      <c r="U5869">
        <v>8</v>
      </c>
      <c r="V5869">
        <v>4</v>
      </c>
      <c r="W5869">
        <v>240</v>
      </c>
      <c r="X5869">
        <v>2020</v>
      </c>
    </row>
    <row r="5870" spans="1:24" x14ac:dyDescent="0.25">
      <c r="A5870">
        <v>2114</v>
      </c>
      <c r="B5870" t="s">
        <v>224</v>
      </c>
      <c r="C5870">
        <v>46</v>
      </c>
      <c r="D5870" t="s">
        <v>466</v>
      </c>
      <c r="E5870">
        <v>346</v>
      </c>
      <c r="F5870" t="s">
        <v>651</v>
      </c>
      <c r="G5870">
        <v>160</v>
      </c>
      <c r="H5870" t="s">
        <v>773</v>
      </c>
      <c r="I5870">
        <v>11846</v>
      </c>
      <c r="J5870" t="s">
        <v>730</v>
      </c>
      <c r="K5870">
        <v>66</v>
      </c>
      <c r="L5870" t="s">
        <v>3738</v>
      </c>
      <c r="M5870">
        <v>285</v>
      </c>
      <c r="N5870" t="s">
        <v>654</v>
      </c>
      <c r="O5870">
        <v>3</v>
      </c>
      <c r="P5870" t="s">
        <v>655</v>
      </c>
      <c r="Q5870">
        <v>1</v>
      </c>
      <c r="R5870" t="s">
        <v>669</v>
      </c>
      <c r="S5870">
        <v>1</v>
      </c>
      <c r="T5870" t="s">
        <v>661</v>
      </c>
      <c r="U5870">
        <v>8</v>
      </c>
      <c r="V5870">
        <v>4</v>
      </c>
      <c r="W5870">
        <v>240</v>
      </c>
      <c r="X5870">
        <v>2020</v>
      </c>
    </row>
    <row r="5871" spans="1:24" x14ac:dyDescent="0.25">
      <c r="A5871">
        <v>2113</v>
      </c>
      <c r="B5871" t="s">
        <v>224</v>
      </c>
      <c r="C5871">
        <v>46</v>
      </c>
      <c r="D5871" t="s">
        <v>466</v>
      </c>
      <c r="E5871">
        <v>346</v>
      </c>
      <c r="F5871" t="s">
        <v>651</v>
      </c>
      <c r="G5871">
        <v>160</v>
      </c>
      <c r="H5871" t="s">
        <v>773</v>
      </c>
      <c r="I5871">
        <v>11846</v>
      </c>
      <c r="J5871" t="s">
        <v>730</v>
      </c>
      <c r="K5871">
        <v>66</v>
      </c>
      <c r="L5871" t="s">
        <v>3739</v>
      </c>
      <c r="M5871">
        <v>284</v>
      </c>
      <c r="N5871" t="s">
        <v>654</v>
      </c>
      <c r="O5871">
        <v>3</v>
      </c>
      <c r="P5871" t="s">
        <v>655</v>
      </c>
      <c r="Q5871">
        <v>1</v>
      </c>
      <c r="R5871" t="s">
        <v>669</v>
      </c>
      <c r="S5871">
        <v>1</v>
      </c>
      <c r="T5871" t="s">
        <v>661</v>
      </c>
      <c r="U5871">
        <v>8</v>
      </c>
      <c r="V5871">
        <v>4</v>
      </c>
      <c r="W5871">
        <v>240</v>
      </c>
      <c r="X5871">
        <v>2020</v>
      </c>
    </row>
    <row r="5872" spans="1:24" x14ac:dyDescent="0.25">
      <c r="A5872">
        <v>2112</v>
      </c>
      <c r="B5872" t="s">
        <v>224</v>
      </c>
      <c r="C5872">
        <v>46</v>
      </c>
      <c r="D5872" t="s">
        <v>466</v>
      </c>
      <c r="E5872">
        <v>346</v>
      </c>
      <c r="F5872" t="s">
        <v>651</v>
      </c>
      <c r="G5872">
        <v>160</v>
      </c>
      <c r="H5872" t="s">
        <v>773</v>
      </c>
      <c r="I5872">
        <v>11846</v>
      </c>
      <c r="J5872" t="s">
        <v>730</v>
      </c>
      <c r="K5872">
        <v>66</v>
      </c>
      <c r="L5872" t="s">
        <v>3930</v>
      </c>
      <c r="M5872">
        <v>281</v>
      </c>
      <c r="N5872" t="s">
        <v>654</v>
      </c>
      <c r="O5872">
        <v>3</v>
      </c>
      <c r="P5872" t="s">
        <v>655</v>
      </c>
      <c r="Q5872">
        <v>1</v>
      </c>
      <c r="R5872" t="s">
        <v>669</v>
      </c>
      <c r="S5872">
        <v>1</v>
      </c>
      <c r="T5872" t="s">
        <v>661</v>
      </c>
      <c r="U5872">
        <v>8</v>
      </c>
      <c r="V5872">
        <v>4</v>
      </c>
      <c r="W5872">
        <v>240</v>
      </c>
      <c r="X5872">
        <v>2020</v>
      </c>
    </row>
    <row r="5873" spans="1:24" x14ac:dyDescent="0.25">
      <c r="A5873">
        <v>2111</v>
      </c>
      <c r="B5873" t="s">
        <v>224</v>
      </c>
      <c r="C5873">
        <v>46</v>
      </c>
      <c r="D5873" t="s">
        <v>466</v>
      </c>
      <c r="E5873">
        <v>346</v>
      </c>
      <c r="F5873" t="s">
        <v>651</v>
      </c>
      <c r="G5873">
        <v>160</v>
      </c>
      <c r="H5873" t="s">
        <v>773</v>
      </c>
      <c r="I5873">
        <v>11846</v>
      </c>
      <c r="J5873" t="s">
        <v>730</v>
      </c>
      <c r="K5873">
        <v>66</v>
      </c>
      <c r="L5873" t="s">
        <v>3789</v>
      </c>
      <c r="M5873">
        <v>279</v>
      </c>
      <c r="N5873" t="s">
        <v>654</v>
      </c>
      <c r="O5873">
        <v>3</v>
      </c>
      <c r="P5873" t="s">
        <v>655</v>
      </c>
      <c r="Q5873">
        <v>1</v>
      </c>
      <c r="R5873" t="s">
        <v>669</v>
      </c>
      <c r="S5873">
        <v>1</v>
      </c>
      <c r="T5873" t="s">
        <v>661</v>
      </c>
      <c r="U5873">
        <v>8</v>
      </c>
      <c r="V5873">
        <v>4</v>
      </c>
      <c r="W5873">
        <v>240</v>
      </c>
      <c r="X5873">
        <v>2020</v>
      </c>
    </row>
    <row r="5874" spans="1:24" x14ac:dyDescent="0.25">
      <c r="A5874">
        <v>2106</v>
      </c>
      <c r="B5874" t="s">
        <v>224</v>
      </c>
      <c r="C5874">
        <v>46</v>
      </c>
      <c r="D5874" t="s">
        <v>467</v>
      </c>
      <c r="E5874">
        <v>344</v>
      </c>
      <c r="F5874" t="s">
        <v>651</v>
      </c>
      <c r="G5874">
        <v>160</v>
      </c>
      <c r="H5874" t="s">
        <v>773</v>
      </c>
      <c r="I5874">
        <v>11846</v>
      </c>
      <c r="J5874" t="s">
        <v>695</v>
      </c>
      <c r="K5874">
        <v>54</v>
      </c>
      <c r="L5874" t="s">
        <v>748</v>
      </c>
      <c r="M5874">
        <v>211</v>
      </c>
      <c r="N5874" t="s">
        <v>654</v>
      </c>
      <c r="O5874">
        <v>3</v>
      </c>
      <c r="P5874" t="s">
        <v>655</v>
      </c>
      <c r="Q5874">
        <v>1</v>
      </c>
      <c r="R5874" t="s">
        <v>669</v>
      </c>
      <c r="S5874">
        <v>1</v>
      </c>
      <c r="T5874" t="s">
        <v>661</v>
      </c>
      <c r="U5874">
        <v>8</v>
      </c>
      <c r="V5874">
        <v>4</v>
      </c>
      <c r="W5874">
        <v>240</v>
      </c>
      <c r="X5874">
        <v>2020</v>
      </c>
    </row>
    <row r="5875" spans="1:24" x14ac:dyDescent="0.25">
      <c r="A5875">
        <v>2104</v>
      </c>
      <c r="B5875" t="s">
        <v>224</v>
      </c>
      <c r="C5875">
        <v>46</v>
      </c>
      <c r="D5875" t="s">
        <v>467</v>
      </c>
      <c r="E5875">
        <v>344</v>
      </c>
      <c r="F5875" t="s">
        <v>651</v>
      </c>
      <c r="G5875">
        <v>160</v>
      </c>
      <c r="H5875" t="s">
        <v>773</v>
      </c>
      <c r="I5875">
        <v>11846</v>
      </c>
      <c r="J5875" t="s">
        <v>714</v>
      </c>
      <c r="K5875">
        <v>52</v>
      </c>
      <c r="L5875" t="s">
        <v>3801</v>
      </c>
      <c r="M5875">
        <v>200</v>
      </c>
      <c r="N5875" t="s">
        <v>654</v>
      </c>
      <c r="O5875">
        <v>3</v>
      </c>
      <c r="P5875" t="s">
        <v>655</v>
      </c>
      <c r="Q5875">
        <v>1</v>
      </c>
      <c r="R5875" t="s">
        <v>669</v>
      </c>
      <c r="S5875">
        <v>1</v>
      </c>
      <c r="T5875" t="s">
        <v>661</v>
      </c>
      <c r="U5875">
        <v>8</v>
      </c>
      <c r="V5875">
        <v>4</v>
      </c>
      <c r="W5875">
        <v>240</v>
      </c>
      <c r="X5875">
        <v>2020</v>
      </c>
    </row>
    <row r="5876" spans="1:24" x14ac:dyDescent="0.25">
      <c r="A5876">
        <v>2103</v>
      </c>
      <c r="B5876" t="s">
        <v>224</v>
      </c>
      <c r="C5876">
        <v>46</v>
      </c>
      <c r="D5876" t="s">
        <v>468</v>
      </c>
      <c r="E5876">
        <v>343</v>
      </c>
      <c r="F5876" t="s">
        <v>651</v>
      </c>
      <c r="G5876">
        <v>160</v>
      </c>
      <c r="H5876" t="s">
        <v>773</v>
      </c>
      <c r="I5876">
        <v>11846</v>
      </c>
      <c r="J5876" t="s">
        <v>710</v>
      </c>
      <c r="K5876">
        <v>53</v>
      </c>
      <c r="L5876" t="s">
        <v>3888</v>
      </c>
      <c r="M5876">
        <v>205</v>
      </c>
      <c r="N5876" t="s">
        <v>654</v>
      </c>
      <c r="O5876">
        <v>3</v>
      </c>
      <c r="P5876" t="s">
        <v>655</v>
      </c>
      <c r="Q5876">
        <v>1</v>
      </c>
      <c r="R5876" t="s">
        <v>669</v>
      </c>
      <c r="S5876">
        <v>1</v>
      </c>
      <c r="T5876" t="s">
        <v>718</v>
      </c>
      <c r="U5876">
        <v>2</v>
      </c>
      <c r="V5876">
        <v>4</v>
      </c>
      <c r="W5876">
        <v>240</v>
      </c>
      <c r="X5876">
        <v>2020</v>
      </c>
    </row>
    <row r="5877" spans="1:24" x14ac:dyDescent="0.25">
      <c r="A5877">
        <v>2102</v>
      </c>
      <c r="B5877" t="s">
        <v>224</v>
      </c>
      <c r="C5877">
        <v>46</v>
      </c>
      <c r="D5877" t="s">
        <v>468</v>
      </c>
      <c r="E5877">
        <v>343</v>
      </c>
      <c r="F5877" t="s">
        <v>651</v>
      </c>
      <c r="G5877">
        <v>160</v>
      </c>
      <c r="H5877" t="s">
        <v>773</v>
      </c>
      <c r="I5877">
        <v>11846</v>
      </c>
      <c r="J5877" t="s">
        <v>710</v>
      </c>
      <c r="K5877">
        <v>53</v>
      </c>
      <c r="L5877" t="s">
        <v>3888</v>
      </c>
      <c r="M5877">
        <v>205</v>
      </c>
      <c r="N5877" t="s">
        <v>654</v>
      </c>
      <c r="O5877">
        <v>3</v>
      </c>
      <c r="P5877" t="s">
        <v>689</v>
      </c>
      <c r="Q5877">
        <v>4</v>
      </c>
      <c r="R5877" t="s">
        <v>669</v>
      </c>
      <c r="S5877">
        <v>1</v>
      </c>
      <c r="T5877" t="s">
        <v>661</v>
      </c>
      <c r="U5877">
        <v>8</v>
      </c>
      <c r="V5877">
        <v>4</v>
      </c>
      <c r="W5877">
        <v>240</v>
      </c>
      <c r="X5877">
        <v>2020</v>
      </c>
    </row>
    <row r="5878" spans="1:24" x14ac:dyDescent="0.25">
      <c r="A5878">
        <v>2101</v>
      </c>
      <c r="B5878" t="s">
        <v>224</v>
      </c>
      <c r="C5878">
        <v>46</v>
      </c>
      <c r="D5878" t="s">
        <v>468</v>
      </c>
      <c r="E5878">
        <v>343</v>
      </c>
      <c r="F5878" t="s">
        <v>651</v>
      </c>
      <c r="G5878">
        <v>160</v>
      </c>
      <c r="H5878" t="s">
        <v>773</v>
      </c>
      <c r="I5878">
        <v>11846</v>
      </c>
      <c r="J5878" t="s">
        <v>710</v>
      </c>
      <c r="K5878">
        <v>53</v>
      </c>
      <c r="L5878" t="s">
        <v>3888</v>
      </c>
      <c r="M5878">
        <v>205</v>
      </c>
      <c r="N5878" t="s">
        <v>654</v>
      </c>
      <c r="O5878">
        <v>3</v>
      </c>
      <c r="P5878" t="s">
        <v>655</v>
      </c>
      <c r="Q5878">
        <v>1</v>
      </c>
      <c r="R5878" t="s">
        <v>669</v>
      </c>
      <c r="S5878">
        <v>1</v>
      </c>
      <c r="T5878" t="s">
        <v>661</v>
      </c>
      <c r="U5878">
        <v>8</v>
      </c>
      <c r="V5878">
        <v>4</v>
      </c>
      <c r="W5878">
        <v>240</v>
      </c>
      <c r="X5878">
        <v>2020</v>
      </c>
    </row>
    <row r="5879" spans="1:24" x14ac:dyDescent="0.25">
      <c r="A5879">
        <v>2100</v>
      </c>
      <c r="B5879" t="s">
        <v>224</v>
      </c>
      <c r="C5879">
        <v>46</v>
      </c>
      <c r="D5879" t="s">
        <v>468</v>
      </c>
      <c r="E5879">
        <v>343</v>
      </c>
      <c r="F5879" t="s">
        <v>651</v>
      </c>
      <c r="G5879">
        <v>160</v>
      </c>
      <c r="H5879" t="s">
        <v>773</v>
      </c>
      <c r="I5879">
        <v>11846</v>
      </c>
      <c r="J5879" t="s">
        <v>710</v>
      </c>
      <c r="K5879">
        <v>53</v>
      </c>
      <c r="L5879" t="s">
        <v>3931</v>
      </c>
      <c r="M5879">
        <v>204</v>
      </c>
      <c r="N5879" t="s">
        <v>654</v>
      </c>
      <c r="O5879">
        <v>3</v>
      </c>
      <c r="P5879" t="s">
        <v>655</v>
      </c>
      <c r="Q5879">
        <v>1</v>
      </c>
      <c r="R5879" t="s">
        <v>669</v>
      </c>
      <c r="S5879">
        <v>1</v>
      </c>
      <c r="T5879" t="s">
        <v>661</v>
      </c>
      <c r="U5879">
        <v>8</v>
      </c>
      <c r="V5879">
        <v>4</v>
      </c>
      <c r="W5879">
        <v>240</v>
      </c>
      <c r="X5879">
        <v>2020</v>
      </c>
    </row>
    <row r="5880" spans="1:24" x14ac:dyDescent="0.25">
      <c r="A5880">
        <v>2099</v>
      </c>
      <c r="B5880" t="s">
        <v>224</v>
      </c>
      <c r="C5880">
        <v>46</v>
      </c>
      <c r="D5880" t="s">
        <v>469</v>
      </c>
      <c r="E5880">
        <v>342</v>
      </c>
      <c r="F5880" t="s">
        <v>651</v>
      </c>
      <c r="G5880">
        <v>160</v>
      </c>
      <c r="H5880" t="s">
        <v>773</v>
      </c>
      <c r="I5880">
        <v>11846</v>
      </c>
      <c r="J5880" t="s">
        <v>1538</v>
      </c>
      <c r="K5880">
        <v>36</v>
      </c>
      <c r="L5880" t="s">
        <v>3932</v>
      </c>
      <c r="M5880">
        <v>130</v>
      </c>
      <c r="N5880" t="s">
        <v>654</v>
      </c>
      <c r="O5880">
        <v>3</v>
      </c>
      <c r="P5880" t="s">
        <v>655</v>
      </c>
      <c r="Q5880">
        <v>1</v>
      </c>
      <c r="R5880" t="s">
        <v>669</v>
      </c>
      <c r="S5880">
        <v>1</v>
      </c>
      <c r="T5880" t="s">
        <v>661</v>
      </c>
      <c r="U5880">
        <v>8</v>
      </c>
      <c r="V5880">
        <v>3</v>
      </c>
      <c r="W5880">
        <v>180</v>
      </c>
      <c r="X5880">
        <v>2020</v>
      </c>
    </row>
    <row r="5881" spans="1:24" x14ac:dyDescent="0.25">
      <c r="A5881">
        <v>2098</v>
      </c>
      <c r="B5881" t="s">
        <v>224</v>
      </c>
      <c r="C5881">
        <v>46</v>
      </c>
      <c r="D5881" t="s">
        <v>469</v>
      </c>
      <c r="E5881">
        <v>342</v>
      </c>
      <c r="F5881" t="s">
        <v>651</v>
      </c>
      <c r="G5881">
        <v>160</v>
      </c>
      <c r="H5881" t="s">
        <v>773</v>
      </c>
      <c r="I5881">
        <v>11846</v>
      </c>
      <c r="J5881" t="s">
        <v>1538</v>
      </c>
      <c r="K5881">
        <v>36</v>
      </c>
      <c r="L5881" t="s">
        <v>1538</v>
      </c>
      <c r="M5881">
        <v>125</v>
      </c>
      <c r="N5881" t="s">
        <v>654</v>
      </c>
      <c r="O5881">
        <v>3</v>
      </c>
      <c r="P5881" t="s">
        <v>655</v>
      </c>
      <c r="Q5881">
        <v>1</v>
      </c>
      <c r="R5881" t="s">
        <v>669</v>
      </c>
      <c r="S5881">
        <v>1</v>
      </c>
      <c r="T5881" t="s">
        <v>661</v>
      </c>
      <c r="U5881">
        <v>8</v>
      </c>
      <c r="V5881">
        <v>6</v>
      </c>
      <c r="W5881">
        <v>360</v>
      </c>
      <c r="X5881">
        <v>2020</v>
      </c>
    </row>
    <row r="5882" spans="1:24" x14ac:dyDescent="0.25">
      <c r="A5882">
        <v>2097</v>
      </c>
      <c r="B5882" t="s">
        <v>224</v>
      </c>
      <c r="C5882">
        <v>46</v>
      </c>
      <c r="D5882" t="s">
        <v>470</v>
      </c>
      <c r="E5882">
        <v>341</v>
      </c>
      <c r="F5882" t="s">
        <v>651</v>
      </c>
      <c r="G5882">
        <v>160</v>
      </c>
      <c r="H5882" t="s">
        <v>773</v>
      </c>
      <c r="I5882">
        <v>11846</v>
      </c>
      <c r="J5882" t="s">
        <v>3131</v>
      </c>
      <c r="K5882">
        <v>50</v>
      </c>
      <c r="L5882" t="s">
        <v>2728</v>
      </c>
      <c r="M5882">
        <v>191</v>
      </c>
      <c r="N5882" t="s">
        <v>654</v>
      </c>
      <c r="O5882">
        <v>3</v>
      </c>
      <c r="P5882" t="s">
        <v>655</v>
      </c>
      <c r="Q5882">
        <v>1</v>
      </c>
      <c r="R5882" t="s">
        <v>669</v>
      </c>
      <c r="S5882">
        <v>1</v>
      </c>
      <c r="T5882" t="s">
        <v>661</v>
      </c>
      <c r="U5882">
        <v>8</v>
      </c>
      <c r="V5882">
        <v>4</v>
      </c>
      <c r="W5882">
        <v>240</v>
      </c>
      <c r="X5882">
        <v>2020</v>
      </c>
    </row>
    <row r="5883" spans="1:24" x14ac:dyDescent="0.25">
      <c r="A5883">
        <v>2096</v>
      </c>
      <c r="B5883" t="s">
        <v>224</v>
      </c>
      <c r="C5883">
        <v>46</v>
      </c>
      <c r="D5883" t="s">
        <v>470</v>
      </c>
      <c r="E5883">
        <v>341</v>
      </c>
      <c r="F5883" t="s">
        <v>651</v>
      </c>
      <c r="G5883">
        <v>160</v>
      </c>
      <c r="H5883" t="s">
        <v>773</v>
      </c>
      <c r="I5883">
        <v>11846</v>
      </c>
      <c r="J5883" t="s">
        <v>1080</v>
      </c>
      <c r="K5883">
        <v>49</v>
      </c>
      <c r="L5883" t="s">
        <v>1080</v>
      </c>
      <c r="M5883">
        <v>188</v>
      </c>
      <c r="N5883" t="s">
        <v>654</v>
      </c>
      <c r="O5883">
        <v>3</v>
      </c>
      <c r="P5883" t="s">
        <v>655</v>
      </c>
      <c r="Q5883">
        <v>1</v>
      </c>
      <c r="R5883" t="s">
        <v>669</v>
      </c>
      <c r="S5883">
        <v>1</v>
      </c>
      <c r="T5883" t="s">
        <v>729</v>
      </c>
      <c r="U5883">
        <v>4</v>
      </c>
      <c r="V5883">
        <v>4</v>
      </c>
      <c r="W5883">
        <v>240</v>
      </c>
      <c r="X5883">
        <v>2020</v>
      </c>
    </row>
    <row r="5884" spans="1:24" x14ac:dyDescent="0.25">
      <c r="A5884">
        <v>2095</v>
      </c>
      <c r="B5884" t="s">
        <v>224</v>
      </c>
      <c r="C5884">
        <v>46</v>
      </c>
      <c r="D5884" t="s">
        <v>470</v>
      </c>
      <c r="E5884">
        <v>341</v>
      </c>
      <c r="F5884" t="s">
        <v>651</v>
      </c>
      <c r="G5884">
        <v>160</v>
      </c>
      <c r="H5884" t="s">
        <v>773</v>
      </c>
      <c r="I5884">
        <v>11846</v>
      </c>
      <c r="J5884" t="s">
        <v>1080</v>
      </c>
      <c r="K5884">
        <v>49</v>
      </c>
      <c r="L5884" t="s">
        <v>1080</v>
      </c>
      <c r="M5884">
        <v>188</v>
      </c>
      <c r="N5884" t="s">
        <v>654</v>
      </c>
      <c r="O5884">
        <v>3</v>
      </c>
      <c r="P5884" t="s">
        <v>655</v>
      </c>
      <c r="Q5884">
        <v>1</v>
      </c>
      <c r="R5884" t="s">
        <v>669</v>
      </c>
      <c r="S5884">
        <v>1</v>
      </c>
      <c r="T5884" t="s">
        <v>718</v>
      </c>
      <c r="U5884">
        <v>2</v>
      </c>
      <c r="V5884">
        <v>4</v>
      </c>
      <c r="W5884">
        <v>240</v>
      </c>
      <c r="X5884">
        <v>2020</v>
      </c>
    </row>
    <row r="5885" spans="1:24" x14ac:dyDescent="0.25">
      <c r="A5885">
        <v>2094</v>
      </c>
      <c r="B5885" t="s">
        <v>224</v>
      </c>
      <c r="C5885">
        <v>46</v>
      </c>
      <c r="D5885" t="s">
        <v>470</v>
      </c>
      <c r="E5885">
        <v>341</v>
      </c>
      <c r="F5885" t="s">
        <v>651</v>
      </c>
      <c r="G5885">
        <v>160</v>
      </c>
      <c r="H5885" t="s">
        <v>773</v>
      </c>
      <c r="I5885">
        <v>11846</v>
      </c>
      <c r="J5885" t="s">
        <v>1080</v>
      </c>
      <c r="K5885">
        <v>49</v>
      </c>
      <c r="L5885" t="s">
        <v>3933</v>
      </c>
      <c r="M5885">
        <v>182</v>
      </c>
      <c r="N5885" t="s">
        <v>654</v>
      </c>
      <c r="O5885">
        <v>3</v>
      </c>
      <c r="P5885" t="s">
        <v>655</v>
      </c>
      <c r="Q5885">
        <v>1</v>
      </c>
      <c r="R5885" t="s">
        <v>669</v>
      </c>
      <c r="S5885">
        <v>1</v>
      </c>
      <c r="T5885" t="s">
        <v>661</v>
      </c>
      <c r="U5885">
        <v>8</v>
      </c>
      <c r="V5885">
        <v>4</v>
      </c>
      <c r="W5885">
        <v>240</v>
      </c>
      <c r="X5885">
        <v>2020</v>
      </c>
    </row>
    <row r="5886" spans="1:24" x14ac:dyDescent="0.25">
      <c r="A5886">
        <v>2093</v>
      </c>
      <c r="B5886" t="s">
        <v>224</v>
      </c>
      <c r="C5886">
        <v>46</v>
      </c>
      <c r="D5886" t="s">
        <v>470</v>
      </c>
      <c r="E5886">
        <v>341</v>
      </c>
      <c r="F5886" t="s">
        <v>651</v>
      </c>
      <c r="G5886">
        <v>160</v>
      </c>
      <c r="H5886" t="s">
        <v>773</v>
      </c>
      <c r="I5886">
        <v>11846</v>
      </c>
      <c r="J5886" t="s">
        <v>1080</v>
      </c>
      <c r="K5886">
        <v>49</v>
      </c>
      <c r="L5886" t="s">
        <v>3687</v>
      </c>
      <c r="M5886">
        <v>181</v>
      </c>
      <c r="N5886" t="s">
        <v>654</v>
      </c>
      <c r="O5886">
        <v>3</v>
      </c>
      <c r="P5886" t="s">
        <v>655</v>
      </c>
      <c r="Q5886">
        <v>1</v>
      </c>
      <c r="R5886" t="s">
        <v>669</v>
      </c>
      <c r="S5886">
        <v>1</v>
      </c>
      <c r="T5886" t="s">
        <v>661</v>
      </c>
      <c r="U5886">
        <v>8</v>
      </c>
      <c r="V5886">
        <v>4</v>
      </c>
      <c r="W5886">
        <v>240</v>
      </c>
      <c r="X5886">
        <v>2020</v>
      </c>
    </row>
    <row r="5887" spans="1:24" x14ac:dyDescent="0.25">
      <c r="A5887">
        <v>2092</v>
      </c>
      <c r="B5887" t="s">
        <v>224</v>
      </c>
      <c r="C5887">
        <v>46</v>
      </c>
      <c r="D5887" t="s">
        <v>470</v>
      </c>
      <c r="E5887">
        <v>341</v>
      </c>
      <c r="F5887" t="s">
        <v>651</v>
      </c>
      <c r="G5887">
        <v>160</v>
      </c>
      <c r="H5887" t="s">
        <v>773</v>
      </c>
      <c r="I5887">
        <v>11846</v>
      </c>
      <c r="J5887" t="s">
        <v>1182</v>
      </c>
      <c r="K5887">
        <v>46</v>
      </c>
      <c r="L5887" t="s">
        <v>3689</v>
      </c>
      <c r="M5887">
        <v>158</v>
      </c>
      <c r="N5887" t="s">
        <v>654</v>
      </c>
      <c r="O5887">
        <v>3</v>
      </c>
      <c r="P5887" t="s">
        <v>655</v>
      </c>
      <c r="Q5887">
        <v>1</v>
      </c>
      <c r="R5887" t="s">
        <v>669</v>
      </c>
      <c r="S5887">
        <v>1</v>
      </c>
      <c r="T5887" t="s">
        <v>661</v>
      </c>
      <c r="U5887">
        <v>8</v>
      </c>
      <c r="V5887">
        <v>4</v>
      </c>
      <c r="W5887">
        <v>240</v>
      </c>
      <c r="X5887">
        <v>2020</v>
      </c>
    </row>
    <row r="5888" spans="1:24" x14ac:dyDescent="0.25">
      <c r="A5888">
        <v>2090</v>
      </c>
      <c r="B5888" t="s">
        <v>224</v>
      </c>
      <c r="C5888">
        <v>46</v>
      </c>
      <c r="D5888" t="s">
        <v>471</v>
      </c>
      <c r="E5888">
        <v>340</v>
      </c>
      <c r="F5888" t="s">
        <v>651</v>
      </c>
      <c r="G5888">
        <v>160</v>
      </c>
      <c r="H5888" t="s">
        <v>773</v>
      </c>
      <c r="I5888">
        <v>11846</v>
      </c>
      <c r="J5888" t="s">
        <v>848</v>
      </c>
      <c r="K5888">
        <v>62</v>
      </c>
      <c r="L5888" t="s">
        <v>1924</v>
      </c>
      <c r="M5888">
        <v>263</v>
      </c>
      <c r="N5888" t="s">
        <v>654</v>
      </c>
      <c r="O5888">
        <v>3</v>
      </c>
      <c r="P5888" t="s">
        <v>655</v>
      </c>
      <c r="Q5888">
        <v>1</v>
      </c>
      <c r="R5888" t="s">
        <v>669</v>
      </c>
      <c r="S5888">
        <v>1</v>
      </c>
      <c r="T5888" t="s">
        <v>661</v>
      </c>
      <c r="U5888">
        <v>8</v>
      </c>
      <c r="V5888">
        <v>4</v>
      </c>
      <c r="W5888">
        <v>240</v>
      </c>
      <c r="X5888">
        <v>2020</v>
      </c>
    </row>
    <row r="5889" spans="1:24" x14ac:dyDescent="0.25">
      <c r="A5889">
        <v>2086</v>
      </c>
      <c r="B5889" t="s">
        <v>224</v>
      </c>
      <c r="C5889">
        <v>46</v>
      </c>
      <c r="D5889" t="s">
        <v>471</v>
      </c>
      <c r="E5889">
        <v>340</v>
      </c>
      <c r="F5889" t="s">
        <v>651</v>
      </c>
      <c r="G5889">
        <v>160</v>
      </c>
      <c r="H5889" t="s">
        <v>773</v>
      </c>
      <c r="I5889">
        <v>11846</v>
      </c>
      <c r="J5889" t="s">
        <v>742</v>
      </c>
      <c r="K5889">
        <v>48</v>
      </c>
      <c r="L5889" t="s">
        <v>3934</v>
      </c>
      <c r="M5889">
        <v>167</v>
      </c>
      <c r="N5889" t="s">
        <v>654</v>
      </c>
      <c r="O5889">
        <v>3</v>
      </c>
      <c r="P5889" t="s">
        <v>655</v>
      </c>
      <c r="Q5889">
        <v>1</v>
      </c>
      <c r="R5889" t="s">
        <v>669</v>
      </c>
      <c r="S5889">
        <v>1</v>
      </c>
      <c r="T5889" t="s">
        <v>661</v>
      </c>
      <c r="U5889">
        <v>8</v>
      </c>
      <c r="V5889">
        <v>4</v>
      </c>
      <c r="W5889">
        <v>240</v>
      </c>
      <c r="X5889">
        <v>2020</v>
      </c>
    </row>
    <row r="5890" spans="1:24" x14ac:dyDescent="0.25">
      <c r="A5890">
        <v>2085</v>
      </c>
      <c r="B5890" t="s">
        <v>224</v>
      </c>
      <c r="C5890">
        <v>46</v>
      </c>
      <c r="D5890" t="s">
        <v>471</v>
      </c>
      <c r="E5890">
        <v>340</v>
      </c>
      <c r="F5890" t="s">
        <v>651</v>
      </c>
      <c r="G5890">
        <v>160</v>
      </c>
      <c r="H5890" t="s">
        <v>773</v>
      </c>
      <c r="I5890">
        <v>11846</v>
      </c>
      <c r="J5890" t="s">
        <v>742</v>
      </c>
      <c r="K5890">
        <v>48</v>
      </c>
      <c r="L5890" t="s">
        <v>3935</v>
      </c>
      <c r="M5890">
        <v>166</v>
      </c>
      <c r="N5890" t="s">
        <v>654</v>
      </c>
      <c r="O5890">
        <v>3</v>
      </c>
      <c r="P5890" t="s">
        <v>655</v>
      </c>
      <c r="Q5890">
        <v>1</v>
      </c>
      <c r="R5890" t="s">
        <v>669</v>
      </c>
      <c r="S5890">
        <v>1</v>
      </c>
      <c r="T5890" t="s">
        <v>661</v>
      </c>
      <c r="U5890">
        <v>8</v>
      </c>
      <c r="V5890">
        <v>4</v>
      </c>
      <c r="W5890">
        <v>240</v>
      </c>
      <c r="X5890">
        <v>2020</v>
      </c>
    </row>
    <row r="5891" spans="1:24" x14ac:dyDescent="0.25">
      <c r="A5891">
        <v>2082</v>
      </c>
      <c r="B5891" t="s">
        <v>224</v>
      </c>
      <c r="C5891">
        <v>46</v>
      </c>
      <c r="D5891" t="s">
        <v>472</v>
      </c>
      <c r="E5891">
        <v>339</v>
      </c>
      <c r="F5891" t="s">
        <v>651</v>
      </c>
      <c r="G5891">
        <v>160</v>
      </c>
      <c r="H5891" t="s">
        <v>773</v>
      </c>
      <c r="I5891">
        <v>11846</v>
      </c>
      <c r="J5891" t="s">
        <v>797</v>
      </c>
      <c r="K5891">
        <v>65</v>
      </c>
      <c r="L5891" t="s">
        <v>3892</v>
      </c>
      <c r="M5891">
        <v>276</v>
      </c>
      <c r="N5891" t="s">
        <v>654</v>
      </c>
      <c r="O5891">
        <v>3</v>
      </c>
      <c r="P5891" t="s">
        <v>655</v>
      </c>
      <c r="Q5891">
        <v>1</v>
      </c>
      <c r="R5891" t="s">
        <v>669</v>
      </c>
      <c r="S5891">
        <v>1</v>
      </c>
      <c r="T5891" t="s">
        <v>661</v>
      </c>
      <c r="U5891">
        <v>8</v>
      </c>
      <c r="V5891">
        <v>4</v>
      </c>
      <c r="W5891">
        <v>240</v>
      </c>
      <c r="X5891">
        <v>2020</v>
      </c>
    </row>
    <row r="5892" spans="1:24" x14ac:dyDescent="0.25">
      <c r="A5892">
        <v>2080</v>
      </c>
      <c r="B5892" t="s">
        <v>224</v>
      </c>
      <c r="C5892">
        <v>46</v>
      </c>
      <c r="D5892" t="s">
        <v>472</v>
      </c>
      <c r="E5892">
        <v>339</v>
      </c>
      <c r="F5892" t="s">
        <v>651</v>
      </c>
      <c r="G5892">
        <v>160</v>
      </c>
      <c r="H5892" t="s">
        <v>773</v>
      </c>
      <c r="I5892">
        <v>11846</v>
      </c>
      <c r="J5892" t="s">
        <v>767</v>
      </c>
      <c r="K5892">
        <v>44</v>
      </c>
      <c r="L5892" t="s">
        <v>3893</v>
      </c>
      <c r="M5892">
        <v>152</v>
      </c>
      <c r="N5892" t="s">
        <v>654</v>
      </c>
      <c r="O5892">
        <v>3</v>
      </c>
      <c r="P5892" t="s">
        <v>655</v>
      </c>
      <c r="Q5892">
        <v>1</v>
      </c>
      <c r="R5892" t="s">
        <v>669</v>
      </c>
      <c r="S5892">
        <v>1</v>
      </c>
      <c r="T5892" t="s">
        <v>718</v>
      </c>
      <c r="U5892">
        <v>2</v>
      </c>
      <c r="V5892">
        <v>4</v>
      </c>
      <c r="W5892">
        <v>240</v>
      </c>
      <c r="X5892">
        <v>2020</v>
      </c>
    </row>
    <row r="5893" spans="1:24" x14ac:dyDescent="0.25">
      <c r="A5893">
        <v>2079</v>
      </c>
      <c r="B5893" t="s">
        <v>224</v>
      </c>
      <c r="C5893">
        <v>46</v>
      </c>
      <c r="D5893" t="s">
        <v>472</v>
      </c>
      <c r="E5893">
        <v>339</v>
      </c>
      <c r="F5893" t="s">
        <v>651</v>
      </c>
      <c r="G5893">
        <v>160</v>
      </c>
      <c r="H5893" t="s">
        <v>773</v>
      </c>
      <c r="I5893">
        <v>11846</v>
      </c>
      <c r="J5893" t="s">
        <v>767</v>
      </c>
      <c r="K5893">
        <v>44</v>
      </c>
      <c r="L5893" t="s">
        <v>3893</v>
      </c>
      <c r="M5893">
        <v>152</v>
      </c>
      <c r="N5893" t="s">
        <v>654</v>
      </c>
      <c r="O5893">
        <v>3</v>
      </c>
      <c r="P5893" t="s">
        <v>655</v>
      </c>
      <c r="Q5893">
        <v>1</v>
      </c>
      <c r="R5893" t="s">
        <v>669</v>
      </c>
      <c r="S5893">
        <v>1</v>
      </c>
      <c r="T5893" t="s">
        <v>661</v>
      </c>
      <c r="U5893">
        <v>8</v>
      </c>
      <c r="V5893">
        <v>4</v>
      </c>
      <c r="W5893">
        <v>240</v>
      </c>
      <c r="X5893">
        <v>2020</v>
      </c>
    </row>
    <row r="5894" spans="1:24" x14ac:dyDescent="0.25">
      <c r="A5894">
        <v>2078</v>
      </c>
      <c r="B5894" t="s">
        <v>224</v>
      </c>
      <c r="C5894">
        <v>46</v>
      </c>
      <c r="D5894" t="s">
        <v>472</v>
      </c>
      <c r="E5894">
        <v>339</v>
      </c>
      <c r="F5894" t="s">
        <v>651</v>
      </c>
      <c r="G5894">
        <v>160</v>
      </c>
      <c r="H5894" t="s">
        <v>773</v>
      </c>
      <c r="I5894">
        <v>11846</v>
      </c>
      <c r="J5894" t="s">
        <v>676</v>
      </c>
      <c r="K5894">
        <v>4</v>
      </c>
      <c r="L5894" t="s">
        <v>676</v>
      </c>
      <c r="M5894">
        <v>12</v>
      </c>
      <c r="N5894" t="s">
        <v>654</v>
      </c>
      <c r="O5894">
        <v>3</v>
      </c>
      <c r="P5894" t="s">
        <v>689</v>
      </c>
      <c r="Q5894">
        <v>4</v>
      </c>
      <c r="R5894" t="s">
        <v>669</v>
      </c>
      <c r="S5894">
        <v>1</v>
      </c>
      <c r="T5894" t="s">
        <v>661</v>
      </c>
      <c r="U5894">
        <v>8</v>
      </c>
      <c r="V5894">
        <v>3</v>
      </c>
      <c r="W5894">
        <v>180</v>
      </c>
      <c r="X5894">
        <v>2020</v>
      </c>
    </row>
    <row r="5895" spans="1:24" x14ac:dyDescent="0.25">
      <c r="A5895">
        <v>2077</v>
      </c>
      <c r="B5895" t="s">
        <v>224</v>
      </c>
      <c r="C5895">
        <v>46</v>
      </c>
      <c r="D5895" t="s">
        <v>472</v>
      </c>
      <c r="E5895">
        <v>339</v>
      </c>
      <c r="F5895" t="s">
        <v>651</v>
      </c>
      <c r="G5895">
        <v>160</v>
      </c>
      <c r="H5895" t="s">
        <v>773</v>
      </c>
      <c r="I5895">
        <v>11846</v>
      </c>
      <c r="J5895" t="s">
        <v>676</v>
      </c>
      <c r="K5895">
        <v>4</v>
      </c>
      <c r="L5895" t="s">
        <v>676</v>
      </c>
      <c r="M5895">
        <v>12</v>
      </c>
      <c r="N5895" t="s">
        <v>654</v>
      </c>
      <c r="O5895">
        <v>3</v>
      </c>
      <c r="P5895" t="s">
        <v>655</v>
      </c>
      <c r="Q5895">
        <v>1</v>
      </c>
      <c r="R5895" t="s">
        <v>669</v>
      </c>
      <c r="S5895">
        <v>1</v>
      </c>
      <c r="T5895" t="s">
        <v>661</v>
      </c>
      <c r="U5895">
        <v>8</v>
      </c>
      <c r="V5895">
        <v>3</v>
      </c>
      <c r="W5895">
        <v>180</v>
      </c>
      <c r="X5895">
        <v>2020</v>
      </c>
    </row>
    <row r="5896" spans="1:24" x14ac:dyDescent="0.25">
      <c r="A5896">
        <v>2068</v>
      </c>
      <c r="B5896" t="s">
        <v>26</v>
      </c>
      <c r="C5896">
        <v>44</v>
      </c>
      <c r="D5896" t="s">
        <v>321</v>
      </c>
      <c r="E5896">
        <v>336</v>
      </c>
      <c r="F5896" t="s">
        <v>651</v>
      </c>
      <c r="G5896">
        <v>160</v>
      </c>
      <c r="H5896" t="s">
        <v>666</v>
      </c>
      <c r="I5896">
        <v>8767</v>
      </c>
      <c r="J5896" t="s">
        <v>1931</v>
      </c>
      <c r="K5896">
        <v>80</v>
      </c>
      <c r="L5896" t="s">
        <v>878</v>
      </c>
      <c r="M5896">
        <v>329</v>
      </c>
      <c r="N5896" t="s">
        <v>654</v>
      </c>
      <c r="O5896">
        <v>3</v>
      </c>
      <c r="P5896" t="s">
        <v>655</v>
      </c>
      <c r="Q5896">
        <v>1</v>
      </c>
      <c r="R5896" t="s">
        <v>669</v>
      </c>
      <c r="S5896">
        <v>1</v>
      </c>
      <c r="T5896" t="s">
        <v>661</v>
      </c>
      <c r="U5896">
        <v>8</v>
      </c>
      <c r="V5896">
        <v>5</v>
      </c>
      <c r="W5896">
        <v>300</v>
      </c>
      <c r="X5896">
        <v>2020</v>
      </c>
    </row>
    <row r="5897" spans="1:24" x14ac:dyDescent="0.25">
      <c r="A5897">
        <v>2066</v>
      </c>
      <c r="B5897" t="s">
        <v>26</v>
      </c>
      <c r="C5897">
        <v>44</v>
      </c>
      <c r="D5897" t="s">
        <v>54</v>
      </c>
      <c r="E5897">
        <v>335</v>
      </c>
      <c r="F5897" t="s">
        <v>651</v>
      </c>
      <c r="G5897">
        <v>160</v>
      </c>
      <c r="H5897" t="s">
        <v>666</v>
      </c>
      <c r="I5897">
        <v>8767</v>
      </c>
      <c r="J5897" t="s">
        <v>671</v>
      </c>
      <c r="K5897">
        <v>81</v>
      </c>
      <c r="L5897" t="s">
        <v>920</v>
      </c>
      <c r="M5897">
        <v>335</v>
      </c>
      <c r="N5897" t="s">
        <v>654</v>
      </c>
      <c r="O5897">
        <v>3</v>
      </c>
      <c r="P5897" t="s">
        <v>655</v>
      </c>
      <c r="Q5897">
        <v>1</v>
      </c>
      <c r="R5897" t="s">
        <v>669</v>
      </c>
      <c r="S5897">
        <v>1</v>
      </c>
      <c r="T5897" t="s">
        <v>661</v>
      </c>
      <c r="U5897">
        <v>8</v>
      </c>
      <c r="V5897">
        <v>3</v>
      </c>
      <c r="W5897">
        <v>180</v>
      </c>
      <c r="X5897">
        <v>2020</v>
      </c>
    </row>
    <row r="5898" spans="1:24" x14ac:dyDescent="0.25">
      <c r="A5898">
        <v>2065</v>
      </c>
      <c r="B5898" t="s">
        <v>26</v>
      </c>
      <c r="C5898">
        <v>44</v>
      </c>
      <c r="D5898" t="s">
        <v>54</v>
      </c>
      <c r="E5898">
        <v>335</v>
      </c>
      <c r="F5898" t="s">
        <v>651</v>
      </c>
      <c r="G5898">
        <v>160</v>
      </c>
      <c r="H5898" t="s">
        <v>666</v>
      </c>
      <c r="I5898">
        <v>8767</v>
      </c>
      <c r="J5898" t="s">
        <v>751</v>
      </c>
      <c r="K5898">
        <v>79</v>
      </c>
      <c r="L5898" t="s">
        <v>752</v>
      </c>
      <c r="M5898">
        <v>328</v>
      </c>
      <c r="N5898" t="s">
        <v>654</v>
      </c>
      <c r="O5898">
        <v>3</v>
      </c>
      <c r="P5898" t="s">
        <v>655</v>
      </c>
      <c r="Q5898">
        <v>1</v>
      </c>
      <c r="R5898" t="s">
        <v>669</v>
      </c>
      <c r="S5898">
        <v>1</v>
      </c>
      <c r="T5898" t="s">
        <v>661</v>
      </c>
      <c r="U5898">
        <v>8</v>
      </c>
      <c r="V5898">
        <v>6</v>
      </c>
      <c r="W5898">
        <v>360</v>
      </c>
      <c r="X5898">
        <v>2020</v>
      </c>
    </row>
    <row r="5899" spans="1:24" x14ac:dyDescent="0.25">
      <c r="A5899">
        <v>2064</v>
      </c>
      <c r="B5899" t="s">
        <v>26</v>
      </c>
      <c r="C5899">
        <v>44</v>
      </c>
      <c r="D5899" t="s">
        <v>322</v>
      </c>
      <c r="E5899">
        <v>334</v>
      </c>
      <c r="F5899" t="s">
        <v>651</v>
      </c>
      <c r="G5899">
        <v>160</v>
      </c>
      <c r="H5899" t="s">
        <v>666</v>
      </c>
      <c r="I5899">
        <v>8767</v>
      </c>
      <c r="J5899" t="s">
        <v>915</v>
      </c>
      <c r="K5899">
        <v>78</v>
      </c>
      <c r="L5899" t="s">
        <v>1143</v>
      </c>
      <c r="M5899">
        <v>340</v>
      </c>
      <c r="N5899" t="s">
        <v>654</v>
      </c>
      <c r="O5899">
        <v>3</v>
      </c>
      <c r="P5899" t="s">
        <v>655</v>
      </c>
      <c r="Q5899">
        <v>1</v>
      </c>
      <c r="R5899" t="s">
        <v>669</v>
      </c>
      <c r="S5899">
        <v>1</v>
      </c>
      <c r="T5899" t="s">
        <v>661</v>
      </c>
      <c r="U5899">
        <v>8</v>
      </c>
      <c r="V5899">
        <v>3</v>
      </c>
      <c r="W5899">
        <v>180</v>
      </c>
      <c r="X5899">
        <v>2020</v>
      </c>
    </row>
    <row r="5900" spans="1:24" x14ac:dyDescent="0.25">
      <c r="A5900">
        <v>2063</v>
      </c>
      <c r="B5900" t="s">
        <v>26</v>
      </c>
      <c r="C5900">
        <v>44</v>
      </c>
      <c r="D5900" t="s">
        <v>322</v>
      </c>
      <c r="E5900">
        <v>334</v>
      </c>
      <c r="F5900" t="s">
        <v>651</v>
      </c>
      <c r="G5900">
        <v>160</v>
      </c>
      <c r="H5900" t="s">
        <v>666</v>
      </c>
      <c r="I5900">
        <v>8767</v>
      </c>
      <c r="J5900" t="s">
        <v>915</v>
      </c>
      <c r="K5900">
        <v>78</v>
      </c>
      <c r="L5900" t="s">
        <v>1266</v>
      </c>
      <c r="M5900">
        <v>334</v>
      </c>
      <c r="N5900" t="s">
        <v>654</v>
      </c>
      <c r="O5900">
        <v>3</v>
      </c>
      <c r="P5900" t="s">
        <v>655</v>
      </c>
      <c r="Q5900">
        <v>1</v>
      </c>
      <c r="R5900" t="s">
        <v>669</v>
      </c>
      <c r="S5900">
        <v>1</v>
      </c>
      <c r="T5900" t="s">
        <v>661</v>
      </c>
      <c r="U5900">
        <v>8</v>
      </c>
      <c r="V5900">
        <v>3</v>
      </c>
      <c r="W5900">
        <v>180</v>
      </c>
      <c r="X5900">
        <v>2020</v>
      </c>
    </row>
    <row r="5901" spans="1:24" x14ac:dyDescent="0.25">
      <c r="A5901">
        <v>2061</v>
      </c>
      <c r="B5901" t="s">
        <v>26</v>
      </c>
      <c r="C5901">
        <v>44</v>
      </c>
      <c r="D5901" t="s">
        <v>322</v>
      </c>
      <c r="E5901">
        <v>334</v>
      </c>
      <c r="F5901" t="s">
        <v>651</v>
      </c>
      <c r="G5901">
        <v>160</v>
      </c>
      <c r="H5901" t="s">
        <v>666</v>
      </c>
      <c r="I5901">
        <v>8767</v>
      </c>
      <c r="J5901" t="s">
        <v>932</v>
      </c>
      <c r="K5901">
        <v>77</v>
      </c>
      <c r="L5901" t="s">
        <v>933</v>
      </c>
      <c r="M5901">
        <v>330</v>
      </c>
      <c r="N5901" t="s">
        <v>654</v>
      </c>
      <c r="O5901">
        <v>3</v>
      </c>
      <c r="P5901" t="s">
        <v>655</v>
      </c>
      <c r="Q5901">
        <v>1</v>
      </c>
      <c r="R5901" t="s">
        <v>669</v>
      </c>
      <c r="S5901">
        <v>1</v>
      </c>
      <c r="T5901" t="s">
        <v>661</v>
      </c>
      <c r="U5901">
        <v>8</v>
      </c>
      <c r="V5901">
        <v>4</v>
      </c>
      <c r="W5901">
        <v>240</v>
      </c>
      <c r="X5901">
        <v>2020</v>
      </c>
    </row>
    <row r="5902" spans="1:24" x14ac:dyDescent="0.25">
      <c r="A5902">
        <v>2060</v>
      </c>
      <c r="B5902" t="s">
        <v>26</v>
      </c>
      <c r="C5902">
        <v>44</v>
      </c>
      <c r="D5902" t="s">
        <v>322</v>
      </c>
      <c r="E5902">
        <v>334</v>
      </c>
      <c r="F5902" t="s">
        <v>651</v>
      </c>
      <c r="G5902">
        <v>160</v>
      </c>
      <c r="H5902" t="s">
        <v>666</v>
      </c>
      <c r="I5902">
        <v>8767</v>
      </c>
      <c r="J5902" t="s">
        <v>932</v>
      </c>
      <c r="K5902">
        <v>77</v>
      </c>
      <c r="L5902" t="s">
        <v>839</v>
      </c>
      <c r="M5902">
        <v>327</v>
      </c>
      <c r="N5902" t="s">
        <v>654</v>
      </c>
      <c r="O5902">
        <v>3</v>
      </c>
      <c r="P5902" t="s">
        <v>655</v>
      </c>
      <c r="Q5902">
        <v>1</v>
      </c>
      <c r="R5902" t="s">
        <v>669</v>
      </c>
      <c r="S5902">
        <v>1</v>
      </c>
      <c r="T5902" t="s">
        <v>661</v>
      </c>
      <c r="U5902">
        <v>8</v>
      </c>
      <c r="V5902">
        <v>6</v>
      </c>
      <c r="W5902">
        <v>360</v>
      </c>
      <c r="X5902">
        <v>2020</v>
      </c>
    </row>
    <row r="5903" spans="1:24" x14ac:dyDescent="0.25">
      <c r="A5903">
        <v>2059</v>
      </c>
      <c r="B5903" t="s">
        <v>26</v>
      </c>
      <c r="C5903">
        <v>44</v>
      </c>
      <c r="D5903" t="s">
        <v>474</v>
      </c>
      <c r="E5903">
        <v>332</v>
      </c>
      <c r="F5903" t="s">
        <v>651</v>
      </c>
      <c r="G5903">
        <v>160</v>
      </c>
      <c r="H5903" t="s">
        <v>666</v>
      </c>
      <c r="I5903">
        <v>8767</v>
      </c>
      <c r="J5903" t="s">
        <v>1088</v>
      </c>
      <c r="K5903">
        <v>38</v>
      </c>
      <c r="L5903" t="s">
        <v>1089</v>
      </c>
      <c r="M5903">
        <v>135</v>
      </c>
      <c r="N5903" t="s">
        <v>654</v>
      </c>
      <c r="O5903">
        <v>3</v>
      </c>
      <c r="P5903" t="s">
        <v>655</v>
      </c>
      <c r="Q5903">
        <v>1</v>
      </c>
      <c r="R5903" t="s">
        <v>669</v>
      </c>
      <c r="S5903">
        <v>1</v>
      </c>
      <c r="T5903" t="s">
        <v>661</v>
      </c>
      <c r="U5903">
        <v>8</v>
      </c>
      <c r="V5903">
        <v>3</v>
      </c>
      <c r="W5903">
        <v>180</v>
      </c>
      <c r="X5903">
        <v>2020</v>
      </c>
    </row>
    <row r="5904" spans="1:24" x14ac:dyDescent="0.25">
      <c r="A5904">
        <v>2058</v>
      </c>
      <c r="B5904" t="s">
        <v>26</v>
      </c>
      <c r="C5904">
        <v>44</v>
      </c>
      <c r="D5904" t="s">
        <v>473</v>
      </c>
      <c r="E5904">
        <v>333</v>
      </c>
      <c r="F5904" t="s">
        <v>651</v>
      </c>
      <c r="G5904">
        <v>160</v>
      </c>
      <c r="H5904" t="s">
        <v>666</v>
      </c>
      <c r="I5904">
        <v>8767</v>
      </c>
      <c r="J5904" t="s">
        <v>295</v>
      </c>
      <c r="K5904">
        <v>30</v>
      </c>
      <c r="L5904" t="s">
        <v>295</v>
      </c>
      <c r="M5904">
        <v>96</v>
      </c>
      <c r="N5904" t="s">
        <v>654</v>
      </c>
      <c r="O5904">
        <v>3</v>
      </c>
      <c r="P5904" t="s">
        <v>746</v>
      </c>
      <c r="Q5904">
        <v>2</v>
      </c>
      <c r="R5904" t="s">
        <v>669</v>
      </c>
      <c r="S5904">
        <v>1</v>
      </c>
      <c r="T5904" t="s">
        <v>661</v>
      </c>
      <c r="U5904">
        <v>8</v>
      </c>
      <c r="V5904">
        <v>3</v>
      </c>
      <c r="W5904">
        <v>180</v>
      </c>
      <c r="X5904">
        <v>2020</v>
      </c>
    </row>
    <row r="5905" spans="1:24" x14ac:dyDescent="0.25">
      <c r="A5905">
        <v>2057</v>
      </c>
      <c r="B5905" t="s">
        <v>26</v>
      </c>
      <c r="C5905">
        <v>44</v>
      </c>
      <c r="D5905" t="s">
        <v>473</v>
      </c>
      <c r="E5905">
        <v>333</v>
      </c>
      <c r="F5905" t="s">
        <v>651</v>
      </c>
      <c r="G5905">
        <v>160</v>
      </c>
      <c r="H5905" t="s">
        <v>666</v>
      </c>
      <c r="I5905">
        <v>8767</v>
      </c>
      <c r="J5905" t="s">
        <v>295</v>
      </c>
      <c r="K5905">
        <v>30</v>
      </c>
      <c r="L5905" t="s">
        <v>295</v>
      </c>
      <c r="M5905">
        <v>96</v>
      </c>
      <c r="N5905" t="s">
        <v>654</v>
      </c>
      <c r="O5905">
        <v>3</v>
      </c>
      <c r="P5905" t="s">
        <v>655</v>
      </c>
      <c r="Q5905">
        <v>1</v>
      </c>
      <c r="R5905" t="s">
        <v>669</v>
      </c>
      <c r="S5905">
        <v>1</v>
      </c>
      <c r="T5905" t="s">
        <v>661</v>
      </c>
      <c r="U5905">
        <v>8</v>
      </c>
      <c r="V5905">
        <v>3</v>
      </c>
      <c r="W5905">
        <v>180</v>
      </c>
      <c r="X5905">
        <v>2020</v>
      </c>
    </row>
    <row r="5906" spans="1:24" x14ac:dyDescent="0.25">
      <c r="A5906">
        <v>2056</v>
      </c>
      <c r="B5906" t="s">
        <v>26</v>
      </c>
      <c r="C5906">
        <v>44</v>
      </c>
      <c r="D5906" t="s">
        <v>473</v>
      </c>
      <c r="E5906">
        <v>333</v>
      </c>
      <c r="F5906" t="s">
        <v>651</v>
      </c>
      <c r="G5906">
        <v>160</v>
      </c>
      <c r="H5906" t="s">
        <v>666</v>
      </c>
      <c r="I5906">
        <v>8767</v>
      </c>
      <c r="J5906" t="s">
        <v>299</v>
      </c>
      <c r="K5906">
        <v>27</v>
      </c>
      <c r="L5906" t="s">
        <v>690</v>
      </c>
      <c r="M5906">
        <v>89</v>
      </c>
      <c r="N5906" t="s">
        <v>654</v>
      </c>
      <c r="O5906">
        <v>3</v>
      </c>
      <c r="P5906" t="s">
        <v>746</v>
      </c>
      <c r="Q5906">
        <v>2</v>
      </c>
      <c r="R5906" t="s">
        <v>669</v>
      </c>
      <c r="S5906">
        <v>1</v>
      </c>
      <c r="T5906" t="s">
        <v>661</v>
      </c>
      <c r="U5906">
        <v>8</v>
      </c>
      <c r="V5906">
        <v>3</v>
      </c>
      <c r="W5906">
        <v>180</v>
      </c>
      <c r="X5906">
        <v>2020</v>
      </c>
    </row>
    <row r="5907" spans="1:24" x14ac:dyDescent="0.25">
      <c r="A5907">
        <v>2055</v>
      </c>
      <c r="B5907" t="s">
        <v>26</v>
      </c>
      <c r="C5907">
        <v>44</v>
      </c>
      <c r="D5907" t="s">
        <v>473</v>
      </c>
      <c r="E5907">
        <v>333</v>
      </c>
      <c r="F5907" t="s">
        <v>651</v>
      </c>
      <c r="G5907">
        <v>160</v>
      </c>
      <c r="H5907" t="s">
        <v>666</v>
      </c>
      <c r="I5907">
        <v>8767</v>
      </c>
      <c r="J5907" t="s">
        <v>299</v>
      </c>
      <c r="K5907">
        <v>27</v>
      </c>
      <c r="L5907" t="s">
        <v>690</v>
      </c>
      <c r="M5907">
        <v>89</v>
      </c>
      <c r="N5907" t="s">
        <v>654</v>
      </c>
      <c r="O5907">
        <v>3</v>
      </c>
      <c r="P5907" t="s">
        <v>655</v>
      </c>
      <c r="Q5907">
        <v>1</v>
      </c>
      <c r="R5907" t="s">
        <v>669</v>
      </c>
      <c r="S5907">
        <v>1</v>
      </c>
      <c r="T5907" t="s">
        <v>661</v>
      </c>
      <c r="U5907">
        <v>8</v>
      </c>
      <c r="V5907">
        <v>3</v>
      </c>
      <c r="W5907">
        <v>180</v>
      </c>
      <c r="X5907">
        <v>2020</v>
      </c>
    </row>
    <row r="5908" spans="1:24" x14ac:dyDescent="0.25">
      <c r="A5908">
        <v>2054</v>
      </c>
      <c r="B5908" t="s">
        <v>26</v>
      </c>
      <c r="C5908">
        <v>44</v>
      </c>
      <c r="D5908" t="s">
        <v>473</v>
      </c>
      <c r="E5908">
        <v>333</v>
      </c>
      <c r="F5908" t="s">
        <v>651</v>
      </c>
      <c r="G5908">
        <v>160</v>
      </c>
      <c r="H5908" t="s">
        <v>666</v>
      </c>
      <c r="I5908">
        <v>8767</v>
      </c>
      <c r="J5908" t="s">
        <v>301</v>
      </c>
      <c r="K5908">
        <v>26</v>
      </c>
      <c r="L5908" t="s">
        <v>930</v>
      </c>
      <c r="M5908">
        <v>84</v>
      </c>
      <c r="N5908" t="s">
        <v>654</v>
      </c>
      <c r="O5908">
        <v>3</v>
      </c>
      <c r="P5908" t="s">
        <v>655</v>
      </c>
      <c r="Q5908">
        <v>1</v>
      </c>
      <c r="R5908" t="s">
        <v>669</v>
      </c>
      <c r="S5908">
        <v>1</v>
      </c>
      <c r="T5908" t="s">
        <v>661</v>
      </c>
      <c r="U5908">
        <v>8</v>
      </c>
      <c r="V5908">
        <v>3</v>
      </c>
      <c r="W5908">
        <v>180</v>
      </c>
      <c r="X5908">
        <v>2020</v>
      </c>
    </row>
    <row r="5909" spans="1:24" x14ac:dyDescent="0.25">
      <c r="A5909">
        <v>2051</v>
      </c>
      <c r="B5909" t="s">
        <v>26</v>
      </c>
      <c r="C5909">
        <v>44</v>
      </c>
      <c r="D5909" t="s">
        <v>473</v>
      </c>
      <c r="E5909">
        <v>333</v>
      </c>
      <c r="F5909" t="s">
        <v>651</v>
      </c>
      <c r="G5909">
        <v>160</v>
      </c>
      <c r="H5909" t="s">
        <v>666</v>
      </c>
      <c r="I5909">
        <v>8767</v>
      </c>
      <c r="J5909" t="s">
        <v>682</v>
      </c>
      <c r="K5909">
        <v>20</v>
      </c>
      <c r="L5909" t="s">
        <v>904</v>
      </c>
      <c r="M5909">
        <v>61</v>
      </c>
      <c r="N5909" t="s">
        <v>654</v>
      </c>
      <c r="O5909">
        <v>3</v>
      </c>
      <c r="P5909" t="s">
        <v>655</v>
      </c>
      <c r="Q5909">
        <v>1</v>
      </c>
      <c r="R5909" t="s">
        <v>669</v>
      </c>
      <c r="S5909">
        <v>1</v>
      </c>
      <c r="T5909" t="s">
        <v>661</v>
      </c>
      <c r="U5909">
        <v>8</v>
      </c>
      <c r="V5909">
        <v>3</v>
      </c>
      <c r="W5909">
        <v>180</v>
      </c>
      <c r="X5909">
        <v>2020</v>
      </c>
    </row>
    <row r="5910" spans="1:24" x14ac:dyDescent="0.25">
      <c r="A5910">
        <v>2050</v>
      </c>
      <c r="B5910" t="s">
        <v>26</v>
      </c>
      <c r="C5910">
        <v>44</v>
      </c>
      <c r="D5910" t="s">
        <v>473</v>
      </c>
      <c r="E5910">
        <v>333</v>
      </c>
      <c r="F5910" t="s">
        <v>651</v>
      </c>
      <c r="G5910">
        <v>160</v>
      </c>
      <c r="H5910" t="s">
        <v>666</v>
      </c>
      <c r="I5910">
        <v>8767</v>
      </c>
      <c r="J5910" t="s">
        <v>65</v>
      </c>
      <c r="K5910">
        <v>15</v>
      </c>
      <c r="L5910" t="s">
        <v>65</v>
      </c>
      <c r="M5910">
        <v>51</v>
      </c>
      <c r="N5910" t="s">
        <v>654</v>
      </c>
      <c r="O5910">
        <v>3</v>
      </c>
      <c r="P5910" t="s">
        <v>746</v>
      </c>
      <c r="Q5910">
        <v>2</v>
      </c>
      <c r="R5910" t="s">
        <v>669</v>
      </c>
      <c r="S5910">
        <v>1</v>
      </c>
      <c r="T5910" t="s">
        <v>661</v>
      </c>
      <c r="U5910">
        <v>8</v>
      </c>
      <c r="V5910">
        <v>4</v>
      </c>
      <c r="W5910">
        <v>240</v>
      </c>
      <c r="X5910">
        <v>2020</v>
      </c>
    </row>
    <row r="5911" spans="1:24" x14ac:dyDescent="0.25">
      <c r="A5911">
        <v>2049</v>
      </c>
      <c r="B5911" t="s">
        <v>26</v>
      </c>
      <c r="C5911">
        <v>44</v>
      </c>
      <c r="D5911" t="s">
        <v>473</v>
      </c>
      <c r="E5911">
        <v>333</v>
      </c>
      <c r="F5911" t="s">
        <v>651</v>
      </c>
      <c r="G5911">
        <v>160</v>
      </c>
      <c r="H5911" t="s">
        <v>666</v>
      </c>
      <c r="I5911">
        <v>8767</v>
      </c>
      <c r="J5911" t="s">
        <v>65</v>
      </c>
      <c r="K5911">
        <v>15</v>
      </c>
      <c r="L5911" t="s">
        <v>65</v>
      </c>
      <c r="M5911">
        <v>51</v>
      </c>
      <c r="N5911" t="s">
        <v>654</v>
      </c>
      <c r="O5911">
        <v>3</v>
      </c>
      <c r="P5911" t="s">
        <v>655</v>
      </c>
      <c r="Q5911">
        <v>1</v>
      </c>
      <c r="R5911" t="s">
        <v>669</v>
      </c>
      <c r="S5911">
        <v>1</v>
      </c>
      <c r="T5911" t="s">
        <v>661</v>
      </c>
      <c r="U5911">
        <v>8</v>
      </c>
      <c r="V5911">
        <v>4</v>
      </c>
      <c r="W5911">
        <v>240</v>
      </c>
      <c r="X5911">
        <v>2020</v>
      </c>
    </row>
    <row r="5912" spans="1:24" x14ac:dyDescent="0.25">
      <c r="A5912">
        <v>2047</v>
      </c>
      <c r="B5912" t="s">
        <v>26</v>
      </c>
      <c r="C5912">
        <v>44</v>
      </c>
      <c r="D5912" t="s">
        <v>474</v>
      </c>
      <c r="E5912">
        <v>332</v>
      </c>
      <c r="F5912" t="s">
        <v>651</v>
      </c>
      <c r="G5912">
        <v>160</v>
      </c>
      <c r="H5912" t="s">
        <v>666</v>
      </c>
      <c r="I5912">
        <v>8767</v>
      </c>
      <c r="J5912" t="s">
        <v>691</v>
      </c>
      <c r="K5912">
        <v>21</v>
      </c>
      <c r="L5912" t="s">
        <v>1923</v>
      </c>
      <c r="M5912">
        <v>67</v>
      </c>
      <c r="N5912" t="s">
        <v>654</v>
      </c>
      <c r="O5912">
        <v>3</v>
      </c>
      <c r="P5912" t="s">
        <v>655</v>
      </c>
      <c r="Q5912">
        <v>1</v>
      </c>
      <c r="R5912" t="s">
        <v>669</v>
      </c>
      <c r="S5912">
        <v>1</v>
      </c>
      <c r="T5912" t="s">
        <v>661</v>
      </c>
      <c r="U5912">
        <v>8</v>
      </c>
      <c r="V5912">
        <v>3</v>
      </c>
      <c r="W5912">
        <v>180</v>
      </c>
      <c r="X5912">
        <v>2020</v>
      </c>
    </row>
    <row r="5913" spans="1:24" x14ac:dyDescent="0.25">
      <c r="A5913">
        <v>2044</v>
      </c>
      <c r="B5913" t="s">
        <v>26</v>
      </c>
      <c r="C5913">
        <v>44</v>
      </c>
      <c r="D5913" t="s">
        <v>474</v>
      </c>
      <c r="E5913">
        <v>332</v>
      </c>
      <c r="F5913" t="s">
        <v>651</v>
      </c>
      <c r="G5913">
        <v>160</v>
      </c>
      <c r="H5913" t="s">
        <v>666</v>
      </c>
      <c r="I5913">
        <v>8767</v>
      </c>
      <c r="J5913" t="s">
        <v>802</v>
      </c>
      <c r="K5913">
        <v>12</v>
      </c>
      <c r="L5913" t="s">
        <v>802</v>
      </c>
      <c r="M5913">
        <v>36</v>
      </c>
      <c r="N5913" t="s">
        <v>654</v>
      </c>
      <c r="O5913">
        <v>3</v>
      </c>
      <c r="P5913" t="s">
        <v>655</v>
      </c>
      <c r="Q5913">
        <v>1</v>
      </c>
      <c r="R5913" t="s">
        <v>669</v>
      </c>
      <c r="S5913">
        <v>1</v>
      </c>
      <c r="T5913" t="s">
        <v>661</v>
      </c>
      <c r="U5913">
        <v>8</v>
      </c>
      <c r="V5913">
        <v>3</v>
      </c>
      <c r="W5913">
        <v>180</v>
      </c>
      <c r="X5913">
        <v>2020</v>
      </c>
    </row>
    <row r="5914" spans="1:24" x14ac:dyDescent="0.25">
      <c r="A5914">
        <v>2039</v>
      </c>
      <c r="B5914" t="s">
        <v>26</v>
      </c>
      <c r="C5914">
        <v>44</v>
      </c>
      <c r="D5914" t="s">
        <v>474</v>
      </c>
      <c r="E5914">
        <v>332</v>
      </c>
      <c r="F5914" t="s">
        <v>651</v>
      </c>
      <c r="G5914">
        <v>160</v>
      </c>
      <c r="H5914" t="s">
        <v>666</v>
      </c>
      <c r="I5914">
        <v>8767</v>
      </c>
      <c r="J5914" t="s">
        <v>699</v>
      </c>
      <c r="K5914">
        <v>10</v>
      </c>
      <c r="L5914" t="s">
        <v>1096</v>
      </c>
      <c r="M5914">
        <v>341</v>
      </c>
      <c r="N5914" t="s">
        <v>654</v>
      </c>
      <c r="O5914">
        <v>3</v>
      </c>
      <c r="P5914" t="s">
        <v>655</v>
      </c>
      <c r="Q5914">
        <v>1</v>
      </c>
      <c r="R5914" t="s">
        <v>669</v>
      </c>
      <c r="S5914">
        <v>1</v>
      </c>
      <c r="T5914" t="s">
        <v>1295</v>
      </c>
      <c r="U5914">
        <v>10</v>
      </c>
      <c r="V5914">
        <v>3</v>
      </c>
      <c r="W5914">
        <v>180</v>
      </c>
      <c r="X5914">
        <v>2020</v>
      </c>
    </row>
    <row r="5915" spans="1:24" x14ac:dyDescent="0.25">
      <c r="A5915">
        <v>2037</v>
      </c>
      <c r="B5915" t="s">
        <v>26</v>
      </c>
      <c r="C5915">
        <v>44</v>
      </c>
      <c r="D5915" t="s">
        <v>475</v>
      </c>
      <c r="E5915">
        <v>331</v>
      </c>
      <c r="F5915" t="s">
        <v>651</v>
      </c>
      <c r="G5915">
        <v>160</v>
      </c>
      <c r="H5915" t="s">
        <v>666</v>
      </c>
      <c r="I5915">
        <v>8767</v>
      </c>
      <c r="J5915" t="s">
        <v>676</v>
      </c>
      <c r="K5915">
        <v>4</v>
      </c>
      <c r="L5915" t="s">
        <v>676</v>
      </c>
      <c r="M5915">
        <v>12</v>
      </c>
      <c r="N5915" t="s">
        <v>654</v>
      </c>
      <c r="O5915">
        <v>3</v>
      </c>
      <c r="P5915" t="s">
        <v>655</v>
      </c>
      <c r="Q5915">
        <v>1</v>
      </c>
      <c r="R5915" t="s">
        <v>669</v>
      </c>
      <c r="S5915">
        <v>1</v>
      </c>
      <c r="T5915" t="s">
        <v>661</v>
      </c>
      <c r="U5915">
        <v>8</v>
      </c>
      <c r="V5915">
        <v>3</v>
      </c>
      <c r="W5915">
        <v>180</v>
      </c>
      <c r="X5915">
        <v>2020</v>
      </c>
    </row>
    <row r="5916" spans="1:24" x14ac:dyDescent="0.25">
      <c r="A5916">
        <v>2031</v>
      </c>
      <c r="B5916" t="s">
        <v>26</v>
      </c>
      <c r="C5916">
        <v>44</v>
      </c>
      <c r="D5916" t="s">
        <v>475</v>
      </c>
      <c r="E5916">
        <v>331</v>
      </c>
      <c r="F5916" t="s">
        <v>651</v>
      </c>
      <c r="G5916">
        <v>160</v>
      </c>
      <c r="H5916" t="s">
        <v>666</v>
      </c>
      <c r="I5916">
        <v>8767</v>
      </c>
      <c r="J5916" t="s">
        <v>730</v>
      </c>
      <c r="K5916">
        <v>66</v>
      </c>
      <c r="L5916" t="s">
        <v>3789</v>
      </c>
      <c r="M5916">
        <v>279</v>
      </c>
      <c r="N5916" t="s">
        <v>654</v>
      </c>
      <c r="O5916">
        <v>3</v>
      </c>
      <c r="P5916" t="s">
        <v>655</v>
      </c>
      <c r="Q5916">
        <v>1</v>
      </c>
      <c r="R5916" t="s">
        <v>669</v>
      </c>
      <c r="S5916">
        <v>1</v>
      </c>
      <c r="T5916" t="s">
        <v>661</v>
      </c>
      <c r="U5916">
        <v>8</v>
      </c>
      <c r="V5916">
        <v>4</v>
      </c>
      <c r="W5916">
        <v>240</v>
      </c>
      <c r="X5916">
        <v>2020</v>
      </c>
    </row>
    <row r="5917" spans="1:24" x14ac:dyDescent="0.25">
      <c r="A5917">
        <v>2030</v>
      </c>
      <c r="B5917" t="s">
        <v>26</v>
      </c>
      <c r="C5917">
        <v>44</v>
      </c>
      <c r="D5917" t="s">
        <v>475</v>
      </c>
      <c r="E5917">
        <v>331</v>
      </c>
      <c r="F5917" t="s">
        <v>651</v>
      </c>
      <c r="G5917">
        <v>160</v>
      </c>
      <c r="H5917" t="s">
        <v>666</v>
      </c>
      <c r="I5917">
        <v>8767</v>
      </c>
      <c r="J5917" t="s">
        <v>797</v>
      </c>
      <c r="K5917">
        <v>65</v>
      </c>
      <c r="L5917" t="s">
        <v>3892</v>
      </c>
      <c r="M5917">
        <v>276</v>
      </c>
      <c r="N5917" t="s">
        <v>654</v>
      </c>
      <c r="O5917">
        <v>3</v>
      </c>
      <c r="P5917" t="s">
        <v>655</v>
      </c>
      <c r="Q5917">
        <v>1</v>
      </c>
      <c r="R5917" t="s">
        <v>669</v>
      </c>
      <c r="S5917">
        <v>1</v>
      </c>
      <c r="T5917" t="s">
        <v>661</v>
      </c>
      <c r="U5917">
        <v>8</v>
      </c>
      <c r="V5917">
        <v>4</v>
      </c>
      <c r="W5917">
        <v>240</v>
      </c>
      <c r="X5917">
        <v>2020</v>
      </c>
    </row>
    <row r="5918" spans="1:24" x14ac:dyDescent="0.25">
      <c r="A5918">
        <v>2026</v>
      </c>
      <c r="B5918" t="s">
        <v>26</v>
      </c>
      <c r="C5918">
        <v>44</v>
      </c>
      <c r="D5918" t="s">
        <v>475</v>
      </c>
      <c r="E5918">
        <v>331</v>
      </c>
      <c r="F5918" t="s">
        <v>651</v>
      </c>
      <c r="G5918">
        <v>160</v>
      </c>
      <c r="H5918" t="s">
        <v>666</v>
      </c>
      <c r="I5918">
        <v>8767</v>
      </c>
      <c r="J5918" t="s">
        <v>693</v>
      </c>
      <c r="K5918">
        <v>56</v>
      </c>
      <c r="L5918" t="s">
        <v>3669</v>
      </c>
      <c r="M5918">
        <v>221</v>
      </c>
      <c r="N5918" t="s">
        <v>654</v>
      </c>
      <c r="O5918">
        <v>3</v>
      </c>
      <c r="P5918" t="s">
        <v>655</v>
      </c>
      <c r="Q5918">
        <v>1</v>
      </c>
      <c r="R5918" t="s">
        <v>669</v>
      </c>
      <c r="S5918">
        <v>1</v>
      </c>
      <c r="T5918" t="s">
        <v>661</v>
      </c>
      <c r="U5918">
        <v>8</v>
      </c>
      <c r="V5918">
        <v>4</v>
      </c>
      <c r="W5918">
        <v>240</v>
      </c>
      <c r="X5918">
        <v>2020</v>
      </c>
    </row>
    <row r="5919" spans="1:24" x14ac:dyDescent="0.25">
      <c r="A5919">
        <v>2025</v>
      </c>
      <c r="B5919" t="s">
        <v>26</v>
      </c>
      <c r="C5919">
        <v>44</v>
      </c>
      <c r="D5919" t="s">
        <v>475</v>
      </c>
      <c r="E5919">
        <v>331</v>
      </c>
      <c r="F5919" t="s">
        <v>651</v>
      </c>
      <c r="G5919">
        <v>160</v>
      </c>
      <c r="H5919" t="s">
        <v>666</v>
      </c>
      <c r="I5919">
        <v>8767</v>
      </c>
      <c r="J5919" t="s">
        <v>695</v>
      </c>
      <c r="K5919">
        <v>54</v>
      </c>
      <c r="L5919" t="s">
        <v>748</v>
      </c>
      <c r="M5919">
        <v>211</v>
      </c>
      <c r="N5919" t="s">
        <v>654</v>
      </c>
      <c r="O5919">
        <v>3</v>
      </c>
      <c r="P5919" t="s">
        <v>655</v>
      </c>
      <c r="Q5919">
        <v>1</v>
      </c>
      <c r="R5919" t="s">
        <v>669</v>
      </c>
      <c r="S5919">
        <v>1</v>
      </c>
      <c r="T5919" t="s">
        <v>661</v>
      </c>
      <c r="U5919">
        <v>8</v>
      </c>
      <c r="V5919">
        <v>4</v>
      </c>
      <c r="W5919">
        <v>240</v>
      </c>
      <c r="X5919">
        <v>2020</v>
      </c>
    </row>
    <row r="5920" spans="1:24" x14ac:dyDescent="0.25">
      <c r="A5920">
        <v>2022</v>
      </c>
      <c r="B5920" t="s">
        <v>59</v>
      </c>
      <c r="C5920">
        <v>42</v>
      </c>
      <c r="D5920" t="s">
        <v>476</v>
      </c>
      <c r="E5920">
        <v>330</v>
      </c>
      <c r="F5920" t="s">
        <v>651</v>
      </c>
      <c r="G5920">
        <v>160</v>
      </c>
      <c r="H5920" t="s">
        <v>1060</v>
      </c>
      <c r="I5920">
        <v>6305</v>
      </c>
      <c r="J5920" t="s">
        <v>765</v>
      </c>
      <c r="K5920">
        <v>76</v>
      </c>
      <c r="L5920" t="s">
        <v>766</v>
      </c>
      <c r="M5920">
        <v>137</v>
      </c>
      <c r="N5920" t="s">
        <v>654</v>
      </c>
      <c r="O5920">
        <v>3</v>
      </c>
      <c r="P5920" t="s">
        <v>655</v>
      </c>
      <c r="Q5920">
        <v>1</v>
      </c>
      <c r="R5920" t="s">
        <v>669</v>
      </c>
      <c r="S5920">
        <v>1</v>
      </c>
      <c r="T5920" t="s">
        <v>661</v>
      </c>
      <c r="U5920">
        <v>8</v>
      </c>
      <c r="V5920">
        <v>3</v>
      </c>
      <c r="W5920">
        <v>180</v>
      </c>
      <c r="X5920">
        <v>2020</v>
      </c>
    </row>
    <row r="5921" spans="1:24" x14ac:dyDescent="0.25">
      <c r="A5921">
        <v>2021</v>
      </c>
      <c r="B5921" t="s">
        <v>59</v>
      </c>
      <c r="C5921">
        <v>42</v>
      </c>
      <c r="D5921" t="s">
        <v>476</v>
      </c>
      <c r="E5921">
        <v>330</v>
      </c>
      <c r="F5921" t="s">
        <v>651</v>
      </c>
      <c r="G5921">
        <v>160</v>
      </c>
      <c r="H5921" t="s">
        <v>1060</v>
      </c>
      <c r="I5921">
        <v>6305</v>
      </c>
      <c r="J5921" t="s">
        <v>1088</v>
      </c>
      <c r="K5921">
        <v>38</v>
      </c>
      <c r="L5921" t="s">
        <v>1089</v>
      </c>
      <c r="M5921">
        <v>135</v>
      </c>
      <c r="N5921" t="s">
        <v>654</v>
      </c>
      <c r="O5921">
        <v>3</v>
      </c>
      <c r="P5921" t="s">
        <v>655</v>
      </c>
      <c r="Q5921">
        <v>1</v>
      </c>
      <c r="R5921" t="s">
        <v>669</v>
      </c>
      <c r="S5921">
        <v>1</v>
      </c>
      <c r="T5921" t="s">
        <v>661</v>
      </c>
      <c r="U5921">
        <v>8</v>
      </c>
      <c r="V5921">
        <v>3</v>
      </c>
      <c r="W5921">
        <v>180</v>
      </c>
      <c r="X5921">
        <v>2020</v>
      </c>
    </row>
    <row r="5922" spans="1:24" x14ac:dyDescent="0.25">
      <c r="A5922">
        <v>2019</v>
      </c>
      <c r="B5922" t="s">
        <v>59</v>
      </c>
      <c r="C5922">
        <v>42</v>
      </c>
      <c r="D5922" t="s">
        <v>476</v>
      </c>
      <c r="E5922">
        <v>330</v>
      </c>
      <c r="F5922" t="s">
        <v>651</v>
      </c>
      <c r="G5922">
        <v>160</v>
      </c>
      <c r="H5922" t="s">
        <v>1060</v>
      </c>
      <c r="I5922">
        <v>6305</v>
      </c>
      <c r="J5922" t="s">
        <v>932</v>
      </c>
      <c r="K5922">
        <v>77</v>
      </c>
      <c r="L5922" t="s">
        <v>933</v>
      </c>
      <c r="M5922">
        <v>330</v>
      </c>
      <c r="N5922" t="s">
        <v>668</v>
      </c>
      <c r="O5922">
        <v>4</v>
      </c>
      <c r="P5922" t="s">
        <v>655</v>
      </c>
      <c r="Q5922">
        <v>1</v>
      </c>
      <c r="R5922" t="s">
        <v>669</v>
      </c>
      <c r="S5922">
        <v>1</v>
      </c>
      <c r="T5922" t="s">
        <v>661</v>
      </c>
      <c r="U5922">
        <v>8</v>
      </c>
      <c r="V5922">
        <v>4</v>
      </c>
      <c r="W5922">
        <v>240</v>
      </c>
      <c r="X5922">
        <v>2020</v>
      </c>
    </row>
    <row r="5923" spans="1:24" x14ac:dyDescent="0.25">
      <c r="A5923">
        <v>2007</v>
      </c>
      <c r="B5923" t="s">
        <v>59</v>
      </c>
      <c r="C5923">
        <v>42</v>
      </c>
      <c r="D5923" t="s">
        <v>316</v>
      </c>
      <c r="E5923">
        <v>327</v>
      </c>
      <c r="F5923" t="s">
        <v>651</v>
      </c>
      <c r="G5923">
        <v>160</v>
      </c>
      <c r="H5923" t="s">
        <v>1060</v>
      </c>
      <c r="I5923">
        <v>6305</v>
      </c>
      <c r="J5923" t="s">
        <v>295</v>
      </c>
      <c r="K5923">
        <v>30</v>
      </c>
      <c r="L5923" t="s">
        <v>295</v>
      </c>
      <c r="M5923">
        <v>96</v>
      </c>
      <c r="N5923" t="s">
        <v>654</v>
      </c>
      <c r="O5923">
        <v>3</v>
      </c>
      <c r="P5923" t="s">
        <v>655</v>
      </c>
      <c r="Q5923">
        <v>1</v>
      </c>
      <c r="R5923" t="s">
        <v>669</v>
      </c>
      <c r="S5923">
        <v>1</v>
      </c>
      <c r="T5923" t="s">
        <v>661</v>
      </c>
      <c r="U5923">
        <v>8</v>
      </c>
      <c r="V5923">
        <v>3</v>
      </c>
      <c r="W5923">
        <v>180</v>
      </c>
      <c r="X5923">
        <v>2020</v>
      </c>
    </row>
    <row r="5924" spans="1:24" x14ac:dyDescent="0.25">
      <c r="A5924">
        <v>2005</v>
      </c>
      <c r="B5924" t="s">
        <v>59</v>
      </c>
      <c r="C5924">
        <v>42</v>
      </c>
      <c r="D5924" t="s">
        <v>316</v>
      </c>
      <c r="E5924">
        <v>327</v>
      </c>
      <c r="F5924" t="s">
        <v>651</v>
      </c>
      <c r="G5924">
        <v>160</v>
      </c>
      <c r="H5924" t="s">
        <v>1060</v>
      </c>
      <c r="I5924">
        <v>6305</v>
      </c>
      <c r="J5924" t="s">
        <v>299</v>
      </c>
      <c r="K5924">
        <v>27</v>
      </c>
      <c r="L5924" t="s">
        <v>690</v>
      </c>
      <c r="M5924">
        <v>89</v>
      </c>
      <c r="N5924" t="s">
        <v>654</v>
      </c>
      <c r="O5924">
        <v>3</v>
      </c>
      <c r="P5924" t="s">
        <v>655</v>
      </c>
      <c r="Q5924">
        <v>1</v>
      </c>
      <c r="R5924" t="s">
        <v>669</v>
      </c>
      <c r="S5924">
        <v>1</v>
      </c>
      <c r="T5924" t="s">
        <v>661</v>
      </c>
      <c r="U5924">
        <v>8</v>
      </c>
      <c r="V5924">
        <v>3</v>
      </c>
      <c r="W5924">
        <v>180</v>
      </c>
      <c r="X5924">
        <v>2020</v>
      </c>
    </row>
    <row r="5925" spans="1:24" x14ac:dyDescent="0.25">
      <c r="A5925">
        <v>2003</v>
      </c>
      <c r="B5925" t="s">
        <v>59</v>
      </c>
      <c r="C5925">
        <v>42</v>
      </c>
      <c r="D5925" t="s">
        <v>316</v>
      </c>
      <c r="E5925">
        <v>327</v>
      </c>
      <c r="F5925" t="s">
        <v>651</v>
      </c>
      <c r="G5925">
        <v>160</v>
      </c>
      <c r="H5925" t="s">
        <v>1060</v>
      </c>
      <c r="I5925">
        <v>6305</v>
      </c>
      <c r="J5925" t="s">
        <v>301</v>
      </c>
      <c r="K5925">
        <v>26</v>
      </c>
      <c r="L5925" t="s">
        <v>930</v>
      </c>
      <c r="M5925">
        <v>84</v>
      </c>
      <c r="N5925" t="s">
        <v>654</v>
      </c>
      <c r="O5925">
        <v>3</v>
      </c>
      <c r="P5925" t="s">
        <v>655</v>
      </c>
      <c r="Q5925">
        <v>1</v>
      </c>
      <c r="R5925" t="s">
        <v>669</v>
      </c>
      <c r="S5925">
        <v>1</v>
      </c>
      <c r="T5925" t="s">
        <v>661</v>
      </c>
      <c r="U5925">
        <v>8</v>
      </c>
      <c r="V5925">
        <v>3</v>
      </c>
      <c r="W5925">
        <v>180</v>
      </c>
      <c r="X5925">
        <v>2020</v>
      </c>
    </row>
    <row r="5926" spans="1:24" x14ac:dyDescent="0.25">
      <c r="A5926">
        <v>2001</v>
      </c>
      <c r="B5926" t="s">
        <v>59</v>
      </c>
      <c r="C5926">
        <v>42</v>
      </c>
      <c r="D5926" t="s">
        <v>316</v>
      </c>
      <c r="E5926">
        <v>327</v>
      </c>
      <c r="F5926" t="s">
        <v>651</v>
      </c>
      <c r="G5926">
        <v>160</v>
      </c>
      <c r="H5926" t="s">
        <v>1060</v>
      </c>
      <c r="I5926">
        <v>6305</v>
      </c>
      <c r="J5926" t="s">
        <v>807</v>
      </c>
      <c r="K5926">
        <v>25</v>
      </c>
      <c r="L5926" t="s">
        <v>1603</v>
      </c>
      <c r="M5926">
        <v>81</v>
      </c>
      <c r="N5926" t="s">
        <v>654</v>
      </c>
      <c r="O5926">
        <v>3</v>
      </c>
      <c r="P5926" t="s">
        <v>655</v>
      </c>
      <c r="Q5926">
        <v>1</v>
      </c>
      <c r="R5926" t="s">
        <v>669</v>
      </c>
      <c r="S5926">
        <v>1</v>
      </c>
      <c r="T5926" t="s">
        <v>661</v>
      </c>
      <c r="U5926">
        <v>8</v>
      </c>
      <c r="V5926">
        <v>3</v>
      </c>
      <c r="W5926">
        <v>180</v>
      </c>
      <c r="X5926">
        <v>2020</v>
      </c>
    </row>
    <row r="5927" spans="1:24" x14ac:dyDescent="0.25">
      <c r="A5927">
        <v>1997</v>
      </c>
      <c r="B5927" t="s">
        <v>59</v>
      </c>
      <c r="C5927">
        <v>42</v>
      </c>
      <c r="D5927" t="s">
        <v>477</v>
      </c>
      <c r="E5927">
        <v>326</v>
      </c>
      <c r="F5927" t="s">
        <v>651</v>
      </c>
      <c r="G5927">
        <v>160</v>
      </c>
      <c r="H5927" t="s">
        <v>1060</v>
      </c>
      <c r="I5927">
        <v>6305</v>
      </c>
      <c r="J5927" t="s">
        <v>797</v>
      </c>
      <c r="K5927">
        <v>65</v>
      </c>
      <c r="L5927" t="s">
        <v>3892</v>
      </c>
      <c r="M5927">
        <v>276</v>
      </c>
      <c r="N5927" t="s">
        <v>654</v>
      </c>
      <c r="O5927">
        <v>3</v>
      </c>
      <c r="P5927" t="s">
        <v>655</v>
      </c>
      <c r="Q5927">
        <v>1</v>
      </c>
      <c r="R5927" t="s">
        <v>669</v>
      </c>
      <c r="S5927">
        <v>1</v>
      </c>
      <c r="T5927" t="s">
        <v>661</v>
      </c>
      <c r="U5927">
        <v>8</v>
      </c>
      <c r="V5927">
        <v>4</v>
      </c>
      <c r="W5927">
        <v>240</v>
      </c>
      <c r="X5927">
        <v>2020</v>
      </c>
    </row>
    <row r="5928" spans="1:24" x14ac:dyDescent="0.25">
      <c r="A5928">
        <v>1994</v>
      </c>
      <c r="B5928" t="s">
        <v>59</v>
      </c>
      <c r="C5928">
        <v>42</v>
      </c>
      <c r="D5928" t="s">
        <v>477</v>
      </c>
      <c r="E5928">
        <v>326</v>
      </c>
      <c r="F5928" t="s">
        <v>651</v>
      </c>
      <c r="G5928">
        <v>160</v>
      </c>
      <c r="H5928" t="s">
        <v>1060</v>
      </c>
      <c r="I5928">
        <v>6305</v>
      </c>
      <c r="J5928" t="s">
        <v>693</v>
      </c>
      <c r="K5928">
        <v>56</v>
      </c>
      <c r="L5928" t="s">
        <v>3669</v>
      </c>
      <c r="M5928">
        <v>221</v>
      </c>
      <c r="N5928" t="s">
        <v>654</v>
      </c>
      <c r="O5928">
        <v>3</v>
      </c>
      <c r="P5928" t="s">
        <v>655</v>
      </c>
      <c r="Q5928">
        <v>1</v>
      </c>
      <c r="R5928" t="s">
        <v>669</v>
      </c>
      <c r="S5928">
        <v>1</v>
      </c>
      <c r="T5928" t="s">
        <v>661</v>
      </c>
      <c r="U5928">
        <v>8</v>
      </c>
      <c r="V5928">
        <v>4</v>
      </c>
      <c r="W5928">
        <v>240</v>
      </c>
      <c r="X5928">
        <v>2020</v>
      </c>
    </row>
    <row r="5929" spans="1:24" x14ac:dyDescent="0.25">
      <c r="A5929">
        <v>1993</v>
      </c>
      <c r="B5929" t="s">
        <v>59</v>
      </c>
      <c r="C5929">
        <v>42</v>
      </c>
      <c r="D5929" t="s">
        <v>477</v>
      </c>
      <c r="E5929">
        <v>326</v>
      </c>
      <c r="F5929" t="s">
        <v>651</v>
      </c>
      <c r="G5929">
        <v>160</v>
      </c>
      <c r="H5929" t="s">
        <v>1060</v>
      </c>
      <c r="I5929">
        <v>6305</v>
      </c>
      <c r="J5929" t="s">
        <v>695</v>
      </c>
      <c r="K5929">
        <v>54</v>
      </c>
      <c r="L5929" t="s">
        <v>1934</v>
      </c>
      <c r="M5929">
        <v>216</v>
      </c>
      <c r="N5929" t="s">
        <v>654</v>
      </c>
      <c r="O5929">
        <v>3</v>
      </c>
      <c r="P5929" t="s">
        <v>655</v>
      </c>
      <c r="Q5929">
        <v>1</v>
      </c>
      <c r="R5929" t="s">
        <v>669</v>
      </c>
      <c r="S5929">
        <v>1</v>
      </c>
      <c r="T5929" t="s">
        <v>661</v>
      </c>
      <c r="U5929">
        <v>8</v>
      </c>
      <c r="V5929">
        <v>4</v>
      </c>
      <c r="W5929">
        <v>240</v>
      </c>
      <c r="X5929">
        <v>2020</v>
      </c>
    </row>
    <row r="5930" spans="1:24" x14ac:dyDescent="0.25">
      <c r="A5930">
        <v>1992</v>
      </c>
      <c r="B5930" t="s">
        <v>59</v>
      </c>
      <c r="C5930">
        <v>42</v>
      </c>
      <c r="D5930" t="s">
        <v>477</v>
      </c>
      <c r="E5930">
        <v>326</v>
      </c>
      <c r="F5930" t="s">
        <v>651</v>
      </c>
      <c r="G5930">
        <v>160</v>
      </c>
      <c r="H5930" t="s">
        <v>1060</v>
      </c>
      <c r="I5930">
        <v>6305</v>
      </c>
      <c r="J5930" t="s">
        <v>695</v>
      </c>
      <c r="K5930">
        <v>54</v>
      </c>
      <c r="L5930" t="s">
        <v>3936</v>
      </c>
      <c r="M5930">
        <v>213</v>
      </c>
      <c r="N5930" t="s">
        <v>654</v>
      </c>
      <c r="O5930">
        <v>3</v>
      </c>
      <c r="P5930" t="s">
        <v>655</v>
      </c>
      <c r="Q5930">
        <v>1</v>
      </c>
      <c r="R5930" t="s">
        <v>669</v>
      </c>
      <c r="S5930">
        <v>1</v>
      </c>
      <c r="T5930" t="s">
        <v>661</v>
      </c>
      <c r="U5930">
        <v>8</v>
      </c>
      <c r="V5930">
        <v>4</v>
      </c>
      <c r="W5930">
        <v>240</v>
      </c>
      <c r="X5930">
        <v>2020</v>
      </c>
    </row>
    <row r="5931" spans="1:24" x14ac:dyDescent="0.25">
      <c r="A5931">
        <v>1991</v>
      </c>
      <c r="B5931" t="s">
        <v>215</v>
      </c>
      <c r="C5931">
        <v>41</v>
      </c>
      <c r="D5931" t="s">
        <v>478</v>
      </c>
      <c r="E5931">
        <v>325</v>
      </c>
      <c r="F5931" t="s">
        <v>651</v>
      </c>
      <c r="G5931">
        <v>160</v>
      </c>
      <c r="H5931" t="s">
        <v>1207</v>
      </c>
      <c r="I5931">
        <v>5188</v>
      </c>
      <c r="J5931" t="s">
        <v>848</v>
      </c>
      <c r="K5931">
        <v>62</v>
      </c>
      <c r="L5931" t="s">
        <v>937</v>
      </c>
      <c r="M5931">
        <v>266</v>
      </c>
      <c r="N5931" t="s">
        <v>654</v>
      </c>
      <c r="O5931">
        <v>3</v>
      </c>
      <c r="P5931" t="s">
        <v>655</v>
      </c>
      <c r="Q5931">
        <v>1</v>
      </c>
      <c r="R5931" t="s">
        <v>669</v>
      </c>
      <c r="S5931">
        <v>1</v>
      </c>
      <c r="T5931" t="s">
        <v>661</v>
      </c>
      <c r="U5931">
        <v>8</v>
      </c>
      <c r="V5931">
        <v>4</v>
      </c>
      <c r="W5931">
        <v>240</v>
      </c>
      <c r="X5931">
        <v>2020</v>
      </c>
    </row>
    <row r="5932" spans="1:24" x14ac:dyDescent="0.25">
      <c r="A5932">
        <v>1990</v>
      </c>
      <c r="B5932" t="s">
        <v>215</v>
      </c>
      <c r="C5932">
        <v>41</v>
      </c>
      <c r="D5932" t="s">
        <v>478</v>
      </c>
      <c r="E5932">
        <v>325</v>
      </c>
      <c r="F5932" t="s">
        <v>651</v>
      </c>
      <c r="G5932">
        <v>160</v>
      </c>
      <c r="H5932" t="s">
        <v>1207</v>
      </c>
      <c r="I5932">
        <v>5188</v>
      </c>
      <c r="J5932" t="s">
        <v>880</v>
      </c>
      <c r="K5932">
        <v>58</v>
      </c>
      <c r="L5932" t="s">
        <v>3937</v>
      </c>
      <c r="M5932">
        <v>237</v>
      </c>
      <c r="N5932" t="s">
        <v>654</v>
      </c>
      <c r="O5932">
        <v>3</v>
      </c>
      <c r="P5932" t="s">
        <v>655</v>
      </c>
      <c r="Q5932">
        <v>1</v>
      </c>
      <c r="R5932" t="s">
        <v>669</v>
      </c>
      <c r="S5932">
        <v>1</v>
      </c>
      <c r="T5932" t="s">
        <v>661</v>
      </c>
      <c r="U5932">
        <v>8</v>
      </c>
      <c r="V5932">
        <v>4</v>
      </c>
      <c r="W5932">
        <v>240</v>
      </c>
      <c r="X5932">
        <v>2020</v>
      </c>
    </row>
    <row r="5933" spans="1:24" x14ac:dyDescent="0.25">
      <c r="A5933">
        <v>1988</v>
      </c>
      <c r="B5933" t="s">
        <v>215</v>
      </c>
      <c r="C5933">
        <v>41</v>
      </c>
      <c r="D5933" t="s">
        <v>479</v>
      </c>
      <c r="E5933">
        <v>324</v>
      </c>
      <c r="F5933" t="s">
        <v>651</v>
      </c>
      <c r="G5933">
        <v>160</v>
      </c>
      <c r="H5933" t="s">
        <v>1207</v>
      </c>
      <c r="I5933">
        <v>5188</v>
      </c>
      <c r="J5933" t="s">
        <v>738</v>
      </c>
      <c r="K5933">
        <v>61</v>
      </c>
      <c r="L5933" t="s">
        <v>3938</v>
      </c>
      <c r="M5933">
        <v>256</v>
      </c>
      <c r="N5933" t="s">
        <v>654</v>
      </c>
      <c r="O5933">
        <v>3</v>
      </c>
      <c r="P5933" t="s">
        <v>655</v>
      </c>
      <c r="Q5933">
        <v>1</v>
      </c>
      <c r="R5933" t="s">
        <v>669</v>
      </c>
      <c r="S5933">
        <v>1</v>
      </c>
      <c r="T5933" t="s">
        <v>661</v>
      </c>
      <c r="U5933">
        <v>8</v>
      </c>
      <c r="V5933">
        <v>4</v>
      </c>
      <c r="W5933">
        <v>240</v>
      </c>
      <c r="X5933">
        <v>2020</v>
      </c>
    </row>
    <row r="5934" spans="1:24" x14ac:dyDescent="0.25">
      <c r="A5934">
        <v>1987</v>
      </c>
      <c r="B5934" t="s">
        <v>215</v>
      </c>
      <c r="C5934">
        <v>41</v>
      </c>
      <c r="D5934" t="s">
        <v>479</v>
      </c>
      <c r="E5934">
        <v>324</v>
      </c>
      <c r="F5934" t="s">
        <v>651</v>
      </c>
      <c r="G5934">
        <v>160</v>
      </c>
      <c r="H5934" t="s">
        <v>1207</v>
      </c>
      <c r="I5934">
        <v>5188</v>
      </c>
      <c r="J5934" t="s">
        <v>1236</v>
      </c>
      <c r="K5934">
        <v>60</v>
      </c>
      <c r="L5934" t="s">
        <v>3673</v>
      </c>
      <c r="M5934">
        <v>245</v>
      </c>
      <c r="N5934" t="s">
        <v>654</v>
      </c>
      <c r="O5934">
        <v>3</v>
      </c>
      <c r="P5934" t="s">
        <v>655</v>
      </c>
      <c r="Q5934">
        <v>1</v>
      </c>
      <c r="R5934" t="s">
        <v>669</v>
      </c>
      <c r="S5934">
        <v>1</v>
      </c>
      <c r="T5934" t="s">
        <v>661</v>
      </c>
      <c r="U5934">
        <v>8</v>
      </c>
      <c r="V5934">
        <v>4</v>
      </c>
      <c r="W5934">
        <v>240</v>
      </c>
      <c r="X5934">
        <v>2020</v>
      </c>
    </row>
    <row r="5935" spans="1:24" x14ac:dyDescent="0.25">
      <c r="A5935">
        <v>1986</v>
      </c>
      <c r="B5935" t="s">
        <v>215</v>
      </c>
      <c r="C5935">
        <v>41</v>
      </c>
      <c r="D5935" t="s">
        <v>480</v>
      </c>
      <c r="E5935">
        <v>323</v>
      </c>
      <c r="F5935" t="s">
        <v>651</v>
      </c>
      <c r="G5935">
        <v>160</v>
      </c>
      <c r="H5935" t="s">
        <v>1207</v>
      </c>
      <c r="I5935">
        <v>5188</v>
      </c>
      <c r="J5935" t="s">
        <v>797</v>
      </c>
      <c r="K5935">
        <v>65</v>
      </c>
      <c r="L5935" t="s">
        <v>3892</v>
      </c>
      <c r="M5935">
        <v>276</v>
      </c>
      <c r="N5935" t="s">
        <v>654</v>
      </c>
      <c r="O5935">
        <v>3</v>
      </c>
      <c r="P5935" t="s">
        <v>655</v>
      </c>
      <c r="Q5935">
        <v>1</v>
      </c>
      <c r="R5935" t="s">
        <v>669</v>
      </c>
      <c r="S5935">
        <v>1</v>
      </c>
      <c r="T5935" t="s">
        <v>661</v>
      </c>
      <c r="U5935">
        <v>8</v>
      </c>
      <c r="V5935">
        <v>4</v>
      </c>
      <c r="W5935">
        <v>240</v>
      </c>
      <c r="X5935">
        <v>2020</v>
      </c>
    </row>
    <row r="5936" spans="1:24" x14ac:dyDescent="0.25">
      <c r="A5936">
        <v>1985</v>
      </c>
      <c r="B5936" t="s">
        <v>215</v>
      </c>
      <c r="C5936">
        <v>41</v>
      </c>
      <c r="D5936" t="s">
        <v>480</v>
      </c>
      <c r="E5936">
        <v>323</v>
      </c>
      <c r="F5936" t="s">
        <v>651</v>
      </c>
      <c r="G5936">
        <v>160</v>
      </c>
      <c r="H5936" t="s">
        <v>1207</v>
      </c>
      <c r="I5936">
        <v>5188</v>
      </c>
      <c r="J5936" t="s">
        <v>695</v>
      </c>
      <c r="K5936">
        <v>54</v>
      </c>
      <c r="L5936" t="s">
        <v>3787</v>
      </c>
      <c r="M5936">
        <v>214</v>
      </c>
      <c r="N5936" t="s">
        <v>654</v>
      </c>
      <c r="O5936">
        <v>3</v>
      </c>
      <c r="P5936" t="s">
        <v>655</v>
      </c>
      <c r="Q5936">
        <v>1</v>
      </c>
      <c r="R5936" t="s">
        <v>669</v>
      </c>
      <c r="S5936">
        <v>1</v>
      </c>
      <c r="T5936" t="s">
        <v>661</v>
      </c>
      <c r="U5936">
        <v>8</v>
      </c>
      <c r="V5936">
        <v>4</v>
      </c>
      <c r="W5936">
        <v>240</v>
      </c>
      <c r="X5936">
        <v>2020</v>
      </c>
    </row>
    <row r="5937" spans="1:24" x14ac:dyDescent="0.25">
      <c r="A5937">
        <v>1984</v>
      </c>
      <c r="B5937" t="s">
        <v>215</v>
      </c>
      <c r="C5937">
        <v>41</v>
      </c>
      <c r="D5937" t="s">
        <v>480</v>
      </c>
      <c r="E5937">
        <v>323</v>
      </c>
      <c r="F5937" t="s">
        <v>651</v>
      </c>
      <c r="G5937">
        <v>160</v>
      </c>
      <c r="H5937" t="s">
        <v>1207</v>
      </c>
      <c r="I5937">
        <v>5188</v>
      </c>
      <c r="J5937" t="s">
        <v>710</v>
      </c>
      <c r="K5937">
        <v>53</v>
      </c>
      <c r="L5937" t="s">
        <v>3888</v>
      </c>
      <c r="M5937">
        <v>205</v>
      </c>
      <c r="N5937" t="s">
        <v>654</v>
      </c>
      <c r="O5937">
        <v>3</v>
      </c>
      <c r="P5937" t="s">
        <v>655</v>
      </c>
      <c r="Q5937">
        <v>1</v>
      </c>
      <c r="R5937" t="s">
        <v>669</v>
      </c>
      <c r="S5937">
        <v>1</v>
      </c>
      <c r="T5937" t="s">
        <v>661</v>
      </c>
      <c r="U5937">
        <v>8</v>
      </c>
      <c r="V5937">
        <v>4</v>
      </c>
      <c r="W5937">
        <v>240</v>
      </c>
      <c r="X5937">
        <v>2020</v>
      </c>
    </row>
    <row r="5938" spans="1:24" x14ac:dyDescent="0.25">
      <c r="A5938">
        <v>1983</v>
      </c>
      <c r="B5938" t="s">
        <v>215</v>
      </c>
      <c r="C5938">
        <v>41</v>
      </c>
      <c r="D5938" t="s">
        <v>480</v>
      </c>
      <c r="E5938">
        <v>323</v>
      </c>
      <c r="F5938" t="s">
        <v>651</v>
      </c>
      <c r="G5938">
        <v>160</v>
      </c>
      <c r="H5938" t="s">
        <v>1207</v>
      </c>
      <c r="I5938">
        <v>5188</v>
      </c>
      <c r="J5938" t="s">
        <v>710</v>
      </c>
      <c r="K5938">
        <v>53</v>
      </c>
      <c r="L5938" t="s">
        <v>3931</v>
      </c>
      <c r="M5938">
        <v>204</v>
      </c>
      <c r="N5938" t="s">
        <v>654</v>
      </c>
      <c r="O5938">
        <v>3</v>
      </c>
      <c r="P5938" t="s">
        <v>655</v>
      </c>
      <c r="Q5938">
        <v>1</v>
      </c>
      <c r="R5938" t="s">
        <v>669</v>
      </c>
      <c r="S5938">
        <v>1</v>
      </c>
      <c r="T5938" t="s">
        <v>661</v>
      </c>
      <c r="U5938">
        <v>8</v>
      </c>
      <c r="V5938">
        <v>4</v>
      </c>
      <c r="W5938">
        <v>240</v>
      </c>
      <c r="X5938">
        <v>2020</v>
      </c>
    </row>
    <row r="5939" spans="1:24" x14ac:dyDescent="0.25">
      <c r="A5939">
        <v>1982</v>
      </c>
      <c r="B5939" t="s">
        <v>215</v>
      </c>
      <c r="C5939">
        <v>41</v>
      </c>
      <c r="D5939" t="s">
        <v>480</v>
      </c>
      <c r="E5939">
        <v>323</v>
      </c>
      <c r="F5939" t="s">
        <v>651</v>
      </c>
      <c r="G5939">
        <v>160</v>
      </c>
      <c r="H5939" t="s">
        <v>1207</v>
      </c>
      <c r="I5939">
        <v>5188</v>
      </c>
      <c r="J5939" t="s">
        <v>714</v>
      </c>
      <c r="K5939">
        <v>52</v>
      </c>
      <c r="L5939" t="s">
        <v>3801</v>
      </c>
      <c r="M5939">
        <v>200</v>
      </c>
      <c r="N5939" t="s">
        <v>654</v>
      </c>
      <c r="O5939">
        <v>3</v>
      </c>
      <c r="P5939" t="s">
        <v>655</v>
      </c>
      <c r="Q5939">
        <v>1</v>
      </c>
      <c r="R5939" t="s">
        <v>669</v>
      </c>
      <c r="S5939">
        <v>1</v>
      </c>
      <c r="T5939" t="s">
        <v>661</v>
      </c>
      <c r="U5939">
        <v>8</v>
      </c>
      <c r="V5939">
        <v>4</v>
      </c>
      <c r="W5939">
        <v>240</v>
      </c>
      <c r="X5939">
        <v>2020</v>
      </c>
    </row>
    <row r="5940" spans="1:24" x14ac:dyDescent="0.25">
      <c r="A5940">
        <v>1980</v>
      </c>
      <c r="B5940" t="s">
        <v>215</v>
      </c>
      <c r="C5940">
        <v>41</v>
      </c>
      <c r="D5940" t="s">
        <v>344</v>
      </c>
      <c r="E5940">
        <v>322</v>
      </c>
      <c r="F5940" t="s">
        <v>651</v>
      </c>
      <c r="G5940">
        <v>160</v>
      </c>
      <c r="H5940" t="s">
        <v>1207</v>
      </c>
      <c r="I5940">
        <v>5188</v>
      </c>
      <c r="J5940" t="s">
        <v>673</v>
      </c>
      <c r="K5940">
        <v>34</v>
      </c>
      <c r="L5940" t="s">
        <v>673</v>
      </c>
      <c r="M5940">
        <v>104</v>
      </c>
      <c r="N5940" t="s">
        <v>654</v>
      </c>
      <c r="O5940">
        <v>3</v>
      </c>
      <c r="P5940" t="s">
        <v>655</v>
      </c>
      <c r="Q5940">
        <v>1</v>
      </c>
      <c r="R5940" t="s">
        <v>669</v>
      </c>
      <c r="S5940">
        <v>1</v>
      </c>
      <c r="T5940" t="s">
        <v>661</v>
      </c>
      <c r="U5940">
        <v>8</v>
      </c>
      <c r="V5940">
        <v>3</v>
      </c>
      <c r="W5940">
        <v>180</v>
      </c>
      <c r="X5940">
        <v>2020</v>
      </c>
    </row>
    <row r="5941" spans="1:24" x14ac:dyDescent="0.25">
      <c r="A5941">
        <v>1979</v>
      </c>
      <c r="B5941" t="s">
        <v>215</v>
      </c>
      <c r="C5941">
        <v>41</v>
      </c>
      <c r="D5941" t="s">
        <v>344</v>
      </c>
      <c r="E5941">
        <v>322</v>
      </c>
      <c r="F5941" t="s">
        <v>651</v>
      </c>
      <c r="G5941">
        <v>160</v>
      </c>
      <c r="H5941" t="s">
        <v>1207</v>
      </c>
      <c r="I5941">
        <v>5188</v>
      </c>
      <c r="J5941" t="s">
        <v>897</v>
      </c>
      <c r="K5941">
        <v>3</v>
      </c>
      <c r="L5941" t="s">
        <v>897</v>
      </c>
      <c r="M5941">
        <v>8</v>
      </c>
      <c r="N5941" t="s">
        <v>654</v>
      </c>
      <c r="O5941">
        <v>3</v>
      </c>
      <c r="P5941" t="s">
        <v>655</v>
      </c>
      <c r="Q5941">
        <v>1</v>
      </c>
      <c r="R5941" t="s">
        <v>669</v>
      </c>
      <c r="S5941">
        <v>1</v>
      </c>
      <c r="T5941" t="s">
        <v>661</v>
      </c>
      <c r="U5941">
        <v>8</v>
      </c>
      <c r="V5941">
        <v>3</v>
      </c>
      <c r="W5941">
        <v>180</v>
      </c>
      <c r="X5941">
        <v>2020</v>
      </c>
    </row>
    <row r="5942" spans="1:24" x14ac:dyDescent="0.25">
      <c r="A5942">
        <v>1978</v>
      </c>
      <c r="B5942" t="s">
        <v>215</v>
      </c>
      <c r="C5942">
        <v>41</v>
      </c>
      <c r="D5942" t="s">
        <v>344</v>
      </c>
      <c r="E5942">
        <v>322</v>
      </c>
      <c r="F5942" t="s">
        <v>651</v>
      </c>
      <c r="G5942">
        <v>160</v>
      </c>
      <c r="H5942" t="s">
        <v>1207</v>
      </c>
      <c r="I5942">
        <v>5188</v>
      </c>
      <c r="J5942" t="s">
        <v>726</v>
      </c>
      <c r="K5942">
        <v>2</v>
      </c>
      <c r="L5942" t="s">
        <v>726</v>
      </c>
      <c r="M5942">
        <v>4</v>
      </c>
      <c r="N5942" t="s">
        <v>654</v>
      </c>
      <c r="O5942">
        <v>3</v>
      </c>
      <c r="P5942" t="s">
        <v>655</v>
      </c>
      <c r="Q5942">
        <v>1</v>
      </c>
      <c r="R5942" t="s">
        <v>669</v>
      </c>
      <c r="S5942">
        <v>1</v>
      </c>
      <c r="T5942" t="s">
        <v>661</v>
      </c>
      <c r="U5942">
        <v>8</v>
      </c>
      <c r="V5942">
        <v>3</v>
      </c>
      <c r="W5942">
        <v>180</v>
      </c>
      <c r="X5942">
        <v>2020</v>
      </c>
    </row>
    <row r="5943" spans="1:24" x14ac:dyDescent="0.25">
      <c r="A5943">
        <v>1977</v>
      </c>
      <c r="B5943" t="s">
        <v>215</v>
      </c>
      <c r="C5943">
        <v>41</v>
      </c>
      <c r="D5943" t="s">
        <v>344</v>
      </c>
      <c r="E5943">
        <v>322</v>
      </c>
      <c r="F5943" t="s">
        <v>651</v>
      </c>
      <c r="G5943">
        <v>160</v>
      </c>
      <c r="H5943" t="s">
        <v>1207</v>
      </c>
      <c r="I5943">
        <v>5188</v>
      </c>
      <c r="J5943" t="s">
        <v>885</v>
      </c>
      <c r="K5943">
        <v>1</v>
      </c>
      <c r="L5943" t="s">
        <v>1543</v>
      </c>
      <c r="M5943">
        <v>3</v>
      </c>
      <c r="N5943" t="s">
        <v>654</v>
      </c>
      <c r="O5943">
        <v>3</v>
      </c>
      <c r="P5943" t="s">
        <v>655</v>
      </c>
      <c r="Q5943">
        <v>1</v>
      </c>
      <c r="R5943" t="s">
        <v>669</v>
      </c>
      <c r="S5943">
        <v>1</v>
      </c>
      <c r="T5943" t="s">
        <v>661</v>
      </c>
      <c r="U5943">
        <v>8</v>
      </c>
      <c r="V5943">
        <v>3</v>
      </c>
      <c r="W5943">
        <v>180</v>
      </c>
      <c r="X5943">
        <v>2020</v>
      </c>
    </row>
    <row r="5944" spans="1:24" x14ac:dyDescent="0.25">
      <c r="A5944">
        <v>1974</v>
      </c>
      <c r="B5944" t="s">
        <v>215</v>
      </c>
      <c r="C5944">
        <v>41</v>
      </c>
      <c r="D5944" t="s">
        <v>481</v>
      </c>
      <c r="E5944">
        <v>321</v>
      </c>
      <c r="F5944" t="s">
        <v>651</v>
      </c>
      <c r="G5944">
        <v>160</v>
      </c>
      <c r="H5944" t="s">
        <v>1207</v>
      </c>
      <c r="I5944">
        <v>5188</v>
      </c>
      <c r="J5944" t="s">
        <v>864</v>
      </c>
      <c r="K5944">
        <v>14</v>
      </c>
      <c r="L5944" t="s">
        <v>1257</v>
      </c>
      <c r="M5944">
        <v>354</v>
      </c>
      <c r="N5944" t="s">
        <v>654</v>
      </c>
      <c r="O5944">
        <v>3</v>
      </c>
      <c r="P5944" t="s">
        <v>655</v>
      </c>
      <c r="Q5944">
        <v>1</v>
      </c>
      <c r="R5944" t="s">
        <v>669</v>
      </c>
      <c r="S5944">
        <v>1</v>
      </c>
      <c r="T5944" t="s">
        <v>661</v>
      </c>
      <c r="U5944">
        <v>8</v>
      </c>
      <c r="V5944">
        <v>4</v>
      </c>
      <c r="W5944">
        <v>240</v>
      </c>
      <c r="X5944">
        <v>2020</v>
      </c>
    </row>
    <row r="5945" spans="1:24" x14ac:dyDescent="0.25">
      <c r="A5945">
        <v>1973</v>
      </c>
      <c r="B5945" t="s">
        <v>215</v>
      </c>
      <c r="C5945">
        <v>41</v>
      </c>
      <c r="D5945" t="s">
        <v>482</v>
      </c>
      <c r="E5945">
        <v>320</v>
      </c>
      <c r="F5945" t="s">
        <v>651</v>
      </c>
      <c r="G5945">
        <v>160</v>
      </c>
      <c r="H5945" t="s">
        <v>1207</v>
      </c>
      <c r="I5945">
        <v>5188</v>
      </c>
      <c r="J5945" t="s">
        <v>1088</v>
      </c>
      <c r="K5945">
        <v>38</v>
      </c>
      <c r="L5945" t="s">
        <v>1089</v>
      </c>
      <c r="M5945">
        <v>135</v>
      </c>
      <c r="N5945" t="s">
        <v>654</v>
      </c>
      <c r="O5945">
        <v>3</v>
      </c>
      <c r="P5945" t="s">
        <v>655</v>
      </c>
      <c r="Q5945">
        <v>1</v>
      </c>
      <c r="R5945" t="s">
        <v>669</v>
      </c>
      <c r="S5945">
        <v>1</v>
      </c>
      <c r="T5945" t="s">
        <v>661</v>
      </c>
      <c r="U5945">
        <v>8</v>
      </c>
      <c r="V5945">
        <v>3</v>
      </c>
      <c r="W5945">
        <v>180</v>
      </c>
      <c r="X5945">
        <v>2020</v>
      </c>
    </row>
    <row r="5946" spans="1:24" x14ac:dyDescent="0.25">
      <c r="A5946">
        <v>1972</v>
      </c>
      <c r="B5946" t="s">
        <v>215</v>
      </c>
      <c r="C5946">
        <v>41</v>
      </c>
      <c r="D5946" t="s">
        <v>482</v>
      </c>
      <c r="E5946">
        <v>320</v>
      </c>
      <c r="F5946" t="s">
        <v>651</v>
      </c>
      <c r="G5946">
        <v>160</v>
      </c>
      <c r="H5946" t="s">
        <v>1207</v>
      </c>
      <c r="I5946">
        <v>5188</v>
      </c>
      <c r="J5946" t="s">
        <v>802</v>
      </c>
      <c r="K5946">
        <v>12</v>
      </c>
      <c r="L5946" t="s">
        <v>802</v>
      </c>
      <c r="M5946">
        <v>36</v>
      </c>
      <c r="N5946" t="s">
        <v>654</v>
      </c>
      <c r="O5946">
        <v>3</v>
      </c>
      <c r="P5946" t="s">
        <v>655</v>
      </c>
      <c r="Q5946">
        <v>1</v>
      </c>
      <c r="R5946" t="s">
        <v>669</v>
      </c>
      <c r="S5946">
        <v>1</v>
      </c>
      <c r="T5946" t="s">
        <v>661</v>
      </c>
      <c r="U5946">
        <v>8</v>
      </c>
      <c r="V5946">
        <v>3</v>
      </c>
      <c r="W5946">
        <v>180</v>
      </c>
      <c r="X5946">
        <v>2020</v>
      </c>
    </row>
    <row r="5947" spans="1:24" x14ac:dyDescent="0.25">
      <c r="A5947">
        <v>1970</v>
      </c>
      <c r="B5947" t="s">
        <v>215</v>
      </c>
      <c r="C5947">
        <v>41</v>
      </c>
      <c r="D5947" t="s">
        <v>482</v>
      </c>
      <c r="E5947">
        <v>320</v>
      </c>
      <c r="F5947" t="s">
        <v>651</v>
      </c>
      <c r="G5947">
        <v>160</v>
      </c>
      <c r="H5947" t="s">
        <v>1207</v>
      </c>
      <c r="I5947">
        <v>5188</v>
      </c>
      <c r="J5947" t="s">
        <v>792</v>
      </c>
      <c r="K5947">
        <v>6</v>
      </c>
      <c r="L5947" t="s">
        <v>792</v>
      </c>
      <c r="M5947">
        <v>16</v>
      </c>
      <c r="N5947" t="s">
        <v>654</v>
      </c>
      <c r="O5947">
        <v>3</v>
      </c>
      <c r="P5947" t="s">
        <v>655</v>
      </c>
      <c r="Q5947">
        <v>1</v>
      </c>
      <c r="R5947" t="s">
        <v>669</v>
      </c>
      <c r="S5947">
        <v>1</v>
      </c>
      <c r="T5947" t="s">
        <v>661</v>
      </c>
      <c r="U5947">
        <v>8</v>
      </c>
      <c r="V5947">
        <v>3</v>
      </c>
      <c r="W5947">
        <v>180</v>
      </c>
      <c r="X5947">
        <v>2020</v>
      </c>
    </row>
    <row r="5948" spans="1:24" x14ac:dyDescent="0.25">
      <c r="A5948">
        <v>1961</v>
      </c>
      <c r="B5948" t="s">
        <v>215</v>
      </c>
      <c r="C5948">
        <v>41</v>
      </c>
      <c r="D5948" t="s">
        <v>316</v>
      </c>
      <c r="E5948">
        <v>318</v>
      </c>
      <c r="F5948" t="s">
        <v>651</v>
      </c>
      <c r="G5948">
        <v>160</v>
      </c>
      <c r="H5948" t="s">
        <v>1207</v>
      </c>
      <c r="I5948">
        <v>5188</v>
      </c>
      <c r="J5948" t="s">
        <v>294</v>
      </c>
      <c r="K5948">
        <v>31</v>
      </c>
      <c r="L5948" t="s">
        <v>294</v>
      </c>
      <c r="M5948">
        <v>98</v>
      </c>
      <c r="N5948" t="s">
        <v>654</v>
      </c>
      <c r="O5948">
        <v>3</v>
      </c>
      <c r="P5948" t="s">
        <v>655</v>
      </c>
      <c r="Q5948">
        <v>1</v>
      </c>
      <c r="R5948" t="s">
        <v>669</v>
      </c>
      <c r="S5948">
        <v>1</v>
      </c>
      <c r="T5948" t="s">
        <v>661</v>
      </c>
      <c r="U5948">
        <v>8</v>
      </c>
      <c r="V5948">
        <v>3</v>
      </c>
      <c r="W5948">
        <v>180</v>
      </c>
      <c r="X5948">
        <v>2020</v>
      </c>
    </row>
    <row r="5949" spans="1:24" x14ac:dyDescent="0.25">
      <c r="A5949">
        <v>1960</v>
      </c>
      <c r="B5949" t="s">
        <v>215</v>
      </c>
      <c r="C5949">
        <v>41</v>
      </c>
      <c r="D5949" t="s">
        <v>316</v>
      </c>
      <c r="E5949">
        <v>318</v>
      </c>
      <c r="F5949" t="s">
        <v>651</v>
      </c>
      <c r="G5949">
        <v>160</v>
      </c>
      <c r="H5949" t="s">
        <v>1207</v>
      </c>
      <c r="I5949">
        <v>5188</v>
      </c>
      <c r="J5949" t="s">
        <v>295</v>
      </c>
      <c r="K5949">
        <v>30</v>
      </c>
      <c r="L5949" t="s">
        <v>295</v>
      </c>
      <c r="M5949">
        <v>96</v>
      </c>
      <c r="N5949" t="s">
        <v>654</v>
      </c>
      <c r="O5949">
        <v>3</v>
      </c>
      <c r="P5949" t="s">
        <v>689</v>
      </c>
      <c r="Q5949">
        <v>4</v>
      </c>
      <c r="R5949" t="s">
        <v>669</v>
      </c>
      <c r="S5949">
        <v>1</v>
      </c>
      <c r="T5949" t="s">
        <v>661</v>
      </c>
      <c r="U5949">
        <v>8</v>
      </c>
      <c r="V5949">
        <v>3</v>
      </c>
      <c r="W5949">
        <v>180</v>
      </c>
      <c r="X5949">
        <v>2020</v>
      </c>
    </row>
    <row r="5950" spans="1:24" x14ac:dyDescent="0.25">
      <c r="A5950">
        <v>1959</v>
      </c>
      <c r="B5950" t="s">
        <v>215</v>
      </c>
      <c r="C5950">
        <v>41</v>
      </c>
      <c r="D5950" t="s">
        <v>316</v>
      </c>
      <c r="E5950">
        <v>318</v>
      </c>
      <c r="F5950" t="s">
        <v>651</v>
      </c>
      <c r="G5950">
        <v>160</v>
      </c>
      <c r="H5950" t="s">
        <v>1207</v>
      </c>
      <c r="I5950">
        <v>5188</v>
      </c>
      <c r="J5950" t="s">
        <v>295</v>
      </c>
      <c r="K5950">
        <v>30</v>
      </c>
      <c r="L5950" t="s">
        <v>295</v>
      </c>
      <c r="M5950">
        <v>96</v>
      </c>
      <c r="N5950" t="s">
        <v>654</v>
      </c>
      <c r="O5950">
        <v>3</v>
      </c>
      <c r="P5950" t="s">
        <v>655</v>
      </c>
      <c r="Q5950">
        <v>1</v>
      </c>
      <c r="R5950" t="s">
        <v>669</v>
      </c>
      <c r="S5950">
        <v>1</v>
      </c>
      <c r="T5950" t="s">
        <v>661</v>
      </c>
      <c r="U5950">
        <v>8</v>
      </c>
      <c r="V5950">
        <v>3</v>
      </c>
      <c r="W5950">
        <v>180</v>
      </c>
      <c r="X5950">
        <v>2020</v>
      </c>
    </row>
    <row r="5951" spans="1:24" x14ac:dyDescent="0.25">
      <c r="A5951">
        <v>1957</v>
      </c>
      <c r="B5951" t="s">
        <v>215</v>
      </c>
      <c r="C5951">
        <v>41</v>
      </c>
      <c r="D5951" t="s">
        <v>316</v>
      </c>
      <c r="E5951">
        <v>318</v>
      </c>
      <c r="F5951" t="s">
        <v>651</v>
      </c>
      <c r="G5951">
        <v>160</v>
      </c>
      <c r="H5951" t="s">
        <v>1207</v>
      </c>
      <c r="I5951">
        <v>5188</v>
      </c>
      <c r="J5951" t="s">
        <v>299</v>
      </c>
      <c r="K5951">
        <v>27</v>
      </c>
      <c r="L5951" t="s">
        <v>690</v>
      </c>
      <c r="M5951">
        <v>89</v>
      </c>
      <c r="N5951" t="s">
        <v>654</v>
      </c>
      <c r="O5951">
        <v>3</v>
      </c>
      <c r="P5951" t="s">
        <v>655</v>
      </c>
      <c r="Q5951">
        <v>1</v>
      </c>
      <c r="R5951" t="s">
        <v>669</v>
      </c>
      <c r="S5951">
        <v>1</v>
      </c>
      <c r="T5951" t="s">
        <v>661</v>
      </c>
      <c r="U5951">
        <v>8</v>
      </c>
      <c r="V5951">
        <v>3</v>
      </c>
      <c r="W5951">
        <v>180</v>
      </c>
      <c r="X5951">
        <v>2020</v>
      </c>
    </row>
    <row r="5952" spans="1:24" x14ac:dyDescent="0.25">
      <c r="A5952">
        <v>1955</v>
      </c>
      <c r="B5952" t="s">
        <v>215</v>
      </c>
      <c r="C5952">
        <v>41</v>
      </c>
      <c r="D5952" t="s">
        <v>316</v>
      </c>
      <c r="E5952">
        <v>318</v>
      </c>
      <c r="F5952" t="s">
        <v>651</v>
      </c>
      <c r="G5952">
        <v>160</v>
      </c>
      <c r="H5952" t="s">
        <v>1207</v>
      </c>
      <c r="I5952">
        <v>5188</v>
      </c>
      <c r="J5952" t="s">
        <v>301</v>
      </c>
      <c r="K5952">
        <v>26</v>
      </c>
      <c r="L5952" t="s">
        <v>930</v>
      </c>
      <c r="M5952">
        <v>84</v>
      </c>
      <c r="N5952" t="s">
        <v>654</v>
      </c>
      <c r="O5952">
        <v>3</v>
      </c>
      <c r="P5952" t="s">
        <v>655</v>
      </c>
      <c r="Q5952">
        <v>1</v>
      </c>
      <c r="R5952" t="s">
        <v>669</v>
      </c>
      <c r="S5952">
        <v>1</v>
      </c>
      <c r="T5952" t="s">
        <v>661</v>
      </c>
      <c r="U5952">
        <v>8</v>
      </c>
      <c r="V5952">
        <v>3</v>
      </c>
      <c r="W5952">
        <v>180</v>
      </c>
      <c r="X5952">
        <v>2020</v>
      </c>
    </row>
    <row r="5953" spans="1:24" x14ac:dyDescent="0.25">
      <c r="A5953">
        <v>1953</v>
      </c>
      <c r="B5953" t="s">
        <v>215</v>
      </c>
      <c r="C5953">
        <v>41</v>
      </c>
      <c r="D5953" t="s">
        <v>316</v>
      </c>
      <c r="E5953">
        <v>318</v>
      </c>
      <c r="F5953" t="s">
        <v>651</v>
      </c>
      <c r="G5953">
        <v>160</v>
      </c>
      <c r="H5953" t="s">
        <v>1207</v>
      </c>
      <c r="I5953">
        <v>5188</v>
      </c>
      <c r="J5953" t="s">
        <v>807</v>
      </c>
      <c r="K5953">
        <v>25</v>
      </c>
      <c r="L5953" t="s">
        <v>1603</v>
      </c>
      <c r="M5953">
        <v>81</v>
      </c>
      <c r="N5953" t="s">
        <v>654</v>
      </c>
      <c r="O5953">
        <v>3</v>
      </c>
      <c r="P5953" t="s">
        <v>655</v>
      </c>
      <c r="Q5953">
        <v>1</v>
      </c>
      <c r="R5953" t="s">
        <v>669</v>
      </c>
      <c r="S5953">
        <v>1</v>
      </c>
      <c r="T5953" t="s">
        <v>661</v>
      </c>
      <c r="U5953">
        <v>8</v>
      </c>
      <c r="V5953">
        <v>3</v>
      </c>
      <c r="W5953">
        <v>180</v>
      </c>
      <c r="X5953">
        <v>2020</v>
      </c>
    </row>
    <row r="5954" spans="1:24" x14ac:dyDescent="0.25">
      <c r="A5954">
        <v>1952</v>
      </c>
      <c r="B5954" t="s">
        <v>74</v>
      </c>
      <c r="C5954">
        <v>40</v>
      </c>
      <c r="D5954" t="s">
        <v>353</v>
      </c>
      <c r="E5954">
        <v>317</v>
      </c>
      <c r="F5954" t="s">
        <v>651</v>
      </c>
      <c r="G5954">
        <v>160</v>
      </c>
      <c r="H5954" t="s">
        <v>697</v>
      </c>
      <c r="I5954">
        <v>11198</v>
      </c>
      <c r="J5954" t="s">
        <v>684</v>
      </c>
      <c r="K5954">
        <v>22</v>
      </c>
      <c r="L5954" t="s">
        <v>685</v>
      </c>
      <c r="M5954">
        <v>72</v>
      </c>
      <c r="N5954" t="s">
        <v>654</v>
      </c>
      <c r="O5954">
        <v>3</v>
      </c>
      <c r="P5954" t="s">
        <v>655</v>
      </c>
      <c r="Q5954">
        <v>1</v>
      </c>
      <c r="R5954" t="s">
        <v>669</v>
      </c>
      <c r="S5954">
        <v>1</v>
      </c>
      <c r="T5954" t="s">
        <v>661</v>
      </c>
      <c r="U5954">
        <v>8</v>
      </c>
      <c r="V5954">
        <v>3</v>
      </c>
      <c r="W5954">
        <v>180</v>
      </c>
      <c r="X5954">
        <v>2020</v>
      </c>
    </row>
    <row r="5955" spans="1:24" x14ac:dyDescent="0.25">
      <c r="A5955">
        <v>1951</v>
      </c>
      <c r="B5955" t="s">
        <v>74</v>
      </c>
      <c r="C5955">
        <v>40</v>
      </c>
      <c r="D5955" t="s">
        <v>483</v>
      </c>
      <c r="E5955">
        <v>316</v>
      </c>
      <c r="F5955" t="s">
        <v>651</v>
      </c>
      <c r="G5955">
        <v>160</v>
      </c>
      <c r="H5955" t="s">
        <v>697</v>
      </c>
      <c r="I5955">
        <v>11198</v>
      </c>
      <c r="J5955" t="s">
        <v>813</v>
      </c>
      <c r="K5955">
        <v>24</v>
      </c>
      <c r="L5955" t="s">
        <v>3922</v>
      </c>
      <c r="M5955">
        <v>80</v>
      </c>
      <c r="N5955" t="s">
        <v>654</v>
      </c>
      <c r="O5955">
        <v>3</v>
      </c>
      <c r="P5955" t="s">
        <v>655</v>
      </c>
      <c r="Q5955">
        <v>1</v>
      </c>
      <c r="R5955" t="s">
        <v>669</v>
      </c>
      <c r="S5955">
        <v>1</v>
      </c>
      <c r="T5955" t="s">
        <v>661</v>
      </c>
      <c r="U5955">
        <v>8</v>
      </c>
      <c r="V5955">
        <v>3</v>
      </c>
      <c r="W5955">
        <v>180</v>
      </c>
      <c r="X5955">
        <v>2020</v>
      </c>
    </row>
    <row r="5956" spans="1:24" x14ac:dyDescent="0.25">
      <c r="A5956">
        <v>1950</v>
      </c>
      <c r="B5956" t="s">
        <v>74</v>
      </c>
      <c r="C5956">
        <v>40</v>
      </c>
      <c r="D5956" t="s">
        <v>483</v>
      </c>
      <c r="E5956">
        <v>316</v>
      </c>
      <c r="F5956" t="s">
        <v>651</v>
      </c>
      <c r="G5956">
        <v>160</v>
      </c>
      <c r="H5956" t="s">
        <v>697</v>
      </c>
      <c r="I5956">
        <v>11198</v>
      </c>
      <c r="J5956" t="s">
        <v>295</v>
      </c>
      <c r="K5956">
        <v>30</v>
      </c>
      <c r="L5956" t="s">
        <v>295</v>
      </c>
      <c r="M5956">
        <v>96</v>
      </c>
      <c r="N5956" t="s">
        <v>654</v>
      </c>
      <c r="O5956">
        <v>3</v>
      </c>
      <c r="P5956" t="s">
        <v>655</v>
      </c>
      <c r="Q5956">
        <v>1</v>
      </c>
      <c r="R5956" t="s">
        <v>669</v>
      </c>
      <c r="S5956">
        <v>1</v>
      </c>
      <c r="T5956" t="s">
        <v>661</v>
      </c>
      <c r="U5956">
        <v>8</v>
      </c>
      <c r="V5956">
        <v>3</v>
      </c>
      <c r="W5956">
        <v>180</v>
      </c>
      <c r="X5956">
        <v>2020</v>
      </c>
    </row>
    <row r="5957" spans="1:24" x14ac:dyDescent="0.25">
      <c r="A5957">
        <v>1949</v>
      </c>
      <c r="B5957" t="s">
        <v>74</v>
      </c>
      <c r="C5957">
        <v>40</v>
      </c>
      <c r="D5957" t="s">
        <v>483</v>
      </c>
      <c r="E5957">
        <v>316</v>
      </c>
      <c r="F5957" t="s">
        <v>651</v>
      </c>
      <c r="G5957">
        <v>160</v>
      </c>
      <c r="H5957" t="s">
        <v>697</v>
      </c>
      <c r="I5957">
        <v>11198</v>
      </c>
      <c r="J5957" t="s">
        <v>955</v>
      </c>
      <c r="K5957">
        <v>29</v>
      </c>
      <c r="L5957" t="s">
        <v>2089</v>
      </c>
      <c r="M5957">
        <v>94</v>
      </c>
      <c r="N5957" t="s">
        <v>654</v>
      </c>
      <c r="O5957">
        <v>3</v>
      </c>
      <c r="P5957" t="s">
        <v>655</v>
      </c>
      <c r="Q5957">
        <v>1</v>
      </c>
      <c r="R5957" t="s">
        <v>669</v>
      </c>
      <c r="S5957">
        <v>1</v>
      </c>
      <c r="T5957" t="s">
        <v>661</v>
      </c>
      <c r="U5957">
        <v>8</v>
      </c>
      <c r="V5957">
        <v>3</v>
      </c>
      <c r="W5957">
        <v>180</v>
      </c>
      <c r="X5957">
        <v>2020</v>
      </c>
    </row>
    <row r="5958" spans="1:24" x14ac:dyDescent="0.25">
      <c r="A5958">
        <v>1948</v>
      </c>
      <c r="B5958" t="s">
        <v>74</v>
      </c>
      <c r="C5958">
        <v>40</v>
      </c>
      <c r="D5958" t="s">
        <v>483</v>
      </c>
      <c r="E5958">
        <v>316</v>
      </c>
      <c r="F5958" t="s">
        <v>651</v>
      </c>
      <c r="G5958">
        <v>160</v>
      </c>
      <c r="H5958" t="s">
        <v>697</v>
      </c>
      <c r="I5958">
        <v>11198</v>
      </c>
      <c r="J5958" t="s">
        <v>1094</v>
      </c>
      <c r="K5958">
        <v>28</v>
      </c>
      <c r="L5958" t="s">
        <v>296</v>
      </c>
      <c r="M5958">
        <v>91</v>
      </c>
      <c r="N5958" t="s">
        <v>654</v>
      </c>
      <c r="O5958">
        <v>3</v>
      </c>
      <c r="P5958" t="s">
        <v>655</v>
      </c>
      <c r="Q5958">
        <v>1</v>
      </c>
      <c r="R5958" t="s">
        <v>669</v>
      </c>
      <c r="S5958">
        <v>1</v>
      </c>
      <c r="T5958" t="s">
        <v>661</v>
      </c>
      <c r="U5958">
        <v>8</v>
      </c>
      <c r="V5958">
        <v>3</v>
      </c>
      <c r="W5958">
        <v>180</v>
      </c>
      <c r="X5958">
        <v>2020</v>
      </c>
    </row>
    <row r="5959" spans="1:24" x14ac:dyDescent="0.25">
      <c r="A5959">
        <v>1946</v>
      </c>
      <c r="B5959" t="s">
        <v>74</v>
      </c>
      <c r="C5959">
        <v>40</v>
      </c>
      <c r="D5959" t="s">
        <v>483</v>
      </c>
      <c r="E5959">
        <v>316</v>
      </c>
      <c r="F5959" t="s">
        <v>651</v>
      </c>
      <c r="G5959">
        <v>160</v>
      </c>
      <c r="H5959" t="s">
        <v>697</v>
      </c>
      <c r="I5959">
        <v>11198</v>
      </c>
      <c r="J5959" t="s">
        <v>299</v>
      </c>
      <c r="K5959">
        <v>27</v>
      </c>
      <c r="L5959" t="s">
        <v>690</v>
      </c>
      <c r="M5959">
        <v>89</v>
      </c>
      <c r="N5959" t="s">
        <v>654</v>
      </c>
      <c r="O5959">
        <v>3</v>
      </c>
      <c r="P5959" t="s">
        <v>689</v>
      </c>
      <c r="Q5959">
        <v>4</v>
      </c>
      <c r="R5959" t="s">
        <v>669</v>
      </c>
      <c r="S5959">
        <v>1</v>
      </c>
      <c r="T5959" t="s">
        <v>661</v>
      </c>
      <c r="U5959">
        <v>8</v>
      </c>
      <c r="V5959">
        <v>3</v>
      </c>
      <c r="W5959">
        <v>180</v>
      </c>
      <c r="X5959">
        <v>2020</v>
      </c>
    </row>
    <row r="5960" spans="1:24" x14ac:dyDescent="0.25">
      <c r="A5960">
        <v>1945</v>
      </c>
      <c r="B5960" t="s">
        <v>74</v>
      </c>
      <c r="C5960">
        <v>40</v>
      </c>
      <c r="D5960" t="s">
        <v>483</v>
      </c>
      <c r="E5960">
        <v>316</v>
      </c>
      <c r="F5960" t="s">
        <v>651</v>
      </c>
      <c r="G5960">
        <v>160</v>
      </c>
      <c r="H5960" t="s">
        <v>697</v>
      </c>
      <c r="I5960">
        <v>11198</v>
      </c>
      <c r="J5960" t="s">
        <v>299</v>
      </c>
      <c r="K5960">
        <v>27</v>
      </c>
      <c r="L5960" t="s">
        <v>690</v>
      </c>
      <c r="M5960">
        <v>89</v>
      </c>
      <c r="N5960" t="s">
        <v>654</v>
      </c>
      <c r="O5960">
        <v>3</v>
      </c>
      <c r="P5960" t="s">
        <v>655</v>
      </c>
      <c r="Q5960">
        <v>1</v>
      </c>
      <c r="R5960" t="s">
        <v>669</v>
      </c>
      <c r="S5960">
        <v>1</v>
      </c>
      <c r="T5960" t="s">
        <v>661</v>
      </c>
      <c r="U5960">
        <v>8</v>
      </c>
      <c r="V5960">
        <v>3</v>
      </c>
      <c r="W5960">
        <v>180</v>
      </c>
      <c r="X5960">
        <v>2020</v>
      </c>
    </row>
    <row r="5961" spans="1:24" x14ac:dyDescent="0.25">
      <c r="A5961">
        <v>1944</v>
      </c>
      <c r="B5961" t="s">
        <v>74</v>
      </c>
      <c r="C5961">
        <v>40</v>
      </c>
      <c r="D5961" t="s">
        <v>483</v>
      </c>
      <c r="E5961">
        <v>316</v>
      </c>
      <c r="F5961" t="s">
        <v>651</v>
      </c>
      <c r="G5961">
        <v>160</v>
      </c>
      <c r="H5961" t="s">
        <v>697</v>
      </c>
      <c r="I5961">
        <v>11198</v>
      </c>
      <c r="J5961" t="s">
        <v>301</v>
      </c>
      <c r="K5961">
        <v>26</v>
      </c>
      <c r="L5961" t="s">
        <v>930</v>
      </c>
      <c r="M5961">
        <v>84</v>
      </c>
      <c r="N5961" t="s">
        <v>654</v>
      </c>
      <c r="O5961">
        <v>3</v>
      </c>
      <c r="P5961" t="s">
        <v>689</v>
      </c>
      <c r="Q5961">
        <v>4</v>
      </c>
      <c r="R5961" t="s">
        <v>669</v>
      </c>
      <c r="S5961">
        <v>1</v>
      </c>
      <c r="T5961" t="s">
        <v>661</v>
      </c>
      <c r="U5961">
        <v>8</v>
      </c>
      <c r="V5961">
        <v>3</v>
      </c>
      <c r="W5961">
        <v>180</v>
      </c>
      <c r="X5961">
        <v>2020</v>
      </c>
    </row>
    <row r="5962" spans="1:24" x14ac:dyDescent="0.25">
      <c r="A5962">
        <v>1943</v>
      </c>
      <c r="B5962" t="s">
        <v>74</v>
      </c>
      <c r="C5962">
        <v>40</v>
      </c>
      <c r="D5962" t="s">
        <v>483</v>
      </c>
      <c r="E5962">
        <v>316</v>
      </c>
      <c r="F5962" t="s">
        <v>651</v>
      </c>
      <c r="G5962">
        <v>160</v>
      </c>
      <c r="H5962" t="s">
        <v>697</v>
      </c>
      <c r="I5962">
        <v>11198</v>
      </c>
      <c r="J5962" t="s">
        <v>301</v>
      </c>
      <c r="K5962">
        <v>26</v>
      </c>
      <c r="L5962" t="s">
        <v>930</v>
      </c>
      <c r="M5962">
        <v>84</v>
      </c>
      <c r="N5962" t="s">
        <v>654</v>
      </c>
      <c r="O5962">
        <v>3</v>
      </c>
      <c r="P5962" t="s">
        <v>655</v>
      </c>
      <c r="Q5962">
        <v>1</v>
      </c>
      <c r="R5962" t="s">
        <v>669</v>
      </c>
      <c r="S5962">
        <v>1</v>
      </c>
      <c r="T5962" t="s">
        <v>661</v>
      </c>
      <c r="U5962">
        <v>8</v>
      </c>
      <c r="V5962">
        <v>3</v>
      </c>
      <c r="W5962">
        <v>180</v>
      </c>
      <c r="X5962">
        <v>2020</v>
      </c>
    </row>
    <row r="5963" spans="1:24" x14ac:dyDescent="0.25">
      <c r="A5963">
        <v>1942</v>
      </c>
      <c r="B5963" t="s">
        <v>74</v>
      </c>
      <c r="C5963">
        <v>40</v>
      </c>
      <c r="D5963" t="s">
        <v>483</v>
      </c>
      <c r="E5963">
        <v>316</v>
      </c>
      <c r="F5963" t="s">
        <v>651</v>
      </c>
      <c r="G5963">
        <v>160</v>
      </c>
      <c r="H5963" t="s">
        <v>697</v>
      </c>
      <c r="I5963">
        <v>11198</v>
      </c>
      <c r="J5963" t="s">
        <v>301</v>
      </c>
      <c r="K5963">
        <v>26</v>
      </c>
      <c r="L5963" t="s">
        <v>301</v>
      </c>
      <c r="M5963">
        <v>82</v>
      </c>
      <c r="N5963" t="s">
        <v>654</v>
      </c>
      <c r="O5963">
        <v>3</v>
      </c>
      <c r="P5963" t="s">
        <v>689</v>
      </c>
      <c r="Q5963">
        <v>4</v>
      </c>
      <c r="R5963" t="s">
        <v>669</v>
      </c>
      <c r="S5963">
        <v>1</v>
      </c>
      <c r="T5963" t="s">
        <v>661</v>
      </c>
      <c r="U5963">
        <v>8</v>
      </c>
      <c r="V5963">
        <v>3</v>
      </c>
      <c r="W5963">
        <v>180</v>
      </c>
      <c r="X5963">
        <v>2020</v>
      </c>
    </row>
    <row r="5964" spans="1:24" x14ac:dyDescent="0.25">
      <c r="A5964">
        <v>1941</v>
      </c>
      <c r="B5964" t="s">
        <v>74</v>
      </c>
      <c r="C5964">
        <v>40</v>
      </c>
      <c r="D5964" t="s">
        <v>483</v>
      </c>
      <c r="E5964">
        <v>316</v>
      </c>
      <c r="F5964" t="s">
        <v>651</v>
      </c>
      <c r="G5964">
        <v>160</v>
      </c>
      <c r="H5964" t="s">
        <v>697</v>
      </c>
      <c r="I5964">
        <v>11198</v>
      </c>
      <c r="J5964" t="s">
        <v>301</v>
      </c>
      <c r="K5964">
        <v>26</v>
      </c>
      <c r="L5964" t="s">
        <v>301</v>
      </c>
      <c r="M5964">
        <v>82</v>
      </c>
      <c r="N5964" t="s">
        <v>654</v>
      </c>
      <c r="O5964">
        <v>3</v>
      </c>
      <c r="P5964" t="s">
        <v>655</v>
      </c>
      <c r="Q5964">
        <v>1</v>
      </c>
      <c r="R5964" t="s">
        <v>669</v>
      </c>
      <c r="S5964">
        <v>1</v>
      </c>
      <c r="T5964" t="s">
        <v>661</v>
      </c>
      <c r="U5964">
        <v>8</v>
      </c>
      <c r="V5964">
        <v>3</v>
      </c>
      <c r="W5964">
        <v>180</v>
      </c>
      <c r="X5964">
        <v>2020</v>
      </c>
    </row>
    <row r="5965" spans="1:24" x14ac:dyDescent="0.25">
      <c r="A5965">
        <v>1940</v>
      </c>
      <c r="B5965" t="s">
        <v>74</v>
      </c>
      <c r="C5965">
        <v>40</v>
      </c>
      <c r="D5965" t="s">
        <v>483</v>
      </c>
      <c r="E5965">
        <v>316</v>
      </c>
      <c r="F5965" t="s">
        <v>651</v>
      </c>
      <c r="G5965">
        <v>160</v>
      </c>
      <c r="H5965" t="s">
        <v>697</v>
      </c>
      <c r="I5965">
        <v>11198</v>
      </c>
      <c r="J5965" t="s">
        <v>807</v>
      </c>
      <c r="K5965">
        <v>25</v>
      </c>
      <c r="L5965" t="s">
        <v>1603</v>
      </c>
      <c r="M5965">
        <v>81</v>
      </c>
      <c r="N5965" t="s">
        <v>654</v>
      </c>
      <c r="O5965">
        <v>3</v>
      </c>
      <c r="P5965" t="s">
        <v>655</v>
      </c>
      <c r="Q5965">
        <v>1</v>
      </c>
      <c r="R5965" t="s">
        <v>669</v>
      </c>
      <c r="S5965">
        <v>1</v>
      </c>
      <c r="T5965" t="s">
        <v>661</v>
      </c>
      <c r="U5965">
        <v>8</v>
      </c>
      <c r="V5965">
        <v>3</v>
      </c>
      <c r="W5965">
        <v>180</v>
      </c>
      <c r="X5965">
        <v>2020</v>
      </c>
    </row>
    <row r="5966" spans="1:24" x14ac:dyDescent="0.25">
      <c r="A5966">
        <v>1939</v>
      </c>
      <c r="B5966" t="s">
        <v>74</v>
      </c>
      <c r="C5966">
        <v>40</v>
      </c>
      <c r="D5966" t="s">
        <v>483</v>
      </c>
      <c r="E5966">
        <v>316</v>
      </c>
      <c r="F5966" t="s">
        <v>651</v>
      </c>
      <c r="G5966">
        <v>160</v>
      </c>
      <c r="H5966" t="s">
        <v>697</v>
      </c>
      <c r="I5966">
        <v>11198</v>
      </c>
      <c r="J5966" t="s">
        <v>682</v>
      </c>
      <c r="K5966">
        <v>20</v>
      </c>
      <c r="L5966" t="s">
        <v>946</v>
      </c>
      <c r="M5966">
        <v>63</v>
      </c>
      <c r="N5966" t="s">
        <v>654</v>
      </c>
      <c r="O5966">
        <v>3</v>
      </c>
      <c r="P5966" t="s">
        <v>689</v>
      </c>
      <c r="Q5966">
        <v>4</v>
      </c>
      <c r="R5966" t="s">
        <v>669</v>
      </c>
      <c r="S5966">
        <v>1</v>
      </c>
      <c r="T5966" t="s">
        <v>661</v>
      </c>
      <c r="U5966">
        <v>8</v>
      </c>
      <c r="V5966">
        <v>3</v>
      </c>
      <c r="W5966">
        <v>180</v>
      </c>
      <c r="X5966">
        <v>2020</v>
      </c>
    </row>
    <row r="5967" spans="1:24" x14ac:dyDescent="0.25">
      <c r="A5967">
        <v>1938</v>
      </c>
      <c r="B5967" t="s">
        <v>74</v>
      </c>
      <c r="C5967">
        <v>40</v>
      </c>
      <c r="D5967" t="s">
        <v>483</v>
      </c>
      <c r="E5967">
        <v>316</v>
      </c>
      <c r="F5967" t="s">
        <v>651</v>
      </c>
      <c r="G5967">
        <v>160</v>
      </c>
      <c r="H5967" t="s">
        <v>697</v>
      </c>
      <c r="I5967">
        <v>11198</v>
      </c>
      <c r="J5967" t="s">
        <v>682</v>
      </c>
      <c r="K5967">
        <v>20</v>
      </c>
      <c r="L5967" t="s">
        <v>946</v>
      </c>
      <c r="M5967">
        <v>63</v>
      </c>
      <c r="N5967" t="s">
        <v>654</v>
      </c>
      <c r="O5967">
        <v>3</v>
      </c>
      <c r="P5967" t="s">
        <v>655</v>
      </c>
      <c r="Q5967">
        <v>1</v>
      </c>
      <c r="R5967" t="s">
        <v>669</v>
      </c>
      <c r="S5967">
        <v>1</v>
      </c>
      <c r="T5967" t="s">
        <v>661</v>
      </c>
      <c r="U5967">
        <v>8</v>
      </c>
      <c r="V5967">
        <v>3</v>
      </c>
      <c r="W5967">
        <v>180</v>
      </c>
      <c r="X5967">
        <v>2020</v>
      </c>
    </row>
    <row r="5968" spans="1:24" x14ac:dyDescent="0.25">
      <c r="A5968">
        <v>1934</v>
      </c>
      <c r="B5968" t="s">
        <v>74</v>
      </c>
      <c r="C5968">
        <v>40</v>
      </c>
      <c r="D5968" t="s">
        <v>484</v>
      </c>
      <c r="E5968">
        <v>315</v>
      </c>
      <c r="F5968" t="s">
        <v>651</v>
      </c>
      <c r="G5968">
        <v>160</v>
      </c>
      <c r="H5968" t="s">
        <v>697</v>
      </c>
      <c r="I5968">
        <v>11198</v>
      </c>
      <c r="J5968" t="s">
        <v>678</v>
      </c>
      <c r="K5968">
        <v>41</v>
      </c>
      <c r="L5968" t="s">
        <v>678</v>
      </c>
      <c r="M5968">
        <v>145</v>
      </c>
      <c r="N5968" t="s">
        <v>654</v>
      </c>
      <c r="O5968">
        <v>3</v>
      </c>
      <c r="P5968" t="s">
        <v>689</v>
      </c>
      <c r="Q5968">
        <v>4</v>
      </c>
      <c r="R5968" t="s">
        <v>669</v>
      </c>
      <c r="S5968">
        <v>1</v>
      </c>
      <c r="T5968" t="s">
        <v>661</v>
      </c>
      <c r="U5968">
        <v>8</v>
      </c>
      <c r="V5968">
        <v>4</v>
      </c>
      <c r="W5968">
        <v>240</v>
      </c>
      <c r="X5968">
        <v>2020</v>
      </c>
    </row>
    <row r="5969" spans="1:24" x14ac:dyDescent="0.25">
      <c r="A5969">
        <v>1933</v>
      </c>
      <c r="B5969" t="s">
        <v>74</v>
      </c>
      <c r="C5969">
        <v>40</v>
      </c>
      <c r="D5969" t="s">
        <v>484</v>
      </c>
      <c r="E5969">
        <v>315</v>
      </c>
      <c r="F5969" t="s">
        <v>651</v>
      </c>
      <c r="G5969">
        <v>160</v>
      </c>
      <c r="H5969" t="s">
        <v>697</v>
      </c>
      <c r="I5969">
        <v>11198</v>
      </c>
      <c r="J5969" t="s">
        <v>678</v>
      </c>
      <c r="K5969">
        <v>41</v>
      </c>
      <c r="L5969" t="s">
        <v>678</v>
      </c>
      <c r="M5969">
        <v>145</v>
      </c>
      <c r="N5969" t="s">
        <v>654</v>
      </c>
      <c r="O5969">
        <v>3</v>
      </c>
      <c r="P5969" t="s">
        <v>655</v>
      </c>
      <c r="Q5969">
        <v>1</v>
      </c>
      <c r="R5969" t="s">
        <v>669</v>
      </c>
      <c r="S5969">
        <v>1</v>
      </c>
      <c r="T5969" t="s">
        <v>661</v>
      </c>
      <c r="U5969">
        <v>8</v>
      </c>
      <c r="V5969">
        <v>4</v>
      </c>
      <c r="W5969">
        <v>240</v>
      </c>
      <c r="X5969">
        <v>2020</v>
      </c>
    </row>
    <row r="5970" spans="1:24" x14ac:dyDescent="0.25">
      <c r="A5970">
        <v>1932</v>
      </c>
      <c r="B5970" t="s">
        <v>74</v>
      </c>
      <c r="C5970">
        <v>40</v>
      </c>
      <c r="D5970" t="s">
        <v>485</v>
      </c>
      <c r="E5970">
        <v>314</v>
      </c>
      <c r="F5970" t="s">
        <v>651</v>
      </c>
      <c r="G5970">
        <v>160</v>
      </c>
      <c r="H5970" t="s">
        <v>697</v>
      </c>
      <c r="I5970">
        <v>11198</v>
      </c>
      <c r="J5970" t="s">
        <v>691</v>
      </c>
      <c r="K5970">
        <v>21</v>
      </c>
      <c r="L5970" t="s">
        <v>1923</v>
      </c>
      <c r="M5970">
        <v>67</v>
      </c>
      <c r="N5970" t="s">
        <v>654</v>
      </c>
      <c r="O5970">
        <v>3</v>
      </c>
      <c r="P5970" t="s">
        <v>655</v>
      </c>
      <c r="Q5970">
        <v>1</v>
      </c>
      <c r="R5970" t="s">
        <v>669</v>
      </c>
      <c r="S5970">
        <v>1</v>
      </c>
      <c r="T5970" t="s">
        <v>661</v>
      </c>
      <c r="U5970">
        <v>8</v>
      </c>
      <c r="V5970">
        <v>3</v>
      </c>
      <c r="W5970">
        <v>180</v>
      </c>
      <c r="X5970">
        <v>2020</v>
      </c>
    </row>
    <row r="5971" spans="1:24" x14ac:dyDescent="0.25">
      <c r="A5971">
        <v>1926</v>
      </c>
      <c r="B5971" t="s">
        <v>74</v>
      </c>
      <c r="C5971">
        <v>40</v>
      </c>
      <c r="D5971" t="s">
        <v>485</v>
      </c>
      <c r="E5971">
        <v>314</v>
      </c>
      <c r="F5971" t="s">
        <v>651</v>
      </c>
      <c r="G5971">
        <v>160</v>
      </c>
      <c r="H5971" t="s">
        <v>697</v>
      </c>
      <c r="I5971">
        <v>11198</v>
      </c>
      <c r="J5971" t="s">
        <v>699</v>
      </c>
      <c r="K5971">
        <v>10</v>
      </c>
      <c r="L5971" t="s">
        <v>700</v>
      </c>
      <c r="M5971">
        <v>348</v>
      </c>
      <c r="N5971" t="s">
        <v>654</v>
      </c>
      <c r="O5971">
        <v>3</v>
      </c>
      <c r="P5971" t="s">
        <v>655</v>
      </c>
      <c r="Q5971">
        <v>1</v>
      </c>
      <c r="R5971" t="s">
        <v>669</v>
      </c>
      <c r="S5971">
        <v>1</v>
      </c>
      <c r="T5971" t="s">
        <v>1000</v>
      </c>
      <c r="U5971">
        <v>60</v>
      </c>
      <c r="V5971">
        <v>3</v>
      </c>
      <c r="W5971">
        <v>180</v>
      </c>
      <c r="X5971">
        <v>2020</v>
      </c>
    </row>
    <row r="5972" spans="1:24" x14ac:dyDescent="0.25">
      <c r="A5972">
        <v>1925</v>
      </c>
      <c r="B5972" t="s">
        <v>74</v>
      </c>
      <c r="C5972">
        <v>40</v>
      </c>
      <c r="D5972" t="s">
        <v>485</v>
      </c>
      <c r="E5972">
        <v>314</v>
      </c>
      <c r="F5972" t="s">
        <v>651</v>
      </c>
      <c r="G5972">
        <v>160</v>
      </c>
      <c r="H5972" t="s">
        <v>697</v>
      </c>
      <c r="I5972">
        <v>11198</v>
      </c>
      <c r="J5972" t="s">
        <v>699</v>
      </c>
      <c r="K5972">
        <v>10</v>
      </c>
      <c r="L5972" t="s">
        <v>700</v>
      </c>
      <c r="M5972">
        <v>348</v>
      </c>
      <c r="N5972" t="s">
        <v>654</v>
      </c>
      <c r="O5972">
        <v>3</v>
      </c>
      <c r="P5972" t="s">
        <v>655</v>
      </c>
      <c r="Q5972">
        <v>1</v>
      </c>
      <c r="R5972" t="s">
        <v>669</v>
      </c>
      <c r="S5972">
        <v>1</v>
      </c>
      <c r="T5972" t="s">
        <v>942</v>
      </c>
      <c r="U5972">
        <v>58</v>
      </c>
      <c r="V5972">
        <v>3</v>
      </c>
      <c r="W5972">
        <v>180</v>
      </c>
      <c r="X5972">
        <v>2020</v>
      </c>
    </row>
    <row r="5973" spans="1:24" x14ac:dyDescent="0.25">
      <c r="A5973">
        <v>1924</v>
      </c>
      <c r="B5973" t="s">
        <v>74</v>
      </c>
      <c r="C5973">
        <v>40</v>
      </c>
      <c r="D5973" t="s">
        <v>485</v>
      </c>
      <c r="E5973">
        <v>314</v>
      </c>
      <c r="F5973" t="s">
        <v>651</v>
      </c>
      <c r="G5973">
        <v>160</v>
      </c>
      <c r="H5973" t="s">
        <v>697</v>
      </c>
      <c r="I5973">
        <v>11198</v>
      </c>
      <c r="J5973" t="s">
        <v>699</v>
      </c>
      <c r="K5973">
        <v>10</v>
      </c>
      <c r="L5973" t="s">
        <v>700</v>
      </c>
      <c r="M5973">
        <v>348</v>
      </c>
      <c r="N5973" t="s">
        <v>654</v>
      </c>
      <c r="O5973">
        <v>3</v>
      </c>
      <c r="P5973" t="s">
        <v>655</v>
      </c>
      <c r="Q5973">
        <v>1</v>
      </c>
      <c r="R5973" t="s">
        <v>669</v>
      </c>
      <c r="S5973">
        <v>1</v>
      </c>
      <c r="T5973" t="s">
        <v>1010</v>
      </c>
      <c r="U5973">
        <v>36</v>
      </c>
      <c r="V5973">
        <v>3</v>
      </c>
      <c r="W5973">
        <v>180</v>
      </c>
      <c r="X5973">
        <v>2020</v>
      </c>
    </row>
    <row r="5974" spans="1:24" x14ac:dyDescent="0.25">
      <c r="A5974">
        <v>1923</v>
      </c>
      <c r="B5974" t="s">
        <v>74</v>
      </c>
      <c r="C5974">
        <v>40</v>
      </c>
      <c r="D5974" t="s">
        <v>485</v>
      </c>
      <c r="E5974">
        <v>314</v>
      </c>
      <c r="F5974" t="s">
        <v>651</v>
      </c>
      <c r="G5974">
        <v>160</v>
      </c>
      <c r="H5974" t="s">
        <v>697</v>
      </c>
      <c r="I5974">
        <v>11198</v>
      </c>
      <c r="J5974" t="s">
        <v>699</v>
      </c>
      <c r="K5974">
        <v>10</v>
      </c>
      <c r="L5974" t="s">
        <v>1096</v>
      </c>
      <c r="M5974">
        <v>341</v>
      </c>
      <c r="N5974" t="s">
        <v>654</v>
      </c>
      <c r="O5974">
        <v>3</v>
      </c>
      <c r="P5974" t="s">
        <v>689</v>
      </c>
      <c r="Q5974">
        <v>4</v>
      </c>
      <c r="R5974" t="s">
        <v>669</v>
      </c>
      <c r="S5974">
        <v>1</v>
      </c>
      <c r="T5974" t="s">
        <v>1611</v>
      </c>
      <c r="U5974">
        <v>11</v>
      </c>
      <c r="V5974">
        <v>3</v>
      </c>
      <c r="W5974">
        <v>180</v>
      </c>
      <c r="X5974">
        <v>2020</v>
      </c>
    </row>
    <row r="5975" spans="1:24" x14ac:dyDescent="0.25">
      <c r="A5975">
        <v>1922</v>
      </c>
      <c r="B5975" t="s">
        <v>74</v>
      </c>
      <c r="C5975">
        <v>40</v>
      </c>
      <c r="D5975" t="s">
        <v>485</v>
      </c>
      <c r="E5975">
        <v>314</v>
      </c>
      <c r="F5975" t="s">
        <v>651</v>
      </c>
      <c r="G5975">
        <v>160</v>
      </c>
      <c r="H5975" t="s">
        <v>697</v>
      </c>
      <c r="I5975">
        <v>11198</v>
      </c>
      <c r="J5975" t="s">
        <v>699</v>
      </c>
      <c r="K5975">
        <v>10</v>
      </c>
      <c r="L5975" t="s">
        <v>1096</v>
      </c>
      <c r="M5975">
        <v>341</v>
      </c>
      <c r="N5975" t="s">
        <v>654</v>
      </c>
      <c r="O5975">
        <v>3</v>
      </c>
      <c r="P5975" t="s">
        <v>655</v>
      </c>
      <c r="Q5975">
        <v>1</v>
      </c>
      <c r="R5975" t="s">
        <v>669</v>
      </c>
      <c r="S5975">
        <v>1</v>
      </c>
      <c r="T5975" t="s">
        <v>1611</v>
      </c>
      <c r="U5975">
        <v>11</v>
      </c>
      <c r="V5975">
        <v>3</v>
      </c>
      <c r="W5975">
        <v>180</v>
      </c>
      <c r="X5975">
        <v>2020</v>
      </c>
    </row>
    <row r="5976" spans="1:24" x14ac:dyDescent="0.25">
      <c r="A5976">
        <v>1921</v>
      </c>
      <c r="B5976" t="s">
        <v>74</v>
      </c>
      <c r="C5976">
        <v>40</v>
      </c>
      <c r="D5976" t="s">
        <v>485</v>
      </c>
      <c r="E5976">
        <v>314</v>
      </c>
      <c r="F5976" t="s">
        <v>651</v>
      </c>
      <c r="G5976">
        <v>160</v>
      </c>
      <c r="H5976" t="s">
        <v>697</v>
      </c>
      <c r="I5976">
        <v>11198</v>
      </c>
      <c r="J5976" t="s">
        <v>699</v>
      </c>
      <c r="K5976">
        <v>10</v>
      </c>
      <c r="L5976" t="s">
        <v>1096</v>
      </c>
      <c r="M5976">
        <v>341</v>
      </c>
      <c r="N5976" t="s">
        <v>654</v>
      </c>
      <c r="O5976">
        <v>3</v>
      </c>
      <c r="P5976" t="s">
        <v>655</v>
      </c>
      <c r="Q5976">
        <v>1</v>
      </c>
      <c r="R5976" t="s">
        <v>669</v>
      </c>
      <c r="S5976">
        <v>1</v>
      </c>
      <c r="T5976" t="s">
        <v>1751</v>
      </c>
      <c r="U5976">
        <v>14</v>
      </c>
      <c r="V5976">
        <v>3</v>
      </c>
      <c r="W5976">
        <v>180</v>
      </c>
      <c r="X5976">
        <v>2020</v>
      </c>
    </row>
    <row r="5977" spans="1:24" x14ac:dyDescent="0.25">
      <c r="A5977">
        <v>1920</v>
      </c>
      <c r="B5977" t="s">
        <v>74</v>
      </c>
      <c r="C5977">
        <v>40</v>
      </c>
      <c r="D5977" t="s">
        <v>485</v>
      </c>
      <c r="E5977">
        <v>314</v>
      </c>
      <c r="F5977" t="s">
        <v>651</v>
      </c>
      <c r="G5977">
        <v>160</v>
      </c>
      <c r="H5977" t="s">
        <v>697</v>
      </c>
      <c r="I5977">
        <v>11198</v>
      </c>
      <c r="J5977" t="s">
        <v>699</v>
      </c>
      <c r="K5977">
        <v>10</v>
      </c>
      <c r="L5977" t="s">
        <v>1096</v>
      </c>
      <c r="M5977">
        <v>341</v>
      </c>
      <c r="N5977" t="s">
        <v>654</v>
      </c>
      <c r="O5977">
        <v>3</v>
      </c>
      <c r="P5977" t="s">
        <v>655</v>
      </c>
      <c r="Q5977">
        <v>1</v>
      </c>
      <c r="R5977" t="s">
        <v>669</v>
      </c>
      <c r="S5977">
        <v>1</v>
      </c>
      <c r="T5977" t="s">
        <v>1752</v>
      </c>
      <c r="U5977">
        <v>15</v>
      </c>
      <c r="V5977">
        <v>3</v>
      </c>
      <c r="W5977">
        <v>180</v>
      </c>
      <c r="X5977">
        <v>2020</v>
      </c>
    </row>
    <row r="5978" spans="1:24" x14ac:dyDescent="0.25">
      <c r="A5978">
        <v>1918</v>
      </c>
      <c r="B5978" t="s">
        <v>74</v>
      </c>
      <c r="C5978">
        <v>40</v>
      </c>
      <c r="D5978" t="s">
        <v>486</v>
      </c>
      <c r="E5978">
        <v>313</v>
      </c>
      <c r="F5978" t="s">
        <v>651</v>
      </c>
      <c r="G5978">
        <v>160</v>
      </c>
      <c r="H5978" t="s">
        <v>697</v>
      </c>
      <c r="I5978">
        <v>11198</v>
      </c>
      <c r="J5978" t="s">
        <v>756</v>
      </c>
      <c r="K5978">
        <v>19</v>
      </c>
      <c r="L5978" t="s">
        <v>756</v>
      </c>
      <c r="M5978">
        <v>60</v>
      </c>
      <c r="N5978" t="s">
        <v>654</v>
      </c>
      <c r="O5978">
        <v>3</v>
      </c>
      <c r="P5978" t="s">
        <v>655</v>
      </c>
      <c r="Q5978">
        <v>1</v>
      </c>
      <c r="R5978" t="s">
        <v>669</v>
      </c>
      <c r="S5978">
        <v>1</v>
      </c>
      <c r="T5978" t="s">
        <v>661</v>
      </c>
      <c r="U5978">
        <v>8</v>
      </c>
      <c r="V5978">
        <v>3</v>
      </c>
      <c r="W5978">
        <v>180</v>
      </c>
      <c r="X5978">
        <v>2020</v>
      </c>
    </row>
    <row r="5979" spans="1:24" x14ac:dyDescent="0.25">
      <c r="A5979">
        <v>1916</v>
      </c>
      <c r="B5979" t="s">
        <v>74</v>
      </c>
      <c r="C5979">
        <v>40</v>
      </c>
      <c r="D5979" t="s">
        <v>486</v>
      </c>
      <c r="E5979">
        <v>313</v>
      </c>
      <c r="F5979" t="s">
        <v>651</v>
      </c>
      <c r="G5979">
        <v>160</v>
      </c>
      <c r="H5979" t="s">
        <v>697</v>
      </c>
      <c r="I5979">
        <v>11198</v>
      </c>
      <c r="J5979" t="s">
        <v>1011</v>
      </c>
      <c r="K5979">
        <v>17</v>
      </c>
      <c r="L5979" t="s">
        <v>1011</v>
      </c>
      <c r="M5979">
        <v>57</v>
      </c>
      <c r="N5979" t="s">
        <v>654</v>
      </c>
      <c r="O5979">
        <v>3</v>
      </c>
      <c r="P5979" t="s">
        <v>655</v>
      </c>
      <c r="Q5979">
        <v>1</v>
      </c>
      <c r="R5979" t="s">
        <v>669</v>
      </c>
      <c r="S5979">
        <v>1</v>
      </c>
      <c r="T5979" t="s">
        <v>661</v>
      </c>
      <c r="U5979">
        <v>8</v>
      </c>
      <c r="V5979">
        <v>3</v>
      </c>
      <c r="W5979">
        <v>180</v>
      </c>
      <c r="X5979">
        <v>2020</v>
      </c>
    </row>
    <row r="5980" spans="1:24" x14ac:dyDescent="0.25">
      <c r="A5980">
        <v>1913</v>
      </c>
      <c r="B5980" t="s">
        <v>74</v>
      </c>
      <c r="C5980">
        <v>40</v>
      </c>
      <c r="D5980" t="s">
        <v>486</v>
      </c>
      <c r="E5980">
        <v>313</v>
      </c>
      <c r="F5980" t="s">
        <v>651</v>
      </c>
      <c r="G5980">
        <v>160</v>
      </c>
      <c r="H5980" t="s">
        <v>697</v>
      </c>
      <c r="I5980">
        <v>11198</v>
      </c>
      <c r="J5980" t="s">
        <v>802</v>
      </c>
      <c r="K5980">
        <v>12</v>
      </c>
      <c r="L5980" t="s">
        <v>802</v>
      </c>
      <c r="M5980">
        <v>36</v>
      </c>
      <c r="N5980" t="s">
        <v>654</v>
      </c>
      <c r="O5980">
        <v>3</v>
      </c>
      <c r="P5980" t="s">
        <v>655</v>
      </c>
      <c r="Q5980">
        <v>1</v>
      </c>
      <c r="R5980" t="s">
        <v>669</v>
      </c>
      <c r="S5980">
        <v>1</v>
      </c>
      <c r="T5980" t="s">
        <v>661</v>
      </c>
      <c r="U5980">
        <v>8</v>
      </c>
      <c r="V5980">
        <v>3</v>
      </c>
      <c r="W5980">
        <v>180</v>
      </c>
      <c r="X5980">
        <v>2020</v>
      </c>
    </row>
    <row r="5981" spans="1:24" x14ac:dyDescent="0.25">
      <c r="A5981">
        <v>1912</v>
      </c>
      <c r="B5981" t="s">
        <v>74</v>
      </c>
      <c r="C5981">
        <v>40</v>
      </c>
      <c r="D5981" t="s">
        <v>486</v>
      </c>
      <c r="E5981">
        <v>313</v>
      </c>
      <c r="F5981" t="s">
        <v>651</v>
      </c>
      <c r="G5981">
        <v>160</v>
      </c>
      <c r="H5981" t="s">
        <v>697</v>
      </c>
      <c r="I5981">
        <v>11198</v>
      </c>
      <c r="J5981" t="s">
        <v>866</v>
      </c>
      <c r="K5981">
        <v>9</v>
      </c>
      <c r="L5981" t="s">
        <v>866</v>
      </c>
      <c r="M5981">
        <v>28</v>
      </c>
      <c r="N5981" t="s">
        <v>654</v>
      </c>
      <c r="O5981">
        <v>3</v>
      </c>
      <c r="P5981" t="s">
        <v>655</v>
      </c>
      <c r="Q5981">
        <v>1</v>
      </c>
      <c r="R5981" t="s">
        <v>669</v>
      </c>
      <c r="S5981">
        <v>1</v>
      </c>
      <c r="T5981" t="s">
        <v>661</v>
      </c>
      <c r="U5981">
        <v>8</v>
      </c>
      <c r="V5981">
        <v>3</v>
      </c>
      <c r="W5981">
        <v>180</v>
      </c>
      <c r="X5981">
        <v>2020</v>
      </c>
    </row>
    <row r="5982" spans="1:24" x14ac:dyDescent="0.25">
      <c r="A5982">
        <v>1910</v>
      </c>
      <c r="B5982" t="s">
        <v>74</v>
      </c>
      <c r="C5982">
        <v>40</v>
      </c>
      <c r="D5982" t="s">
        <v>486</v>
      </c>
      <c r="E5982">
        <v>313</v>
      </c>
      <c r="F5982" t="s">
        <v>651</v>
      </c>
      <c r="G5982">
        <v>160</v>
      </c>
      <c r="H5982" t="s">
        <v>697</v>
      </c>
      <c r="I5982">
        <v>11198</v>
      </c>
      <c r="J5982" t="s">
        <v>792</v>
      </c>
      <c r="K5982">
        <v>6</v>
      </c>
      <c r="L5982" t="s">
        <v>1927</v>
      </c>
      <c r="M5982">
        <v>17</v>
      </c>
      <c r="N5982" t="s">
        <v>654</v>
      </c>
      <c r="O5982">
        <v>3</v>
      </c>
      <c r="P5982" t="s">
        <v>689</v>
      </c>
      <c r="Q5982">
        <v>4</v>
      </c>
      <c r="R5982" t="s">
        <v>669</v>
      </c>
      <c r="S5982">
        <v>1</v>
      </c>
      <c r="T5982" t="s">
        <v>661</v>
      </c>
      <c r="U5982">
        <v>8</v>
      </c>
      <c r="V5982">
        <v>3</v>
      </c>
      <c r="W5982">
        <v>180</v>
      </c>
      <c r="X5982">
        <v>2020</v>
      </c>
    </row>
    <row r="5983" spans="1:24" x14ac:dyDescent="0.25">
      <c r="A5983">
        <v>1909</v>
      </c>
      <c r="B5983" t="s">
        <v>74</v>
      </c>
      <c r="C5983">
        <v>40</v>
      </c>
      <c r="D5983" t="s">
        <v>486</v>
      </c>
      <c r="E5983">
        <v>313</v>
      </c>
      <c r="F5983" t="s">
        <v>651</v>
      </c>
      <c r="G5983">
        <v>160</v>
      </c>
      <c r="H5983" t="s">
        <v>697</v>
      </c>
      <c r="I5983">
        <v>11198</v>
      </c>
      <c r="J5983" t="s">
        <v>792</v>
      </c>
      <c r="K5983">
        <v>6</v>
      </c>
      <c r="L5983" t="s">
        <v>1927</v>
      </c>
      <c r="M5983">
        <v>17</v>
      </c>
      <c r="N5983" t="s">
        <v>654</v>
      </c>
      <c r="O5983">
        <v>3</v>
      </c>
      <c r="P5983" t="s">
        <v>655</v>
      </c>
      <c r="Q5983">
        <v>1</v>
      </c>
      <c r="R5983" t="s">
        <v>669</v>
      </c>
      <c r="S5983">
        <v>1</v>
      </c>
      <c r="T5983" t="s">
        <v>661</v>
      </c>
      <c r="U5983">
        <v>8</v>
      </c>
      <c r="V5983">
        <v>3</v>
      </c>
      <c r="W5983">
        <v>180</v>
      </c>
      <c r="X5983">
        <v>2020</v>
      </c>
    </row>
    <row r="5984" spans="1:24" x14ac:dyDescent="0.25">
      <c r="A5984">
        <v>1908</v>
      </c>
      <c r="B5984" t="s">
        <v>74</v>
      </c>
      <c r="C5984">
        <v>40</v>
      </c>
      <c r="D5984" t="s">
        <v>486</v>
      </c>
      <c r="E5984">
        <v>313</v>
      </c>
      <c r="F5984" t="s">
        <v>651</v>
      </c>
      <c r="G5984">
        <v>160</v>
      </c>
      <c r="H5984" t="s">
        <v>697</v>
      </c>
      <c r="I5984">
        <v>11198</v>
      </c>
      <c r="J5984" t="s">
        <v>792</v>
      </c>
      <c r="K5984">
        <v>6</v>
      </c>
      <c r="L5984" t="s">
        <v>792</v>
      </c>
      <c r="M5984">
        <v>16</v>
      </c>
      <c r="N5984" t="s">
        <v>654</v>
      </c>
      <c r="O5984">
        <v>3</v>
      </c>
      <c r="P5984" t="s">
        <v>689</v>
      </c>
      <c r="Q5984">
        <v>4</v>
      </c>
      <c r="R5984" t="s">
        <v>669</v>
      </c>
      <c r="S5984">
        <v>1</v>
      </c>
      <c r="T5984" t="s">
        <v>661</v>
      </c>
      <c r="U5984">
        <v>8</v>
      </c>
      <c r="V5984">
        <v>3</v>
      </c>
      <c r="W5984">
        <v>180</v>
      </c>
      <c r="X5984">
        <v>2020</v>
      </c>
    </row>
    <row r="5985" spans="1:24" x14ac:dyDescent="0.25">
      <c r="A5985">
        <v>1907</v>
      </c>
      <c r="B5985" t="s">
        <v>74</v>
      </c>
      <c r="C5985">
        <v>40</v>
      </c>
      <c r="D5985" t="s">
        <v>486</v>
      </c>
      <c r="E5985">
        <v>313</v>
      </c>
      <c r="F5985" t="s">
        <v>651</v>
      </c>
      <c r="G5985">
        <v>160</v>
      </c>
      <c r="H5985" t="s">
        <v>697</v>
      </c>
      <c r="I5985">
        <v>11198</v>
      </c>
      <c r="J5985" t="s">
        <v>792</v>
      </c>
      <c r="K5985">
        <v>6</v>
      </c>
      <c r="L5985" t="s">
        <v>792</v>
      </c>
      <c r="M5985">
        <v>16</v>
      </c>
      <c r="N5985" t="s">
        <v>654</v>
      </c>
      <c r="O5985">
        <v>3</v>
      </c>
      <c r="P5985" t="s">
        <v>655</v>
      </c>
      <c r="Q5985">
        <v>1</v>
      </c>
      <c r="R5985" t="s">
        <v>669</v>
      </c>
      <c r="S5985">
        <v>1</v>
      </c>
      <c r="T5985" t="s">
        <v>661</v>
      </c>
      <c r="U5985">
        <v>8</v>
      </c>
      <c r="V5985">
        <v>3</v>
      </c>
      <c r="W5985">
        <v>180</v>
      </c>
      <c r="X5985">
        <v>2020</v>
      </c>
    </row>
    <row r="5986" spans="1:24" x14ac:dyDescent="0.25">
      <c r="A5986">
        <v>1906</v>
      </c>
      <c r="B5986" t="s">
        <v>74</v>
      </c>
      <c r="C5986">
        <v>40</v>
      </c>
      <c r="D5986" t="s">
        <v>487</v>
      </c>
      <c r="E5986">
        <v>312</v>
      </c>
      <c r="F5986" t="s">
        <v>651</v>
      </c>
      <c r="G5986">
        <v>160</v>
      </c>
      <c r="H5986" t="s">
        <v>697</v>
      </c>
      <c r="I5986">
        <v>11198</v>
      </c>
      <c r="J5986" t="s">
        <v>716</v>
      </c>
      <c r="K5986">
        <v>68</v>
      </c>
      <c r="L5986" t="s">
        <v>1915</v>
      </c>
      <c r="M5986">
        <v>294</v>
      </c>
      <c r="N5986" t="s">
        <v>654</v>
      </c>
      <c r="O5986">
        <v>3</v>
      </c>
      <c r="P5986" t="s">
        <v>655</v>
      </c>
      <c r="Q5986">
        <v>1</v>
      </c>
      <c r="R5986" t="s">
        <v>669</v>
      </c>
      <c r="S5986">
        <v>1</v>
      </c>
      <c r="T5986" t="s">
        <v>661</v>
      </c>
      <c r="U5986">
        <v>8</v>
      </c>
      <c r="V5986">
        <v>4</v>
      </c>
      <c r="W5986">
        <v>240</v>
      </c>
      <c r="X5986">
        <v>2020</v>
      </c>
    </row>
    <row r="5987" spans="1:24" x14ac:dyDescent="0.25">
      <c r="A5987">
        <v>1903</v>
      </c>
      <c r="B5987" t="s">
        <v>74</v>
      </c>
      <c r="C5987">
        <v>40</v>
      </c>
      <c r="D5987" t="s">
        <v>487</v>
      </c>
      <c r="E5987">
        <v>312</v>
      </c>
      <c r="F5987" t="s">
        <v>651</v>
      </c>
      <c r="G5987">
        <v>160</v>
      </c>
      <c r="H5987" t="s">
        <v>697</v>
      </c>
      <c r="I5987">
        <v>11198</v>
      </c>
      <c r="J5987" t="s">
        <v>738</v>
      </c>
      <c r="K5987">
        <v>61</v>
      </c>
      <c r="L5987" t="s">
        <v>3938</v>
      </c>
      <c r="M5987">
        <v>256</v>
      </c>
      <c r="N5987" t="s">
        <v>654</v>
      </c>
      <c r="O5987">
        <v>3</v>
      </c>
      <c r="P5987" t="s">
        <v>655</v>
      </c>
      <c r="Q5987">
        <v>1</v>
      </c>
      <c r="R5987" t="s">
        <v>669</v>
      </c>
      <c r="S5987">
        <v>1</v>
      </c>
      <c r="T5987" t="s">
        <v>661</v>
      </c>
      <c r="U5987">
        <v>8</v>
      </c>
      <c r="V5987">
        <v>4</v>
      </c>
      <c r="W5987">
        <v>240</v>
      </c>
      <c r="X5987">
        <v>2020</v>
      </c>
    </row>
    <row r="5988" spans="1:24" x14ac:dyDescent="0.25">
      <c r="A5988">
        <v>1900</v>
      </c>
      <c r="B5988" t="s">
        <v>74</v>
      </c>
      <c r="C5988">
        <v>40</v>
      </c>
      <c r="D5988" t="s">
        <v>487</v>
      </c>
      <c r="E5988">
        <v>312</v>
      </c>
      <c r="F5988" t="s">
        <v>651</v>
      </c>
      <c r="G5988">
        <v>160</v>
      </c>
      <c r="H5988" t="s">
        <v>697</v>
      </c>
      <c r="I5988">
        <v>11198</v>
      </c>
      <c r="J5988" t="s">
        <v>693</v>
      </c>
      <c r="K5988">
        <v>56</v>
      </c>
      <c r="L5988" t="s">
        <v>3669</v>
      </c>
      <c r="M5988">
        <v>221</v>
      </c>
      <c r="N5988" t="s">
        <v>654</v>
      </c>
      <c r="O5988">
        <v>3</v>
      </c>
      <c r="P5988" t="s">
        <v>655</v>
      </c>
      <c r="Q5988">
        <v>1</v>
      </c>
      <c r="R5988" t="s">
        <v>669</v>
      </c>
      <c r="S5988">
        <v>1</v>
      </c>
      <c r="T5988" t="s">
        <v>661</v>
      </c>
      <c r="U5988">
        <v>8</v>
      </c>
      <c r="V5988">
        <v>4</v>
      </c>
      <c r="W5988">
        <v>240</v>
      </c>
      <c r="X5988">
        <v>2020</v>
      </c>
    </row>
    <row r="5989" spans="1:24" x14ac:dyDescent="0.25">
      <c r="A5989">
        <v>1898</v>
      </c>
      <c r="B5989" t="s">
        <v>74</v>
      </c>
      <c r="C5989">
        <v>40</v>
      </c>
      <c r="D5989" t="s">
        <v>488</v>
      </c>
      <c r="E5989">
        <v>311</v>
      </c>
      <c r="F5989" t="s">
        <v>651</v>
      </c>
      <c r="G5989">
        <v>160</v>
      </c>
      <c r="H5989" t="s">
        <v>697</v>
      </c>
      <c r="I5989">
        <v>11198</v>
      </c>
      <c r="J5989" t="s">
        <v>797</v>
      </c>
      <c r="K5989">
        <v>65</v>
      </c>
      <c r="L5989" t="s">
        <v>3892</v>
      </c>
      <c r="M5989">
        <v>276</v>
      </c>
      <c r="N5989" t="s">
        <v>654</v>
      </c>
      <c r="O5989">
        <v>3</v>
      </c>
      <c r="P5989" t="s">
        <v>655</v>
      </c>
      <c r="Q5989">
        <v>1</v>
      </c>
      <c r="R5989" t="s">
        <v>669</v>
      </c>
      <c r="S5989">
        <v>1</v>
      </c>
      <c r="T5989" t="s">
        <v>661</v>
      </c>
      <c r="U5989">
        <v>8</v>
      </c>
      <c r="V5989">
        <v>4</v>
      </c>
      <c r="W5989">
        <v>240</v>
      </c>
      <c r="X5989">
        <v>2020</v>
      </c>
    </row>
    <row r="5990" spans="1:24" x14ac:dyDescent="0.25">
      <c r="A5990">
        <v>1896</v>
      </c>
      <c r="B5990" t="s">
        <v>74</v>
      </c>
      <c r="C5990">
        <v>40</v>
      </c>
      <c r="D5990" t="s">
        <v>488</v>
      </c>
      <c r="E5990">
        <v>311</v>
      </c>
      <c r="F5990" t="s">
        <v>651</v>
      </c>
      <c r="G5990">
        <v>160</v>
      </c>
      <c r="H5990" t="s">
        <v>697</v>
      </c>
      <c r="I5990">
        <v>11198</v>
      </c>
      <c r="J5990" t="s">
        <v>710</v>
      </c>
      <c r="K5990">
        <v>53</v>
      </c>
      <c r="L5990" t="s">
        <v>3931</v>
      </c>
      <c r="M5990">
        <v>204</v>
      </c>
      <c r="N5990" t="s">
        <v>654</v>
      </c>
      <c r="O5990">
        <v>3</v>
      </c>
      <c r="P5990" t="s">
        <v>655</v>
      </c>
      <c r="Q5990">
        <v>1</v>
      </c>
      <c r="R5990" t="s">
        <v>669</v>
      </c>
      <c r="S5990">
        <v>1</v>
      </c>
      <c r="T5990" t="s">
        <v>661</v>
      </c>
      <c r="U5990">
        <v>8</v>
      </c>
      <c r="V5990">
        <v>4</v>
      </c>
      <c r="W5990">
        <v>240</v>
      </c>
      <c r="X5990">
        <v>2020</v>
      </c>
    </row>
    <row r="5991" spans="1:24" x14ac:dyDescent="0.25">
      <c r="A5991">
        <v>1895</v>
      </c>
      <c r="B5991" t="s">
        <v>74</v>
      </c>
      <c r="C5991">
        <v>40</v>
      </c>
      <c r="D5991" t="s">
        <v>488</v>
      </c>
      <c r="E5991">
        <v>311</v>
      </c>
      <c r="F5991" t="s">
        <v>651</v>
      </c>
      <c r="G5991">
        <v>160</v>
      </c>
      <c r="H5991" t="s">
        <v>697</v>
      </c>
      <c r="I5991">
        <v>11198</v>
      </c>
      <c r="J5991" t="s">
        <v>714</v>
      </c>
      <c r="K5991">
        <v>52</v>
      </c>
      <c r="L5991" t="s">
        <v>3939</v>
      </c>
      <c r="M5991">
        <v>198</v>
      </c>
      <c r="N5991" t="s">
        <v>654</v>
      </c>
      <c r="O5991">
        <v>3</v>
      </c>
      <c r="P5991" t="s">
        <v>655</v>
      </c>
      <c r="Q5991">
        <v>1</v>
      </c>
      <c r="R5991" t="s">
        <v>669</v>
      </c>
      <c r="S5991">
        <v>1</v>
      </c>
      <c r="T5991" t="s">
        <v>661</v>
      </c>
      <c r="U5991">
        <v>8</v>
      </c>
      <c r="V5991">
        <v>4</v>
      </c>
      <c r="W5991">
        <v>240</v>
      </c>
      <c r="X5991">
        <v>2020</v>
      </c>
    </row>
    <row r="5992" spans="1:24" x14ac:dyDescent="0.25">
      <c r="A5992">
        <v>1894</v>
      </c>
      <c r="B5992" t="s">
        <v>74</v>
      </c>
      <c r="C5992">
        <v>40</v>
      </c>
      <c r="D5992" t="s">
        <v>488</v>
      </c>
      <c r="E5992">
        <v>311</v>
      </c>
      <c r="F5992" t="s">
        <v>651</v>
      </c>
      <c r="G5992">
        <v>160</v>
      </c>
      <c r="H5992" t="s">
        <v>697</v>
      </c>
      <c r="I5992">
        <v>11198</v>
      </c>
      <c r="J5992" t="s">
        <v>767</v>
      </c>
      <c r="K5992">
        <v>44</v>
      </c>
      <c r="L5992" t="s">
        <v>3893</v>
      </c>
      <c r="M5992">
        <v>152</v>
      </c>
      <c r="N5992" t="s">
        <v>654</v>
      </c>
      <c r="O5992">
        <v>3</v>
      </c>
      <c r="P5992" t="s">
        <v>655</v>
      </c>
      <c r="Q5992">
        <v>1</v>
      </c>
      <c r="R5992" t="s">
        <v>669</v>
      </c>
      <c r="S5992">
        <v>1</v>
      </c>
      <c r="T5992" t="s">
        <v>661</v>
      </c>
      <c r="U5992">
        <v>8</v>
      </c>
      <c r="V5992">
        <v>4</v>
      </c>
      <c r="W5992">
        <v>240</v>
      </c>
      <c r="X5992">
        <v>2020</v>
      </c>
    </row>
    <row r="5993" spans="1:24" x14ac:dyDescent="0.25">
      <c r="A5993">
        <v>1892</v>
      </c>
      <c r="B5993" t="s">
        <v>74</v>
      </c>
      <c r="C5993">
        <v>40</v>
      </c>
      <c r="D5993" t="s">
        <v>460</v>
      </c>
      <c r="E5993">
        <v>310</v>
      </c>
      <c r="F5993" t="s">
        <v>651</v>
      </c>
      <c r="G5993">
        <v>160</v>
      </c>
      <c r="H5993" t="s">
        <v>697</v>
      </c>
      <c r="I5993">
        <v>11198</v>
      </c>
      <c r="J5993" t="s">
        <v>880</v>
      </c>
      <c r="K5993">
        <v>58</v>
      </c>
      <c r="L5993" t="s">
        <v>1086</v>
      </c>
      <c r="M5993">
        <v>238</v>
      </c>
      <c r="N5993" t="s">
        <v>654</v>
      </c>
      <c r="O5993">
        <v>3</v>
      </c>
      <c r="P5993" t="s">
        <v>655</v>
      </c>
      <c r="Q5993">
        <v>1</v>
      </c>
      <c r="R5993" t="s">
        <v>669</v>
      </c>
      <c r="S5993">
        <v>1</v>
      </c>
      <c r="T5993" t="s">
        <v>661</v>
      </c>
      <c r="U5993">
        <v>8</v>
      </c>
      <c r="V5993">
        <v>4</v>
      </c>
      <c r="W5993">
        <v>240</v>
      </c>
      <c r="X5993">
        <v>2020</v>
      </c>
    </row>
    <row r="5994" spans="1:24" x14ac:dyDescent="0.25">
      <c r="A5994">
        <v>1891</v>
      </c>
      <c r="B5994" t="s">
        <v>74</v>
      </c>
      <c r="C5994">
        <v>40</v>
      </c>
      <c r="D5994" t="s">
        <v>460</v>
      </c>
      <c r="E5994">
        <v>310</v>
      </c>
      <c r="F5994" t="s">
        <v>651</v>
      </c>
      <c r="G5994">
        <v>160</v>
      </c>
      <c r="H5994" t="s">
        <v>697</v>
      </c>
      <c r="I5994">
        <v>11198</v>
      </c>
      <c r="J5994" t="s">
        <v>880</v>
      </c>
      <c r="K5994">
        <v>58</v>
      </c>
      <c r="L5994" t="s">
        <v>880</v>
      </c>
      <c r="M5994">
        <v>236</v>
      </c>
      <c r="N5994" t="s">
        <v>654</v>
      </c>
      <c r="O5994">
        <v>3</v>
      </c>
      <c r="P5994" t="s">
        <v>655</v>
      </c>
      <c r="Q5994">
        <v>1</v>
      </c>
      <c r="R5994" t="s">
        <v>669</v>
      </c>
      <c r="S5994">
        <v>1</v>
      </c>
      <c r="T5994" t="s">
        <v>661</v>
      </c>
      <c r="U5994">
        <v>8</v>
      </c>
      <c r="V5994">
        <v>4</v>
      </c>
      <c r="W5994">
        <v>240</v>
      </c>
      <c r="X5994">
        <v>2020</v>
      </c>
    </row>
    <row r="5995" spans="1:24" x14ac:dyDescent="0.25">
      <c r="A5995">
        <v>1890</v>
      </c>
      <c r="B5995" t="s">
        <v>74</v>
      </c>
      <c r="C5995">
        <v>40</v>
      </c>
      <c r="D5995" t="s">
        <v>402</v>
      </c>
      <c r="E5995">
        <v>309</v>
      </c>
      <c r="F5995" t="s">
        <v>651</v>
      </c>
      <c r="G5995">
        <v>160</v>
      </c>
      <c r="H5995" t="s">
        <v>697</v>
      </c>
      <c r="I5995">
        <v>11198</v>
      </c>
      <c r="J5995" t="s">
        <v>765</v>
      </c>
      <c r="K5995">
        <v>76</v>
      </c>
      <c r="L5995" t="s">
        <v>766</v>
      </c>
      <c r="M5995">
        <v>137</v>
      </c>
      <c r="N5995" t="s">
        <v>654</v>
      </c>
      <c r="O5995">
        <v>3</v>
      </c>
      <c r="P5995" t="s">
        <v>655</v>
      </c>
      <c r="Q5995">
        <v>1</v>
      </c>
      <c r="R5995" t="s">
        <v>669</v>
      </c>
      <c r="S5995">
        <v>1</v>
      </c>
      <c r="T5995" t="s">
        <v>661</v>
      </c>
      <c r="U5995">
        <v>8</v>
      </c>
      <c r="V5995">
        <v>3</v>
      </c>
      <c r="W5995">
        <v>180</v>
      </c>
      <c r="X5995">
        <v>2020</v>
      </c>
    </row>
    <row r="5996" spans="1:24" x14ac:dyDescent="0.25">
      <c r="A5996">
        <v>1889</v>
      </c>
      <c r="B5996" t="s">
        <v>74</v>
      </c>
      <c r="C5996">
        <v>40</v>
      </c>
      <c r="D5996" t="s">
        <v>402</v>
      </c>
      <c r="E5996">
        <v>309</v>
      </c>
      <c r="F5996" t="s">
        <v>651</v>
      </c>
      <c r="G5996">
        <v>160</v>
      </c>
      <c r="H5996" t="s">
        <v>697</v>
      </c>
      <c r="I5996">
        <v>11198</v>
      </c>
      <c r="J5996" t="s">
        <v>1088</v>
      </c>
      <c r="K5996">
        <v>38</v>
      </c>
      <c r="L5996" t="s">
        <v>1089</v>
      </c>
      <c r="M5996">
        <v>135</v>
      </c>
      <c r="N5996" t="s">
        <v>654</v>
      </c>
      <c r="O5996">
        <v>3</v>
      </c>
      <c r="P5996" t="s">
        <v>655</v>
      </c>
      <c r="Q5996">
        <v>1</v>
      </c>
      <c r="R5996" t="s">
        <v>669</v>
      </c>
      <c r="S5996">
        <v>1</v>
      </c>
      <c r="T5996" t="s">
        <v>661</v>
      </c>
      <c r="U5996">
        <v>8</v>
      </c>
      <c r="V5996">
        <v>3</v>
      </c>
      <c r="W5996">
        <v>180</v>
      </c>
      <c r="X5996">
        <v>2020</v>
      </c>
    </row>
    <row r="5997" spans="1:24" x14ac:dyDescent="0.25">
      <c r="A5997">
        <v>1877</v>
      </c>
      <c r="B5997" t="s">
        <v>247</v>
      </c>
      <c r="C5997">
        <v>39</v>
      </c>
      <c r="D5997" t="s">
        <v>316</v>
      </c>
      <c r="E5997">
        <v>305</v>
      </c>
      <c r="F5997" t="s">
        <v>651</v>
      </c>
      <c r="G5997">
        <v>160</v>
      </c>
      <c r="H5997" t="s">
        <v>817</v>
      </c>
      <c r="I5997">
        <v>11010</v>
      </c>
      <c r="J5997" t="s">
        <v>294</v>
      </c>
      <c r="K5997">
        <v>31</v>
      </c>
      <c r="L5997" t="s">
        <v>294</v>
      </c>
      <c r="M5997">
        <v>98</v>
      </c>
      <c r="N5997" t="s">
        <v>654</v>
      </c>
      <c r="O5997">
        <v>3</v>
      </c>
      <c r="P5997" t="s">
        <v>655</v>
      </c>
      <c r="Q5997">
        <v>1</v>
      </c>
      <c r="R5997" t="s">
        <v>669</v>
      </c>
      <c r="S5997">
        <v>1</v>
      </c>
      <c r="T5997" t="s">
        <v>661</v>
      </c>
      <c r="U5997">
        <v>8</v>
      </c>
      <c r="V5997">
        <v>3</v>
      </c>
      <c r="W5997">
        <v>180</v>
      </c>
      <c r="X5997">
        <v>2020</v>
      </c>
    </row>
    <row r="5998" spans="1:24" x14ac:dyDescent="0.25">
      <c r="A5998">
        <v>1876</v>
      </c>
      <c r="B5998" t="s">
        <v>247</v>
      </c>
      <c r="C5998">
        <v>39</v>
      </c>
      <c r="D5998" t="s">
        <v>316</v>
      </c>
      <c r="E5998">
        <v>305</v>
      </c>
      <c r="F5998" t="s">
        <v>651</v>
      </c>
      <c r="G5998">
        <v>160</v>
      </c>
      <c r="H5998" t="s">
        <v>817</v>
      </c>
      <c r="I5998">
        <v>11010</v>
      </c>
      <c r="J5998" t="s">
        <v>295</v>
      </c>
      <c r="K5998">
        <v>30</v>
      </c>
      <c r="L5998" t="s">
        <v>295</v>
      </c>
      <c r="M5998">
        <v>96</v>
      </c>
      <c r="N5998" t="s">
        <v>654</v>
      </c>
      <c r="O5998">
        <v>3</v>
      </c>
      <c r="P5998" t="s">
        <v>689</v>
      </c>
      <c r="Q5998">
        <v>4</v>
      </c>
      <c r="R5998" t="s">
        <v>669</v>
      </c>
      <c r="S5998">
        <v>1</v>
      </c>
      <c r="T5998" t="s">
        <v>661</v>
      </c>
      <c r="U5998">
        <v>8</v>
      </c>
      <c r="V5998">
        <v>3</v>
      </c>
      <c r="W5998">
        <v>180</v>
      </c>
      <c r="X5998">
        <v>2020</v>
      </c>
    </row>
    <row r="5999" spans="1:24" x14ac:dyDescent="0.25">
      <c r="A5999">
        <v>1875</v>
      </c>
      <c r="B5999" t="s">
        <v>247</v>
      </c>
      <c r="C5999">
        <v>39</v>
      </c>
      <c r="D5999" t="s">
        <v>316</v>
      </c>
      <c r="E5999">
        <v>305</v>
      </c>
      <c r="F5999" t="s">
        <v>651</v>
      </c>
      <c r="G5999">
        <v>160</v>
      </c>
      <c r="H5999" t="s">
        <v>817</v>
      </c>
      <c r="I5999">
        <v>11010</v>
      </c>
      <c r="J5999" t="s">
        <v>295</v>
      </c>
      <c r="K5999">
        <v>30</v>
      </c>
      <c r="L5999" t="s">
        <v>295</v>
      </c>
      <c r="M5999">
        <v>96</v>
      </c>
      <c r="N5999" t="s">
        <v>654</v>
      </c>
      <c r="O5999">
        <v>3</v>
      </c>
      <c r="P5999" t="s">
        <v>655</v>
      </c>
      <c r="Q5999">
        <v>1</v>
      </c>
      <c r="R5999" t="s">
        <v>669</v>
      </c>
      <c r="S5999">
        <v>1</v>
      </c>
      <c r="T5999" t="s">
        <v>661</v>
      </c>
      <c r="U5999">
        <v>8</v>
      </c>
      <c r="V5999">
        <v>3</v>
      </c>
      <c r="W5999">
        <v>180</v>
      </c>
      <c r="X5999">
        <v>2020</v>
      </c>
    </row>
    <row r="6000" spans="1:24" x14ac:dyDescent="0.25">
      <c r="A6000">
        <v>1871</v>
      </c>
      <c r="B6000" t="s">
        <v>247</v>
      </c>
      <c r="C6000">
        <v>39</v>
      </c>
      <c r="D6000" t="s">
        <v>316</v>
      </c>
      <c r="E6000">
        <v>305</v>
      </c>
      <c r="F6000" t="s">
        <v>651</v>
      </c>
      <c r="G6000">
        <v>160</v>
      </c>
      <c r="H6000" t="s">
        <v>817</v>
      </c>
      <c r="I6000">
        <v>11010</v>
      </c>
      <c r="J6000" t="s">
        <v>299</v>
      </c>
      <c r="K6000">
        <v>27</v>
      </c>
      <c r="L6000" t="s">
        <v>690</v>
      </c>
      <c r="M6000">
        <v>89</v>
      </c>
      <c r="N6000" t="s">
        <v>654</v>
      </c>
      <c r="O6000">
        <v>3</v>
      </c>
      <c r="P6000" t="s">
        <v>689</v>
      </c>
      <c r="Q6000">
        <v>4</v>
      </c>
      <c r="R6000" t="s">
        <v>669</v>
      </c>
      <c r="S6000">
        <v>1</v>
      </c>
      <c r="T6000" t="s">
        <v>661</v>
      </c>
      <c r="U6000">
        <v>8</v>
      </c>
      <c r="V6000">
        <v>3</v>
      </c>
      <c r="W6000">
        <v>180</v>
      </c>
      <c r="X6000">
        <v>2020</v>
      </c>
    </row>
    <row r="6001" spans="1:24" x14ac:dyDescent="0.25">
      <c r="A6001">
        <v>1870</v>
      </c>
      <c r="B6001" t="s">
        <v>247</v>
      </c>
      <c r="C6001">
        <v>39</v>
      </c>
      <c r="D6001" t="s">
        <v>316</v>
      </c>
      <c r="E6001">
        <v>305</v>
      </c>
      <c r="F6001" t="s">
        <v>651</v>
      </c>
      <c r="G6001">
        <v>160</v>
      </c>
      <c r="H6001" t="s">
        <v>817</v>
      </c>
      <c r="I6001">
        <v>11010</v>
      </c>
      <c r="J6001" t="s">
        <v>299</v>
      </c>
      <c r="K6001">
        <v>27</v>
      </c>
      <c r="L6001" t="s">
        <v>690</v>
      </c>
      <c r="M6001">
        <v>89</v>
      </c>
      <c r="N6001" t="s">
        <v>654</v>
      </c>
      <c r="O6001">
        <v>3</v>
      </c>
      <c r="P6001" t="s">
        <v>655</v>
      </c>
      <c r="Q6001">
        <v>1</v>
      </c>
      <c r="R6001" t="s">
        <v>669</v>
      </c>
      <c r="S6001">
        <v>1</v>
      </c>
      <c r="T6001" t="s">
        <v>661</v>
      </c>
      <c r="U6001">
        <v>8</v>
      </c>
      <c r="V6001">
        <v>3</v>
      </c>
      <c r="W6001">
        <v>180</v>
      </c>
      <c r="X6001">
        <v>2020</v>
      </c>
    </row>
    <row r="6002" spans="1:24" x14ac:dyDescent="0.25">
      <c r="A6002">
        <v>1869</v>
      </c>
      <c r="B6002" t="s">
        <v>247</v>
      </c>
      <c r="C6002">
        <v>39</v>
      </c>
      <c r="D6002" t="s">
        <v>316</v>
      </c>
      <c r="E6002">
        <v>305</v>
      </c>
      <c r="F6002" t="s">
        <v>651</v>
      </c>
      <c r="G6002">
        <v>160</v>
      </c>
      <c r="H6002" t="s">
        <v>817</v>
      </c>
      <c r="I6002">
        <v>11010</v>
      </c>
      <c r="J6002" t="s">
        <v>301</v>
      </c>
      <c r="K6002">
        <v>26</v>
      </c>
      <c r="L6002" t="s">
        <v>930</v>
      </c>
      <c r="M6002">
        <v>84</v>
      </c>
      <c r="N6002" t="s">
        <v>654</v>
      </c>
      <c r="O6002">
        <v>3</v>
      </c>
      <c r="P6002" t="s">
        <v>689</v>
      </c>
      <c r="Q6002">
        <v>4</v>
      </c>
      <c r="R6002" t="s">
        <v>669</v>
      </c>
      <c r="S6002">
        <v>1</v>
      </c>
      <c r="T6002" t="s">
        <v>661</v>
      </c>
      <c r="U6002">
        <v>8</v>
      </c>
      <c r="V6002">
        <v>3</v>
      </c>
      <c r="W6002">
        <v>180</v>
      </c>
      <c r="X6002">
        <v>2020</v>
      </c>
    </row>
    <row r="6003" spans="1:24" x14ac:dyDescent="0.25">
      <c r="A6003">
        <v>1868</v>
      </c>
      <c r="B6003" t="s">
        <v>247</v>
      </c>
      <c r="C6003">
        <v>39</v>
      </c>
      <c r="D6003" t="s">
        <v>316</v>
      </c>
      <c r="E6003">
        <v>305</v>
      </c>
      <c r="F6003" t="s">
        <v>651</v>
      </c>
      <c r="G6003">
        <v>160</v>
      </c>
      <c r="H6003" t="s">
        <v>817</v>
      </c>
      <c r="I6003">
        <v>11010</v>
      </c>
      <c r="J6003" t="s">
        <v>301</v>
      </c>
      <c r="K6003">
        <v>26</v>
      </c>
      <c r="L6003" t="s">
        <v>930</v>
      </c>
      <c r="M6003">
        <v>84</v>
      </c>
      <c r="N6003" t="s">
        <v>654</v>
      </c>
      <c r="O6003">
        <v>3</v>
      </c>
      <c r="P6003" t="s">
        <v>655</v>
      </c>
      <c r="Q6003">
        <v>1</v>
      </c>
      <c r="R6003" t="s">
        <v>669</v>
      </c>
      <c r="S6003">
        <v>1</v>
      </c>
      <c r="T6003" t="s">
        <v>661</v>
      </c>
      <c r="U6003">
        <v>8</v>
      </c>
      <c r="V6003">
        <v>3</v>
      </c>
      <c r="W6003">
        <v>180</v>
      </c>
      <c r="X6003">
        <v>2020</v>
      </c>
    </row>
    <row r="6004" spans="1:24" x14ac:dyDescent="0.25">
      <c r="A6004">
        <v>1867</v>
      </c>
      <c r="B6004" t="s">
        <v>247</v>
      </c>
      <c r="C6004">
        <v>39</v>
      </c>
      <c r="D6004" t="s">
        <v>316</v>
      </c>
      <c r="E6004">
        <v>305</v>
      </c>
      <c r="F6004" t="s">
        <v>651</v>
      </c>
      <c r="G6004">
        <v>160</v>
      </c>
      <c r="H6004" t="s">
        <v>817</v>
      </c>
      <c r="I6004">
        <v>11010</v>
      </c>
      <c r="J6004" t="s">
        <v>807</v>
      </c>
      <c r="K6004">
        <v>25</v>
      </c>
      <c r="L6004" t="s">
        <v>1603</v>
      </c>
      <c r="M6004">
        <v>81</v>
      </c>
      <c r="N6004" t="s">
        <v>654</v>
      </c>
      <c r="O6004">
        <v>3</v>
      </c>
      <c r="P6004" t="s">
        <v>689</v>
      </c>
      <c r="Q6004">
        <v>4</v>
      </c>
      <c r="R6004" t="s">
        <v>669</v>
      </c>
      <c r="S6004">
        <v>1</v>
      </c>
      <c r="T6004" t="s">
        <v>661</v>
      </c>
      <c r="U6004">
        <v>8</v>
      </c>
      <c r="V6004">
        <v>3</v>
      </c>
      <c r="W6004">
        <v>180</v>
      </c>
      <c r="X6004">
        <v>2020</v>
      </c>
    </row>
    <row r="6005" spans="1:24" x14ac:dyDescent="0.25">
      <c r="A6005">
        <v>1866</v>
      </c>
      <c r="B6005" t="s">
        <v>247</v>
      </c>
      <c r="C6005">
        <v>39</v>
      </c>
      <c r="D6005" t="s">
        <v>316</v>
      </c>
      <c r="E6005">
        <v>305</v>
      </c>
      <c r="F6005" t="s">
        <v>651</v>
      </c>
      <c r="G6005">
        <v>160</v>
      </c>
      <c r="H6005" t="s">
        <v>817</v>
      </c>
      <c r="I6005">
        <v>11010</v>
      </c>
      <c r="J6005" t="s">
        <v>807</v>
      </c>
      <c r="K6005">
        <v>25</v>
      </c>
      <c r="L6005" t="s">
        <v>1603</v>
      </c>
      <c r="M6005">
        <v>81</v>
      </c>
      <c r="N6005" t="s">
        <v>654</v>
      </c>
      <c r="O6005">
        <v>3</v>
      </c>
      <c r="P6005" t="s">
        <v>655</v>
      </c>
      <c r="Q6005">
        <v>1</v>
      </c>
      <c r="R6005" t="s">
        <v>669</v>
      </c>
      <c r="S6005">
        <v>1</v>
      </c>
      <c r="T6005" t="s">
        <v>661</v>
      </c>
      <c r="U6005">
        <v>8</v>
      </c>
      <c r="V6005">
        <v>3</v>
      </c>
      <c r="W6005">
        <v>180</v>
      </c>
      <c r="X6005">
        <v>2020</v>
      </c>
    </row>
    <row r="6006" spans="1:24" x14ac:dyDescent="0.25">
      <c r="A6006">
        <v>1864</v>
      </c>
      <c r="B6006" t="s">
        <v>247</v>
      </c>
      <c r="C6006">
        <v>39</v>
      </c>
      <c r="D6006" t="s">
        <v>489</v>
      </c>
      <c r="E6006">
        <v>304</v>
      </c>
      <c r="F6006" t="s">
        <v>651</v>
      </c>
      <c r="G6006">
        <v>160</v>
      </c>
      <c r="H6006" t="s">
        <v>817</v>
      </c>
      <c r="I6006">
        <v>11010</v>
      </c>
      <c r="J6006" t="s">
        <v>917</v>
      </c>
      <c r="K6006">
        <v>83</v>
      </c>
      <c r="L6006" t="s">
        <v>918</v>
      </c>
      <c r="M6006">
        <v>287</v>
      </c>
      <c r="N6006" t="s">
        <v>654</v>
      </c>
      <c r="O6006">
        <v>3</v>
      </c>
      <c r="P6006" t="s">
        <v>655</v>
      </c>
      <c r="Q6006">
        <v>1</v>
      </c>
      <c r="R6006" t="s">
        <v>669</v>
      </c>
      <c r="S6006">
        <v>1</v>
      </c>
      <c r="T6006" t="s">
        <v>661</v>
      </c>
      <c r="U6006">
        <v>8</v>
      </c>
      <c r="V6006">
        <v>4</v>
      </c>
      <c r="W6006">
        <v>240</v>
      </c>
      <c r="X6006">
        <v>2020</v>
      </c>
    </row>
    <row r="6007" spans="1:24" x14ac:dyDescent="0.25">
      <c r="A6007">
        <v>1863</v>
      </c>
      <c r="B6007" t="s">
        <v>247</v>
      </c>
      <c r="C6007">
        <v>39</v>
      </c>
      <c r="D6007" t="s">
        <v>489</v>
      </c>
      <c r="E6007">
        <v>304</v>
      </c>
      <c r="F6007" t="s">
        <v>651</v>
      </c>
      <c r="G6007">
        <v>160</v>
      </c>
      <c r="H6007" t="s">
        <v>817</v>
      </c>
      <c r="I6007">
        <v>11010</v>
      </c>
      <c r="J6007" t="s">
        <v>848</v>
      </c>
      <c r="K6007">
        <v>62</v>
      </c>
      <c r="L6007" t="s">
        <v>937</v>
      </c>
      <c r="M6007">
        <v>266</v>
      </c>
      <c r="N6007" t="s">
        <v>654</v>
      </c>
      <c r="O6007">
        <v>3</v>
      </c>
      <c r="P6007" t="s">
        <v>655</v>
      </c>
      <c r="Q6007">
        <v>1</v>
      </c>
      <c r="R6007" t="s">
        <v>669</v>
      </c>
      <c r="S6007">
        <v>1</v>
      </c>
      <c r="T6007" t="s">
        <v>661</v>
      </c>
      <c r="U6007">
        <v>8</v>
      </c>
      <c r="V6007">
        <v>4</v>
      </c>
      <c r="W6007">
        <v>240</v>
      </c>
      <c r="X6007">
        <v>2020</v>
      </c>
    </row>
    <row r="6008" spans="1:24" x14ac:dyDescent="0.25">
      <c r="A6008">
        <v>1862</v>
      </c>
      <c r="B6008" t="s">
        <v>247</v>
      </c>
      <c r="C6008">
        <v>39</v>
      </c>
      <c r="D6008" t="s">
        <v>489</v>
      </c>
      <c r="E6008">
        <v>304</v>
      </c>
      <c r="F6008" t="s">
        <v>651</v>
      </c>
      <c r="G6008">
        <v>160</v>
      </c>
      <c r="H6008" t="s">
        <v>817</v>
      </c>
      <c r="I6008">
        <v>11010</v>
      </c>
      <c r="J6008" t="s">
        <v>880</v>
      </c>
      <c r="K6008">
        <v>58</v>
      </c>
      <c r="L6008" t="s">
        <v>1086</v>
      </c>
      <c r="M6008">
        <v>238</v>
      </c>
      <c r="N6008" t="s">
        <v>654</v>
      </c>
      <c r="O6008">
        <v>3</v>
      </c>
      <c r="P6008" t="s">
        <v>655</v>
      </c>
      <c r="Q6008">
        <v>1</v>
      </c>
      <c r="R6008" t="s">
        <v>669</v>
      </c>
      <c r="S6008">
        <v>1</v>
      </c>
      <c r="T6008" t="s">
        <v>661</v>
      </c>
      <c r="U6008">
        <v>8</v>
      </c>
      <c r="V6008">
        <v>4</v>
      </c>
      <c r="W6008">
        <v>240</v>
      </c>
      <c r="X6008">
        <v>2020</v>
      </c>
    </row>
    <row r="6009" spans="1:24" x14ac:dyDescent="0.25">
      <c r="A6009">
        <v>1860</v>
      </c>
      <c r="B6009" t="s">
        <v>247</v>
      </c>
      <c r="C6009">
        <v>39</v>
      </c>
      <c r="D6009" t="s">
        <v>489</v>
      </c>
      <c r="E6009">
        <v>304</v>
      </c>
      <c r="F6009" t="s">
        <v>651</v>
      </c>
      <c r="G6009">
        <v>160</v>
      </c>
      <c r="H6009" t="s">
        <v>817</v>
      </c>
      <c r="I6009">
        <v>11010</v>
      </c>
      <c r="J6009" t="s">
        <v>880</v>
      </c>
      <c r="K6009">
        <v>58</v>
      </c>
      <c r="L6009" t="s">
        <v>880</v>
      </c>
      <c r="M6009">
        <v>236</v>
      </c>
      <c r="N6009" t="s">
        <v>654</v>
      </c>
      <c r="O6009">
        <v>3</v>
      </c>
      <c r="P6009" t="s">
        <v>689</v>
      </c>
      <c r="Q6009">
        <v>4</v>
      </c>
      <c r="R6009" t="s">
        <v>669</v>
      </c>
      <c r="S6009">
        <v>1</v>
      </c>
      <c r="T6009" t="s">
        <v>661</v>
      </c>
      <c r="U6009">
        <v>8</v>
      </c>
      <c r="V6009">
        <v>4</v>
      </c>
      <c r="W6009">
        <v>240</v>
      </c>
      <c r="X6009">
        <v>2020</v>
      </c>
    </row>
    <row r="6010" spans="1:24" x14ac:dyDescent="0.25">
      <c r="A6010">
        <v>1859</v>
      </c>
      <c r="B6010" t="s">
        <v>247</v>
      </c>
      <c r="C6010">
        <v>39</v>
      </c>
      <c r="D6010" t="s">
        <v>489</v>
      </c>
      <c r="E6010">
        <v>304</v>
      </c>
      <c r="F6010" t="s">
        <v>651</v>
      </c>
      <c r="G6010">
        <v>160</v>
      </c>
      <c r="H6010" t="s">
        <v>817</v>
      </c>
      <c r="I6010">
        <v>11010</v>
      </c>
      <c r="J6010" t="s">
        <v>880</v>
      </c>
      <c r="K6010">
        <v>58</v>
      </c>
      <c r="L6010" t="s">
        <v>880</v>
      </c>
      <c r="M6010">
        <v>236</v>
      </c>
      <c r="N6010" t="s">
        <v>654</v>
      </c>
      <c r="O6010">
        <v>3</v>
      </c>
      <c r="P6010" t="s">
        <v>655</v>
      </c>
      <c r="Q6010">
        <v>1</v>
      </c>
      <c r="R6010" t="s">
        <v>669</v>
      </c>
      <c r="S6010">
        <v>1</v>
      </c>
      <c r="T6010" t="s">
        <v>661</v>
      </c>
      <c r="U6010">
        <v>8</v>
      </c>
      <c r="V6010">
        <v>4</v>
      </c>
      <c r="W6010">
        <v>240</v>
      </c>
      <c r="X6010">
        <v>2020</v>
      </c>
    </row>
    <row r="6011" spans="1:24" x14ac:dyDescent="0.25">
      <c r="A6011">
        <v>1858</v>
      </c>
      <c r="B6011" t="s">
        <v>247</v>
      </c>
      <c r="C6011">
        <v>39</v>
      </c>
      <c r="D6011" t="s">
        <v>489</v>
      </c>
      <c r="E6011">
        <v>304</v>
      </c>
      <c r="F6011" t="s">
        <v>651</v>
      </c>
      <c r="G6011">
        <v>160</v>
      </c>
      <c r="H6011" t="s">
        <v>817</v>
      </c>
      <c r="I6011">
        <v>11010</v>
      </c>
      <c r="J6011" t="s">
        <v>851</v>
      </c>
      <c r="K6011">
        <v>43</v>
      </c>
      <c r="L6011" t="s">
        <v>3940</v>
      </c>
      <c r="M6011">
        <v>474</v>
      </c>
      <c r="N6011" t="s">
        <v>654</v>
      </c>
      <c r="O6011">
        <v>3</v>
      </c>
      <c r="P6011" t="s">
        <v>655</v>
      </c>
      <c r="Q6011">
        <v>1</v>
      </c>
      <c r="R6011" t="s">
        <v>669</v>
      </c>
      <c r="S6011">
        <v>1</v>
      </c>
      <c r="T6011" t="s">
        <v>661</v>
      </c>
      <c r="U6011">
        <v>8</v>
      </c>
      <c r="V6011">
        <v>4</v>
      </c>
      <c r="W6011">
        <v>240</v>
      </c>
      <c r="X6011">
        <v>2020</v>
      </c>
    </row>
    <row r="6012" spans="1:24" x14ac:dyDescent="0.25">
      <c r="A6012">
        <v>1856</v>
      </c>
      <c r="B6012" t="s">
        <v>247</v>
      </c>
      <c r="C6012">
        <v>39</v>
      </c>
      <c r="D6012" t="s">
        <v>489</v>
      </c>
      <c r="E6012">
        <v>304</v>
      </c>
      <c r="F6012" t="s">
        <v>651</v>
      </c>
      <c r="G6012">
        <v>160</v>
      </c>
      <c r="H6012" t="s">
        <v>817</v>
      </c>
      <c r="I6012">
        <v>11010</v>
      </c>
      <c r="J6012" t="s">
        <v>909</v>
      </c>
      <c r="K6012">
        <v>39</v>
      </c>
      <c r="L6012" t="s">
        <v>3692</v>
      </c>
      <c r="M6012">
        <v>140</v>
      </c>
      <c r="N6012" t="s">
        <v>654</v>
      </c>
      <c r="O6012">
        <v>3</v>
      </c>
      <c r="P6012" t="s">
        <v>689</v>
      </c>
      <c r="Q6012">
        <v>4</v>
      </c>
      <c r="R6012" t="s">
        <v>669</v>
      </c>
      <c r="S6012">
        <v>1</v>
      </c>
      <c r="T6012" t="s">
        <v>661</v>
      </c>
      <c r="U6012">
        <v>8</v>
      </c>
      <c r="V6012">
        <v>4</v>
      </c>
      <c r="W6012">
        <v>240</v>
      </c>
      <c r="X6012">
        <v>2020</v>
      </c>
    </row>
    <row r="6013" spans="1:24" x14ac:dyDescent="0.25">
      <c r="A6013">
        <v>1855</v>
      </c>
      <c r="B6013" t="s">
        <v>247</v>
      </c>
      <c r="C6013">
        <v>39</v>
      </c>
      <c r="D6013" t="s">
        <v>489</v>
      </c>
      <c r="E6013">
        <v>304</v>
      </c>
      <c r="F6013" t="s">
        <v>651</v>
      </c>
      <c r="G6013">
        <v>160</v>
      </c>
      <c r="H6013" t="s">
        <v>817</v>
      </c>
      <c r="I6013">
        <v>11010</v>
      </c>
      <c r="J6013" t="s">
        <v>909</v>
      </c>
      <c r="K6013">
        <v>39</v>
      </c>
      <c r="L6013" t="s">
        <v>3692</v>
      </c>
      <c r="M6013">
        <v>140</v>
      </c>
      <c r="N6013" t="s">
        <v>654</v>
      </c>
      <c r="O6013">
        <v>3</v>
      </c>
      <c r="P6013" t="s">
        <v>655</v>
      </c>
      <c r="Q6013">
        <v>1</v>
      </c>
      <c r="R6013" t="s">
        <v>669</v>
      </c>
      <c r="S6013">
        <v>1</v>
      </c>
      <c r="T6013" t="s">
        <v>661</v>
      </c>
      <c r="U6013">
        <v>8</v>
      </c>
      <c r="V6013">
        <v>4</v>
      </c>
      <c r="W6013">
        <v>240</v>
      </c>
      <c r="X6013">
        <v>2020</v>
      </c>
    </row>
    <row r="6014" spans="1:24" x14ac:dyDescent="0.25">
      <c r="A6014">
        <v>1853</v>
      </c>
      <c r="B6014" t="s">
        <v>247</v>
      </c>
      <c r="C6014">
        <v>39</v>
      </c>
      <c r="D6014" t="s">
        <v>322</v>
      </c>
      <c r="E6014">
        <v>303</v>
      </c>
      <c r="F6014" t="s">
        <v>651</v>
      </c>
      <c r="G6014">
        <v>160</v>
      </c>
      <c r="H6014" t="s">
        <v>817</v>
      </c>
      <c r="I6014">
        <v>11010</v>
      </c>
      <c r="J6014" t="s">
        <v>671</v>
      </c>
      <c r="K6014">
        <v>81</v>
      </c>
      <c r="L6014" t="s">
        <v>920</v>
      </c>
      <c r="M6014">
        <v>335</v>
      </c>
      <c r="N6014" t="s">
        <v>654</v>
      </c>
      <c r="O6014">
        <v>3</v>
      </c>
      <c r="P6014" t="s">
        <v>655</v>
      </c>
      <c r="Q6014">
        <v>1</v>
      </c>
      <c r="R6014" t="s">
        <v>669</v>
      </c>
      <c r="S6014">
        <v>1</v>
      </c>
      <c r="T6014" t="s">
        <v>661</v>
      </c>
      <c r="U6014">
        <v>8</v>
      </c>
      <c r="V6014">
        <v>3</v>
      </c>
      <c r="W6014">
        <v>180</v>
      </c>
      <c r="X6014">
        <v>2020</v>
      </c>
    </row>
    <row r="6015" spans="1:24" x14ac:dyDescent="0.25">
      <c r="A6015">
        <v>1851</v>
      </c>
      <c r="B6015" t="s">
        <v>247</v>
      </c>
      <c r="C6015">
        <v>39</v>
      </c>
      <c r="D6015" t="s">
        <v>322</v>
      </c>
      <c r="E6015">
        <v>303</v>
      </c>
      <c r="F6015" t="s">
        <v>651</v>
      </c>
      <c r="G6015">
        <v>160</v>
      </c>
      <c r="H6015" t="s">
        <v>817</v>
      </c>
      <c r="I6015">
        <v>11010</v>
      </c>
      <c r="J6015" t="s">
        <v>932</v>
      </c>
      <c r="K6015">
        <v>77</v>
      </c>
      <c r="L6015" t="s">
        <v>933</v>
      </c>
      <c r="M6015">
        <v>330</v>
      </c>
      <c r="N6015" t="s">
        <v>654</v>
      </c>
      <c r="O6015">
        <v>3</v>
      </c>
      <c r="P6015" t="s">
        <v>655</v>
      </c>
      <c r="Q6015">
        <v>1</v>
      </c>
      <c r="R6015" t="s">
        <v>669</v>
      </c>
      <c r="S6015">
        <v>1</v>
      </c>
      <c r="T6015" t="s">
        <v>661</v>
      </c>
      <c r="U6015">
        <v>8</v>
      </c>
      <c r="V6015">
        <v>4</v>
      </c>
      <c r="W6015">
        <v>240</v>
      </c>
      <c r="X6015">
        <v>2020</v>
      </c>
    </row>
    <row r="6016" spans="1:24" x14ac:dyDescent="0.25">
      <c r="A6016">
        <v>1850</v>
      </c>
      <c r="B6016" t="s">
        <v>247</v>
      </c>
      <c r="C6016">
        <v>39</v>
      </c>
      <c r="D6016" t="s">
        <v>322</v>
      </c>
      <c r="E6016">
        <v>303</v>
      </c>
      <c r="F6016" t="s">
        <v>651</v>
      </c>
      <c r="G6016">
        <v>160</v>
      </c>
      <c r="H6016" t="s">
        <v>817</v>
      </c>
      <c r="I6016">
        <v>11010</v>
      </c>
      <c r="J6016" t="s">
        <v>751</v>
      </c>
      <c r="K6016">
        <v>79</v>
      </c>
      <c r="L6016" t="s">
        <v>752</v>
      </c>
      <c r="M6016">
        <v>328</v>
      </c>
      <c r="N6016" t="s">
        <v>654</v>
      </c>
      <c r="O6016">
        <v>3</v>
      </c>
      <c r="P6016" t="s">
        <v>655</v>
      </c>
      <c r="Q6016">
        <v>1</v>
      </c>
      <c r="R6016" t="s">
        <v>669</v>
      </c>
      <c r="S6016">
        <v>1</v>
      </c>
      <c r="T6016" t="s">
        <v>661</v>
      </c>
      <c r="U6016">
        <v>8</v>
      </c>
      <c r="V6016">
        <v>6</v>
      </c>
      <c r="W6016">
        <v>360</v>
      </c>
      <c r="X6016">
        <v>2020</v>
      </c>
    </row>
    <row r="6017" spans="1:24" x14ac:dyDescent="0.25">
      <c r="A6017">
        <v>1849</v>
      </c>
      <c r="B6017" t="s">
        <v>247</v>
      </c>
      <c r="C6017">
        <v>39</v>
      </c>
      <c r="D6017" t="s">
        <v>322</v>
      </c>
      <c r="E6017">
        <v>303</v>
      </c>
      <c r="F6017" t="s">
        <v>651</v>
      </c>
      <c r="G6017">
        <v>160</v>
      </c>
      <c r="H6017" t="s">
        <v>817</v>
      </c>
      <c r="I6017">
        <v>11010</v>
      </c>
      <c r="J6017" t="s">
        <v>932</v>
      </c>
      <c r="K6017">
        <v>77</v>
      </c>
      <c r="L6017" t="s">
        <v>839</v>
      </c>
      <c r="M6017">
        <v>327</v>
      </c>
      <c r="N6017" t="s">
        <v>654</v>
      </c>
      <c r="O6017">
        <v>3</v>
      </c>
      <c r="P6017" t="s">
        <v>655</v>
      </c>
      <c r="Q6017">
        <v>1</v>
      </c>
      <c r="R6017" t="s">
        <v>669</v>
      </c>
      <c r="S6017">
        <v>1</v>
      </c>
      <c r="T6017" t="s">
        <v>661</v>
      </c>
      <c r="U6017">
        <v>8</v>
      </c>
      <c r="V6017">
        <v>6</v>
      </c>
      <c r="W6017">
        <v>360</v>
      </c>
      <c r="X6017">
        <v>2020</v>
      </c>
    </row>
    <row r="6018" spans="1:24" x14ac:dyDescent="0.25">
      <c r="A6018">
        <v>1848</v>
      </c>
      <c r="B6018" t="s">
        <v>247</v>
      </c>
      <c r="C6018">
        <v>39</v>
      </c>
      <c r="D6018" t="s">
        <v>362</v>
      </c>
      <c r="E6018">
        <v>302</v>
      </c>
      <c r="F6018" t="s">
        <v>651</v>
      </c>
      <c r="G6018">
        <v>160</v>
      </c>
      <c r="H6018" t="s">
        <v>817</v>
      </c>
      <c r="I6018">
        <v>11010</v>
      </c>
      <c r="J6018" t="s">
        <v>1088</v>
      </c>
      <c r="K6018">
        <v>38</v>
      </c>
      <c r="L6018" t="s">
        <v>1265</v>
      </c>
      <c r="M6018">
        <v>136</v>
      </c>
      <c r="N6018" t="s">
        <v>654</v>
      </c>
      <c r="O6018">
        <v>3</v>
      </c>
      <c r="P6018" t="s">
        <v>655</v>
      </c>
      <c r="Q6018">
        <v>1</v>
      </c>
      <c r="R6018" t="s">
        <v>669</v>
      </c>
      <c r="S6018">
        <v>1</v>
      </c>
      <c r="T6018" t="s">
        <v>661</v>
      </c>
      <c r="U6018">
        <v>8</v>
      </c>
      <c r="V6018">
        <v>3</v>
      </c>
      <c r="W6018">
        <v>180</v>
      </c>
      <c r="X6018">
        <v>2020</v>
      </c>
    </row>
    <row r="6019" spans="1:24" x14ac:dyDescent="0.25">
      <c r="A6019">
        <v>1847</v>
      </c>
      <c r="B6019" t="s">
        <v>247</v>
      </c>
      <c r="C6019">
        <v>39</v>
      </c>
      <c r="D6019" t="s">
        <v>362</v>
      </c>
      <c r="E6019">
        <v>302</v>
      </c>
      <c r="F6019" t="s">
        <v>651</v>
      </c>
      <c r="G6019">
        <v>160</v>
      </c>
      <c r="H6019" t="s">
        <v>817</v>
      </c>
      <c r="I6019">
        <v>11010</v>
      </c>
      <c r="J6019" t="s">
        <v>1088</v>
      </c>
      <c r="K6019">
        <v>38</v>
      </c>
      <c r="L6019" t="s">
        <v>1089</v>
      </c>
      <c r="M6019">
        <v>135</v>
      </c>
      <c r="N6019" t="s">
        <v>654</v>
      </c>
      <c r="O6019">
        <v>3</v>
      </c>
      <c r="P6019" t="s">
        <v>655</v>
      </c>
      <c r="Q6019">
        <v>1</v>
      </c>
      <c r="R6019" t="s">
        <v>669</v>
      </c>
      <c r="S6019">
        <v>1</v>
      </c>
      <c r="T6019" t="s">
        <v>661</v>
      </c>
      <c r="U6019">
        <v>8</v>
      </c>
      <c r="V6019">
        <v>3</v>
      </c>
      <c r="W6019">
        <v>180</v>
      </c>
      <c r="X6019">
        <v>2020</v>
      </c>
    </row>
    <row r="6020" spans="1:24" x14ac:dyDescent="0.25">
      <c r="A6020">
        <v>1840</v>
      </c>
      <c r="B6020" t="s">
        <v>247</v>
      </c>
      <c r="C6020">
        <v>39</v>
      </c>
      <c r="D6020" t="s">
        <v>362</v>
      </c>
      <c r="E6020">
        <v>302</v>
      </c>
      <c r="F6020" t="s">
        <v>651</v>
      </c>
      <c r="G6020">
        <v>160</v>
      </c>
      <c r="H6020" t="s">
        <v>817</v>
      </c>
      <c r="I6020">
        <v>11010</v>
      </c>
      <c r="J6020" t="s">
        <v>736</v>
      </c>
      <c r="K6020">
        <v>8</v>
      </c>
      <c r="L6020" t="s">
        <v>737</v>
      </c>
      <c r="M6020">
        <v>24</v>
      </c>
      <c r="N6020" t="s">
        <v>654</v>
      </c>
      <c r="O6020">
        <v>3</v>
      </c>
      <c r="P6020" t="s">
        <v>655</v>
      </c>
      <c r="Q6020">
        <v>1</v>
      </c>
      <c r="R6020" t="s">
        <v>669</v>
      </c>
      <c r="S6020">
        <v>1</v>
      </c>
      <c r="T6020" t="s">
        <v>661</v>
      </c>
      <c r="U6020">
        <v>8</v>
      </c>
      <c r="V6020">
        <v>3</v>
      </c>
      <c r="W6020">
        <v>180</v>
      </c>
      <c r="X6020">
        <v>2020</v>
      </c>
    </row>
    <row r="6021" spans="1:24" x14ac:dyDescent="0.25">
      <c r="A6021">
        <v>1839</v>
      </c>
      <c r="B6021" t="s">
        <v>247</v>
      </c>
      <c r="C6021">
        <v>39</v>
      </c>
      <c r="D6021" t="s">
        <v>362</v>
      </c>
      <c r="E6021">
        <v>302</v>
      </c>
      <c r="F6021" t="s">
        <v>651</v>
      </c>
      <c r="G6021">
        <v>160</v>
      </c>
      <c r="H6021" t="s">
        <v>817</v>
      </c>
      <c r="I6021">
        <v>11010</v>
      </c>
      <c r="J6021" t="s">
        <v>831</v>
      </c>
      <c r="K6021">
        <v>5</v>
      </c>
      <c r="L6021" t="s">
        <v>831</v>
      </c>
      <c r="M6021">
        <v>14</v>
      </c>
      <c r="N6021" t="s">
        <v>654</v>
      </c>
      <c r="O6021">
        <v>3</v>
      </c>
      <c r="P6021" t="s">
        <v>655</v>
      </c>
      <c r="Q6021">
        <v>1</v>
      </c>
      <c r="R6021" t="s">
        <v>669</v>
      </c>
      <c r="S6021">
        <v>1</v>
      </c>
      <c r="T6021" t="s">
        <v>661</v>
      </c>
      <c r="U6021">
        <v>8</v>
      </c>
      <c r="V6021">
        <v>3</v>
      </c>
      <c r="W6021">
        <v>180</v>
      </c>
      <c r="X6021">
        <v>2020</v>
      </c>
    </row>
    <row r="6022" spans="1:24" x14ac:dyDescent="0.25">
      <c r="A6022">
        <v>1836</v>
      </c>
      <c r="B6022" t="s">
        <v>247</v>
      </c>
      <c r="C6022">
        <v>39</v>
      </c>
      <c r="D6022" t="s">
        <v>362</v>
      </c>
      <c r="E6022">
        <v>302</v>
      </c>
      <c r="F6022" t="s">
        <v>651</v>
      </c>
      <c r="G6022">
        <v>160</v>
      </c>
      <c r="H6022" t="s">
        <v>817</v>
      </c>
      <c r="I6022">
        <v>11010</v>
      </c>
      <c r="J6022" t="s">
        <v>676</v>
      </c>
      <c r="K6022">
        <v>4</v>
      </c>
      <c r="L6022" t="s">
        <v>676</v>
      </c>
      <c r="M6022">
        <v>12</v>
      </c>
      <c r="N6022" t="s">
        <v>654</v>
      </c>
      <c r="O6022">
        <v>3</v>
      </c>
      <c r="P6022" t="s">
        <v>655</v>
      </c>
      <c r="Q6022">
        <v>1</v>
      </c>
      <c r="R6022" t="s">
        <v>669</v>
      </c>
      <c r="S6022">
        <v>1</v>
      </c>
      <c r="T6022" t="s">
        <v>661</v>
      </c>
      <c r="U6022">
        <v>8</v>
      </c>
      <c r="V6022">
        <v>3</v>
      </c>
      <c r="W6022">
        <v>180</v>
      </c>
      <c r="X6022">
        <v>2020</v>
      </c>
    </row>
    <row r="6023" spans="1:24" x14ac:dyDescent="0.25">
      <c r="A6023">
        <v>1832</v>
      </c>
      <c r="B6023" t="s">
        <v>247</v>
      </c>
      <c r="C6023">
        <v>39</v>
      </c>
      <c r="D6023" t="s">
        <v>362</v>
      </c>
      <c r="E6023">
        <v>302</v>
      </c>
      <c r="F6023" t="s">
        <v>651</v>
      </c>
      <c r="G6023">
        <v>160</v>
      </c>
      <c r="H6023" t="s">
        <v>817</v>
      </c>
      <c r="I6023">
        <v>11010</v>
      </c>
      <c r="J6023" t="s">
        <v>885</v>
      </c>
      <c r="K6023">
        <v>1</v>
      </c>
      <c r="L6023" t="s">
        <v>1543</v>
      </c>
      <c r="M6023">
        <v>3</v>
      </c>
      <c r="N6023" t="s">
        <v>654</v>
      </c>
      <c r="O6023">
        <v>3</v>
      </c>
      <c r="P6023" t="s">
        <v>655</v>
      </c>
      <c r="Q6023">
        <v>1</v>
      </c>
      <c r="R6023" t="s">
        <v>669</v>
      </c>
      <c r="S6023">
        <v>1</v>
      </c>
      <c r="T6023" t="s">
        <v>661</v>
      </c>
      <c r="U6023">
        <v>8</v>
      </c>
      <c r="V6023">
        <v>3</v>
      </c>
      <c r="W6023">
        <v>180</v>
      </c>
      <c r="X6023">
        <v>2020</v>
      </c>
    </row>
    <row r="6024" spans="1:24" x14ac:dyDescent="0.25">
      <c r="A6024">
        <v>1828</v>
      </c>
      <c r="B6024" t="s">
        <v>247</v>
      </c>
      <c r="C6024">
        <v>39</v>
      </c>
      <c r="D6024" t="s">
        <v>477</v>
      </c>
      <c r="E6024">
        <v>301</v>
      </c>
      <c r="F6024" t="s">
        <v>651</v>
      </c>
      <c r="G6024">
        <v>160</v>
      </c>
      <c r="H6024" t="s">
        <v>817</v>
      </c>
      <c r="I6024">
        <v>11010</v>
      </c>
      <c r="J6024" t="s">
        <v>1055</v>
      </c>
      <c r="K6024">
        <v>69</v>
      </c>
      <c r="L6024" t="s">
        <v>3781</v>
      </c>
      <c r="M6024">
        <v>300</v>
      </c>
      <c r="N6024" t="s">
        <v>654</v>
      </c>
      <c r="O6024">
        <v>3</v>
      </c>
      <c r="P6024" t="s">
        <v>655</v>
      </c>
      <c r="Q6024">
        <v>1</v>
      </c>
      <c r="R6024" t="s">
        <v>669</v>
      </c>
      <c r="S6024">
        <v>1</v>
      </c>
      <c r="T6024" t="s">
        <v>661</v>
      </c>
      <c r="U6024">
        <v>8</v>
      </c>
      <c r="V6024">
        <v>4</v>
      </c>
      <c r="W6024">
        <v>240</v>
      </c>
      <c r="X6024">
        <v>2020</v>
      </c>
    </row>
    <row r="6025" spans="1:24" x14ac:dyDescent="0.25">
      <c r="A6025">
        <v>1827</v>
      </c>
      <c r="B6025" t="s">
        <v>247</v>
      </c>
      <c r="C6025">
        <v>39</v>
      </c>
      <c r="D6025" t="s">
        <v>477</v>
      </c>
      <c r="E6025">
        <v>301</v>
      </c>
      <c r="F6025" t="s">
        <v>651</v>
      </c>
      <c r="G6025">
        <v>160</v>
      </c>
      <c r="H6025" t="s">
        <v>817</v>
      </c>
      <c r="I6025">
        <v>11010</v>
      </c>
      <c r="J6025" t="s">
        <v>716</v>
      </c>
      <c r="K6025">
        <v>68</v>
      </c>
      <c r="L6025" t="s">
        <v>1915</v>
      </c>
      <c r="M6025">
        <v>294</v>
      </c>
      <c r="N6025" t="s">
        <v>654</v>
      </c>
      <c r="O6025">
        <v>3</v>
      </c>
      <c r="P6025" t="s">
        <v>655</v>
      </c>
      <c r="Q6025">
        <v>1</v>
      </c>
      <c r="R6025" t="s">
        <v>669</v>
      </c>
      <c r="S6025">
        <v>1</v>
      </c>
      <c r="T6025" t="s">
        <v>661</v>
      </c>
      <c r="U6025">
        <v>8</v>
      </c>
      <c r="V6025">
        <v>4</v>
      </c>
      <c r="W6025">
        <v>240</v>
      </c>
      <c r="X6025">
        <v>2020</v>
      </c>
    </row>
    <row r="6026" spans="1:24" x14ac:dyDescent="0.25">
      <c r="A6026">
        <v>1826</v>
      </c>
      <c r="B6026" t="s">
        <v>247</v>
      </c>
      <c r="C6026">
        <v>39</v>
      </c>
      <c r="D6026" t="s">
        <v>477</v>
      </c>
      <c r="E6026">
        <v>301</v>
      </c>
      <c r="F6026" t="s">
        <v>651</v>
      </c>
      <c r="G6026">
        <v>160</v>
      </c>
      <c r="H6026" t="s">
        <v>817</v>
      </c>
      <c r="I6026">
        <v>11010</v>
      </c>
      <c r="J6026" t="s">
        <v>980</v>
      </c>
      <c r="K6026">
        <v>67</v>
      </c>
      <c r="L6026" t="s">
        <v>3800</v>
      </c>
      <c r="M6026">
        <v>291</v>
      </c>
      <c r="N6026" t="s">
        <v>654</v>
      </c>
      <c r="O6026">
        <v>3</v>
      </c>
      <c r="P6026" t="s">
        <v>655</v>
      </c>
      <c r="Q6026">
        <v>1</v>
      </c>
      <c r="R6026" t="s">
        <v>669</v>
      </c>
      <c r="S6026">
        <v>1</v>
      </c>
      <c r="T6026" t="s">
        <v>661</v>
      </c>
      <c r="U6026">
        <v>8</v>
      </c>
      <c r="V6026">
        <v>4</v>
      </c>
      <c r="W6026">
        <v>240</v>
      </c>
      <c r="X6026">
        <v>2020</v>
      </c>
    </row>
    <row r="6027" spans="1:24" x14ac:dyDescent="0.25">
      <c r="A6027">
        <v>1825</v>
      </c>
      <c r="B6027" t="s">
        <v>247</v>
      </c>
      <c r="C6027">
        <v>39</v>
      </c>
      <c r="D6027" t="s">
        <v>477</v>
      </c>
      <c r="E6027">
        <v>301</v>
      </c>
      <c r="F6027" t="s">
        <v>651</v>
      </c>
      <c r="G6027">
        <v>160</v>
      </c>
      <c r="H6027" t="s">
        <v>817</v>
      </c>
      <c r="I6027">
        <v>11010</v>
      </c>
      <c r="J6027" t="s">
        <v>730</v>
      </c>
      <c r="K6027">
        <v>66</v>
      </c>
      <c r="L6027" t="s">
        <v>3789</v>
      </c>
      <c r="M6027">
        <v>279</v>
      </c>
      <c r="N6027" t="s">
        <v>654</v>
      </c>
      <c r="O6027">
        <v>3</v>
      </c>
      <c r="P6027" t="s">
        <v>655</v>
      </c>
      <c r="Q6027">
        <v>1</v>
      </c>
      <c r="R6027" t="s">
        <v>669</v>
      </c>
      <c r="S6027">
        <v>1</v>
      </c>
      <c r="T6027" t="s">
        <v>661</v>
      </c>
      <c r="U6027">
        <v>8</v>
      </c>
      <c r="V6027">
        <v>4</v>
      </c>
      <c r="W6027">
        <v>240</v>
      </c>
      <c r="X6027">
        <v>2020</v>
      </c>
    </row>
    <row r="6028" spans="1:24" x14ac:dyDescent="0.25">
      <c r="A6028">
        <v>1824</v>
      </c>
      <c r="B6028" t="s">
        <v>247</v>
      </c>
      <c r="C6028">
        <v>39</v>
      </c>
      <c r="D6028" t="s">
        <v>477</v>
      </c>
      <c r="E6028">
        <v>301</v>
      </c>
      <c r="F6028" t="s">
        <v>651</v>
      </c>
      <c r="G6028">
        <v>160</v>
      </c>
      <c r="H6028" t="s">
        <v>817</v>
      </c>
      <c r="I6028">
        <v>11010</v>
      </c>
      <c r="J6028" t="s">
        <v>730</v>
      </c>
      <c r="K6028">
        <v>66</v>
      </c>
      <c r="L6028" t="s">
        <v>3926</v>
      </c>
      <c r="M6028">
        <v>280</v>
      </c>
      <c r="N6028" t="s">
        <v>654</v>
      </c>
      <c r="O6028">
        <v>3</v>
      </c>
      <c r="P6028" t="s">
        <v>689</v>
      </c>
      <c r="Q6028">
        <v>4</v>
      </c>
      <c r="R6028" t="s">
        <v>669</v>
      </c>
      <c r="S6028">
        <v>1</v>
      </c>
      <c r="T6028" t="s">
        <v>661</v>
      </c>
      <c r="U6028">
        <v>8</v>
      </c>
      <c r="V6028">
        <v>4</v>
      </c>
      <c r="W6028">
        <v>240</v>
      </c>
      <c r="X6028">
        <v>2020</v>
      </c>
    </row>
    <row r="6029" spans="1:24" x14ac:dyDescent="0.25">
      <c r="A6029">
        <v>1823</v>
      </c>
      <c r="B6029" t="s">
        <v>247</v>
      </c>
      <c r="C6029">
        <v>39</v>
      </c>
      <c r="D6029" t="s">
        <v>477</v>
      </c>
      <c r="E6029">
        <v>301</v>
      </c>
      <c r="F6029" t="s">
        <v>651</v>
      </c>
      <c r="G6029">
        <v>160</v>
      </c>
      <c r="H6029" t="s">
        <v>817</v>
      </c>
      <c r="I6029">
        <v>11010</v>
      </c>
      <c r="J6029" t="s">
        <v>730</v>
      </c>
      <c r="K6029">
        <v>66</v>
      </c>
      <c r="L6029" t="s">
        <v>3926</v>
      </c>
      <c r="M6029">
        <v>280</v>
      </c>
      <c r="N6029" t="s">
        <v>654</v>
      </c>
      <c r="O6029">
        <v>3</v>
      </c>
      <c r="P6029" t="s">
        <v>655</v>
      </c>
      <c r="Q6029">
        <v>1</v>
      </c>
      <c r="R6029" t="s">
        <v>669</v>
      </c>
      <c r="S6029">
        <v>1</v>
      </c>
      <c r="T6029" t="s">
        <v>661</v>
      </c>
      <c r="U6029">
        <v>8</v>
      </c>
      <c r="V6029">
        <v>4</v>
      </c>
      <c r="W6029">
        <v>240</v>
      </c>
      <c r="X6029">
        <v>2020</v>
      </c>
    </row>
    <row r="6030" spans="1:24" x14ac:dyDescent="0.25">
      <c r="A6030">
        <v>1822</v>
      </c>
      <c r="B6030" t="s">
        <v>247</v>
      </c>
      <c r="C6030">
        <v>39</v>
      </c>
      <c r="D6030" t="s">
        <v>477</v>
      </c>
      <c r="E6030">
        <v>301</v>
      </c>
      <c r="F6030" t="s">
        <v>651</v>
      </c>
      <c r="G6030">
        <v>160</v>
      </c>
      <c r="H6030" t="s">
        <v>817</v>
      </c>
      <c r="I6030">
        <v>11010</v>
      </c>
      <c r="J6030" t="s">
        <v>797</v>
      </c>
      <c r="K6030">
        <v>65</v>
      </c>
      <c r="L6030" t="s">
        <v>1526</v>
      </c>
      <c r="M6030">
        <v>278</v>
      </c>
      <c r="N6030" t="s">
        <v>654</v>
      </c>
      <c r="O6030">
        <v>3</v>
      </c>
      <c r="P6030" t="s">
        <v>655</v>
      </c>
      <c r="Q6030">
        <v>1</v>
      </c>
      <c r="R6030" t="s">
        <v>669</v>
      </c>
      <c r="S6030">
        <v>1</v>
      </c>
      <c r="T6030" t="s">
        <v>661</v>
      </c>
      <c r="U6030">
        <v>8</v>
      </c>
      <c r="V6030">
        <v>4</v>
      </c>
      <c r="W6030">
        <v>240</v>
      </c>
      <c r="X6030">
        <v>2020</v>
      </c>
    </row>
    <row r="6031" spans="1:24" x14ac:dyDescent="0.25">
      <c r="A6031">
        <v>1821</v>
      </c>
      <c r="B6031" t="s">
        <v>247</v>
      </c>
      <c r="C6031">
        <v>39</v>
      </c>
      <c r="D6031" t="s">
        <v>477</v>
      </c>
      <c r="E6031">
        <v>301</v>
      </c>
      <c r="F6031" t="s">
        <v>651</v>
      </c>
      <c r="G6031">
        <v>160</v>
      </c>
      <c r="H6031" t="s">
        <v>817</v>
      </c>
      <c r="I6031">
        <v>11010</v>
      </c>
      <c r="J6031" t="s">
        <v>848</v>
      </c>
      <c r="K6031">
        <v>62</v>
      </c>
      <c r="L6031" t="s">
        <v>1924</v>
      </c>
      <c r="M6031">
        <v>263</v>
      </c>
      <c r="N6031" t="s">
        <v>654</v>
      </c>
      <c r="O6031">
        <v>3</v>
      </c>
      <c r="P6031" t="s">
        <v>655</v>
      </c>
      <c r="Q6031">
        <v>1</v>
      </c>
      <c r="R6031" t="s">
        <v>669</v>
      </c>
      <c r="S6031">
        <v>1</v>
      </c>
      <c r="T6031" t="s">
        <v>661</v>
      </c>
      <c r="U6031">
        <v>8</v>
      </c>
      <c r="V6031">
        <v>4</v>
      </c>
      <c r="W6031">
        <v>240</v>
      </c>
      <c r="X6031">
        <v>2020</v>
      </c>
    </row>
    <row r="6032" spans="1:24" x14ac:dyDescent="0.25">
      <c r="A6032">
        <v>1818</v>
      </c>
      <c r="B6032" t="s">
        <v>247</v>
      </c>
      <c r="C6032">
        <v>39</v>
      </c>
      <c r="D6032" t="s">
        <v>477</v>
      </c>
      <c r="E6032">
        <v>301</v>
      </c>
      <c r="F6032" t="s">
        <v>651</v>
      </c>
      <c r="G6032">
        <v>160</v>
      </c>
      <c r="H6032" t="s">
        <v>817</v>
      </c>
      <c r="I6032">
        <v>11010</v>
      </c>
      <c r="J6032" t="s">
        <v>693</v>
      </c>
      <c r="K6032">
        <v>56</v>
      </c>
      <c r="L6032" t="s">
        <v>3786</v>
      </c>
      <c r="M6032">
        <v>231</v>
      </c>
      <c r="N6032" t="s">
        <v>654</v>
      </c>
      <c r="O6032">
        <v>3</v>
      </c>
      <c r="P6032" t="s">
        <v>655</v>
      </c>
      <c r="Q6032">
        <v>1</v>
      </c>
      <c r="R6032" t="s">
        <v>669</v>
      </c>
      <c r="S6032">
        <v>1</v>
      </c>
      <c r="T6032" t="s">
        <v>661</v>
      </c>
      <c r="U6032">
        <v>8</v>
      </c>
      <c r="V6032">
        <v>4</v>
      </c>
      <c r="W6032">
        <v>240</v>
      </c>
      <c r="X6032">
        <v>2020</v>
      </c>
    </row>
    <row r="6033" spans="1:24" x14ac:dyDescent="0.25">
      <c r="A6033">
        <v>1814</v>
      </c>
      <c r="B6033" t="s">
        <v>247</v>
      </c>
      <c r="C6033">
        <v>39</v>
      </c>
      <c r="D6033" t="s">
        <v>477</v>
      </c>
      <c r="E6033">
        <v>301</v>
      </c>
      <c r="F6033" t="s">
        <v>651</v>
      </c>
      <c r="G6033">
        <v>160</v>
      </c>
      <c r="H6033" t="s">
        <v>817</v>
      </c>
      <c r="I6033">
        <v>11010</v>
      </c>
      <c r="J6033" t="s">
        <v>693</v>
      </c>
      <c r="K6033">
        <v>56</v>
      </c>
      <c r="L6033" t="s">
        <v>694</v>
      </c>
      <c r="M6033">
        <v>222</v>
      </c>
      <c r="N6033" t="s">
        <v>654</v>
      </c>
      <c r="O6033">
        <v>3</v>
      </c>
      <c r="P6033" t="s">
        <v>655</v>
      </c>
      <c r="Q6033">
        <v>1</v>
      </c>
      <c r="R6033" t="s">
        <v>669</v>
      </c>
      <c r="S6033">
        <v>1</v>
      </c>
      <c r="T6033" t="s">
        <v>661</v>
      </c>
      <c r="U6033">
        <v>8</v>
      </c>
      <c r="V6033">
        <v>4</v>
      </c>
      <c r="W6033">
        <v>240</v>
      </c>
      <c r="X6033">
        <v>2020</v>
      </c>
    </row>
    <row r="6034" spans="1:24" x14ac:dyDescent="0.25">
      <c r="A6034">
        <v>1813</v>
      </c>
      <c r="B6034" t="s">
        <v>247</v>
      </c>
      <c r="C6034">
        <v>39</v>
      </c>
      <c r="D6034" t="s">
        <v>477</v>
      </c>
      <c r="E6034">
        <v>301</v>
      </c>
      <c r="F6034" t="s">
        <v>651</v>
      </c>
      <c r="G6034">
        <v>160</v>
      </c>
      <c r="H6034" t="s">
        <v>817</v>
      </c>
      <c r="I6034">
        <v>11010</v>
      </c>
      <c r="J6034" t="s">
        <v>693</v>
      </c>
      <c r="K6034">
        <v>56</v>
      </c>
      <c r="L6034" t="s">
        <v>3669</v>
      </c>
      <c r="M6034">
        <v>221</v>
      </c>
      <c r="N6034" t="s">
        <v>654</v>
      </c>
      <c r="O6034">
        <v>3</v>
      </c>
      <c r="P6034" t="s">
        <v>655</v>
      </c>
      <c r="Q6034">
        <v>1</v>
      </c>
      <c r="R6034" t="s">
        <v>669</v>
      </c>
      <c r="S6034">
        <v>1</v>
      </c>
      <c r="T6034" t="s">
        <v>661</v>
      </c>
      <c r="U6034">
        <v>8</v>
      </c>
      <c r="V6034">
        <v>4</v>
      </c>
      <c r="W6034">
        <v>240</v>
      </c>
      <c r="X6034">
        <v>2020</v>
      </c>
    </row>
    <row r="6035" spans="1:24" x14ac:dyDescent="0.25">
      <c r="A6035">
        <v>1812</v>
      </c>
      <c r="B6035" t="s">
        <v>247</v>
      </c>
      <c r="C6035">
        <v>39</v>
      </c>
      <c r="D6035" t="s">
        <v>477</v>
      </c>
      <c r="E6035">
        <v>301</v>
      </c>
      <c r="F6035" t="s">
        <v>651</v>
      </c>
      <c r="G6035">
        <v>160</v>
      </c>
      <c r="H6035" t="s">
        <v>817</v>
      </c>
      <c r="I6035">
        <v>11010</v>
      </c>
      <c r="J6035" t="s">
        <v>710</v>
      </c>
      <c r="K6035">
        <v>53</v>
      </c>
      <c r="L6035" t="s">
        <v>3931</v>
      </c>
      <c r="M6035">
        <v>204</v>
      </c>
      <c r="N6035" t="s">
        <v>654</v>
      </c>
      <c r="O6035">
        <v>3</v>
      </c>
      <c r="P6035" t="s">
        <v>655</v>
      </c>
      <c r="Q6035">
        <v>1</v>
      </c>
      <c r="R6035" t="s">
        <v>669</v>
      </c>
      <c r="S6035">
        <v>1</v>
      </c>
      <c r="T6035" t="s">
        <v>661</v>
      </c>
      <c r="U6035">
        <v>8</v>
      </c>
      <c r="V6035">
        <v>4</v>
      </c>
      <c r="W6035">
        <v>240</v>
      </c>
      <c r="X6035">
        <v>2020</v>
      </c>
    </row>
    <row r="6036" spans="1:24" x14ac:dyDescent="0.25">
      <c r="A6036">
        <v>1810</v>
      </c>
      <c r="B6036" t="s">
        <v>247</v>
      </c>
      <c r="C6036">
        <v>39</v>
      </c>
      <c r="D6036" t="s">
        <v>477</v>
      </c>
      <c r="E6036">
        <v>301</v>
      </c>
      <c r="F6036" t="s">
        <v>651</v>
      </c>
      <c r="G6036">
        <v>160</v>
      </c>
      <c r="H6036" t="s">
        <v>817</v>
      </c>
      <c r="I6036">
        <v>11010</v>
      </c>
      <c r="J6036" t="s">
        <v>714</v>
      </c>
      <c r="K6036">
        <v>52</v>
      </c>
      <c r="L6036" t="s">
        <v>928</v>
      </c>
      <c r="M6036">
        <v>202</v>
      </c>
      <c r="N6036" t="s">
        <v>654</v>
      </c>
      <c r="O6036">
        <v>3</v>
      </c>
      <c r="P6036" t="s">
        <v>655</v>
      </c>
      <c r="Q6036">
        <v>1</v>
      </c>
      <c r="R6036" t="s">
        <v>669</v>
      </c>
      <c r="S6036">
        <v>1</v>
      </c>
      <c r="T6036" t="s">
        <v>661</v>
      </c>
      <c r="U6036">
        <v>8</v>
      </c>
      <c r="V6036">
        <v>4</v>
      </c>
      <c r="W6036">
        <v>240</v>
      </c>
      <c r="X6036">
        <v>2020</v>
      </c>
    </row>
    <row r="6037" spans="1:24" x14ac:dyDescent="0.25">
      <c r="A6037">
        <v>1809</v>
      </c>
      <c r="B6037" t="s">
        <v>247</v>
      </c>
      <c r="C6037">
        <v>39</v>
      </c>
      <c r="D6037" t="s">
        <v>477</v>
      </c>
      <c r="E6037">
        <v>301</v>
      </c>
      <c r="F6037" t="s">
        <v>651</v>
      </c>
      <c r="G6037">
        <v>160</v>
      </c>
      <c r="H6037" t="s">
        <v>817</v>
      </c>
      <c r="I6037">
        <v>11010</v>
      </c>
      <c r="J6037" t="s">
        <v>767</v>
      </c>
      <c r="K6037">
        <v>44</v>
      </c>
      <c r="L6037" t="s">
        <v>2347</v>
      </c>
      <c r="M6037">
        <v>153</v>
      </c>
      <c r="N6037" t="s">
        <v>654</v>
      </c>
      <c r="O6037">
        <v>3</v>
      </c>
      <c r="P6037" t="s">
        <v>655</v>
      </c>
      <c r="Q6037">
        <v>1</v>
      </c>
      <c r="R6037" t="s">
        <v>669</v>
      </c>
      <c r="S6037">
        <v>1</v>
      </c>
      <c r="T6037" t="s">
        <v>661</v>
      </c>
      <c r="U6037">
        <v>8</v>
      </c>
      <c r="V6037">
        <v>4</v>
      </c>
      <c r="W6037">
        <v>240</v>
      </c>
      <c r="X6037">
        <v>2020</v>
      </c>
    </row>
    <row r="6038" spans="1:24" x14ac:dyDescent="0.25">
      <c r="A6038">
        <v>1808</v>
      </c>
      <c r="B6038" t="s">
        <v>247</v>
      </c>
      <c r="C6038">
        <v>39</v>
      </c>
      <c r="D6038" t="s">
        <v>477</v>
      </c>
      <c r="E6038">
        <v>301</v>
      </c>
      <c r="F6038" t="s">
        <v>651</v>
      </c>
      <c r="G6038">
        <v>160</v>
      </c>
      <c r="H6038" t="s">
        <v>817</v>
      </c>
      <c r="I6038">
        <v>11010</v>
      </c>
      <c r="J6038" t="s">
        <v>767</v>
      </c>
      <c r="K6038">
        <v>44</v>
      </c>
      <c r="L6038" t="s">
        <v>3893</v>
      </c>
      <c r="M6038">
        <v>152</v>
      </c>
      <c r="N6038" t="s">
        <v>654</v>
      </c>
      <c r="O6038">
        <v>3</v>
      </c>
      <c r="P6038" t="s">
        <v>655</v>
      </c>
      <c r="Q6038">
        <v>1</v>
      </c>
      <c r="R6038" t="s">
        <v>669</v>
      </c>
      <c r="S6038">
        <v>1</v>
      </c>
      <c r="T6038" t="s">
        <v>661</v>
      </c>
      <c r="U6038">
        <v>8</v>
      </c>
      <c r="V6038">
        <v>4</v>
      </c>
      <c r="W6038">
        <v>240</v>
      </c>
      <c r="X6038">
        <v>2020</v>
      </c>
    </row>
    <row r="6039" spans="1:24" x14ac:dyDescent="0.25">
      <c r="A6039">
        <v>1802</v>
      </c>
      <c r="B6039" t="s">
        <v>247</v>
      </c>
      <c r="C6039">
        <v>39</v>
      </c>
      <c r="D6039" t="s">
        <v>490</v>
      </c>
      <c r="E6039">
        <v>299</v>
      </c>
      <c r="F6039" t="s">
        <v>651</v>
      </c>
      <c r="G6039">
        <v>160</v>
      </c>
      <c r="H6039" t="s">
        <v>817</v>
      </c>
      <c r="I6039">
        <v>11010</v>
      </c>
      <c r="J6039" t="s">
        <v>679</v>
      </c>
      <c r="K6039">
        <v>32</v>
      </c>
      <c r="L6039" t="s">
        <v>1267</v>
      </c>
      <c r="M6039">
        <v>467</v>
      </c>
      <c r="N6039" t="s">
        <v>654</v>
      </c>
      <c r="O6039">
        <v>3</v>
      </c>
      <c r="P6039" t="s">
        <v>655</v>
      </c>
      <c r="Q6039">
        <v>1</v>
      </c>
      <c r="R6039" t="s">
        <v>669</v>
      </c>
      <c r="S6039">
        <v>1</v>
      </c>
      <c r="T6039" t="s">
        <v>661</v>
      </c>
      <c r="U6039">
        <v>8</v>
      </c>
      <c r="V6039">
        <v>3</v>
      </c>
      <c r="W6039">
        <v>180</v>
      </c>
      <c r="X6039">
        <v>2020</v>
      </c>
    </row>
    <row r="6040" spans="1:24" x14ac:dyDescent="0.25">
      <c r="A6040">
        <v>1801</v>
      </c>
      <c r="B6040" t="s">
        <v>247</v>
      </c>
      <c r="C6040">
        <v>39</v>
      </c>
      <c r="D6040" t="s">
        <v>490</v>
      </c>
      <c r="E6040">
        <v>299</v>
      </c>
      <c r="F6040" t="s">
        <v>651</v>
      </c>
      <c r="G6040">
        <v>160</v>
      </c>
      <c r="H6040" t="s">
        <v>817</v>
      </c>
      <c r="I6040">
        <v>11010</v>
      </c>
      <c r="J6040" t="s">
        <v>679</v>
      </c>
      <c r="K6040">
        <v>32</v>
      </c>
      <c r="L6040" t="s">
        <v>1612</v>
      </c>
      <c r="M6040">
        <v>463</v>
      </c>
      <c r="N6040" t="s">
        <v>654</v>
      </c>
      <c r="O6040">
        <v>3</v>
      </c>
      <c r="P6040" t="s">
        <v>655</v>
      </c>
      <c r="Q6040">
        <v>1</v>
      </c>
      <c r="R6040" t="s">
        <v>669</v>
      </c>
      <c r="S6040">
        <v>1</v>
      </c>
      <c r="T6040" t="s">
        <v>661</v>
      </c>
      <c r="U6040">
        <v>8</v>
      </c>
      <c r="V6040">
        <v>3</v>
      </c>
      <c r="W6040">
        <v>180</v>
      </c>
      <c r="X6040">
        <v>2020</v>
      </c>
    </row>
    <row r="6041" spans="1:24" x14ac:dyDescent="0.25">
      <c r="A6041">
        <v>1798</v>
      </c>
      <c r="B6041" t="s">
        <v>247</v>
      </c>
      <c r="C6041">
        <v>39</v>
      </c>
      <c r="D6041" t="s">
        <v>490</v>
      </c>
      <c r="E6041">
        <v>299</v>
      </c>
      <c r="F6041" t="s">
        <v>651</v>
      </c>
      <c r="G6041">
        <v>160</v>
      </c>
      <c r="H6041" t="s">
        <v>817</v>
      </c>
      <c r="I6041">
        <v>11010</v>
      </c>
      <c r="J6041" t="s">
        <v>667</v>
      </c>
      <c r="K6041">
        <v>11</v>
      </c>
      <c r="L6041" t="s">
        <v>667</v>
      </c>
      <c r="M6041">
        <v>35</v>
      </c>
      <c r="N6041" t="s">
        <v>654</v>
      </c>
      <c r="O6041">
        <v>3</v>
      </c>
      <c r="P6041" t="s">
        <v>655</v>
      </c>
      <c r="Q6041">
        <v>1</v>
      </c>
      <c r="R6041" t="s">
        <v>669</v>
      </c>
      <c r="S6041">
        <v>1</v>
      </c>
      <c r="T6041" t="s">
        <v>661</v>
      </c>
      <c r="U6041">
        <v>8</v>
      </c>
      <c r="V6041">
        <v>3</v>
      </c>
      <c r="W6041">
        <v>180</v>
      </c>
      <c r="X6041">
        <v>2020</v>
      </c>
    </row>
    <row r="6042" spans="1:24" x14ac:dyDescent="0.25">
      <c r="A6042">
        <v>1791</v>
      </c>
      <c r="B6042" t="s">
        <v>247</v>
      </c>
      <c r="C6042">
        <v>39</v>
      </c>
      <c r="D6042" t="s">
        <v>11</v>
      </c>
      <c r="E6042">
        <v>298</v>
      </c>
      <c r="F6042" t="s">
        <v>651</v>
      </c>
      <c r="G6042">
        <v>160</v>
      </c>
      <c r="H6042" t="s">
        <v>817</v>
      </c>
      <c r="I6042">
        <v>11010</v>
      </c>
      <c r="J6042" t="s">
        <v>682</v>
      </c>
      <c r="K6042">
        <v>20</v>
      </c>
      <c r="L6042" t="s">
        <v>904</v>
      </c>
      <c r="M6042">
        <v>61</v>
      </c>
      <c r="N6042" t="s">
        <v>654</v>
      </c>
      <c r="O6042">
        <v>3</v>
      </c>
      <c r="P6042" t="s">
        <v>689</v>
      </c>
      <c r="Q6042">
        <v>4</v>
      </c>
      <c r="R6042" t="s">
        <v>669</v>
      </c>
      <c r="S6042">
        <v>1</v>
      </c>
      <c r="T6042" t="s">
        <v>661</v>
      </c>
      <c r="U6042">
        <v>8</v>
      </c>
      <c r="V6042">
        <v>3</v>
      </c>
      <c r="W6042">
        <v>180</v>
      </c>
      <c r="X6042">
        <v>2020</v>
      </c>
    </row>
    <row r="6043" spans="1:24" x14ac:dyDescent="0.25">
      <c r="A6043">
        <v>1790</v>
      </c>
      <c r="B6043" t="s">
        <v>247</v>
      </c>
      <c r="C6043">
        <v>39</v>
      </c>
      <c r="D6043" t="s">
        <v>11</v>
      </c>
      <c r="E6043">
        <v>298</v>
      </c>
      <c r="F6043" t="s">
        <v>651</v>
      </c>
      <c r="G6043">
        <v>160</v>
      </c>
      <c r="H6043" t="s">
        <v>817</v>
      </c>
      <c r="I6043">
        <v>11010</v>
      </c>
      <c r="J6043" t="s">
        <v>682</v>
      </c>
      <c r="K6043">
        <v>20</v>
      </c>
      <c r="L6043" t="s">
        <v>904</v>
      </c>
      <c r="M6043">
        <v>61</v>
      </c>
      <c r="N6043" t="s">
        <v>654</v>
      </c>
      <c r="O6043">
        <v>3</v>
      </c>
      <c r="P6043" t="s">
        <v>655</v>
      </c>
      <c r="Q6043">
        <v>1</v>
      </c>
      <c r="R6043" t="s">
        <v>669</v>
      </c>
      <c r="S6043">
        <v>1</v>
      </c>
      <c r="T6043" t="s">
        <v>661</v>
      </c>
      <c r="U6043">
        <v>8</v>
      </c>
      <c r="V6043">
        <v>3</v>
      </c>
      <c r="W6043">
        <v>180</v>
      </c>
      <c r="X6043">
        <v>2020</v>
      </c>
    </row>
    <row r="6044" spans="1:24" x14ac:dyDescent="0.25">
      <c r="A6044">
        <v>1789</v>
      </c>
      <c r="B6044" t="s">
        <v>247</v>
      </c>
      <c r="C6044">
        <v>39</v>
      </c>
      <c r="D6044" t="s">
        <v>11</v>
      </c>
      <c r="E6044">
        <v>298</v>
      </c>
      <c r="F6044" t="s">
        <v>651</v>
      </c>
      <c r="G6044">
        <v>160</v>
      </c>
      <c r="H6044" t="s">
        <v>817</v>
      </c>
      <c r="I6044">
        <v>11010</v>
      </c>
      <c r="J6044" t="s">
        <v>65</v>
      </c>
      <c r="K6044">
        <v>15</v>
      </c>
      <c r="L6044" t="s">
        <v>65</v>
      </c>
      <c r="M6044">
        <v>51</v>
      </c>
      <c r="N6044" t="s">
        <v>654</v>
      </c>
      <c r="O6044">
        <v>3</v>
      </c>
      <c r="P6044" t="s">
        <v>689</v>
      </c>
      <c r="Q6044">
        <v>4</v>
      </c>
      <c r="R6044" t="s">
        <v>669</v>
      </c>
      <c r="S6044">
        <v>1</v>
      </c>
      <c r="T6044" t="s">
        <v>661</v>
      </c>
      <c r="U6044">
        <v>8</v>
      </c>
      <c r="V6044">
        <v>4</v>
      </c>
      <c r="W6044">
        <v>240</v>
      </c>
      <c r="X6044">
        <v>2020</v>
      </c>
    </row>
    <row r="6045" spans="1:24" x14ac:dyDescent="0.25">
      <c r="A6045">
        <v>1788</v>
      </c>
      <c r="B6045" t="s">
        <v>247</v>
      </c>
      <c r="C6045">
        <v>39</v>
      </c>
      <c r="D6045" t="s">
        <v>11</v>
      </c>
      <c r="E6045">
        <v>298</v>
      </c>
      <c r="F6045" t="s">
        <v>651</v>
      </c>
      <c r="G6045">
        <v>160</v>
      </c>
      <c r="H6045" t="s">
        <v>817</v>
      </c>
      <c r="I6045">
        <v>11010</v>
      </c>
      <c r="J6045" t="s">
        <v>65</v>
      </c>
      <c r="K6045">
        <v>15</v>
      </c>
      <c r="L6045" t="s">
        <v>65</v>
      </c>
      <c r="M6045">
        <v>51</v>
      </c>
      <c r="N6045" t="s">
        <v>654</v>
      </c>
      <c r="O6045">
        <v>3</v>
      </c>
      <c r="P6045" t="s">
        <v>655</v>
      </c>
      <c r="Q6045">
        <v>1</v>
      </c>
      <c r="R6045" t="s">
        <v>669</v>
      </c>
      <c r="S6045">
        <v>1</v>
      </c>
      <c r="T6045" t="s">
        <v>661</v>
      </c>
      <c r="U6045">
        <v>8</v>
      </c>
      <c r="V6045">
        <v>4</v>
      </c>
      <c r="W6045">
        <v>240</v>
      </c>
      <c r="X6045">
        <v>2020</v>
      </c>
    </row>
    <row r="6046" spans="1:24" x14ac:dyDescent="0.25">
      <c r="A6046">
        <v>1785</v>
      </c>
      <c r="B6046" t="s">
        <v>247</v>
      </c>
      <c r="C6046">
        <v>39</v>
      </c>
      <c r="D6046" t="s">
        <v>374</v>
      </c>
      <c r="E6046">
        <v>297</v>
      </c>
      <c r="F6046" t="s">
        <v>651</v>
      </c>
      <c r="G6046">
        <v>160</v>
      </c>
      <c r="H6046" t="s">
        <v>817</v>
      </c>
      <c r="I6046">
        <v>11010</v>
      </c>
      <c r="J6046" t="s">
        <v>864</v>
      </c>
      <c r="K6046">
        <v>14</v>
      </c>
      <c r="L6046" t="s">
        <v>1257</v>
      </c>
      <c r="M6046">
        <v>354</v>
      </c>
      <c r="N6046" t="s">
        <v>654</v>
      </c>
      <c r="O6046">
        <v>3</v>
      </c>
      <c r="P6046" t="s">
        <v>655</v>
      </c>
      <c r="Q6046">
        <v>1</v>
      </c>
      <c r="R6046" t="s">
        <v>669</v>
      </c>
      <c r="S6046">
        <v>1</v>
      </c>
      <c r="T6046" t="s">
        <v>661</v>
      </c>
      <c r="U6046">
        <v>8</v>
      </c>
      <c r="V6046">
        <v>4</v>
      </c>
      <c r="W6046">
        <v>240</v>
      </c>
      <c r="X6046">
        <v>2020</v>
      </c>
    </row>
    <row r="6047" spans="1:24" x14ac:dyDescent="0.25">
      <c r="A6047">
        <v>1763</v>
      </c>
      <c r="B6047" t="s">
        <v>242</v>
      </c>
      <c r="C6047">
        <v>37</v>
      </c>
      <c r="D6047" t="s">
        <v>491</v>
      </c>
      <c r="E6047">
        <v>294</v>
      </c>
      <c r="F6047" t="s">
        <v>651</v>
      </c>
      <c r="G6047">
        <v>160</v>
      </c>
      <c r="H6047" t="s">
        <v>821</v>
      </c>
      <c r="I6047">
        <v>10029</v>
      </c>
      <c r="J6047" t="s">
        <v>684</v>
      </c>
      <c r="K6047">
        <v>22</v>
      </c>
      <c r="L6047" t="s">
        <v>685</v>
      </c>
      <c r="M6047">
        <v>72</v>
      </c>
      <c r="N6047" t="s">
        <v>654</v>
      </c>
      <c r="O6047">
        <v>3</v>
      </c>
      <c r="P6047" t="s">
        <v>655</v>
      </c>
      <c r="Q6047">
        <v>1</v>
      </c>
      <c r="R6047" t="s">
        <v>669</v>
      </c>
      <c r="S6047">
        <v>1</v>
      </c>
      <c r="T6047" t="s">
        <v>661</v>
      </c>
      <c r="U6047">
        <v>8</v>
      </c>
      <c r="V6047">
        <v>3</v>
      </c>
      <c r="W6047">
        <v>180</v>
      </c>
      <c r="X6047">
        <v>2020</v>
      </c>
    </row>
    <row r="6048" spans="1:24" x14ac:dyDescent="0.25">
      <c r="A6048">
        <v>1762</v>
      </c>
      <c r="B6048" t="s">
        <v>242</v>
      </c>
      <c r="C6048">
        <v>37</v>
      </c>
      <c r="D6048" t="s">
        <v>491</v>
      </c>
      <c r="E6048">
        <v>294</v>
      </c>
      <c r="F6048" t="s">
        <v>651</v>
      </c>
      <c r="G6048">
        <v>160</v>
      </c>
      <c r="H6048" t="s">
        <v>821</v>
      </c>
      <c r="I6048">
        <v>10029</v>
      </c>
      <c r="J6048" t="s">
        <v>684</v>
      </c>
      <c r="K6048">
        <v>22</v>
      </c>
      <c r="L6048" t="s">
        <v>1943</v>
      </c>
      <c r="M6048">
        <v>70</v>
      </c>
      <c r="N6048" t="s">
        <v>654</v>
      </c>
      <c r="O6048">
        <v>3</v>
      </c>
      <c r="P6048" t="s">
        <v>655</v>
      </c>
      <c r="Q6048">
        <v>1</v>
      </c>
      <c r="R6048" t="s">
        <v>669</v>
      </c>
      <c r="S6048">
        <v>1</v>
      </c>
      <c r="T6048" t="s">
        <v>661</v>
      </c>
      <c r="U6048">
        <v>8</v>
      </c>
      <c r="V6048">
        <v>3</v>
      </c>
      <c r="W6048">
        <v>180</v>
      </c>
      <c r="X6048">
        <v>2020</v>
      </c>
    </row>
    <row r="6049" spans="1:24" x14ac:dyDescent="0.25">
      <c r="A6049">
        <v>1761</v>
      </c>
      <c r="B6049" t="s">
        <v>242</v>
      </c>
      <c r="C6049">
        <v>37</v>
      </c>
      <c r="D6049" t="s">
        <v>491</v>
      </c>
      <c r="E6049">
        <v>294</v>
      </c>
      <c r="F6049" t="s">
        <v>651</v>
      </c>
      <c r="G6049">
        <v>160</v>
      </c>
      <c r="H6049" t="s">
        <v>821</v>
      </c>
      <c r="I6049">
        <v>10029</v>
      </c>
      <c r="J6049" t="s">
        <v>682</v>
      </c>
      <c r="K6049">
        <v>20</v>
      </c>
      <c r="L6049" t="s">
        <v>946</v>
      </c>
      <c r="M6049">
        <v>63</v>
      </c>
      <c r="N6049" t="s">
        <v>654</v>
      </c>
      <c r="O6049">
        <v>3</v>
      </c>
      <c r="P6049" t="s">
        <v>655</v>
      </c>
      <c r="Q6049">
        <v>1</v>
      </c>
      <c r="R6049" t="s">
        <v>669</v>
      </c>
      <c r="S6049">
        <v>1</v>
      </c>
      <c r="T6049" t="s">
        <v>661</v>
      </c>
      <c r="U6049">
        <v>8</v>
      </c>
      <c r="V6049">
        <v>3</v>
      </c>
      <c r="W6049">
        <v>180</v>
      </c>
      <c r="X6049">
        <v>2020</v>
      </c>
    </row>
    <row r="6050" spans="1:24" x14ac:dyDescent="0.25">
      <c r="A6050">
        <v>1760</v>
      </c>
      <c r="B6050" t="s">
        <v>242</v>
      </c>
      <c r="C6050">
        <v>37</v>
      </c>
      <c r="D6050" t="s">
        <v>491</v>
      </c>
      <c r="E6050">
        <v>294</v>
      </c>
      <c r="F6050" t="s">
        <v>651</v>
      </c>
      <c r="G6050">
        <v>160</v>
      </c>
      <c r="H6050" t="s">
        <v>821</v>
      </c>
      <c r="I6050">
        <v>10029</v>
      </c>
      <c r="J6050" t="s">
        <v>682</v>
      </c>
      <c r="K6050">
        <v>20</v>
      </c>
      <c r="L6050" t="s">
        <v>904</v>
      </c>
      <c r="M6050">
        <v>61</v>
      </c>
      <c r="N6050" t="s">
        <v>654</v>
      </c>
      <c r="O6050">
        <v>3</v>
      </c>
      <c r="P6050" t="s">
        <v>655</v>
      </c>
      <c r="Q6050">
        <v>1</v>
      </c>
      <c r="R6050" t="s">
        <v>669</v>
      </c>
      <c r="S6050">
        <v>1</v>
      </c>
      <c r="T6050" t="s">
        <v>661</v>
      </c>
      <c r="U6050">
        <v>8</v>
      </c>
      <c r="V6050">
        <v>3</v>
      </c>
      <c r="W6050">
        <v>180</v>
      </c>
      <c r="X6050">
        <v>2020</v>
      </c>
    </row>
    <row r="6051" spans="1:24" x14ac:dyDescent="0.25">
      <c r="A6051">
        <v>1759</v>
      </c>
      <c r="B6051" t="s">
        <v>242</v>
      </c>
      <c r="C6051">
        <v>37</v>
      </c>
      <c r="D6051" t="s">
        <v>491</v>
      </c>
      <c r="E6051">
        <v>294</v>
      </c>
      <c r="F6051" t="s">
        <v>651</v>
      </c>
      <c r="G6051">
        <v>160</v>
      </c>
      <c r="H6051" t="s">
        <v>821</v>
      </c>
      <c r="I6051">
        <v>10029</v>
      </c>
      <c r="J6051" t="s">
        <v>699</v>
      </c>
      <c r="K6051">
        <v>10</v>
      </c>
      <c r="L6051" t="s">
        <v>700</v>
      </c>
      <c r="M6051">
        <v>348</v>
      </c>
      <c r="N6051" t="s">
        <v>654</v>
      </c>
      <c r="O6051">
        <v>3</v>
      </c>
      <c r="P6051" t="s">
        <v>655</v>
      </c>
      <c r="Q6051">
        <v>1</v>
      </c>
      <c r="R6051" t="s">
        <v>669</v>
      </c>
      <c r="S6051">
        <v>1</v>
      </c>
      <c r="T6051" t="s">
        <v>1009</v>
      </c>
      <c r="U6051">
        <v>35</v>
      </c>
      <c r="V6051">
        <v>3</v>
      </c>
      <c r="W6051">
        <v>180</v>
      </c>
      <c r="X6051">
        <v>2020</v>
      </c>
    </row>
    <row r="6052" spans="1:24" x14ac:dyDescent="0.25">
      <c r="A6052">
        <v>1757</v>
      </c>
      <c r="B6052" t="s">
        <v>242</v>
      </c>
      <c r="C6052">
        <v>37</v>
      </c>
      <c r="D6052" t="s">
        <v>491</v>
      </c>
      <c r="E6052">
        <v>294</v>
      </c>
      <c r="F6052" t="s">
        <v>651</v>
      </c>
      <c r="G6052">
        <v>160</v>
      </c>
      <c r="H6052" t="s">
        <v>821</v>
      </c>
      <c r="I6052">
        <v>10029</v>
      </c>
      <c r="J6052" t="s">
        <v>699</v>
      </c>
      <c r="K6052">
        <v>10</v>
      </c>
      <c r="L6052" t="s">
        <v>1096</v>
      </c>
      <c r="M6052">
        <v>341</v>
      </c>
      <c r="N6052" t="s">
        <v>654</v>
      </c>
      <c r="O6052">
        <v>3</v>
      </c>
      <c r="P6052" t="s">
        <v>655</v>
      </c>
      <c r="Q6052">
        <v>1</v>
      </c>
      <c r="R6052" t="s">
        <v>669</v>
      </c>
      <c r="S6052">
        <v>1</v>
      </c>
      <c r="T6052" t="s">
        <v>1295</v>
      </c>
      <c r="U6052">
        <v>10</v>
      </c>
      <c r="V6052">
        <v>3</v>
      </c>
      <c r="W6052">
        <v>180</v>
      </c>
      <c r="X6052">
        <v>2020</v>
      </c>
    </row>
    <row r="6053" spans="1:24" x14ac:dyDescent="0.25">
      <c r="A6053">
        <v>1756</v>
      </c>
      <c r="B6053" t="s">
        <v>242</v>
      </c>
      <c r="C6053">
        <v>37</v>
      </c>
      <c r="D6053" t="s">
        <v>491</v>
      </c>
      <c r="E6053">
        <v>294</v>
      </c>
      <c r="F6053" t="s">
        <v>651</v>
      </c>
      <c r="G6053">
        <v>160</v>
      </c>
      <c r="H6053" t="s">
        <v>821</v>
      </c>
      <c r="I6053">
        <v>10029</v>
      </c>
      <c r="J6053" t="s">
        <v>676</v>
      </c>
      <c r="K6053">
        <v>4</v>
      </c>
      <c r="L6053" t="s">
        <v>676</v>
      </c>
      <c r="M6053">
        <v>12</v>
      </c>
      <c r="N6053" t="s">
        <v>654</v>
      </c>
      <c r="O6053">
        <v>3</v>
      </c>
      <c r="P6053" t="s">
        <v>655</v>
      </c>
      <c r="Q6053">
        <v>1</v>
      </c>
      <c r="R6053" t="s">
        <v>669</v>
      </c>
      <c r="S6053">
        <v>1</v>
      </c>
      <c r="T6053" t="s">
        <v>661</v>
      </c>
      <c r="U6053">
        <v>8</v>
      </c>
      <c r="V6053">
        <v>3</v>
      </c>
      <c r="W6053">
        <v>180</v>
      </c>
      <c r="X6053">
        <v>2020</v>
      </c>
    </row>
    <row r="6054" spans="1:24" x14ac:dyDescent="0.25">
      <c r="A6054">
        <v>1752</v>
      </c>
      <c r="B6054" t="s">
        <v>242</v>
      </c>
      <c r="C6054">
        <v>37</v>
      </c>
      <c r="D6054" t="s">
        <v>316</v>
      </c>
      <c r="E6054">
        <v>293</v>
      </c>
      <c r="F6054" t="s">
        <v>651</v>
      </c>
      <c r="G6054">
        <v>160</v>
      </c>
      <c r="H6054" t="s">
        <v>821</v>
      </c>
      <c r="I6054">
        <v>10029</v>
      </c>
      <c r="J6054" t="s">
        <v>295</v>
      </c>
      <c r="K6054">
        <v>30</v>
      </c>
      <c r="L6054" t="s">
        <v>295</v>
      </c>
      <c r="M6054">
        <v>96</v>
      </c>
      <c r="N6054" t="s">
        <v>654</v>
      </c>
      <c r="O6054">
        <v>3</v>
      </c>
      <c r="P6054" t="s">
        <v>689</v>
      </c>
      <c r="Q6054">
        <v>4</v>
      </c>
      <c r="R6054" t="s">
        <v>669</v>
      </c>
      <c r="S6054">
        <v>1</v>
      </c>
      <c r="T6054" t="s">
        <v>661</v>
      </c>
      <c r="U6054">
        <v>8</v>
      </c>
      <c r="V6054">
        <v>3</v>
      </c>
      <c r="W6054">
        <v>180</v>
      </c>
      <c r="X6054">
        <v>2020</v>
      </c>
    </row>
    <row r="6055" spans="1:24" x14ac:dyDescent="0.25">
      <c r="A6055">
        <v>1751</v>
      </c>
      <c r="B6055" t="s">
        <v>242</v>
      </c>
      <c r="C6055">
        <v>37</v>
      </c>
      <c r="D6055" t="s">
        <v>316</v>
      </c>
      <c r="E6055">
        <v>293</v>
      </c>
      <c r="F6055" t="s">
        <v>651</v>
      </c>
      <c r="G6055">
        <v>160</v>
      </c>
      <c r="H6055" t="s">
        <v>821</v>
      </c>
      <c r="I6055">
        <v>10029</v>
      </c>
      <c r="J6055" t="s">
        <v>295</v>
      </c>
      <c r="K6055">
        <v>30</v>
      </c>
      <c r="L6055" t="s">
        <v>295</v>
      </c>
      <c r="M6055">
        <v>96</v>
      </c>
      <c r="N6055" t="s">
        <v>654</v>
      </c>
      <c r="O6055">
        <v>3</v>
      </c>
      <c r="P6055" t="s">
        <v>655</v>
      </c>
      <c r="Q6055">
        <v>1</v>
      </c>
      <c r="R6055" t="s">
        <v>669</v>
      </c>
      <c r="S6055">
        <v>1</v>
      </c>
      <c r="T6055" t="s">
        <v>661</v>
      </c>
      <c r="U6055">
        <v>8</v>
      </c>
      <c r="V6055">
        <v>3</v>
      </c>
      <c r="W6055">
        <v>180</v>
      </c>
      <c r="X6055">
        <v>2020</v>
      </c>
    </row>
    <row r="6056" spans="1:24" x14ac:dyDescent="0.25">
      <c r="A6056">
        <v>1750</v>
      </c>
      <c r="B6056" t="s">
        <v>242</v>
      </c>
      <c r="C6056">
        <v>37</v>
      </c>
      <c r="D6056" t="s">
        <v>316</v>
      </c>
      <c r="E6056">
        <v>293</v>
      </c>
      <c r="F6056" t="s">
        <v>651</v>
      </c>
      <c r="G6056">
        <v>160</v>
      </c>
      <c r="H6056" t="s">
        <v>821</v>
      </c>
      <c r="I6056">
        <v>10029</v>
      </c>
      <c r="J6056" t="s">
        <v>1094</v>
      </c>
      <c r="K6056">
        <v>28</v>
      </c>
      <c r="L6056" t="s">
        <v>296</v>
      </c>
      <c r="M6056">
        <v>91</v>
      </c>
      <c r="N6056" t="s">
        <v>654</v>
      </c>
      <c r="O6056">
        <v>3</v>
      </c>
      <c r="P6056" t="s">
        <v>655</v>
      </c>
      <c r="Q6056">
        <v>1</v>
      </c>
      <c r="R6056" t="s">
        <v>669</v>
      </c>
      <c r="S6056">
        <v>1</v>
      </c>
      <c r="T6056" t="s">
        <v>661</v>
      </c>
      <c r="U6056">
        <v>8</v>
      </c>
      <c r="V6056">
        <v>3</v>
      </c>
      <c r="W6056">
        <v>180</v>
      </c>
      <c r="X6056">
        <v>2020</v>
      </c>
    </row>
    <row r="6057" spans="1:24" x14ac:dyDescent="0.25">
      <c r="A6057">
        <v>1749</v>
      </c>
      <c r="B6057" t="s">
        <v>242</v>
      </c>
      <c r="C6057">
        <v>37</v>
      </c>
      <c r="D6057" t="s">
        <v>316</v>
      </c>
      <c r="E6057">
        <v>293</v>
      </c>
      <c r="F6057" t="s">
        <v>651</v>
      </c>
      <c r="G6057">
        <v>160</v>
      </c>
      <c r="H6057" t="s">
        <v>821</v>
      </c>
      <c r="I6057">
        <v>10029</v>
      </c>
      <c r="J6057" t="s">
        <v>299</v>
      </c>
      <c r="K6057">
        <v>27</v>
      </c>
      <c r="L6057" t="s">
        <v>690</v>
      </c>
      <c r="M6057">
        <v>89</v>
      </c>
      <c r="N6057" t="s">
        <v>654</v>
      </c>
      <c r="O6057">
        <v>3</v>
      </c>
      <c r="P6057" t="s">
        <v>689</v>
      </c>
      <c r="Q6057">
        <v>4</v>
      </c>
      <c r="R6057" t="s">
        <v>669</v>
      </c>
      <c r="S6057">
        <v>1</v>
      </c>
      <c r="T6057" t="s">
        <v>661</v>
      </c>
      <c r="U6057">
        <v>8</v>
      </c>
      <c r="V6057">
        <v>3</v>
      </c>
      <c r="W6057">
        <v>180</v>
      </c>
      <c r="X6057">
        <v>2020</v>
      </c>
    </row>
    <row r="6058" spans="1:24" x14ac:dyDescent="0.25">
      <c r="A6058">
        <v>1748</v>
      </c>
      <c r="B6058" t="s">
        <v>242</v>
      </c>
      <c r="C6058">
        <v>37</v>
      </c>
      <c r="D6058" t="s">
        <v>316</v>
      </c>
      <c r="E6058">
        <v>293</v>
      </c>
      <c r="F6058" t="s">
        <v>651</v>
      </c>
      <c r="G6058">
        <v>160</v>
      </c>
      <c r="H6058" t="s">
        <v>821</v>
      </c>
      <c r="I6058">
        <v>10029</v>
      </c>
      <c r="J6058" t="s">
        <v>299</v>
      </c>
      <c r="K6058">
        <v>27</v>
      </c>
      <c r="L6058" t="s">
        <v>690</v>
      </c>
      <c r="M6058">
        <v>89</v>
      </c>
      <c r="N6058" t="s">
        <v>654</v>
      </c>
      <c r="O6058">
        <v>3</v>
      </c>
      <c r="P6058" t="s">
        <v>655</v>
      </c>
      <c r="Q6058">
        <v>1</v>
      </c>
      <c r="R6058" t="s">
        <v>669</v>
      </c>
      <c r="S6058">
        <v>1</v>
      </c>
      <c r="T6058" t="s">
        <v>661</v>
      </c>
      <c r="U6058">
        <v>8</v>
      </c>
      <c r="V6058">
        <v>3</v>
      </c>
      <c r="W6058">
        <v>180</v>
      </c>
      <c r="X6058">
        <v>2020</v>
      </c>
    </row>
    <row r="6059" spans="1:24" x14ac:dyDescent="0.25">
      <c r="A6059">
        <v>1747</v>
      </c>
      <c r="B6059" t="s">
        <v>242</v>
      </c>
      <c r="C6059">
        <v>37</v>
      </c>
      <c r="D6059" t="s">
        <v>316</v>
      </c>
      <c r="E6059">
        <v>293</v>
      </c>
      <c r="F6059" t="s">
        <v>651</v>
      </c>
      <c r="G6059">
        <v>160</v>
      </c>
      <c r="H6059" t="s">
        <v>821</v>
      </c>
      <c r="I6059">
        <v>10029</v>
      </c>
      <c r="J6059" t="s">
        <v>301</v>
      </c>
      <c r="K6059">
        <v>26</v>
      </c>
      <c r="L6059" t="s">
        <v>3941</v>
      </c>
      <c r="M6059">
        <v>85</v>
      </c>
      <c r="N6059" t="s">
        <v>654</v>
      </c>
      <c r="O6059">
        <v>3</v>
      </c>
      <c r="P6059" t="s">
        <v>655</v>
      </c>
      <c r="Q6059">
        <v>1</v>
      </c>
      <c r="R6059" t="s">
        <v>669</v>
      </c>
      <c r="S6059">
        <v>1</v>
      </c>
      <c r="T6059" t="s">
        <v>661</v>
      </c>
      <c r="U6059">
        <v>8</v>
      </c>
      <c r="V6059">
        <v>3</v>
      </c>
      <c r="W6059">
        <v>180</v>
      </c>
      <c r="X6059">
        <v>2020</v>
      </c>
    </row>
    <row r="6060" spans="1:24" x14ac:dyDescent="0.25">
      <c r="A6060">
        <v>1746</v>
      </c>
      <c r="B6060" t="s">
        <v>242</v>
      </c>
      <c r="C6060">
        <v>37</v>
      </c>
      <c r="D6060" t="s">
        <v>316</v>
      </c>
      <c r="E6060">
        <v>293</v>
      </c>
      <c r="F6060" t="s">
        <v>651</v>
      </c>
      <c r="G6060">
        <v>160</v>
      </c>
      <c r="H6060" t="s">
        <v>821</v>
      </c>
      <c r="I6060">
        <v>10029</v>
      </c>
      <c r="J6060" t="s">
        <v>301</v>
      </c>
      <c r="K6060">
        <v>26</v>
      </c>
      <c r="L6060" t="s">
        <v>930</v>
      </c>
      <c r="M6060">
        <v>84</v>
      </c>
      <c r="N6060" t="s">
        <v>654</v>
      </c>
      <c r="O6060">
        <v>3</v>
      </c>
      <c r="P6060" t="s">
        <v>655</v>
      </c>
      <c r="Q6060">
        <v>1</v>
      </c>
      <c r="R6060" t="s">
        <v>669</v>
      </c>
      <c r="S6060">
        <v>1</v>
      </c>
      <c r="T6060" t="s">
        <v>661</v>
      </c>
      <c r="U6060">
        <v>8</v>
      </c>
      <c r="V6060">
        <v>3</v>
      </c>
      <c r="W6060">
        <v>180</v>
      </c>
      <c r="X6060">
        <v>2020</v>
      </c>
    </row>
    <row r="6061" spans="1:24" x14ac:dyDescent="0.25">
      <c r="A6061">
        <v>1745</v>
      </c>
      <c r="B6061" t="s">
        <v>242</v>
      </c>
      <c r="C6061">
        <v>37</v>
      </c>
      <c r="D6061" t="s">
        <v>316</v>
      </c>
      <c r="E6061">
        <v>293</v>
      </c>
      <c r="F6061" t="s">
        <v>651</v>
      </c>
      <c r="G6061">
        <v>160</v>
      </c>
      <c r="H6061" t="s">
        <v>821</v>
      </c>
      <c r="I6061">
        <v>10029</v>
      </c>
      <c r="J6061" t="s">
        <v>807</v>
      </c>
      <c r="K6061">
        <v>25</v>
      </c>
      <c r="L6061" t="s">
        <v>1603</v>
      </c>
      <c r="M6061">
        <v>81</v>
      </c>
      <c r="N6061" t="s">
        <v>654</v>
      </c>
      <c r="O6061">
        <v>3</v>
      </c>
      <c r="P6061" t="s">
        <v>655</v>
      </c>
      <c r="Q6061">
        <v>1</v>
      </c>
      <c r="R6061" t="s">
        <v>669</v>
      </c>
      <c r="S6061">
        <v>1</v>
      </c>
      <c r="T6061" t="s">
        <v>661</v>
      </c>
      <c r="U6061">
        <v>8</v>
      </c>
      <c r="V6061">
        <v>3</v>
      </c>
      <c r="W6061">
        <v>180</v>
      </c>
      <c r="X6061">
        <v>2020</v>
      </c>
    </row>
    <row r="6062" spans="1:24" x14ac:dyDescent="0.25">
      <c r="A6062">
        <v>1742</v>
      </c>
      <c r="B6062" t="s">
        <v>242</v>
      </c>
      <c r="C6062">
        <v>37</v>
      </c>
      <c r="D6062" t="s">
        <v>492</v>
      </c>
      <c r="E6062">
        <v>292</v>
      </c>
      <c r="F6062" t="s">
        <v>651</v>
      </c>
      <c r="G6062">
        <v>160</v>
      </c>
      <c r="H6062" t="s">
        <v>821</v>
      </c>
      <c r="I6062">
        <v>10029</v>
      </c>
      <c r="J6062" t="s">
        <v>848</v>
      </c>
      <c r="K6062">
        <v>62</v>
      </c>
      <c r="L6062" t="s">
        <v>1924</v>
      </c>
      <c r="M6062">
        <v>263</v>
      </c>
      <c r="N6062" t="s">
        <v>654</v>
      </c>
      <c r="O6062">
        <v>3</v>
      </c>
      <c r="P6062" t="s">
        <v>655</v>
      </c>
      <c r="Q6062">
        <v>1</v>
      </c>
      <c r="R6062" t="s">
        <v>669</v>
      </c>
      <c r="S6062">
        <v>1</v>
      </c>
      <c r="T6062" t="s">
        <v>661</v>
      </c>
      <c r="U6062">
        <v>8</v>
      </c>
      <c r="V6062">
        <v>4</v>
      </c>
      <c r="W6062">
        <v>240</v>
      </c>
      <c r="X6062">
        <v>2020</v>
      </c>
    </row>
    <row r="6063" spans="1:24" x14ac:dyDescent="0.25">
      <c r="A6063">
        <v>1741</v>
      </c>
      <c r="B6063" t="s">
        <v>242</v>
      </c>
      <c r="C6063">
        <v>37</v>
      </c>
      <c r="D6063" t="s">
        <v>492</v>
      </c>
      <c r="E6063">
        <v>292</v>
      </c>
      <c r="F6063" t="s">
        <v>651</v>
      </c>
      <c r="G6063">
        <v>160</v>
      </c>
      <c r="H6063" t="s">
        <v>821</v>
      </c>
      <c r="I6063">
        <v>10029</v>
      </c>
      <c r="J6063" t="s">
        <v>742</v>
      </c>
      <c r="K6063">
        <v>48</v>
      </c>
      <c r="L6063" t="s">
        <v>1092</v>
      </c>
      <c r="M6063">
        <v>178</v>
      </c>
      <c r="N6063" t="s">
        <v>654</v>
      </c>
      <c r="O6063">
        <v>3</v>
      </c>
      <c r="P6063" t="s">
        <v>655</v>
      </c>
      <c r="Q6063">
        <v>1</v>
      </c>
      <c r="R6063" t="s">
        <v>669</v>
      </c>
      <c r="S6063">
        <v>1</v>
      </c>
      <c r="T6063" t="s">
        <v>661</v>
      </c>
      <c r="U6063">
        <v>8</v>
      </c>
      <c r="V6063">
        <v>4</v>
      </c>
      <c r="W6063">
        <v>240</v>
      </c>
      <c r="X6063">
        <v>2020</v>
      </c>
    </row>
    <row r="6064" spans="1:24" x14ac:dyDescent="0.25">
      <c r="A6064">
        <v>1740</v>
      </c>
      <c r="B6064" t="s">
        <v>242</v>
      </c>
      <c r="C6064">
        <v>37</v>
      </c>
      <c r="D6064" t="s">
        <v>493</v>
      </c>
      <c r="E6064">
        <v>291</v>
      </c>
      <c r="F6064" t="s">
        <v>651</v>
      </c>
      <c r="G6064">
        <v>160</v>
      </c>
      <c r="H6064" t="s">
        <v>821</v>
      </c>
      <c r="I6064">
        <v>10029</v>
      </c>
      <c r="J6064" t="s">
        <v>1055</v>
      </c>
      <c r="K6064">
        <v>69</v>
      </c>
      <c r="L6064" t="s">
        <v>3781</v>
      </c>
      <c r="M6064">
        <v>300</v>
      </c>
      <c r="N6064" t="s">
        <v>654</v>
      </c>
      <c r="O6064">
        <v>3</v>
      </c>
      <c r="P6064" t="s">
        <v>655</v>
      </c>
      <c r="Q6064">
        <v>1</v>
      </c>
      <c r="R6064" t="s">
        <v>669</v>
      </c>
      <c r="S6064">
        <v>1</v>
      </c>
      <c r="T6064" t="s">
        <v>661</v>
      </c>
      <c r="U6064">
        <v>8</v>
      </c>
      <c r="V6064">
        <v>4</v>
      </c>
      <c r="W6064">
        <v>240</v>
      </c>
      <c r="X6064">
        <v>2020</v>
      </c>
    </row>
    <row r="6065" spans="1:24" x14ac:dyDescent="0.25">
      <c r="A6065">
        <v>1739</v>
      </c>
      <c r="B6065" t="s">
        <v>242</v>
      </c>
      <c r="C6065">
        <v>37</v>
      </c>
      <c r="D6065" t="s">
        <v>493</v>
      </c>
      <c r="E6065">
        <v>291</v>
      </c>
      <c r="F6065" t="s">
        <v>651</v>
      </c>
      <c r="G6065">
        <v>160</v>
      </c>
      <c r="H6065" t="s">
        <v>821</v>
      </c>
      <c r="I6065">
        <v>10029</v>
      </c>
      <c r="J6065" t="s">
        <v>1055</v>
      </c>
      <c r="K6065">
        <v>69</v>
      </c>
      <c r="L6065" t="s">
        <v>3942</v>
      </c>
      <c r="M6065">
        <v>299</v>
      </c>
      <c r="N6065" t="s">
        <v>654</v>
      </c>
      <c r="O6065">
        <v>3</v>
      </c>
      <c r="P6065" t="s">
        <v>746</v>
      </c>
      <c r="Q6065">
        <v>2</v>
      </c>
      <c r="R6065" t="s">
        <v>669</v>
      </c>
      <c r="S6065">
        <v>1</v>
      </c>
      <c r="T6065" t="s">
        <v>661</v>
      </c>
      <c r="U6065">
        <v>8</v>
      </c>
      <c r="V6065">
        <v>4</v>
      </c>
      <c r="W6065">
        <v>240</v>
      </c>
      <c r="X6065">
        <v>2020</v>
      </c>
    </row>
    <row r="6066" spans="1:24" x14ac:dyDescent="0.25">
      <c r="A6066">
        <v>1738</v>
      </c>
      <c r="B6066" t="s">
        <v>242</v>
      </c>
      <c r="C6066">
        <v>37</v>
      </c>
      <c r="D6066" t="s">
        <v>493</v>
      </c>
      <c r="E6066">
        <v>291</v>
      </c>
      <c r="F6066" t="s">
        <v>651</v>
      </c>
      <c r="G6066">
        <v>160</v>
      </c>
      <c r="H6066" t="s">
        <v>821</v>
      </c>
      <c r="I6066">
        <v>10029</v>
      </c>
      <c r="J6066" t="s">
        <v>1055</v>
      </c>
      <c r="K6066">
        <v>69</v>
      </c>
      <c r="L6066" t="s">
        <v>3942</v>
      </c>
      <c r="M6066">
        <v>299</v>
      </c>
      <c r="N6066" t="s">
        <v>654</v>
      </c>
      <c r="O6066">
        <v>3</v>
      </c>
      <c r="P6066" t="s">
        <v>655</v>
      </c>
      <c r="Q6066">
        <v>1</v>
      </c>
      <c r="R6066" t="s">
        <v>669</v>
      </c>
      <c r="S6066">
        <v>1</v>
      </c>
      <c r="T6066" t="s">
        <v>661</v>
      </c>
      <c r="U6066">
        <v>8</v>
      </c>
      <c r="V6066">
        <v>4</v>
      </c>
      <c r="W6066">
        <v>240</v>
      </c>
      <c r="X6066">
        <v>2020</v>
      </c>
    </row>
    <row r="6067" spans="1:24" x14ac:dyDescent="0.25">
      <c r="A6067">
        <v>1737</v>
      </c>
      <c r="B6067" t="s">
        <v>242</v>
      </c>
      <c r="C6067">
        <v>37</v>
      </c>
      <c r="D6067" t="s">
        <v>493</v>
      </c>
      <c r="E6067">
        <v>291</v>
      </c>
      <c r="F6067" t="s">
        <v>651</v>
      </c>
      <c r="G6067">
        <v>160</v>
      </c>
      <c r="H6067" t="s">
        <v>821</v>
      </c>
      <c r="I6067">
        <v>10029</v>
      </c>
      <c r="J6067" t="s">
        <v>1738</v>
      </c>
      <c r="K6067">
        <v>55</v>
      </c>
      <c r="L6067" t="s">
        <v>3943</v>
      </c>
      <c r="M6067">
        <v>219</v>
      </c>
      <c r="N6067" t="s">
        <v>654</v>
      </c>
      <c r="O6067">
        <v>3</v>
      </c>
      <c r="P6067" t="s">
        <v>655</v>
      </c>
      <c r="Q6067">
        <v>1</v>
      </c>
      <c r="R6067" t="s">
        <v>669</v>
      </c>
      <c r="S6067">
        <v>1</v>
      </c>
      <c r="T6067" t="s">
        <v>661</v>
      </c>
      <c r="U6067">
        <v>8</v>
      </c>
      <c r="V6067">
        <v>4</v>
      </c>
      <c r="W6067">
        <v>240</v>
      </c>
      <c r="X6067">
        <v>2020</v>
      </c>
    </row>
    <row r="6068" spans="1:24" x14ac:dyDescent="0.25">
      <c r="A6068">
        <v>1736</v>
      </c>
      <c r="B6068" t="s">
        <v>242</v>
      </c>
      <c r="C6068">
        <v>37</v>
      </c>
      <c r="D6068" t="s">
        <v>494</v>
      </c>
      <c r="E6068">
        <v>290</v>
      </c>
      <c r="F6068" t="s">
        <v>651</v>
      </c>
      <c r="G6068">
        <v>160</v>
      </c>
      <c r="H6068" t="s">
        <v>821</v>
      </c>
      <c r="I6068">
        <v>10029</v>
      </c>
      <c r="J6068" t="s">
        <v>730</v>
      </c>
      <c r="K6068">
        <v>66</v>
      </c>
      <c r="L6068" t="s">
        <v>3926</v>
      </c>
      <c r="M6068">
        <v>280</v>
      </c>
      <c r="N6068" t="s">
        <v>654</v>
      </c>
      <c r="O6068">
        <v>3</v>
      </c>
      <c r="P6068" t="s">
        <v>689</v>
      </c>
      <c r="Q6068">
        <v>4</v>
      </c>
      <c r="R6068" t="s">
        <v>669</v>
      </c>
      <c r="S6068">
        <v>1</v>
      </c>
      <c r="T6068" t="s">
        <v>661</v>
      </c>
      <c r="U6068">
        <v>8</v>
      </c>
      <c r="V6068">
        <v>4</v>
      </c>
      <c r="W6068">
        <v>240</v>
      </c>
      <c r="X6068">
        <v>2020</v>
      </c>
    </row>
    <row r="6069" spans="1:24" x14ac:dyDescent="0.25">
      <c r="A6069">
        <v>1735</v>
      </c>
      <c r="B6069" t="s">
        <v>242</v>
      </c>
      <c r="C6069">
        <v>37</v>
      </c>
      <c r="D6069" t="s">
        <v>494</v>
      </c>
      <c r="E6069">
        <v>290</v>
      </c>
      <c r="F6069" t="s">
        <v>651</v>
      </c>
      <c r="G6069">
        <v>160</v>
      </c>
      <c r="H6069" t="s">
        <v>821</v>
      </c>
      <c r="I6069">
        <v>10029</v>
      </c>
      <c r="J6069" t="s">
        <v>730</v>
      </c>
      <c r="K6069">
        <v>66</v>
      </c>
      <c r="L6069" t="s">
        <v>3926</v>
      </c>
      <c r="M6069">
        <v>280</v>
      </c>
      <c r="N6069" t="s">
        <v>654</v>
      </c>
      <c r="O6069">
        <v>3</v>
      </c>
      <c r="P6069" t="s">
        <v>655</v>
      </c>
      <c r="Q6069">
        <v>1</v>
      </c>
      <c r="R6069" t="s">
        <v>669</v>
      </c>
      <c r="S6069">
        <v>1</v>
      </c>
      <c r="T6069" t="s">
        <v>661</v>
      </c>
      <c r="U6069">
        <v>8</v>
      </c>
      <c r="V6069">
        <v>4</v>
      </c>
      <c r="W6069">
        <v>240</v>
      </c>
      <c r="X6069">
        <v>2020</v>
      </c>
    </row>
    <row r="6070" spans="1:24" x14ac:dyDescent="0.25">
      <c r="A6070">
        <v>1734</v>
      </c>
      <c r="B6070" t="s">
        <v>242</v>
      </c>
      <c r="C6070">
        <v>37</v>
      </c>
      <c r="D6070" t="s">
        <v>494</v>
      </c>
      <c r="E6070">
        <v>290</v>
      </c>
      <c r="F6070" t="s">
        <v>651</v>
      </c>
      <c r="G6070">
        <v>160</v>
      </c>
      <c r="H6070" t="s">
        <v>821</v>
      </c>
      <c r="I6070">
        <v>10029</v>
      </c>
      <c r="J6070" t="s">
        <v>797</v>
      </c>
      <c r="K6070">
        <v>65</v>
      </c>
      <c r="L6070" t="s">
        <v>3892</v>
      </c>
      <c r="M6070">
        <v>276</v>
      </c>
      <c r="N6070" t="s">
        <v>654</v>
      </c>
      <c r="O6070">
        <v>3</v>
      </c>
      <c r="P6070" t="s">
        <v>746</v>
      </c>
      <c r="Q6070">
        <v>2</v>
      </c>
      <c r="R6070" t="s">
        <v>669</v>
      </c>
      <c r="S6070">
        <v>1</v>
      </c>
      <c r="T6070" t="s">
        <v>661</v>
      </c>
      <c r="U6070">
        <v>8</v>
      </c>
      <c r="V6070">
        <v>4</v>
      </c>
      <c r="W6070">
        <v>240</v>
      </c>
      <c r="X6070">
        <v>2020</v>
      </c>
    </row>
    <row r="6071" spans="1:24" x14ac:dyDescent="0.25">
      <c r="A6071">
        <v>1733</v>
      </c>
      <c r="B6071" t="s">
        <v>242</v>
      </c>
      <c r="C6071">
        <v>37</v>
      </c>
      <c r="D6071" t="s">
        <v>494</v>
      </c>
      <c r="E6071">
        <v>290</v>
      </c>
      <c r="F6071" t="s">
        <v>651</v>
      </c>
      <c r="G6071">
        <v>160</v>
      </c>
      <c r="H6071" t="s">
        <v>821</v>
      </c>
      <c r="I6071">
        <v>10029</v>
      </c>
      <c r="J6071" t="s">
        <v>797</v>
      </c>
      <c r="K6071">
        <v>65</v>
      </c>
      <c r="L6071" t="s">
        <v>3892</v>
      </c>
      <c r="M6071">
        <v>276</v>
      </c>
      <c r="N6071" t="s">
        <v>654</v>
      </c>
      <c r="O6071">
        <v>3</v>
      </c>
      <c r="P6071" t="s">
        <v>655</v>
      </c>
      <c r="Q6071">
        <v>1</v>
      </c>
      <c r="R6071" t="s">
        <v>669</v>
      </c>
      <c r="S6071">
        <v>1</v>
      </c>
      <c r="T6071" t="s">
        <v>661</v>
      </c>
      <c r="U6071">
        <v>8</v>
      </c>
      <c r="V6071">
        <v>4</v>
      </c>
      <c r="W6071">
        <v>240</v>
      </c>
      <c r="X6071">
        <v>2020</v>
      </c>
    </row>
    <row r="6072" spans="1:24" x14ac:dyDescent="0.25">
      <c r="A6072">
        <v>1732</v>
      </c>
      <c r="B6072" t="s">
        <v>242</v>
      </c>
      <c r="C6072">
        <v>37</v>
      </c>
      <c r="D6072" t="s">
        <v>494</v>
      </c>
      <c r="E6072">
        <v>290</v>
      </c>
      <c r="F6072" t="s">
        <v>651</v>
      </c>
      <c r="G6072">
        <v>160</v>
      </c>
      <c r="H6072" t="s">
        <v>821</v>
      </c>
      <c r="I6072">
        <v>10029</v>
      </c>
      <c r="J6072" t="s">
        <v>738</v>
      </c>
      <c r="K6072">
        <v>61</v>
      </c>
      <c r="L6072" t="s">
        <v>3944</v>
      </c>
      <c r="M6072">
        <v>255</v>
      </c>
      <c r="N6072" t="s">
        <v>654</v>
      </c>
      <c r="O6072">
        <v>3</v>
      </c>
      <c r="P6072" t="s">
        <v>655</v>
      </c>
      <c r="Q6072">
        <v>1</v>
      </c>
      <c r="R6072" t="s">
        <v>669</v>
      </c>
      <c r="S6072">
        <v>1</v>
      </c>
      <c r="T6072" t="s">
        <v>661</v>
      </c>
      <c r="U6072">
        <v>8</v>
      </c>
      <c r="V6072">
        <v>4</v>
      </c>
      <c r="W6072">
        <v>240</v>
      </c>
      <c r="X6072">
        <v>2020</v>
      </c>
    </row>
    <row r="6073" spans="1:24" x14ac:dyDescent="0.25">
      <c r="A6073">
        <v>1731</v>
      </c>
      <c r="B6073" t="s">
        <v>242</v>
      </c>
      <c r="C6073">
        <v>37</v>
      </c>
      <c r="D6073" t="s">
        <v>494</v>
      </c>
      <c r="E6073">
        <v>290</v>
      </c>
      <c r="F6073" t="s">
        <v>651</v>
      </c>
      <c r="G6073">
        <v>160</v>
      </c>
      <c r="H6073" t="s">
        <v>821</v>
      </c>
      <c r="I6073">
        <v>10029</v>
      </c>
      <c r="J6073" t="s">
        <v>738</v>
      </c>
      <c r="K6073">
        <v>61</v>
      </c>
      <c r="L6073" t="s">
        <v>3945</v>
      </c>
      <c r="M6073">
        <v>254</v>
      </c>
      <c r="N6073" t="s">
        <v>654</v>
      </c>
      <c r="O6073">
        <v>3</v>
      </c>
      <c r="P6073" t="s">
        <v>655</v>
      </c>
      <c r="Q6073">
        <v>1</v>
      </c>
      <c r="R6073" t="s">
        <v>669</v>
      </c>
      <c r="S6073">
        <v>1</v>
      </c>
      <c r="T6073" t="s">
        <v>661</v>
      </c>
      <c r="U6073">
        <v>8</v>
      </c>
      <c r="V6073">
        <v>4</v>
      </c>
      <c r="W6073">
        <v>240</v>
      </c>
      <c r="X6073">
        <v>2020</v>
      </c>
    </row>
    <row r="6074" spans="1:24" x14ac:dyDescent="0.25">
      <c r="A6074">
        <v>1729</v>
      </c>
      <c r="B6074" t="s">
        <v>242</v>
      </c>
      <c r="C6074">
        <v>37</v>
      </c>
      <c r="D6074" t="s">
        <v>494</v>
      </c>
      <c r="E6074">
        <v>290</v>
      </c>
      <c r="F6074" t="s">
        <v>651</v>
      </c>
      <c r="G6074">
        <v>160</v>
      </c>
      <c r="H6074" t="s">
        <v>821</v>
      </c>
      <c r="I6074">
        <v>10029</v>
      </c>
      <c r="J6074" t="s">
        <v>714</v>
      </c>
      <c r="K6074">
        <v>52</v>
      </c>
      <c r="L6074" t="s">
        <v>928</v>
      </c>
      <c r="M6074">
        <v>202</v>
      </c>
      <c r="N6074" t="s">
        <v>654</v>
      </c>
      <c r="O6074">
        <v>3</v>
      </c>
      <c r="P6074" t="s">
        <v>655</v>
      </c>
      <c r="Q6074">
        <v>1</v>
      </c>
      <c r="R6074" t="s">
        <v>669</v>
      </c>
      <c r="S6074">
        <v>1</v>
      </c>
      <c r="T6074" t="s">
        <v>661</v>
      </c>
      <c r="U6074">
        <v>8</v>
      </c>
      <c r="V6074">
        <v>4</v>
      </c>
      <c r="W6074">
        <v>240</v>
      </c>
      <c r="X6074">
        <v>2020</v>
      </c>
    </row>
    <row r="6075" spans="1:24" x14ac:dyDescent="0.25">
      <c r="A6075">
        <v>1728</v>
      </c>
      <c r="B6075" t="s">
        <v>242</v>
      </c>
      <c r="C6075">
        <v>37</v>
      </c>
      <c r="D6075" t="s">
        <v>494</v>
      </c>
      <c r="E6075">
        <v>290</v>
      </c>
      <c r="F6075" t="s">
        <v>651</v>
      </c>
      <c r="G6075">
        <v>160</v>
      </c>
      <c r="H6075" t="s">
        <v>821</v>
      </c>
      <c r="I6075">
        <v>10029</v>
      </c>
      <c r="J6075" t="s">
        <v>767</v>
      </c>
      <c r="K6075">
        <v>44</v>
      </c>
      <c r="L6075" t="s">
        <v>3893</v>
      </c>
      <c r="M6075">
        <v>152</v>
      </c>
      <c r="N6075" t="s">
        <v>654</v>
      </c>
      <c r="O6075">
        <v>3</v>
      </c>
      <c r="P6075" t="s">
        <v>655</v>
      </c>
      <c r="Q6075">
        <v>1</v>
      </c>
      <c r="R6075" t="s">
        <v>669</v>
      </c>
      <c r="S6075">
        <v>1</v>
      </c>
      <c r="T6075" t="s">
        <v>661</v>
      </c>
      <c r="U6075">
        <v>8</v>
      </c>
      <c r="V6075">
        <v>4</v>
      </c>
      <c r="W6075">
        <v>240</v>
      </c>
      <c r="X6075">
        <v>2020</v>
      </c>
    </row>
    <row r="6076" spans="1:24" x14ac:dyDescent="0.25">
      <c r="A6076">
        <v>1691</v>
      </c>
      <c r="B6076" t="s">
        <v>69</v>
      </c>
      <c r="C6076">
        <v>36</v>
      </c>
      <c r="D6076" t="s">
        <v>71</v>
      </c>
      <c r="E6076">
        <v>1254</v>
      </c>
      <c r="F6076" t="s">
        <v>651</v>
      </c>
      <c r="G6076">
        <v>160</v>
      </c>
      <c r="H6076" t="s">
        <v>732</v>
      </c>
      <c r="I6076">
        <v>1000</v>
      </c>
      <c r="J6076" t="s">
        <v>1011</v>
      </c>
      <c r="K6076">
        <v>17</v>
      </c>
      <c r="L6076" t="s">
        <v>1011</v>
      </c>
      <c r="M6076">
        <v>57</v>
      </c>
      <c r="N6076" t="s">
        <v>654</v>
      </c>
      <c r="O6076">
        <v>3</v>
      </c>
      <c r="P6076" t="s">
        <v>655</v>
      </c>
      <c r="Q6076">
        <v>1</v>
      </c>
      <c r="R6076" t="s">
        <v>669</v>
      </c>
      <c r="S6076">
        <v>1</v>
      </c>
      <c r="T6076" t="s">
        <v>661</v>
      </c>
      <c r="U6076">
        <v>8</v>
      </c>
      <c r="V6076">
        <v>3</v>
      </c>
      <c r="W6076">
        <v>180</v>
      </c>
      <c r="X6076">
        <v>2020</v>
      </c>
    </row>
    <row r="6077" spans="1:24" x14ac:dyDescent="0.25">
      <c r="A6077">
        <v>1686</v>
      </c>
      <c r="B6077" t="s">
        <v>69</v>
      </c>
      <c r="C6077">
        <v>36</v>
      </c>
      <c r="D6077" t="s">
        <v>495</v>
      </c>
      <c r="E6077">
        <v>282</v>
      </c>
      <c r="F6077" t="s">
        <v>651</v>
      </c>
      <c r="G6077">
        <v>160</v>
      </c>
      <c r="H6077" t="s">
        <v>732</v>
      </c>
      <c r="I6077">
        <v>1000</v>
      </c>
      <c r="J6077" t="s">
        <v>710</v>
      </c>
      <c r="K6077">
        <v>53</v>
      </c>
      <c r="L6077" t="s">
        <v>711</v>
      </c>
      <c r="M6077">
        <v>206</v>
      </c>
      <c r="N6077" t="s">
        <v>654</v>
      </c>
      <c r="O6077">
        <v>3</v>
      </c>
      <c r="P6077" t="s">
        <v>655</v>
      </c>
      <c r="Q6077">
        <v>1</v>
      </c>
      <c r="R6077" t="s">
        <v>669</v>
      </c>
      <c r="S6077">
        <v>1</v>
      </c>
      <c r="T6077" t="s">
        <v>661</v>
      </c>
      <c r="U6077">
        <v>8</v>
      </c>
      <c r="V6077">
        <v>4</v>
      </c>
      <c r="W6077">
        <v>240</v>
      </c>
      <c r="X6077">
        <v>2020</v>
      </c>
    </row>
    <row r="6078" spans="1:24" x14ac:dyDescent="0.25">
      <c r="A6078">
        <v>1685</v>
      </c>
      <c r="B6078" t="s">
        <v>69</v>
      </c>
      <c r="C6078">
        <v>36</v>
      </c>
      <c r="D6078" t="s">
        <v>495</v>
      </c>
      <c r="E6078">
        <v>282</v>
      </c>
      <c r="F6078" t="s">
        <v>651</v>
      </c>
      <c r="G6078">
        <v>160</v>
      </c>
      <c r="H6078" t="s">
        <v>732</v>
      </c>
      <c r="I6078">
        <v>1000</v>
      </c>
      <c r="J6078" t="s">
        <v>710</v>
      </c>
      <c r="K6078">
        <v>53</v>
      </c>
      <c r="L6078" t="s">
        <v>3931</v>
      </c>
      <c r="M6078">
        <v>204</v>
      </c>
      <c r="N6078" t="s">
        <v>654</v>
      </c>
      <c r="O6078">
        <v>3</v>
      </c>
      <c r="P6078" t="s">
        <v>655</v>
      </c>
      <c r="Q6078">
        <v>1</v>
      </c>
      <c r="R6078" t="s">
        <v>669</v>
      </c>
      <c r="S6078">
        <v>1</v>
      </c>
      <c r="T6078" t="s">
        <v>661</v>
      </c>
      <c r="U6078">
        <v>8</v>
      </c>
      <c r="V6078">
        <v>4</v>
      </c>
      <c r="W6078">
        <v>240</v>
      </c>
      <c r="X6078">
        <v>2020</v>
      </c>
    </row>
    <row r="6079" spans="1:24" x14ac:dyDescent="0.25">
      <c r="A6079">
        <v>1684</v>
      </c>
      <c r="B6079" t="s">
        <v>69</v>
      </c>
      <c r="C6079">
        <v>36</v>
      </c>
      <c r="D6079" t="s">
        <v>495</v>
      </c>
      <c r="E6079">
        <v>282</v>
      </c>
      <c r="F6079" t="s">
        <v>651</v>
      </c>
      <c r="G6079">
        <v>160</v>
      </c>
      <c r="H6079" t="s">
        <v>732</v>
      </c>
      <c r="I6079">
        <v>1000</v>
      </c>
      <c r="J6079" t="s">
        <v>714</v>
      </c>
      <c r="K6079">
        <v>52</v>
      </c>
      <c r="L6079" t="s">
        <v>928</v>
      </c>
      <c r="M6079">
        <v>202</v>
      </c>
      <c r="N6079" t="s">
        <v>654</v>
      </c>
      <c r="O6079">
        <v>3</v>
      </c>
      <c r="P6079" t="s">
        <v>655</v>
      </c>
      <c r="Q6079">
        <v>1</v>
      </c>
      <c r="R6079" t="s">
        <v>669</v>
      </c>
      <c r="S6079">
        <v>1</v>
      </c>
      <c r="T6079" t="s">
        <v>661</v>
      </c>
      <c r="U6079">
        <v>8</v>
      </c>
      <c r="V6079">
        <v>4</v>
      </c>
      <c r="W6079">
        <v>240</v>
      </c>
      <c r="X6079">
        <v>2020</v>
      </c>
    </row>
    <row r="6080" spans="1:24" x14ac:dyDescent="0.25">
      <c r="A6080">
        <v>1683</v>
      </c>
      <c r="B6080" t="s">
        <v>69</v>
      </c>
      <c r="C6080">
        <v>36</v>
      </c>
      <c r="D6080" t="s">
        <v>495</v>
      </c>
      <c r="E6080">
        <v>282</v>
      </c>
      <c r="F6080" t="s">
        <v>651</v>
      </c>
      <c r="G6080">
        <v>160</v>
      </c>
      <c r="H6080" t="s">
        <v>732</v>
      </c>
      <c r="I6080">
        <v>1000</v>
      </c>
      <c r="J6080" t="s">
        <v>767</v>
      </c>
      <c r="K6080">
        <v>44</v>
      </c>
      <c r="L6080" t="s">
        <v>3893</v>
      </c>
      <c r="M6080">
        <v>152</v>
      </c>
      <c r="N6080" t="s">
        <v>654</v>
      </c>
      <c r="O6080">
        <v>3</v>
      </c>
      <c r="P6080" t="s">
        <v>655</v>
      </c>
      <c r="Q6080">
        <v>1</v>
      </c>
      <c r="R6080" t="s">
        <v>669</v>
      </c>
      <c r="S6080">
        <v>1</v>
      </c>
      <c r="T6080" t="s">
        <v>661</v>
      </c>
      <c r="U6080">
        <v>8</v>
      </c>
      <c r="V6080">
        <v>4</v>
      </c>
      <c r="W6080">
        <v>240</v>
      </c>
      <c r="X6080">
        <v>2020</v>
      </c>
    </row>
    <row r="6081" spans="1:24" x14ac:dyDescent="0.25">
      <c r="A6081">
        <v>1682</v>
      </c>
      <c r="B6081" t="s">
        <v>69</v>
      </c>
      <c r="C6081">
        <v>36</v>
      </c>
      <c r="D6081" t="s">
        <v>496</v>
      </c>
      <c r="E6081">
        <v>281</v>
      </c>
      <c r="F6081" t="s">
        <v>651</v>
      </c>
      <c r="G6081">
        <v>160</v>
      </c>
      <c r="H6081" t="s">
        <v>732</v>
      </c>
      <c r="I6081">
        <v>1000</v>
      </c>
      <c r="J6081" t="s">
        <v>980</v>
      </c>
      <c r="K6081">
        <v>67</v>
      </c>
      <c r="L6081" t="s">
        <v>3800</v>
      </c>
      <c r="M6081">
        <v>291</v>
      </c>
      <c r="N6081" t="s">
        <v>654</v>
      </c>
      <c r="O6081">
        <v>3</v>
      </c>
      <c r="P6081" t="s">
        <v>655</v>
      </c>
      <c r="Q6081">
        <v>1</v>
      </c>
      <c r="R6081" t="s">
        <v>669</v>
      </c>
      <c r="S6081">
        <v>1</v>
      </c>
      <c r="T6081" t="s">
        <v>661</v>
      </c>
      <c r="U6081">
        <v>8</v>
      </c>
      <c r="V6081">
        <v>4</v>
      </c>
      <c r="W6081">
        <v>240</v>
      </c>
      <c r="X6081">
        <v>2020</v>
      </c>
    </row>
    <row r="6082" spans="1:24" x14ac:dyDescent="0.25">
      <c r="A6082">
        <v>1681</v>
      </c>
      <c r="B6082" t="s">
        <v>69</v>
      </c>
      <c r="C6082">
        <v>36</v>
      </c>
      <c r="D6082" t="s">
        <v>496</v>
      </c>
      <c r="E6082">
        <v>281</v>
      </c>
      <c r="F6082" t="s">
        <v>651</v>
      </c>
      <c r="G6082">
        <v>160</v>
      </c>
      <c r="H6082" t="s">
        <v>732</v>
      </c>
      <c r="I6082">
        <v>1000</v>
      </c>
      <c r="J6082" t="s">
        <v>730</v>
      </c>
      <c r="K6082">
        <v>66</v>
      </c>
      <c r="L6082" t="s">
        <v>3789</v>
      </c>
      <c r="M6082">
        <v>279</v>
      </c>
      <c r="N6082" t="s">
        <v>654</v>
      </c>
      <c r="O6082">
        <v>3</v>
      </c>
      <c r="P6082" t="s">
        <v>655</v>
      </c>
      <c r="Q6082">
        <v>1</v>
      </c>
      <c r="R6082" t="s">
        <v>669</v>
      </c>
      <c r="S6082">
        <v>1</v>
      </c>
      <c r="T6082" t="s">
        <v>661</v>
      </c>
      <c r="U6082">
        <v>8</v>
      </c>
      <c r="V6082">
        <v>4</v>
      </c>
      <c r="W6082">
        <v>240</v>
      </c>
      <c r="X6082">
        <v>2020</v>
      </c>
    </row>
    <row r="6083" spans="1:24" x14ac:dyDescent="0.25">
      <c r="A6083">
        <v>1680</v>
      </c>
      <c r="B6083" t="s">
        <v>69</v>
      </c>
      <c r="C6083">
        <v>36</v>
      </c>
      <c r="D6083" t="s">
        <v>496</v>
      </c>
      <c r="E6083">
        <v>281</v>
      </c>
      <c r="F6083" t="s">
        <v>651</v>
      </c>
      <c r="G6083">
        <v>160</v>
      </c>
      <c r="H6083" t="s">
        <v>732</v>
      </c>
      <c r="I6083">
        <v>1000</v>
      </c>
      <c r="J6083" t="s">
        <v>707</v>
      </c>
      <c r="K6083">
        <v>59</v>
      </c>
      <c r="L6083" t="s">
        <v>708</v>
      </c>
      <c r="M6083">
        <v>242</v>
      </c>
      <c r="N6083" t="s">
        <v>654</v>
      </c>
      <c r="O6083">
        <v>3</v>
      </c>
      <c r="P6083" t="s">
        <v>655</v>
      </c>
      <c r="Q6083">
        <v>1</v>
      </c>
      <c r="R6083" t="s">
        <v>669</v>
      </c>
      <c r="S6083">
        <v>1</v>
      </c>
      <c r="T6083" t="s">
        <v>661</v>
      </c>
      <c r="U6083">
        <v>8</v>
      </c>
      <c r="V6083">
        <v>4</v>
      </c>
      <c r="W6083">
        <v>240</v>
      </c>
      <c r="X6083">
        <v>2020</v>
      </c>
    </row>
    <row r="6084" spans="1:24" x14ac:dyDescent="0.25">
      <c r="A6084">
        <v>1679</v>
      </c>
      <c r="B6084" t="s">
        <v>69</v>
      </c>
      <c r="C6084">
        <v>36</v>
      </c>
      <c r="D6084" t="s">
        <v>496</v>
      </c>
      <c r="E6084">
        <v>281</v>
      </c>
      <c r="F6084" t="s">
        <v>651</v>
      </c>
      <c r="G6084">
        <v>160</v>
      </c>
      <c r="H6084" t="s">
        <v>732</v>
      </c>
      <c r="I6084">
        <v>1000</v>
      </c>
      <c r="J6084" t="s">
        <v>693</v>
      </c>
      <c r="K6084">
        <v>56</v>
      </c>
      <c r="L6084" t="s">
        <v>3669</v>
      </c>
      <c r="M6084">
        <v>221</v>
      </c>
      <c r="N6084" t="s">
        <v>654</v>
      </c>
      <c r="O6084">
        <v>3</v>
      </c>
      <c r="P6084" t="s">
        <v>655</v>
      </c>
      <c r="Q6084">
        <v>1</v>
      </c>
      <c r="R6084" t="s">
        <v>669</v>
      </c>
      <c r="S6084">
        <v>1</v>
      </c>
      <c r="T6084" t="s">
        <v>661</v>
      </c>
      <c r="U6084">
        <v>8</v>
      </c>
      <c r="V6084">
        <v>4</v>
      </c>
      <c r="W6084">
        <v>240</v>
      </c>
      <c r="X6084">
        <v>2020</v>
      </c>
    </row>
    <row r="6085" spans="1:24" x14ac:dyDescent="0.25">
      <c r="A6085">
        <v>1674</v>
      </c>
      <c r="B6085" t="s">
        <v>69</v>
      </c>
      <c r="C6085">
        <v>36</v>
      </c>
      <c r="D6085" t="s">
        <v>72</v>
      </c>
      <c r="E6085">
        <v>1251</v>
      </c>
      <c r="F6085" t="s">
        <v>651</v>
      </c>
      <c r="G6085">
        <v>160</v>
      </c>
      <c r="H6085" t="s">
        <v>732</v>
      </c>
      <c r="I6085">
        <v>1000</v>
      </c>
      <c r="J6085" t="s">
        <v>699</v>
      </c>
      <c r="K6085">
        <v>10</v>
      </c>
      <c r="L6085" t="s">
        <v>1096</v>
      </c>
      <c r="M6085">
        <v>341</v>
      </c>
      <c r="N6085" t="s">
        <v>654</v>
      </c>
      <c r="O6085">
        <v>3</v>
      </c>
      <c r="P6085" t="s">
        <v>655</v>
      </c>
      <c r="Q6085">
        <v>1</v>
      </c>
      <c r="R6085" t="s">
        <v>669</v>
      </c>
      <c r="S6085">
        <v>1</v>
      </c>
      <c r="T6085" t="s">
        <v>1295</v>
      </c>
      <c r="U6085">
        <v>10</v>
      </c>
      <c r="V6085">
        <v>3</v>
      </c>
      <c r="W6085">
        <v>180</v>
      </c>
      <c r="X6085">
        <v>2020</v>
      </c>
    </row>
    <row r="6086" spans="1:24" x14ac:dyDescent="0.25">
      <c r="A6086">
        <v>1665</v>
      </c>
      <c r="B6086" t="s">
        <v>69</v>
      </c>
      <c r="C6086">
        <v>36</v>
      </c>
      <c r="D6086" t="s">
        <v>68</v>
      </c>
      <c r="E6086">
        <v>1260</v>
      </c>
      <c r="F6086" t="s">
        <v>651</v>
      </c>
      <c r="G6086">
        <v>160</v>
      </c>
      <c r="H6086" t="s">
        <v>732</v>
      </c>
      <c r="I6086">
        <v>1000</v>
      </c>
      <c r="J6086" t="s">
        <v>897</v>
      </c>
      <c r="K6086">
        <v>3</v>
      </c>
      <c r="L6086" t="s">
        <v>897</v>
      </c>
      <c r="M6086">
        <v>8</v>
      </c>
      <c r="N6086" t="s">
        <v>654</v>
      </c>
      <c r="O6086">
        <v>3</v>
      </c>
      <c r="P6086" t="s">
        <v>655</v>
      </c>
      <c r="Q6086">
        <v>1</v>
      </c>
      <c r="R6086" t="s">
        <v>669</v>
      </c>
      <c r="S6086">
        <v>1</v>
      </c>
      <c r="T6086" t="s">
        <v>661</v>
      </c>
      <c r="U6086">
        <v>8</v>
      </c>
      <c r="V6086">
        <v>3</v>
      </c>
      <c r="W6086">
        <v>180</v>
      </c>
      <c r="X6086">
        <v>2020</v>
      </c>
    </row>
    <row r="6087" spans="1:24" x14ac:dyDescent="0.25">
      <c r="A6087">
        <v>1663</v>
      </c>
      <c r="B6087" t="s">
        <v>138</v>
      </c>
      <c r="C6087">
        <v>35</v>
      </c>
      <c r="D6087" t="s">
        <v>362</v>
      </c>
      <c r="E6087">
        <v>278</v>
      </c>
      <c r="F6087" t="s">
        <v>651</v>
      </c>
      <c r="G6087">
        <v>160</v>
      </c>
      <c r="H6087" t="s">
        <v>1054</v>
      </c>
      <c r="I6087">
        <v>7022</v>
      </c>
      <c r="J6087" t="s">
        <v>295</v>
      </c>
      <c r="K6087">
        <v>30</v>
      </c>
      <c r="L6087" t="s">
        <v>295</v>
      </c>
      <c r="M6087">
        <v>96</v>
      </c>
      <c r="N6087" t="s">
        <v>654</v>
      </c>
      <c r="O6087">
        <v>3</v>
      </c>
      <c r="P6087" t="s">
        <v>655</v>
      </c>
      <c r="Q6087">
        <v>1</v>
      </c>
      <c r="R6087" t="s">
        <v>669</v>
      </c>
      <c r="S6087">
        <v>1</v>
      </c>
      <c r="T6087" t="s">
        <v>661</v>
      </c>
      <c r="U6087">
        <v>8</v>
      </c>
      <c r="V6087">
        <v>3</v>
      </c>
      <c r="W6087">
        <v>180</v>
      </c>
      <c r="X6087">
        <v>2020</v>
      </c>
    </row>
    <row r="6088" spans="1:24" x14ac:dyDescent="0.25">
      <c r="A6088">
        <v>1661</v>
      </c>
      <c r="B6088" t="s">
        <v>138</v>
      </c>
      <c r="C6088">
        <v>35</v>
      </c>
      <c r="D6088" t="s">
        <v>362</v>
      </c>
      <c r="E6088">
        <v>278</v>
      </c>
      <c r="F6088" t="s">
        <v>651</v>
      </c>
      <c r="G6088">
        <v>160</v>
      </c>
      <c r="H6088" t="s">
        <v>1054</v>
      </c>
      <c r="I6088">
        <v>7022</v>
      </c>
      <c r="J6088" t="s">
        <v>299</v>
      </c>
      <c r="K6088">
        <v>27</v>
      </c>
      <c r="L6088" t="s">
        <v>690</v>
      </c>
      <c r="M6088">
        <v>89</v>
      </c>
      <c r="N6088" t="s">
        <v>654</v>
      </c>
      <c r="O6088">
        <v>3</v>
      </c>
      <c r="P6088" t="s">
        <v>655</v>
      </c>
      <c r="Q6088">
        <v>1</v>
      </c>
      <c r="R6088" t="s">
        <v>669</v>
      </c>
      <c r="S6088">
        <v>1</v>
      </c>
      <c r="T6088" t="s">
        <v>661</v>
      </c>
      <c r="U6088">
        <v>8</v>
      </c>
      <c r="V6088">
        <v>3</v>
      </c>
      <c r="W6088">
        <v>180</v>
      </c>
      <c r="X6088">
        <v>2020</v>
      </c>
    </row>
    <row r="6089" spans="1:24" x14ac:dyDescent="0.25">
      <c r="A6089">
        <v>1660</v>
      </c>
      <c r="B6089" t="s">
        <v>138</v>
      </c>
      <c r="C6089">
        <v>35</v>
      </c>
      <c r="D6089" t="s">
        <v>362</v>
      </c>
      <c r="E6089">
        <v>278</v>
      </c>
      <c r="F6089" t="s">
        <v>651</v>
      </c>
      <c r="G6089">
        <v>160</v>
      </c>
      <c r="H6089" t="s">
        <v>1054</v>
      </c>
      <c r="I6089">
        <v>7022</v>
      </c>
      <c r="J6089" t="s">
        <v>301</v>
      </c>
      <c r="K6089">
        <v>26</v>
      </c>
      <c r="L6089" t="s">
        <v>930</v>
      </c>
      <c r="M6089">
        <v>84</v>
      </c>
      <c r="N6089" t="s">
        <v>654</v>
      </c>
      <c r="O6089">
        <v>3</v>
      </c>
      <c r="P6089" t="s">
        <v>655</v>
      </c>
      <c r="Q6089">
        <v>1</v>
      </c>
      <c r="R6089" t="s">
        <v>669</v>
      </c>
      <c r="S6089">
        <v>1</v>
      </c>
      <c r="T6089" t="s">
        <v>661</v>
      </c>
      <c r="U6089">
        <v>8</v>
      </c>
      <c r="V6089">
        <v>3</v>
      </c>
      <c r="W6089">
        <v>180</v>
      </c>
      <c r="X6089">
        <v>2020</v>
      </c>
    </row>
    <row r="6090" spans="1:24" x14ac:dyDescent="0.25">
      <c r="A6090">
        <v>1658</v>
      </c>
      <c r="B6090" t="s">
        <v>138</v>
      </c>
      <c r="C6090">
        <v>35</v>
      </c>
      <c r="D6090" t="s">
        <v>362</v>
      </c>
      <c r="E6090">
        <v>278</v>
      </c>
      <c r="F6090" t="s">
        <v>651</v>
      </c>
      <c r="G6090">
        <v>160</v>
      </c>
      <c r="H6090" t="s">
        <v>1054</v>
      </c>
      <c r="I6090">
        <v>7022</v>
      </c>
      <c r="J6090" t="s">
        <v>807</v>
      </c>
      <c r="K6090">
        <v>25</v>
      </c>
      <c r="L6090" t="s">
        <v>1603</v>
      </c>
      <c r="M6090">
        <v>81</v>
      </c>
      <c r="N6090" t="s">
        <v>654</v>
      </c>
      <c r="O6090">
        <v>3</v>
      </c>
      <c r="P6090" t="s">
        <v>655</v>
      </c>
      <c r="Q6090">
        <v>1</v>
      </c>
      <c r="R6090" t="s">
        <v>669</v>
      </c>
      <c r="S6090">
        <v>1</v>
      </c>
      <c r="T6090" t="s">
        <v>661</v>
      </c>
      <c r="U6090">
        <v>8</v>
      </c>
      <c r="V6090">
        <v>3</v>
      </c>
      <c r="W6090">
        <v>180</v>
      </c>
      <c r="X6090">
        <v>2020</v>
      </c>
    </row>
    <row r="6091" spans="1:24" x14ac:dyDescent="0.25">
      <c r="A6091">
        <v>1657</v>
      </c>
      <c r="B6091" t="s">
        <v>138</v>
      </c>
      <c r="C6091">
        <v>35</v>
      </c>
      <c r="D6091" t="s">
        <v>362</v>
      </c>
      <c r="E6091">
        <v>278</v>
      </c>
      <c r="F6091" t="s">
        <v>651</v>
      </c>
      <c r="G6091">
        <v>160</v>
      </c>
      <c r="H6091" t="s">
        <v>1054</v>
      </c>
      <c r="I6091">
        <v>7022</v>
      </c>
      <c r="J6091" t="s">
        <v>682</v>
      </c>
      <c r="K6091">
        <v>20</v>
      </c>
      <c r="L6091" t="s">
        <v>904</v>
      </c>
      <c r="M6091">
        <v>61</v>
      </c>
      <c r="N6091" t="s">
        <v>654</v>
      </c>
      <c r="O6091">
        <v>3</v>
      </c>
      <c r="P6091" t="s">
        <v>655</v>
      </c>
      <c r="Q6091">
        <v>1</v>
      </c>
      <c r="R6091" t="s">
        <v>669</v>
      </c>
      <c r="S6091">
        <v>1</v>
      </c>
      <c r="T6091" t="s">
        <v>661</v>
      </c>
      <c r="U6091">
        <v>8</v>
      </c>
      <c r="V6091">
        <v>3</v>
      </c>
      <c r="W6091">
        <v>180</v>
      </c>
      <c r="X6091">
        <v>2020</v>
      </c>
    </row>
    <row r="6092" spans="1:24" x14ac:dyDescent="0.25">
      <c r="A6092">
        <v>1656</v>
      </c>
      <c r="B6092" t="s">
        <v>138</v>
      </c>
      <c r="C6092">
        <v>35</v>
      </c>
      <c r="D6092" t="s">
        <v>362</v>
      </c>
      <c r="E6092">
        <v>278</v>
      </c>
      <c r="F6092" t="s">
        <v>651</v>
      </c>
      <c r="G6092">
        <v>160</v>
      </c>
      <c r="H6092" t="s">
        <v>1054</v>
      </c>
      <c r="I6092">
        <v>7022</v>
      </c>
      <c r="J6092" t="s">
        <v>1011</v>
      </c>
      <c r="K6092">
        <v>17</v>
      </c>
      <c r="L6092" t="s">
        <v>1011</v>
      </c>
      <c r="M6092">
        <v>57</v>
      </c>
      <c r="N6092" t="s">
        <v>654</v>
      </c>
      <c r="O6092">
        <v>3</v>
      </c>
      <c r="P6092" t="s">
        <v>655</v>
      </c>
      <c r="Q6092">
        <v>1</v>
      </c>
      <c r="R6092" t="s">
        <v>669</v>
      </c>
      <c r="S6092">
        <v>1</v>
      </c>
      <c r="T6092" t="s">
        <v>661</v>
      </c>
      <c r="U6092">
        <v>8</v>
      </c>
      <c r="V6092">
        <v>3</v>
      </c>
      <c r="W6092">
        <v>180</v>
      </c>
      <c r="X6092">
        <v>2020</v>
      </c>
    </row>
    <row r="6093" spans="1:24" x14ac:dyDescent="0.25">
      <c r="A6093">
        <v>1655</v>
      </c>
      <c r="B6093" t="s">
        <v>138</v>
      </c>
      <c r="C6093">
        <v>35</v>
      </c>
      <c r="D6093" t="s">
        <v>362</v>
      </c>
      <c r="E6093">
        <v>278</v>
      </c>
      <c r="F6093" t="s">
        <v>651</v>
      </c>
      <c r="G6093">
        <v>160</v>
      </c>
      <c r="H6093" t="s">
        <v>1054</v>
      </c>
      <c r="I6093">
        <v>7022</v>
      </c>
      <c r="J6093" t="s">
        <v>703</v>
      </c>
      <c r="K6093">
        <v>16</v>
      </c>
      <c r="L6093" t="s">
        <v>703</v>
      </c>
      <c r="M6093">
        <v>54</v>
      </c>
      <c r="N6093" t="s">
        <v>654</v>
      </c>
      <c r="O6093">
        <v>3</v>
      </c>
      <c r="P6093" t="s">
        <v>655</v>
      </c>
      <c r="Q6093">
        <v>1</v>
      </c>
      <c r="R6093" t="s">
        <v>669</v>
      </c>
      <c r="S6093">
        <v>1</v>
      </c>
      <c r="T6093" t="s">
        <v>661</v>
      </c>
      <c r="U6093">
        <v>8</v>
      </c>
      <c r="V6093">
        <v>3</v>
      </c>
      <c r="W6093">
        <v>180</v>
      </c>
      <c r="X6093">
        <v>2020</v>
      </c>
    </row>
    <row r="6094" spans="1:24" x14ac:dyDescent="0.25">
      <c r="A6094">
        <v>1651</v>
      </c>
      <c r="B6094" t="s">
        <v>138</v>
      </c>
      <c r="C6094">
        <v>35</v>
      </c>
      <c r="D6094" t="s">
        <v>494</v>
      </c>
      <c r="E6094">
        <v>277</v>
      </c>
      <c r="F6094" t="s">
        <v>651</v>
      </c>
      <c r="G6094">
        <v>160</v>
      </c>
      <c r="H6094" t="s">
        <v>1054</v>
      </c>
      <c r="I6094">
        <v>7022</v>
      </c>
      <c r="J6094" t="s">
        <v>980</v>
      </c>
      <c r="K6094">
        <v>67</v>
      </c>
      <c r="L6094" t="s">
        <v>3800</v>
      </c>
      <c r="M6094">
        <v>291</v>
      </c>
      <c r="N6094" t="s">
        <v>654</v>
      </c>
      <c r="O6094">
        <v>3</v>
      </c>
      <c r="P6094" t="s">
        <v>655</v>
      </c>
      <c r="Q6094">
        <v>1</v>
      </c>
      <c r="R6094" t="s">
        <v>669</v>
      </c>
      <c r="S6094">
        <v>1</v>
      </c>
      <c r="T6094" t="s">
        <v>661</v>
      </c>
      <c r="U6094">
        <v>8</v>
      </c>
      <c r="V6094">
        <v>4</v>
      </c>
      <c r="W6094">
        <v>240</v>
      </c>
      <c r="X6094">
        <v>2020</v>
      </c>
    </row>
    <row r="6095" spans="1:24" x14ac:dyDescent="0.25">
      <c r="A6095">
        <v>1650</v>
      </c>
      <c r="B6095" t="s">
        <v>138</v>
      </c>
      <c r="C6095">
        <v>35</v>
      </c>
      <c r="D6095" t="s">
        <v>494</v>
      </c>
      <c r="E6095">
        <v>277</v>
      </c>
      <c r="F6095" t="s">
        <v>651</v>
      </c>
      <c r="G6095">
        <v>160</v>
      </c>
      <c r="H6095" t="s">
        <v>1054</v>
      </c>
      <c r="I6095">
        <v>7022</v>
      </c>
      <c r="J6095" t="s">
        <v>797</v>
      </c>
      <c r="K6095">
        <v>65</v>
      </c>
      <c r="L6095" t="s">
        <v>3892</v>
      </c>
      <c r="M6095">
        <v>276</v>
      </c>
      <c r="N6095" t="s">
        <v>654</v>
      </c>
      <c r="O6095">
        <v>3</v>
      </c>
      <c r="P6095" t="s">
        <v>655</v>
      </c>
      <c r="Q6095">
        <v>1</v>
      </c>
      <c r="R6095" t="s">
        <v>669</v>
      </c>
      <c r="S6095">
        <v>1</v>
      </c>
      <c r="T6095" t="s">
        <v>661</v>
      </c>
      <c r="U6095">
        <v>8</v>
      </c>
      <c r="V6095">
        <v>4</v>
      </c>
      <c r="W6095">
        <v>240</v>
      </c>
      <c r="X6095">
        <v>2020</v>
      </c>
    </row>
    <row r="6096" spans="1:24" x14ac:dyDescent="0.25">
      <c r="A6096">
        <v>1649</v>
      </c>
      <c r="B6096" t="s">
        <v>138</v>
      </c>
      <c r="C6096">
        <v>35</v>
      </c>
      <c r="D6096" t="s">
        <v>494</v>
      </c>
      <c r="E6096">
        <v>277</v>
      </c>
      <c r="F6096" t="s">
        <v>651</v>
      </c>
      <c r="G6096">
        <v>160</v>
      </c>
      <c r="H6096" t="s">
        <v>1054</v>
      </c>
      <c r="I6096">
        <v>7022</v>
      </c>
      <c r="J6096" t="s">
        <v>738</v>
      </c>
      <c r="K6096">
        <v>61</v>
      </c>
      <c r="L6096" t="s">
        <v>3938</v>
      </c>
      <c r="M6096">
        <v>256</v>
      </c>
      <c r="N6096" t="s">
        <v>654</v>
      </c>
      <c r="O6096">
        <v>3</v>
      </c>
      <c r="P6096" t="s">
        <v>655</v>
      </c>
      <c r="Q6096">
        <v>1</v>
      </c>
      <c r="R6096" t="s">
        <v>669</v>
      </c>
      <c r="S6096">
        <v>1</v>
      </c>
      <c r="T6096" t="s">
        <v>661</v>
      </c>
      <c r="U6096">
        <v>8</v>
      </c>
      <c r="V6096">
        <v>4</v>
      </c>
      <c r="W6096">
        <v>240</v>
      </c>
      <c r="X6096">
        <v>2020</v>
      </c>
    </row>
    <row r="6097" spans="1:24" x14ac:dyDescent="0.25">
      <c r="A6097">
        <v>1648</v>
      </c>
      <c r="B6097" t="s">
        <v>138</v>
      </c>
      <c r="C6097">
        <v>35</v>
      </c>
      <c r="D6097" t="s">
        <v>494</v>
      </c>
      <c r="E6097">
        <v>277</v>
      </c>
      <c r="F6097" t="s">
        <v>651</v>
      </c>
      <c r="G6097">
        <v>160</v>
      </c>
      <c r="H6097" t="s">
        <v>1054</v>
      </c>
      <c r="I6097">
        <v>7022</v>
      </c>
      <c r="J6097" t="s">
        <v>738</v>
      </c>
      <c r="K6097">
        <v>61</v>
      </c>
      <c r="L6097" t="s">
        <v>3946</v>
      </c>
      <c r="M6097">
        <v>251</v>
      </c>
      <c r="N6097" t="s">
        <v>654</v>
      </c>
      <c r="O6097">
        <v>3</v>
      </c>
      <c r="P6097" t="s">
        <v>655</v>
      </c>
      <c r="Q6097">
        <v>1</v>
      </c>
      <c r="R6097" t="s">
        <v>669</v>
      </c>
      <c r="S6097">
        <v>1</v>
      </c>
      <c r="T6097" t="s">
        <v>661</v>
      </c>
      <c r="U6097">
        <v>8</v>
      </c>
      <c r="V6097">
        <v>4</v>
      </c>
      <c r="W6097">
        <v>240</v>
      </c>
      <c r="X6097">
        <v>2020</v>
      </c>
    </row>
    <row r="6098" spans="1:24" x14ac:dyDescent="0.25">
      <c r="A6098">
        <v>1647</v>
      </c>
      <c r="B6098" t="s">
        <v>138</v>
      </c>
      <c r="C6098">
        <v>35</v>
      </c>
      <c r="D6098" t="s">
        <v>494</v>
      </c>
      <c r="E6098">
        <v>277</v>
      </c>
      <c r="F6098" t="s">
        <v>651</v>
      </c>
      <c r="G6098">
        <v>160</v>
      </c>
      <c r="H6098" t="s">
        <v>1054</v>
      </c>
      <c r="I6098">
        <v>7022</v>
      </c>
      <c r="J6098" t="s">
        <v>693</v>
      </c>
      <c r="K6098">
        <v>56</v>
      </c>
      <c r="L6098" t="s">
        <v>3669</v>
      </c>
      <c r="M6098">
        <v>221</v>
      </c>
      <c r="N6098" t="s">
        <v>654</v>
      </c>
      <c r="O6098">
        <v>3</v>
      </c>
      <c r="P6098" t="s">
        <v>655</v>
      </c>
      <c r="Q6098">
        <v>1</v>
      </c>
      <c r="R6098" t="s">
        <v>669</v>
      </c>
      <c r="S6098">
        <v>1</v>
      </c>
      <c r="T6098" t="s">
        <v>661</v>
      </c>
      <c r="U6098">
        <v>8</v>
      </c>
      <c r="V6098">
        <v>4</v>
      </c>
      <c r="W6098">
        <v>240</v>
      </c>
      <c r="X6098">
        <v>2020</v>
      </c>
    </row>
    <row r="6099" spans="1:24" x14ac:dyDescent="0.25">
      <c r="A6099">
        <v>1646</v>
      </c>
      <c r="B6099" t="s">
        <v>138</v>
      </c>
      <c r="C6099">
        <v>35</v>
      </c>
      <c r="D6099" t="s">
        <v>494</v>
      </c>
      <c r="E6099">
        <v>277</v>
      </c>
      <c r="F6099" t="s">
        <v>651</v>
      </c>
      <c r="G6099">
        <v>160</v>
      </c>
      <c r="H6099" t="s">
        <v>1054</v>
      </c>
      <c r="I6099">
        <v>7022</v>
      </c>
      <c r="J6099" t="s">
        <v>695</v>
      </c>
      <c r="K6099">
        <v>54</v>
      </c>
      <c r="L6099" t="s">
        <v>3787</v>
      </c>
      <c r="M6099">
        <v>214</v>
      </c>
      <c r="N6099" t="s">
        <v>654</v>
      </c>
      <c r="O6099">
        <v>3</v>
      </c>
      <c r="P6099" t="s">
        <v>655</v>
      </c>
      <c r="Q6099">
        <v>1</v>
      </c>
      <c r="R6099" t="s">
        <v>669</v>
      </c>
      <c r="S6099">
        <v>1</v>
      </c>
      <c r="T6099" t="s">
        <v>661</v>
      </c>
      <c r="U6099">
        <v>8</v>
      </c>
      <c r="V6099">
        <v>4</v>
      </c>
      <c r="W6099">
        <v>240</v>
      </c>
      <c r="X6099">
        <v>2020</v>
      </c>
    </row>
    <row r="6100" spans="1:24" x14ac:dyDescent="0.25">
      <c r="A6100">
        <v>1645</v>
      </c>
      <c r="B6100" t="s">
        <v>138</v>
      </c>
      <c r="C6100">
        <v>35</v>
      </c>
      <c r="D6100" t="s">
        <v>494</v>
      </c>
      <c r="E6100">
        <v>277</v>
      </c>
      <c r="F6100" t="s">
        <v>651</v>
      </c>
      <c r="G6100">
        <v>160</v>
      </c>
      <c r="H6100" t="s">
        <v>1054</v>
      </c>
      <c r="I6100">
        <v>7022</v>
      </c>
      <c r="J6100" t="s">
        <v>714</v>
      </c>
      <c r="K6100">
        <v>52</v>
      </c>
      <c r="L6100" t="s">
        <v>928</v>
      </c>
      <c r="M6100">
        <v>202</v>
      </c>
      <c r="N6100" t="s">
        <v>654</v>
      </c>
      <c r="O6100">
        <v>3</v>
      </c>
      <c r="P6100" t="s">
        <v>655</v>
      </c>
      <c r="Q6100">
        <v>1</v>
      </c>
      <c r="R6100" t="s">
        <v>669</v>
      </c>
      <c r="S6100">
        <v>1</v>
      </c>
      <c r="T6100" t="s">
        <v>661</v>
      </c>
      <c r="U6100">
        <v>8</v>
      </c>
      <c r="V6100">
        <v>4</v>
      </c>
      <c r="W6100">
        <v>240</v>
      </c>
      <c r="X6100">
        <v>2020</v>
      </c>
    </row>
    <row r="6101" spans="1:24" x14ac:dyDescent="0.25">
      <c r="A6101">
        <v>1643</v>
      </c>
      <c r="B6101" t="s">
        <v>138</v>
      </c>
      <c r="C6101">
        <v>35</v>
      </c>
      <c r="D6101" t="s">
        <v>494</v>
      </c>
      <c r="E6101">
        <v>277</v>
      </c>
      <c r="F6101" t="s">
        <v>651</v>
      </c>
      <c r="G6101">
        <v>160</v>
      </c>
      <c r="H6101" t="s">
        <v>1054</v>
      </c>
      <c r="I6101">
        <v>7022</v>
      </c>
      <c r="J6101" t="s">
        <v>767</v>
      </c>
      <c r="K6101">
        <v>44</v>
      </c>
      <c r="L6101" t="s">
        <v>3893</v>
      </c>
      <c r="M6101">
        <v>152</v>
      </c>
      <c r="N6101" t="s">
        <v>654</v>
      </c>
      <c r="O6101">
        <v>3</v>
      </c>
      <c r="P6101" t="s">
        <v>655</v>
      </c>
      <c r="Q6101">
        <v>1</v>
      </c>
      <c r="R6101" t="s">
        <v>669</v>
      </c>
      <c r="S6101">
        <v>1</v>
      </c>
      <c r="T6101" t="s">
        <v>661</v>
      </c>
      <c r="U6101">
        <v>8</v>
      </c>
      <c r="V6101">
        <v>4</v>
      </c>
      <c r="W6101">
        <v>240</v>
      </c>
      <c r="X6101">
        <v>2020</v>
      </c>
    </row>
    <row r="6102" spans="1:24" x14ac:dyDescent="0.25">
      <c r="A6102">
        <v>1642</v>
      </c>
      <c r="B6102" t="s">
        <v>138</v>
      </c>
      <c r="C6102">
        <v>35</v>
      </c>
      <c r="D6102" t="s">
        <v>497</v>
      </c>
      <c r="E6102">
        <v>276</v>
      </c>
      <c r="F6102" t="s">
        <v>651</v>
      </c>
      <c r="G6102">
        <v>160</v>
      </c>
      <c r="H6102" t="s">
        <v>1054</v>
      </c>
      <c r="I6102">
        <v>7022</v>
      </c>
      <c r="J6102" t="s">
        <v>1055</v>
      </c>
      <c r="K6102">
        <v>69</v>
      </c>
      <c r="L6102" t="s">
        <v>3947</v>
      </c>
      <c r="M6102">
        <v>298</v>
      </c>
      <c r="N6102" t="s">
        <v>654</v>
      </c>
      <c r="O6102">
        <v>3</v>
      </c>
      <c r="P6102" t="s">
        <v>655</v>
      </c>
      <c r="Q6102">
        <v>1</v>
      </c>
      <c r="R6102" t="s">
        <v>669</v>
      </c>
      <c r="S6102">
        <v>1</v>
      </c>
      <c r="T6102" t="s">
        <v>661</v>
      </c>
      <c r="U6102">
        <v>8</v>
      </c>
      <c r="V6102">
        <v>4</v>
      </c>
      <c r="W6102">
        <v>240</v>
      </c>
      <c r="X6102">
        <v>2020</v>
      </c>
    </row>
    <row r="6103" spans="1:24" x14ac:dyDescent="0.25">
      <c r="A6103">
        <v>1641</v>
      </c>
      <c r="B6103" t="s">
        <v>138</v>
      </c>
      <c r="C6103">
        <v>35</v>
      </c>
      <c r="D6103" t="s">
        <v>497</v>
      </c>
      <c r="E6103">
        <v>276</v>
      </c>
      <c r="F6103" t="s">
        <v>651</v>
      </c>
      <c r="G6103">
        <v>160</v>
      </c>
      <c r="H6103" t="s">
        <v>1054</v>
      </c>
      <c r="I6103">
        <v>7022</v>
      </c>
      <c r="J6103" t="s">
        <v>1055</v>
      </c>
      <c r="K6103">
        <v>69</v>
      </c>
      <c r="L6103" t="s">
        <v>3688</v>
      </c>
      <c r="M6103">
        <v>296</v>
      </c>
      <c r="N6103" t="s">
        <v>654</v>
      </c>
      <c r="O6103">
        <v>3</v>
      </c>
      <c r="P6103" t="s">
        <v>655</v>
      </c>
      <c r="Q6103">
        <v>1</v>
      </c>
      <c r="R6103" t="s">
        <v>669</v>
      </c>
      <c r="S6103">
        <v>1</v>
      </c>
      <c r="T6103" t="s">
        <v>661</v>
      </c>
      <c r="U6103">
        <v>8</v>
      </c>
      <c r="V6103">
        <v>4</v>
      </c>
      <c r="W6103">
        <v>240</v>
      </c>
      <c r="X6103">
        <v>2020</v>
      </c>
    </row>
    <row r="6104" spans="1:24" x14ac:dyDescent="0.25">
      <c r="A6104">
        <v>1638</v>
      </c>
      <c r="B6104" t="s">
        <v>138</v>
      </c>
      <c r="C6104">
        <v>35</v>
      </c>
      <c r="D6104" t="s">
        <v>497</v>
      </c>
      <c r="E6104">
        <v>276</v>
      </c>
      <c r="F6104" t="s">
        <v>651</v>
      </c>
      <c r="G6104">
        <v>160</v>
      </c>
      <c r="H6104" t="s">
        <v>1054</v>
      </c>
      <c r="I6104">
        <v>7022</v>
      </c>
      <c r="J6104" t="s">
        <v>848</v>
      </c>
      <c r="K6104">
        <v>62</v>
      </c>
      <c r="L6104" t="s">
        <v>1924</v>
      </c>
      <c r="M6104">
        <v>263</v>
      </c>
      <c r="N6104" t="s">
        <v>654</v>
      </c>
      <c r="O6104">
        <v>3</v>
      </c>
      <c r="P6104" t="s">
        <v>655</v>
      </c>
      <c r="Q6104">
        <v>1</v>
      </c>
      <c r="R6104" t="s">
        <v>669</v>
      </c>
      <c r="S6104">
        <v>1</v>
      </c>
      <c r="T6104" t="s">
        <v>661</v>
      </c>
      <c r="U6104">
        <v>8</v>
      </c>
      <c r="V6104">
        <v>4</v>
      </c>
      <c r="W6104">
        <v>240</v>
      </c>
      <c r="X6104">
        <v>2020</v>
      </c>
    </row>
    <row r="6105" spans="1:24" x14ac:dyDescent="0.25">
      <c r="A6105">
        <v>1637</v>
      </c>
      <c r="B6105" t="s">
        <v>138</v>
      </c>
      <c r="C6105">
        <v>35</v>
      </c>
      <c r="D6105" t="s">
        <v>497</v>
      </c>
      <c r="E6105">
        <v>276</v>
      </c>
      <c r="F6105" t="s">
        <v>651</v>
      </c>
      <c r="G6105">
        <v>160</v>
      </c>
      <c r="H6105" t="s">
        <v>1054</v>
      </c>
      <c r="I6105">
        <v>7022</v>
      </c>
      <c r="J6105" t="s">
        <v>693</v>
      </c>
      <c r="K6105">
        <v>56</v>
      </c>
      <c r="L6105" t="s">
        <v>1876</v>
      </c>
      <c r="M6105">
        <v>225</v>
      </c>
      <c r="N6105" t="s">
        <v>654</v>
      </c>
      <c r="O6105">
        <v>3</v>
      </c>
      <c r="P6105" t="s">
        <v>655</v>
      </c>
      <c r="Q6105">
        <v>1</v>
      </c>
      <c r="R6105" t="s">
        <v>669</v>
      </c>
      <c r="S6105">
        <v>1</v>
      </c>
      <c r="T6105" t="s">
        <v>661</v>
      </c>
      <c r="U6105">
        <v>8</v>
      </c>
      <c r="V6105">
        <v>4</v>
      </c>
      <c r="W6105">
        <v>240</v>
      </c>
      <c r="X6105">
        <v>2020</v>
      </c>
    </row>
    <row r="6106" spans="1:24" x14ac:dyDescent="0.25">
      <c r="A6106">
        <v>1635</v>
      </c>
      <c r="B6106" t="s">
        <v>138</v>
      </c>
      <c r="C6106">
        <v>35</v>
      </c>
      <c r="D6106" t="s">
        <v>497</v>
      </c>
      <c r="E6106">
        <v>276</v>
      </c>
      <c r="F6106" t="s">
        <v>651</v>
      </c>
      <c r="G6106">
        <v>160</v>
      </c>
      <c r="H6106" t="s">
        <v>1054</v>
      </c>
      <c r="I6106">
        <v>7022</v>
      </c>
      <c r="J6106" t="s">
        <v>1080</v>
      </c>
      <c r="K6106">
        <v>49</v>
      </c>
      <c r="L6106" t="s">
        <v>3948</v>
      </c>
      <c r="M6106">
        <v>185</v>
      </c>
      <c r="N6106" t="s">
        <v>654</v>
      </c>
      <c r="O6106">
        <v>3</v>
      </c>
      <c r="P6106" t="s">
        <v>655</v>
      </c>
      <c r="Q6106">
        <v>1</v>
      </c>
      <c r="R6106" t="s">
        <v>669</v>
      </c>
      <c r="S6106">
        <v>1</v>
      </c>
      <c r="T6106" t="s">
        <v>661</v>
      </c>
      <c r="U6106">
        <v>8</v>
      </c>
      <c r="V6106">
        <v>4</v>
      </c>
      <c r="W6106">
        <v>240</v>
      </c>
      <c r="X6106">
        <v>2020</v>
      </c>
    </row>
    <row r="6107" spans="1:24" x14ac:dyDescent="0.25">
      <c r="A6107">
        <v>1629</v>
      </c>
      <c r="B6107" t="s">
        <v>140</v>
      </c>
      <c r="C6107">
        <v>34</v>
      </c>
      <c r="D6107" t="s">
        <v>498</v>
      </c>
      <c r="E6107">
        <v>274</v>
      </c>
      <c r="F6107" t="s">
        <v>651</v>
      </c>
      <c r="G6107">
        <v>160</v>
      </c>
      <c r="H6107" t="s">
        <v>652</v>
      </c>
      <c r="I6107">
        <v>2094</v>
      </c>
      <c r="J6107" t="s">
        <v>864</v>
      </c>
      <c r="K6107">
        <v>14</v>
      </c>
      <c r="L6107" t="s">
        <v>1257</v>
      </c>
      <c r="M6107">
        <v>354</v>
      </c>
      <c r="N6107" t="s">
        <v>654</v>
      </c>
      <c r="O6107">
        <v>3</v>
      </c>
      <c r="P6107" t="s">
        <v>655</v>
      </c>
      <c r="Q6107">
        <v>1</v>
      </c>
      <c r="R6107" t="s">
        <v>669</v>
      </c>
      <c r="S6107">
        <v>1</v>
      </c>
      <c r="T6107" t="s">
        <v>661</v>
      </c>
      <c r="U6107">
        <v>8</v>
      </c>
      <c r="V6107">
        <v>4</v>
      </c>
      <c r="W6107">
        <v>240</v>
      </c>
      <c r="X6107">
        <v>2020</v>
      </c>
    </row>
    <row r="6108" spans="1:24" x14ac:dyDescent="0.25">
      <c r="A6108">
        <v>1628</v>
      </c>
      <c r="B6108" t="s">
        <v>140</v>
      </c>
      <c r="C6108">
        <v>34</v>
      </c>
      <c r="D6108" t="s">
        <v>499</v>
      </c>
      <c r="E6108">
        <v>273</v>
      </c>
      <c r="F6108" t="s">
        <v>651</v>
      </c>
      <c r="G6108">
        <v>160</v>
      </c>
      <c r="H6108" t="s">
        <v>652</v>
      </c>
      <c r="I6108">
        <v>2094</v>
      </c>
      <c r="J6108" t="s">
        <v>868</v>
      </c>
      <c r="K6108">
        <v>23</v>
      </c>
      <c r="L6108" t="s">
        <v>868</v>
      </c>
      <c r="M6108">
        <v>73</v>
      </c>
      <c r="N6108" t="s">
        <v>654</v>
      </c>
      <c r="O6108">
        <v>3</v>
      </c>
      <c r="P6108" t="s">
        <v>655</v>
      </c>
      <c r="Q6108">
        <v>1</v>
      </c>
      <c r="R6108" t="s">
        <v>669</v>
      </c>
      <c r="S6108">
        <v>1</v>
      </c>
      <c r="T6108" t="s">
        <v>661</v>
      </c>
      <c r="U6108">
        <v>8</v>
      </c>
      <c r="V6108">
        <v>3</v>
      </c>
      <c r="W6108">
        <v>180</v>
      </c>
      <c r="X6108">
        <v>2020</v>
      </c>
    </row>
    <row r="6109" spans="1:24" x14ac:dyDescent="0.25">
      <c r="A6109">
        <v>1627</v>
      </c>
      <c r="B6109" t="s">
        <v>140</v>
      </c>
      <c r="C6109">
        <v>34</v>
      </c>
      <c r="D6109" t="s">
        <v>499</v>
      </c>
      <c r="E6109">
        <v>273</v>
      </c>
      <c r="F6109" t="s">
        <v>651</v>
      </c>
      <c r="G6109">
        <v>160</v>
      </c>
      <c r="H6109" t="s">
        <v>3949</v>
      </c>
      <c r="I6109">
        <v>2099</v>
      </c>
      <c r="J6109" t="s">
        <v>684</v>
      </c>
      <c r="K6109">
        <v>22</v>
      </c>
      <c r="L6109" t="s">
        <v>685</v>
      </c>
      <c r="M6109">
        <v>72</v>
      </c>
      <c r="N6109" t="s">
        <v>654</v>
      </c>
      <c r="O6109">
        <v>3</v>
      </c>
      <c r="P6109" t="s">
        <v>655</v>
      </c>
      <c r="Q6109">
        <v>1</v>
      </c>
      <c r="R6109" t="s">
        <v>669</v>
      </c>
      <c r="S6109">
        <v>1</v>
      </c>
      <c r="T6109" t="s">
        <v>661</v>
      </c>
      <c r="U6109">
        <v>8</v>
      </c>
      <c r="V6109">
        <v>3</v>
      </c>
      <c r="W6109">
        <v>180</v>
      </c>
      <c r="X6109">
        <v>2020</v>
      </c>
    </row>
    <row r="6110" spans="1:24" x14ac:dyDescent="0.25">
      <c r="A6110">
        <v>1626</v>
      </c>
      <c r="B6110" t="s">
        <v>140</v>
      </c>
      <c r="C6110">
        <v>34</v>
      </c>
      <c r="D6110" t="s">
        <v>499</v>
      </c>
      <c r="E6110">
        <v>273</v>
      </c>
      <c r="F6110" t="s">
        <v>651</v>
      </c>
      <c r="G6110">
        <v>160</v>
      </c>
      <c r="H6110" t="s">
        <v>652</v>
      </c>
      <c r="I6110">
        <v>2094</v>
      </c>
      <c r="J6110" t="s">
        <v>684</v>
      </c>
      <c r="K6110">
        <v>22</v>
      </c>
      <c r="L6110" t="s">
        <v>685</v>
      </c>
      <c r="M6110">
        <v>72</v>
      </c>
      <c r="N6110" t="s">
        <v>654</v>
      </c>
      <c r="O6110">
        <v>3</v>
      </c>
      <c r="P6110" t="s">
        <v>655</v>
      </c>
      <c r="Q6110">
        <v>1</v>
      </c>
      <c r="R6110" t="s">
        <v>669</v>
      </c>
      <c r="S6110">
        <v>1</v>
      </c>
      <c r="T6110" t="s">
        <v>657</v>
      </c>
      <c r="U6110">
        <v>7</v>
      </c>
      <c r="V6110">
        <v>3</v>
      </c>
      <c r="W6110">
        <v>180</v>
      </c>
      <c r="X6110">
        <v>2020</v>
      </c>
    </row>
    <row r="6111" spans="1:24" x14ac:dyDescent="0.25">
      <c r="A6111">
        <v>1625</v>
      </c>
      <c r="B6111" t="s">
        <v>140</v>
      </c>
      <c r="C6111">
        <v>34</v>
      </c>
      <c r="D6111" t="s">
        <v>499</v>
      </c>
      <c r="E6111">
        <v>273</v>
      </c>
      <c r="F6111" t="s">
        <v>651</v>
      </c>
      <c r="G6111">
        <v>160</v>
      </c>
      <c r="H6111" t="s">
        <v>652</v>
      </c>
      <c r="I6111">
        <v>2094</v>
      </c>
      <c r="J6111" t="s">
        <v>684</v>
      </c>
      <c r="K6111">
        <v>22</v>
      </c>
      <c r="L6111" t="s">
        <v>685</v>
      </c>
      <c r="M6111">
        <v>72</v>
      </c>
      <c r="N6111" t="s">
        <v>654</v>
      </c>
      <c r="O6111">
        <v>3</v>
      </c>
      <c r="P6111" t="s">
        <v>746</v>
      </c>
      <c r="Q6111">
        <v>2</v>
      </c>
      <c r="R6111" t="s">
        <v>669</v>
      </c>
      <c r="S6111">
        <v>1</v>
      </c>
      <c r="T6111" t="s">
        <v>661</v>
      </c>
      <c r="U6111">
        <v>8</v>
      </c>
      <c r="V6111">
        <v>3</v>
      </c>
      <c r="W6111">
        <v>180</v>
      </c>
      <c r="X6111">
        <v>2020</v>
      </c>
    </row>
    <row r="6112" spans="1:24" x14ac:dyDescent="0.25">
      <c r="A6112">
        <v>1624</v>
      </c>
      <c r="B6112" t="s">
        <v>140</v>
      </c>
      <c r="C6112">
        <v>34</v>
      </c>
      <c r="D6112" t="s">
        <v>499</v>
      </c>
      <c r="E6112">
        <v>273</v>
      </c>
      <c r="F6112" t="s">
        <v>651</v>
      </c>
      <c r="G6112">
        <v>160</v>
      </c>
      <c r="H6112" t="s">
        <v>652</v>
      </c>
      <c r="I6112">
        <v>2094</v>
      </c>
      <c r="J6112" t="s">
        <v>684</v>
      </c>
      <c r="K6112">
        <v>22</v>
      </c>
      <c r="L6112" t="s">
        <v>685</v>
      </c>
      <c r="M6112">
        <v>72</v>
      </c>
      <c r="N6112" t="s">
        <v>654</v>
      </c>
      <c r="O6112">
        <v>3</v>
      </c>
      <c r="P6112" t="s">
        <v>655</v>
      </c>
      <c r="Q6112">
        <v>1</v>
      </c>
      <c r="R6112" t="s">
        <v>669</v>
      </c>
      <c r="S6112">
        <v>1</v>
      </c>
      <c r="T6112" t="s">
        <v>661</v>
      </c>
      <c r="U6112">
        <v>8</v>
      </c>
      <c r="V6112">
        <v>3</v>
      </c>
      <c r="W6112">
        <v>180</v>
      </c>
      <c r="X6112">
        <v>2020</v>
      </c>
    </row>
    <row r="6113" spans="1:24" x14ac:dyDescent="0.25">
      <c r="A6113">
        <v>1623</v>
      </c>
      <c r="B6113" t="s">
        <v>140</v>
      </c>
      <c r="C6113">
        <v>34</v>
      </c>
      <c r="D6113" t="s">
        <v>499</v>
      </c>
      <c r="E6113">
        <v>273</v>
      </c>
      <c r="F6113" t="s">
        <v>651</v>
      </c>
      <c r="G6113">
        <v>160</v>
      </c>
      <c r="H6113" t="s">
        <v>652</v>
      </c>
      <c r="I6113">
        <v>2094</v>
      </c>
      <c r="J6113" t="s">
        <v>684</v>
      </c>
      <c r="K6113">
        <v>22</v>
      </c>
      <c r="L6113" t="s">
        <v>3802</v>
      </c>
      <c r="M6113">
        <v>71</v>
      </c>
      <c r="N6113" t="s">
        <v>654</v>
      </c>
      <c r="O6113">
        <v>3</v>
      </c>
      <c r="P6113" t="s">
        <v>655</v>
      </c>
      <c r="Q6113">
        <v>1</v>
      </c>
      <c r="R6113" t="s">
        <v>669</v>
      </c>
      <c r="S6113">
        <v>1</v>
      </c>
      <c r="T6113" t="s">
        <v>661</v>
      </c>
      <c r="U6113">
        <v>8</v>
      </c>
      <c r="V6113">
        <v>3</v>
      </c>
      <c r="W6113">
        <v>180</v>
      </c>
      <c r="X6113">
        <v>2020</v>
      </c>
    </row>
    <row r="6114" spans="1:24" x14ac:dyDescent="0.25">
      <c r="A6114">
        <v>1622</v>
      </c>
      <c r="B6114" t="s">
        <v>140</v>
      </c>
      <c r="C6114">
        <v>34</v>
      </c>
      <c r="D6114" t="s">
        <v>499</v>
      </c>
      <c r="E6114">
        <v>273</v>
      </c>
      <c r="F6114" t="s">
        <v>651</v>
      </c>
      <c r="G6114">
        <v>160</v>
      </c>
      <c r="H6114" t="s">
        <v>652</v>
      </c>
      <c r="I6114">
        <v>2094</v>
      </c>
      <c r="J6114" t="s">
        <v>1011</v>
      </c>
      <c r="K6114">
        <v>17</v>
      </c>
      <c r="L6114" t="s">
        <v>1011</v>
      </c>
      <c r="M6114">
        <v>57</v>
      </c>
      <c r="N6114" t="s">
        <v>654</v>
      </c>
      <c r="O6114">
        <v>3</v>
      </c>
      <c r="P6114" t="s">
        <v>655</v>
      </c>
      <c r="Q6114">
        <v>1</v>
      </c>
      <c r="R6114" t="s">
        <v>669</v>
      </c>
      <c r="S6114">
        <v>1</v>
      </c>
      <c r="T6114" t="s">
        <v>661</v>
      </c>
      <c r="U6114">
        <v>8</v>
      </c>
      <c r="V6114">
        <v>3</v>
      </c>
      <c r="W6114">
        <v>180</v>
      </c>
      <c r="X6114">
        <v>2020</v>
      </c>
    </row>
    <row r="6115" spans="1:24" x14ac:dyDescent="0.25">
      <c r="A6115">
        <v>1621</v>
      </c>
      <c r="B6115" t="s">
        <v>140</v>
      </c>
      <c r="C6115">
        <v>34</v>
      </c>
      <c r="D6115" t="s">
        <v>499</v>
      </c>
      <c r="E6115">
        <v>273</v>
      </c>
      <c r="F6115" t="s">
        <v>651</v>
      </c>
      <c r="G6115">
        <v>160</v>
      </c>
      <c r="H6115" t="s">
        <v>652</v>
      </c>
      <c r="I6115">
        <v>2094</v>
      </c>
      <c r="J6115" t="s">
        <v>703</v>
      </c>
      <c r="K6115">
        <v>16</v>
      </c>
      <c r="L6115" t="s">
        <v>703</v>
      </c>
      <c r="M6115">
        <v>54</v>
      </c>
      <c r="N6115" t="s">
        <v>654</v>
      </c>
      <c r="O6115">
        <v>3</v>
      </c>
      <c r="P6115" t="s">
        <v>655</v>
      </c>
      <c r="Q6115">
        <v>1</v>
      </c>
      <c r="R6115" t="s">
        <v>669</v>
      </c>
      <c r="S6115">
        <v>1</v>
      </c>
      <c r="T6115" t="s">
        <v>661</v>
      </c>
      <c r="U6115">
        <v>8</v>
      </c>
      <c r="V6115">
        <v>3</v>
      </c>
      <c r="W6115">
        <v>180</v>
      </c>
      <c r="X6115">
        <v>2020</v>
      </c>
    </row>
    <row r="6116" spans="1:24" x14ac:dyDescent="0.25">
      <c r="A6116">
        <v>1617</v>
      </c>
      <c r="B6116" t="s">
        <v>140</v>
      </c>
      <c r="C6116">
        <v>34</v>
      </c>
      <c r="D6116" t="s">
        <v>11</v>
      </c>
      <c r="E6116">
        <v>271</v>
      </c>
      <c r="F6116" t="s">
        <v>651</v>
      </c>
      <c r="G6116">
        <v>160</v>
      </c>
      <c r="H6116" t="s">
        <v>652</v>
      </c>
      <c r="I6116">
        <v>2094</v>
      </c>
      <c r="J6116" t="s">
        <v>682</v>
      </c>
      <c r="K6116">
        <v>20</v>
      </c>
      <c r="L6116" t="s">
        <v>904</v>
      </c>
      <c r="M6116">
        <v>61</v>
      </c>
      <c r="N6116" t="s">
        <v>654</v>
      </c>
      <c r="O6116">
        <v>3</v>
      </c>
      <c r="P6116" t="s">
        <v>655</v>
      </c>
      <c r="Q6116">
        <v>1</v>
      </c>
      <c r="R6116" t="s">
        <v>669</v>
      </c>
      <c r="S6116">
        <v>1</v>
      </c>
      <c r="T6116" t="s">
        <v>661</v>
      </c>
      <c r="U6116">
        <v>8</v>
      </c>
      <c r="V6116">
        <v>3</v>
      </c>
      <c r="W6116">
        <v>180</v>
      </c>
      <c r="X6116">
        <v>2020</v>
      </c>
    </row>
    <row r="6117" spans="1:24" x14ac:dyDescent="0.25">
      <c r="A6117">
        <v>1616</v>
      </c>
      <c r="B6117" t="s">
        <v>140</v>
      </c>
      <c r="C6117">
        <v>34</v>
      </c>
      <c r="D6117" t="s">
        <v>11</v>
      </c>
      <c r="E6117">
        <v>271</v>
      </c>
      <c r="F6117" t="s">
        <v>651</v>
      </c>
      <c r="G6117">
        <v>160</v>
      </c>
      <c r="H6117" t="s">
        <v>652</v>
      </c>
      <c r="I6117">
        <v>2094</v>
      </c>
      <c r="J6117" t="s">
        <v>65</v>
      </c>
      <c r="K6117">
        <v>15</v>
      </c>
      <c r="L6117" t="s">
        <v>65</v>
      </c>
      <c r="M6117">
        <v>51</v>
      </c>
      <c r="N6117" t="s">
        <v>654</v>
      </c>
      <c r="O6117">
        <v>3</v>
      </c>
      <c r="P6117" t="s">
        <v>655</v>
      </c>
      <c r="Q6117">
        <v>1</v>
      </c>
      <c r="R6117" t="s">
        <v>669</v>
      </c>
      <c r="S6117">
        <v>1</v>
      </c>
      <c r="T6117" t="s">
        <v>661</v>
      </c>
      <c r="U6117">
        <v>8</v>
      </c>
      <c r="V6117">
        <v>4</v>
      </c>
      <c r="W6117">
        <v>240</v>
      </c>
      <c r="X6117">
        <v>2020</v>
      </c>
    </row>
    <row r="6118" spans="1:24" x14ac:dyDescent="0.25">
      <c r="A6118">
        <v>1615</v>
      </c>
      <c r="B6118" t="s">
        <v>140</v>
      </c>
      <c r="C6118">
        <v>34</v>
      </c>
      <c r="D6118" t="s">
        <v>316</v>
      </c>
      <c r="E6118">
        <v>270</v>
      </c>
      <c r="F6118" t="s">
        <v>651</v>
      </c>
      <c r="G6118">
        <v>160</v>
      </c>
      <c r="H6118" t="s">
        <v>652</v>
      </c>
      <c r="I6118">
        <v>2094</v>
      </c>
      <c r="J6118" t="s">
        <v>294</v>
      </c>
      <c r="K6118">
        <v>31</v>
      </c>
      <c r="L6118" t="s">
        <v>294</v>
      </c>
      <c r="M6118">
        <v>98</v>
      </c>
      <c r="N6118" t="s">
        <v>654</v>
      </c>
      <c r="O6118">
        <v>3</v>
      </c>
      <c r="P6118" t="s">
        <v>689</v>
      </c>
      <c r="Q6118">
        <v>4</v>
      </c>
      <c r="R6118" t="s">
        <v>669</v>
      </c>
      <c r="S6118">
        <v>1</v>
      </c>
      <c r="T6118" t="s">
        <v>661</v>
      </c>
      <c r="U6118">
        <v>8</v>
      </c>
      <c r="V6118">
        <v>3</v>
      </c>
      <c r="W6118">
        <v>180</v>
      </c>
      <c r="X6118">
        <v>2020</v>
      </c>
    </row>
    <row r="6119" spans="1:24" x14ac:dyDescent="0.25">
      <c r="A6119">
        <v>1614</v>
      </c>
      <c r="B6119" t="s">
        <v>140</v>
      </c>
      <c r="C6119">
        <v>34</v>
      </c>
      <c r="D6119" t="s">
        <v>316</v>
      </c>
      <c r="E6119">
        <v>270</v>
      </c>
      <c r="F6119" t="s">
        <v>651</v>
      </c>
      <c r="G6119">
        <v>160</v>
      </c>
      <c r="H6119" t="s">
        <v>652</v>
      </c>
      <c r="I6119">
        <v>2094</v>
      </c>
      <c r="J6119" t="s">
        <v>294</v>
      </c>
      <c r="K6119">
        <v>31</v>
      </c>
      <c r="L6119" t="s">
        <v>294</v>
      </c>
      <c r="M6119">
        <v>98</v>
      </c>
      <c r="N6119" t="s">
        <v>654</v>
      </c>
      <c r="O6119">
        <v>3</v>
      </c>
      <c r="P6119" t="s">
        <v>655</v>
      </c>
      <c r="Q6119">
        <v>1</v>
      </c>
      <c r="R6119" t="s">
        <v>669</v>
      </c>
      <c r="S6119">
        <v>1</v>
      </c>
      <c r="T6119" t="s">
        <v>661</v>
      </c>
      <c r="U6119">
        <v>8</v>
      </c>
      <c r="V6119">
        <v>3</v>
      </c>
      <c r="W6119">
        <v>180</v>
      </c>
      <c r="X6119">
        <v>2020</v>
      </c>
    </row>
    <row r="6120" spans="1:24" x14ac:dyDescent="0.25">
      <c r="A6120">
        <v>1613</v>
      </c>
      <c r="B6120" t="s">
        <v>140</v>
      </c>
      <c r="C6120">
        <v>34</v>
      </c>
      <c r="D6120" t="s">
        <v>316</v>
      </c>
      <c r="E6120">
        <v>270</v>
      </c>
      <c r="F6120" t="s">
        <v>651</v>
      </c>
      <c r="G6120">
        <v>160</v>
      </c>
      <c r="H6120" t="s">
        <v>652</v>
      </c>
      <c r="I6120">
        <v>2094</v>
      </c>
      <c r="J6120" t="s">
        <v>295</v>
      </c>
      <c r="K6120">
        <v>30</v>
      </c>
      <c r="L6120" t="s">
        <v>295</v>
      </c>
      <c r="M6120">
        <v>96</v>
      </c>
      <c r="N6120" t="s">
        <v>654</v>
      </c>
      <c r="O6120">
        <v>3</v>
      </c>
      <c r="P6120" t="s">
        <v>689</v>
      </c>
      <c r="Q6120">
        <v>4</v>
      </c>
      <c r="R6120" t="s">
        <v>669</v>
      </c>
      <c r="S6120">
        <v>1</v>
      </c>
      <c r="T6120" t="s">
        <v>661</v>
      </c>
      <c r="U6120">
        <v>8</v>
      </c>
      <c r="V6120">
        <v>3</v>
      </c>
      <c r="W6120">
        <v>180</v>
      </c>
      <c r="X6120">
        <v>2020</v>
      </c>
    </row>
    <row r="6121" spans="1:24" x14ac:dyDescent="0.25">
      <c r="A6121">
        <v>1612</v>
      </c>
      <c r="B6121" t="s">
        <v>140</v>
      </c>
      <c r="C6121">
        <v>34</v>
      </c>
      <c r="D6121" t="s">
        <v>316</v>
      </c>
      <c r="E6121">
        <v>270</v>
      </c>
      <c r="F6121" t="s">
        <v>651</v>
      </c>
      <c r="G6121">
        <v>160</v>
      </c>
      <c r="H6121" t="s">
        <v>652</v>
      </c>
      <c r="I6121">
        <v>2094</v>
      </c>
      <c r="J6121" t="s">
        <v>295</v>
      </c>
      <c r="K6121">
        <v>30</v>
      </c>
      <c r="L6121" t="s">
        <v>295</v>
      </c>
      <c r="M6121">
        <v>96</v>
      </c>
      <c r="N6121" t="s">
        <v>654</v>
      </c>
      <c r="O6121">
        <v>3</v>
      </c>
      <c r="P6121" t="s">
        <v>655</v>
      </c>
      <c r="Q6121">
        <v>1</v>
      </c>
      <c r="R6121" t="s">
        <v>669</v>
      </c>
      <c r="S6121">
        <v>1</v>
      </c>
      <c r="T6121" t="s">
        <v>661</v>
      </c>
      <c r="U6121">
        <v>8</v>
      </c>
      <c r="V6121">
        <v>3</v>
      </c>
      <c r="W6121">
        <v>180</v>
      </c>
      <c r="X6121">
        <v>2020</v>
      </c>
    </row>
    <row r="6122" spans="1:24" x14ac:dyDescent="0.25">
      <c r="A6122">
        <v>1611</v>
      </c>
      <c r="B6122" t="s">
        <v>140</v>
      </c>
      <c r="C6122">
        <v>34</v>
      </c>
      <c r="D6122" t="s">
        <v>316</v>
      </c>
      <c r="E6122">
        <v>270</v>
      </c>
      <c r="F6122" t="s">
        <v>651</v>
      </c>
      <c r="G6122">
        <v>160</v>
      </c>
      <c r="H6122" t="s">
        <v>652</v>
      </c>
      <c r="I6122">
        <v>2094</v>
      </c>
      <c r="J6122" t="s">
        <v>955</v>
      </c>
      <c r="K6122">
        <v>29</v>
      </c>
      <c r="L6122" t="s">
        <v>2089</v>
      </c>
      <c r="M6122">
        <v>94</v>
      </c>
      <c r="N6122" t="s">
        <v>654</v>
      </c>
      <c r="O6122">
        <v>3</v>
      </c>
      <c r="P6122" t="s">
        <v>689</v>
      </c>
      <c r="Q6122">
        <v>4</v>
      </c>
      <c r="R6122" t="s">
        <v>669</v>
      </c>
      <c r="S6122">
        <v>1</v>
      </c>
      <c r="T6122" t="s">
        <v>661</v>
      </c>
      <c r="U6122">
        <v>8</v>
      </c>
      <c r="V6122">
        <v>3</v>
      </c>
      <c r="W6122">
        <v>180</v>
      </c>
      <c r="X6122">
        <v>2020</v>
      </c>
    </row>
    <row r="6123" spans="1:24" x14ac:dyDescent="0.25">
      <c r="A6123">
        <v>1610</v>
      </c>
      <c r="B6123" t="s">
        <v>140</v>
      </c>
      <c r="C6123">
        <v>34</v>
      </c>
      <c r="D6123" t="s">
        <v>316</v>
      </c>
      <c r="E6123">
        <v>270</v>
      </c>
      <c r="F6123" t="s">
        <v>651</v>
      </c>
      <c r="G6123">
        <v>160</v>
      </c>
      <c r="H6123" t="s">
        <v>652</v>
      </c>
      <c r="I6123">
        <v>2094</v>
      </c>
      <c r="J6123" t="s">
        <v>955</v>
      </c>
      <c r="K6123">
        <v>29</v>
      </c>
      <c r="L6123" t="s">
        <v>2089</v>
      </c>
      <c r="M6123">
        <v>94</v>
      </c>
      <c r="N6123" t="s">
        <v>654</v>
      </c>
      <c r="O6123">
        <v>3</v>
      </c>
      <c r="P6123" t="s">
        <v>655</v>
      </c>
      <c r="Q6123">
        <v>1</v>
      </c>
      <c r="R6123" t="s">
        <v>669</v>
      </c>
      <c r="S6123">
        <v>1</v>
      </c>
      <c r="T6123" t="s">
        <v>661</v>
      </c>
      <c r="U6123">
        <v>8</v>
      </c>
      <c r="V6123">
        <v>3</v>
      </c>
      <c r="W6123">
        <v>180</v>
      </c>
      <c r="X6123">
        <v>2020</v>
      </c>
    </row>
    <row r="6124" spans="1:24" x14ac:dyDescent="0.25">
      <c r="A6124">
        <v>1609</v>
      </c>
      <c r="B6124" t="s">
        <v>140</v>
      </c>
      <c r="C6124">
        <v>34</v>
      </c>
      <c r="D6124" t="s">
        <v>316</v>
      </c>
      <c r="E6124">
        <v>270</v>
      </c>
      <c r="F6124" t="s">
        <v>651</v>
      </c>
      <c r="G6124">
        <v>160</v>
      </c>
      <c r="H6124" t="s">
        <v>652</v>
      </c>
      <c r="I6124">
        <v>2094</v>
      </c>
      <c r="J6124" t="s">
        <v>299</v>
      </c>
      <c r="K6124">
        <v>27</v>
      </c>
      <c r="L6124" t="s">
        <v>690</v>
      </c>
      <c r="M6124">
        <v>89</v>
      </c>
      <c r="N6124" t="s">
        <v>654</v>
      </c>
      <c r="O6124">
        <v>3</v>
      </c>
      <c r="P6124" t="s">
        <v>689</v>
      </c>
      <c r="Q6124">
        <v>4</v>
      </c>
      <c r="R6124" t="s">
        <v>669</v>
      </c>
      <c r="S6124">
        <v>1</v>
      </c>
      <c r="T6124" t="s">
        <v>661</v>
      </c>
      <c r="U6124">
        <v>8</v>
      </c>
      <c r="V6124">
        <v>3</v>
      </c>
      <c r="W6124">
        <v>180</v>
      </c>
      <c r="X6124">
        <v>2020</v>
      </c>
    </row>
    <row r="6125" spans="1:24" x14ac:dyDescent="0.25">
      <c r="A6125">
        <v>1608</v>
      </c>
      <c r="B6125" t="s">
        <v>140</v>
      </c>
      <c r="C6125">
        <v>34</v>
      </c>
      <c r="D6125" t="s">
        <v>316</v>
      </c>
      <c r="E6125">
        <v>270</v>
      </c>
      <c r="F6125" t="s">
        <v>651</v>
      </c>
      <c r="G6125">
        <v>160</v>
      </c>
      <c r="H6125" t="s">
        <v>652</v>
      </c>
      <c r="I6125">
        <v>2094</v>
      </c>
      <c r="J6125" t="s">
        <v>299</v>
      </c>
      <c r="K6125">
        <v>27</v>
      </c>
      <c r="L6125" t="s">
        <v>690</v>
      </c>
      <c r="M6125">
        <v>89</v>
      </c>
      <c r="N6125" t="s">
        <v>654</v>
      </c>
      <c r="O6125">
        <v>3</v>
      </c>
      <c r="P6125" t="s">
        <v>655</v>
      </c>
      <c r="Q6125">
        <v>1</v>
      </c>
      <c r="R6125" t="s">
        <v>669</v>
      </c>
      <c r="S6125">
        <v>1</v>
      </c>
      <c r="T6125" t="s">
        <v>661</v>
      </c>
      <c r="U6125">
        <v>8</v>
      </c>
      <c r="V6125">
        <v>3</v>
      </c>
      <c r="W6125">
        <v>180</v>
      </c>
      <c r="X6125">
        <v>2020</v>
      </c>
    </row>
    <row r="6126" spans="1:24" x14ac:dyDescent="0.25">
      <c r="A6126">
        <v>1607</v>
      </c>
      <c r="B6126" t="s">
        <v>140</v>
      </c>
      <c r="C6126">
        <v>34</v>
      </c>
      <c r="D6126" t="s">
        <v>316</v>
      </c>
      <c r="E6126">
        <v>270</v>
      </c>
      <c r="F6126" t="s">
        <v>651</v>
      </c>
      <c r="G6126">
        <v>160</v>
      </c>
      <c r="H6126" t="s">
        <v>652</v>
      </c>
      <c r="I6126">
        <v>2094</v>
      </c>
      <c r="J6126" t="s">
        <v>301</v>
      </c>
      <c r="K6126">
        <v>26</v>
      </c>
      <c r="L6126" t="s">
        <v>930</v>
      </c>
      <c r="M6126">
        <v>84</v>
      </c>
      <c r="N6126" t="s">
        <v>654</v>
      </c>
      <c r="O6126">
        <v>3</v>
      </c>
      <c r="P6126" t="s">
        <v>689</v>
      </c>
      <c r="Q6126">
        <v>4</v>
      </c>
      <c r="R6126" t="s">
        <v>669</v>
      </c>
      <c r="S6126">
        <v>1</v>
      </c>
      <c r="T6126" t="s">
        <v>661</v>
      </c>
      <c r="U6126">
        <v>8</v>
      </c>
      <c r="V6126">
        <v>3</v>
      </c>
      <c r="W6126">
        <v>180</v>
      </c>
      <c r="X6126">
        <v>2020</v>
      </c>
    </row>
    <row r="6127" spans="1:24" x14ac:dyDescent="0.25">
      <c r="A6127">
        <v>1606</v>
      </c>
      <c r="B6127" t="s">
        <v>140</v>
      </c>
      <c r="C6127">
        <v>34</v>
      </c>
      <c r="D6127" t="s">
        <v>316</v>
      </c>
      <c r="E6127">
        <v>270</v>
      </c>
      <c r="F6127" t="s">
        <v>651</v>
      </c>
      <c r="G6127">
        <v>160</v>
      </c>
      <c r="H6127" t="s">
        <v>652</v>
      </c>
      <c r="I6127">
        <v>2094</v>
      </c>
      <c r="J6127" t="s">
        <v>301</v>
      </c>
      <c r="K6127">
        <v>26</v>
      </c>
      <c r="L6127" t="s">
        <v>930</v>
      </c>
      <c r="M6127">
        <v>84</v>
      </c>
      <c r="N6127" t="s">
        <v>654</v>
      </c>
      <c r="O6127">
        <v>3</v>
      </c>
      <c r="P6127" t="s">
        <v>655</v>
      </c>
      <c r="Q6127">
        <v>1</v>
      </c>
      <c r="R6127" t="s">
        <v>669</v>
      </c>
      <c r="S6127">
        <v>1</v>
      </c>
      <c r="T6127" t="s">
        <v>661</v>
      </c>
      <c r="U6127">
        <v>8</v>
      </c>
      <c r="V6127">
        <v>3</v>
      </c>
      <c r="W6127">
        <v>180</v>
      </c>
      <c r="X6127">
        <v>2020</v>
      </c>
    </row>
    <row r="6128" spans="1:24" x14ac:dyDescent="0.25">
      <c r="A6128">
        <v>1605</v>
      </c>
      <c r="B6128" t="s">
        <v>140</v>
      </c>
      <c r="C6128">
        <v>34</v>
      </c>
      <c r="D6128" t="s">
        <v>316</v>
      </c>
      <c r="E6128">
        <v>270</v>
      </c>
      <c r="F6128" t="s">
        <v>651</v>
      </c>
      <c r="G6128">
        <v>160</v>
      </c>
      <c r="H6128" t="s">
        <v>652</v>
      </c>
      <c r="I6128">
        <v>2094</v>
      </c>
      <c r="J6128" t="s">
        <v>807</v>
      </c>
      <c r="K6128">
        <v>25</v>
      </c>
      <c r="L6128" t="s">
        <v>1603</v>
      </c>
      <c r="M6128">
        <v>81</v>
      </c>
      <c r="N6128" t="s">
        <v>654</v>
      </c>
      <c r="O6128">
        <v>3</v>
      </c>
      <c r="P6128" t="s">
        <v>689</v>
      </c>
      <c r="Q6128">
        <v>4</v>
      </c>
      <c r="R6128" t="s">
        <v>669</v>
      </c>
      <c r="S6128">
        <v>1</v>
      </c>
      <c r="T6128" t="s">
        <v>661</v>
      </c>
      <c r="U6128">
        <v>8</v>
      </c>
      <c r="V6128">
        <v>3</v>
      </c>
      <c r="W6128">
        <v>180</v>
      </c>
      <c r="X6128">
        <v>2020</v>
      </c>
    </row>
    <row r="6129" spans="1:24" x14ac:dyDescent="0.25">
      <c r="A6129">
        <v>1604</v>
      </c>
      <c r="B6129" t="s">
        <v>140</v>
      </c>
      <c r="C6129">
        <v>34</v>
      </c>
      <c r="D6129" t="s">
        <v>316</v>
      </c>
      <c r="E6129">
        <v>270</v>
      </c>
      <c r="F6129" t="s">
        <v>651</v>
      </c>
      <c r="G6129">
        <v>160</v>
      </c>
      <c r="H6129" t="s">
        <v>652</v>
      </c>
      <c r="I6129">
        <v>2094</v>
      </c>
      <c r="J6129" t="s">
        <v>807</v>
      </c>
      <c r="K6129">
        <v>25</v>
      </c>
      <c r="L6129" t="s">
        <v>1603</v>
      </c>
      <c r="M6129">
        <v>81</v>
      </c>
      <c r="N6129" t="s">
        <v>654</v>
      </c>
      <c r="O6129">
        <v>3</v>
      </c>
      <c r="P6129" t="s">
        <v>655</v>
      </c>
      <c r="Q6129">
        <v>1</v>
      </c>
      <c r="R6129" t="s">
        <v>669</v>
      </c>
      <c r="S6129">
        <v>1</v>
      </c>
      <c r="T6129" t="s">
        <v>661</v>
      </c>
      <c r="U6129">
        <v>8</v>
      </c>
      <c r="V6129">
        <v>3</v>
      </c>
      <c r="W6129">
        <v>180</v>
      </c>
      <c r="X6129">
        <v>2020</v>
      </c>
    </row>
    <row r="6130" spans="1:24" x14ac:dyDescent="0.25">
      <c r="A6130">
        <v>1601</v>
      </c>
      <c r="B6130" t="s">
        <v>140</v>
      </c>
      <c r="C6130">
        <v>34</v>
      </c>
      <c r="D6130" t="s">
        <v>500</v>
      </c>
      <c r="E6130">
        <v>269</v>
      </c>
      <c r="F6130" t="s">
        <v>651</v>
      </c>
      <c r="G6130">
        <v>160</v>
      </c>
      <c r="H6130" t="s">
        <v>652</v>
      </c>
      <c r="I6130">
        <v>2094</v>
      </c>
      <c r="J6130" t="s">
        <v>831</v>
      </c>
      <c r="K6130">
        <v>5</v>
      </c>
      <c r="L6130" t="s">
        <v>831</v>
      </c>
      <c r="M6130">
        <v>14</v>
      </c>
      <c r="N6130" t="s">
        <v>654</v>
      </c>
      <c r="O6130">
        <v>3</v>
      </c>
      <c r="P6130" t="s">
        <v>655</v>
      </c>
      <c r="Q6130">
        <v>1</v>
      </c>
      <c r="R6130" t="s">
        <v>669</v>
      </c>
      <c r="S6130">
        <v>1</v>
      </c>
      <c r="T6130" t="s">
        <v>661</v>
      </c>
      <c r="U6130">
        <v>8</v>
      </c>
      <c r="V6130">
        <v>3</v>
      </c>
      <c r="W6130">
        <v>180</v>
      </c>
      <c r="X6130">
        <v>2020</v>
      </c>
    </row>
    <row r="6131" spans="1:24" x14ac:dyDescent="0.25">
      <c r="A6131">
        <v>1600</v>
      </c>
      <c r="B6131" t="s">
        <v>140</v>
      </c>
      <c r="C6131">
        <v>34</v>
      </c>
      <c r="D6131" t="s">
        <v>500</v>
      </c>
      <c r="E6131">
        <v>269</v>
      </c>
      <c r="F6131" t="s">
        <v>651</v>
      </c>
      <c r="G6131">
        <v>160</v>
      </c>
      <c r="H6131" t="s">
        <v>652</v>
      </c>
      <c r="I6131">
        <v>2094</v>
      </c>
      <c r="J6131" t="s">
        <v>676</v>
      </c>
      <c r="K6131">
        <v>4</v>
      </c>
      <c r="L6131" t="s">
        <v>676</v>
      </c>
      <c r="M6131">
        <v>12</v>
      </c>
      <c r="N6131" t="s">
        <v>654</v>
      </c>
      <c r="O6131">
        <v>3</v>
      </c>
      <c r="P6131" t="s">
        <v>655</v>
      </c>
      <c r="Q6131">
        <v>1</v>
      </c>
      <c r="R6131" t="s">
        <v>669</v>
      </c>
      <c r="S6131">
        <v>1</v>
      </c>
      <c r="T6131" t="s">
        <v>661</v>
      </c>
      <c r="U6131">
        <v>8</v>
      </c>
      <c r="V6131">
        <v>3</v>
      </c>
      <c r="W6131">
        <v>180</v>
      </c>
      <c r="X6131">
        <v>2020</v>
      </c>
    </row>
    <row r="6132" spans="1:24" x14ac:dyDescent="0.25">
      <c r="A6132">
        <v>1599</v>
      </c>
      <c r="B6132" t="s">
        <v>140</v>
      </c>
      <c r="C6132">
        <v>34</v>
      </c>
      <c r="D6132" t="s">
        <v>500</v>
      </c>
      <c r="E6132">
        <v>269</v>
      </c>
      <c r="F6132" t="s">
        <v>651</v>
      </c>
      <c r="G6132">
        <v>160</v>
      </c>
      <c r="H6132" t="s">
        <v>652</v>
      </c>
      <c r="I6132">
        <v>2094</v>
      </c>
      <c r="J6132" t="s">
        <v>897</v>
      </c>
      <c r="K6132">
        <v>3</v>
      </c>
      <c r="L6132" t="s">
        <v>897</v>
      </c>
      <c r="M6132">
        <v>8</v>
      </c>
      <c r="N6132" t="s">
        <v>654</v>
      </c>
      <c r="O6132">
        <v>3</v>
      </c>
      <c r="P6132" t="s">
        <v>655</v>
      </c>
      <c r="Q6132">
        <v>1</v>
      </c>
      <c r="R6132" t="s">
        <v>669</v>
      </c>
      <c r="S6132">
        <v>1</v>
      </c>
      <c r="T6132" t="s">
        <v>661</v>
      </c>
      <c r="U6132">
        <v>8</v>
      </c>
      <c r="V6132">
        <v>3</v>
      </c>
      <c r="W6132">
        <v>180</v>
      </c>
      <c r="X6132">
        <v>2020</v>
      </c>
    </row>
    <row r="6133" spans="1:24" x14ac:dyDescent="0.25">
      <c r="A6133">
        <v>1597</v>
      </c>
      <c r="B6133" t="s">
        <v>140</v>
      </c>
      <c r="C6133">
        <v>34</v>
      </c>
      <c r="D6133" t="s">
        <v>500</v>
      </c>
      <c r="E6133">
        <v>269</v>
      </c>
      <c r="F6133" t="s">
        <v>651</v>
      </c>
      <c r="G6133">
        <v>160</v>
      </c>
      <c r="H6133" t="s">
        <v>652</v>
      </c>
      <c r="I6133">
        <v>2094</v>
      </c>
      <c r="J6133" t="s">
        <v>726</v>
      </c>
      <c r="K6133">
        <v>2</v>
      </c>
      <c r="L6133" t="s">
        <v>1087</v>
      </c>
      <c r="M6133">
        <v>5</v>
      </c>
      <c r="N6133" t="s">
        <v>654</v>
      </c>
      <c r="O6133">
        <v>3</v>
      </c>
      <c r="P6133" t="s">
        <v>655</v>
      </c>
      <c r="Q6133">
        <v>1</v>
      </c>
      <c r="R6133" t="s">
        <v>669</v>
      </c>
      <c r="S6133">
        <v>1</v>
      </c>
      <c r="T6133" t="s">
        <v>661</v>
      </c>
      <c r="U6133">
        <v>8</v>
      </c>
      <c r="V6133">
        <v>3</v>
      </c>
      <c r="W6133">
        <v>180</v>
      </c>
      <c r="X6133">
        <v>2020</v>
      </c>
    </row>
    <row r="6134" spans="1:24" x14ac:dyDescent="0.25">
      <c r="A6134">
        <v>1596</v>
      </c>
      <c r="B6134" t="s">
        <v>140</v>
      </c>
      <c r="C6134">
        <v>34</v>
      </c>
      <c r="D6134" t="s">
        <v>500</v>
      </c>
      <c r="E6134">
        <v>269</v>
      </c>
      <c r="F6134" t="s">
        <v>651</v>
      </c>
      <c r="G6134">
        <v>160</v>
      </c>
      <c r="H6134" t="s">
        <v>652</v>
      </c>
      <c r="I6134">
        <v>2094</v>
      </c>
      <c r="J6134" t="s">
        <v>726</v>
      </c>
      <c r="K6134">
        <v>2</v>
      </c>
      <c r="L6134" t="s">
        <v>726</v>
      </c>
      <c r="M6134">
        <v>4</v>
      </c>
      <c r="N6134" t="s">
        <v>654</v>
      </c>
      <c r="O6134">
        <v>3</v>
      </c>
      <c r="P6134" t="s">
        <v>655</v>
      </c>
      <c r="Q6134">
        <v>1</v>
      </c>
      <c r="R6134" t="s">
        <v>669</v>
      </c>
      <c r="S6134">
        <v>1</v>
      </c>
      <c r="T6134" t="s">
        <v>661</v>
      </c>
      <c r="U6134">
        <v>8</v>
      </c>
      <c r="V6134">
        <v>3</v>
      </c>
      <c r="W6134">
        <v>180</v>
      </c>
      <c r="X6134">
        <v>2020</v>
      </c>
    </row>
    <row r="6135" spans="1:24" x14ac:dyDescent="0.25">
      <c r="A6135">
        <v>1593</v>
      </c>
      <c r="B6135" t="s">
        <v>140</v>
      </c>
      <c r="C6135">
        <v>34</v>
      </c>
      <c r="D6135" t="s">
        <v>500</v>
      </c>
      <c r="E6135">
        <v>269</v>
      </c>
      <c r="F6135" t="s">
        <v>651</v>
      </c>
      <c r="G6135">
        <v>160</v>
      </c>
      <c r="H6135" t="s">
        <v>652</v>
      </c>
      <c r="I6135">
        <v>2094</v>
      </c>
      <c r="J6135" t="s">
        <v>885</v>
      </c>
      <c r="K6135">
        <v>1</v>
      </c>
      <c r="L6135" t="s">
        <v>885</v>
      </c>
      <c r="M6135">
        <v>1</v>
      </c>
      <c r="N6135" t="s">
        <v>654</v>
      </c>
      <c r="O6135">
        <v>3</v>
      </c>
      <c r="P6135" t="s">
        <v>655</v>
      </c>
      <c r="Q6135">
        <v>1</v>
      </c>
      <c r="R6135" t="s">
        <v>669</v>
      </c>
      <c r="S6135">
        <v>1</v>
      </c>
      <c r="T6135" t="s">
        <v>661</v>
      </c>
      <c r="U6135">
        <v>8</v>
      </c>
      <c r="V6135">
        <v>3</v>
      </c>
      <c r="W6135">
        <v>180</v>
      </c>
      <c r="X6135">
        <v>2020</v>
      </c>
    </row>
    <row r="6136" spans="1:24" x14ac:dyDescent="0.25">
      <c r="A6136">
        <v>1592</v>
      </c>
      <c r="B6136" t="s">
        <v>140</v>
      </c>
      <c r="C6136">
        <v>34</v>
      </c>
      <c r="D6136" t="s">
        <v>501</v>
      </c>
      <c r="E6136">
        <v>268</v>
      </c>
      <c r="F6136" t="s">
        <v>651</v>
      </c>
      <c r="G6136">
        <v>160</v>
      </c>
      <c r="H6136" t="s">
        <v>652</v>
      </c>
      <c r="I6136">
        <v>2094</v>
      </c>
      <c r="J6136" t="s">
        <v>917</v>
      </c>
      <c r="K6136">
        <v>83</v>
      </c>
      <c r="L6136" t="s">
        <v>918</v>
      </c>
      <c r="M6136">
        <v>287</v>
      </c>
      <c r="N6136" t="s">
        <v>654</v>
      </c>
      <c r="O6136">
        <v>3</v>
      </c>
      <c r="P6136" t="s">
        <v>655</v>
      </c>
      <c r="Q6136">
        <v>1</v>
      </c>
      <c r="R6136" t="s">
        <v>669</v>
      </c>
      <c r="S6136">
        <v>1</v>
      </c>
      <c r="T6136" t="s">
        <v>661</v>
      </c>
      <c r="U6136">
        <v>8</v>
      </c>
      <c r="V6136">
        <v>4</v>
      </c>
      <c r="W6136">
        <v>240</v>
      </c>
      <c r="X6136">
        <v>2020</v>
      </c>
    </row>
    <row r="6137" spans="1:24" x14ac:dyDescent="0.25">
      <c r="A6137">
        <v>1591</v>
      </c>
      <c r="B6137" t="s">
        <v>140</v>
      </c>
      <c r="C6137">
        <v>34</v>
      </c>
      <c r="D6137" t="s">
        <v>501</v>
      </c>
      <c r="E6137">
        <v>268</v>
      </c>
      <c r="F6137" t="s">
        <v>651</v>
      </c>
      <c r="G6137">
        <v>160</v>
      </c>
      <c r="H6137" t="s">
        <v>652</v>
      </c>
      <c r="I6137">
        <v>2094</v>
      </c>
      <c r="J6137" t="s">
        <v>848</v>
      </c>
      <c r="K6137">
        <v>62</v>
      </c>
      <c r="L6137" t="s">
        <v>3950</v>
      </c>
      <c r="M6137">
        <v>264</v>
      </c>
      <c r="N6137" t="s">
        <v>654</v>
      </c>
      <c r="O6137">
        <v>3</v>
      </c>
      <c r="P6137" t="s">
        <v>655</v>
      </c>
      <c r="Q6137">
        <v>1</v>
      </c>
      <c r="R6137" t="s">
        <v>669</v>
      </c>
      <c r="S6137">
        <v>1</v>
      </c>
      <c r="T6137" t="s">
        <v>661</v>
      </c>
      <c r="U6137">
        <v>8</v>
      </c>
      <c r="V6137">
        <v>4</v>
      </c>
      <c r="W6137">
        <v>240</v>
      </c>
      <c r="X6137">
        <v>2020</v>
      </c>
    </row>
    <row r="6138" spans="1:24" x14ac:dyDescent="0.25">
      <c r="A6138">
        <v>1590</v>
      </c>
      <c r="B6138" t="s">
        <v>140</v>
      </c>
      <c r="C6138">
        <v>34</v>
      </c>
      <c r="D6138" t="s">
        <v>501</v>
      </c>
      <c r="E6138">
        <v>268</v>
      </c>
      <c r="F6138" t="s">
        <v>651</v>
      </c>
      <c r="G6138">
        <v>160</v>
      </c>
      <c r="H6138" t="s">
        <v>652</v>
      </c>
      <c r="I6138">
        <v>2094</v>
      </c>
      <c r="J6138" t="s">
        <v>880</v>
      </c>
      <c r="K6138">
        <v>58</v>
      </c>
      <c r="L6138" t="s">
        <v>1086</v>
      </c>
      <c r="M6138">
        <v>238</v>
      </c>
      <c r="N6138" t="s">
        <v>654</v>
      </c>
      <c r="O6138">
        <v>3</v>
      </c>
      <c r="P6138" t="s">
        <v>655</v>
      </c>
      <c r="Q6138">
        <v>1</v>
      </c>
      <c r="R6138" t="s">
        <v>669</v>
      </c>
      <c r="S6138">
        <v>1</v>
      </c>
      <c r="T6138" t="s">
        <v>661</v>
      </c>
      <c r="U6138">
        <v>8</v>
      </c>
      <c r="V6138">
        <v>4</v>
      </c>
      <c r="W6138">
        <v>240</v>
      </c>
      <c r="X6138">
        <v>2020</v>
      </c>
    </row>
    <row r="6139" spans="1:24" x14ac:dyDescent="0.25">
      <c r="A6139">
        <v>1589</v>
      </c>
      <c r="B6139" t="s">
        <v>140</v>
      </c>
      <c r="C6139">
        <v>34</v>
      </c>
      <c r="D6139" t="s">
        <v>501</v>
      </c>
      <c r="E6139">
        <v>268</v>
      </c>
      <c r="F6139" t="s">
        <v>651</v>
      </c>
      <c r="G6139">
        <v>160</v>
      </c>
      <c r="H6139" t="s">
        <v>652</v>
      </c>
      <c r="I6139">
        <v>2094</v>
      </c>
      <c r="J6139" t="s">
        <v>880</v>
      </c>
      <c r="K6139">
        <v>58</v>
      </c>
      <c r="L6139" t="s">
        <v>3937</v>
      </c>
      <c r="M6139">
        <v>237</v>
      </c>
      <c r="N6139" t="s">
        <v>654</v>
      </c>
      <c r="O6139">
        <v>3</v>
      </c>
      <c r="P6139" t="s">
        <v>655</v>
      </c>
      <c r="Q6139">
        <v>1</v>
      </c>
      <c r="R6139" t="s">
        <v>669</v>
      </c>
      <c r="S6139">
        <v>1</v>
      </c>
      <c r="T6139" t="s">
        <v>661</v>
      </c>
      <c r="U6139">
        <v>8</v>
      </c>
      <c r="V6139">
        <v>4</v>
      </c>
      <c r="W6139">
        <v>240</v>
      </c>
      <c r="X6139">
        <v>2020</v>
      </c>
    </row>
    <row r="6140" spans="1:24" x14ac:dyDescent="0.25">
      <c r="A6140">
        <v>1588</v>
      </c>
      <c r="B6140" t="s">
        <v>140</v>
      </c>
      <c r="C6140">
        <v>34</v>
      </c>
      <c r="D6140" t="s">
        <v>501</v>
      </c>
      <c r="E6140">
        <v>268</v>
      </c>
      <c r="F6140" t="s">
        <v>651</v>
      </c>
      <c r="G6140">
        <v>160</v>
      </c>
      <c r="H6140" t="s">
        <v>652</v>
      </c>
      <c r="I6140">
        <v>2094</v>
      </c>
      <c r="J6140" t="s">
        <v>1259</v>
      </c>
      <c r="K6140">
        <v>57</v>
      </c>
      <c r="L6140" t="s">
        <v>3951</v>
      </c>
      <c r="M6140">
        <v>234</v>
      </c>
      <c r="N6140" t="s">
        <v>654</v>
      </c>
      <c r="O6140">
        <v>3</v>
      </c>
      <c r="P6140" t="s">
        <v>655</v>
      </c>
      <c r="Q6140">
        <v>1</v>
      </c>
      <c r="R6140" t="s">
        <v>669</v>
      </c>
      <c r="S6140">
        <v>1</v>
      </c>
      <c r="T6140" t="s">
        <v>661</v>
      </c>
      <c r="U6140">
        <v>8</v>
      </c>
      <c r="V6140">
        <v>4</v>
      </c>
      <c r="W6140">
        <v>240</v>
      </c>
      <c r="X6140">
        <v>2020</v>
      </c>
    </row>
    <row r="6141" spans="1:24" x14ac:dyDescent="0.25">
      <c r="A6141">
        <v>1587</v>
      </c>
      <c r="B6141" t="s">
        <v>140</v>
      </c>
      <c r="C6141">
        <v>34</v>
      </c>
      <c r="D6141" t="s">
        <v>501</v>
      </c>
      <c r="E6141">
        <v>268</v>
      </c>
      <c r="F6141" t="s">
        <v>651</v>
      </c>
      <c r="G6141">
        <v>160</v>
      </c>
      <c r="H6141" t="s">
        <v>652</v>
      </c>
      <c r="I6141">
        <v>2094</v>
      </c>
      <c r="J6141" t="s">
        <v>1219</v>
      </c>
      <c r="K6141">
        <v>42</v>
      </c>
      <c r="L6141" t="s">
        <v>1219</v>
      </c>
      <c r="M6141">
        <v>148</v>
      </c>
      <c r="N6141" t="s">
        <v>654</v>
      </c>
      <c r="O6141">
        <v>3</v>
      </c>
      <c r="P6141" t="s">
        <v>655</v>
      </c>
      <c r="Q6141">
        <v>1</v>
      </c>
      <c r="R6141" t="s">
        <v>669</v>
      </c>
      <c r="S6141">
        <v>1</v>
      </c>
      <c r="T6141" t="s">
        <v>661</v>
      </c>
      <c r="U6141">
        <v>8</v>
      </c>
      <c r="V6141">
        <v>4</v>
      </c>
      <c r="W6141">
        <v>240</v>
      </c>
      <c r="X6141">
        <v>2020</v>
      </c>
    </row>
    <row r="6142" spans="1:24" x14ac:dyDescent="0.25">
      <c r="A6142">
        <v>1586</v>
      </c>
      <c r="B6142" t="s">
        <v>140</v>
      </c>
      <c r="C6142">
        <v>34</v>
      </c>
      <c r="D6142" t="s">
        <v>501</v>
      </c>
      <c r="E6142">
        <v>268</v>
      </c>
      <c r="F6142" t="s">
        <v>651</v>
      </c>
      <c r="G6142">
        <v>160</v>
      </c>
      <c r="H6142" t="s">
        <v>652</v>
      </c>
      <c r="I6142">
        <v>2094</v>
      </c>
      <c r="J6142" t="s">
        <v>678</v>
      </c>
      <c r="K6142">
        <v>41</v>
      </c>
      <c r="L6142" t="s">
        <v>3952</v>
      </c>
      <c r="M6142">
        <v>146</v>
      </c>
      <c r="N6142" t="s">
        <v>654</v>
      </c>
      <c r="O6142">
        <v>3</v>
      </c>
      <c r="P6142" t="s">
        <v>655</v>
      </c>
      <c r="Q6142">
        <v>1</v>
      </c>
      <c r="R6142" t="s">
        <v>669</v>
      </c>
      <c r="S6142">
        <v>1</v>
      </c>
      <c r="T6142" t="s">
        <v>661</v>
      </c>
      <c r="U6142">
        <v>8</v>
      </c>
      <c r="V6142">
        <v>4</v>
      </c>
      <c r="W6142">
        <v>240</v>
      </c>
      <c r="X6142">
        <v>2020</v>
      </c>
    </row>
    <row r="6143" spans="1:24" x14ac:dyDescent="0.25">
      <c r="A6143">
        <v>1585</v>
      </c>
      <c r="B6143" t="s">
        <v>140</v>
      </c>
      <c r="C6143">
        <v>34</v>
      </c>
      <c r="D6143" t="s">
        <v>501</v>
      </c>
      <c r="E6143">
        <v>268</v>
      </c>
      <c r="F6143" t="s">
        <v>651</v>
      </c>
      <c r="G6143">
        <v>160</v>
      </c>
      <c r="H6143" t="s">
        <v>652</v>
      </c>
      <c r="I6143">
        <v>2094</v>
      </c>
      <c r="J6143" t="s">
        <v>678</v>
      </c>
      <c r="K6143">
        <v>41</v>
      </c>
      <c r="L6143" t="s">
        <v>678</v>
      </c>
      <c r="M6143">
        <v>145</v>
      </c>
      <c r="N6143" t="s">
        <v>654</v>
      </c>
      <c r="O6143">
        <v>3</v>
      </c>
      <c r="P6143" t="s">
        <v>655</v>
      </c>
      <c r="Q6143">
        <v>1</v>
      </c>
      <c r="R6143" t="s">
        <v>669</v>
      </c>
      <c r="S6143">
        <v>1</v>
      </c>
      <c r="T6143" t="s">
        <v>661</v>
      </c>
      <c r="U6143">
        <v>8</v>
      </c>
      <c r="V6143">
        <v>4</v>
      </c>
      <c r="W6143">
        <v>240</v>
      </c>
      <c r="X6143">
        <v>2020</v>
      </c>
    </row>
    <row r="6144" spans="1:24" x14ac:dyDescent="0.25">
      <c r="A6144">
        <v>1584</v>
      </c>
      <c r="B6144" t="s">
        <v>140</v>
      </c>
      <c r="C6144">
        <v>34</v>
      </c>
      <c r="D6144" t="s">
        <v>501</v>
      </c>
      <c r="E6144">
        <v>268</v>
      </c>
      <c r="F6144" t="s">
        <v>651</v>
      </c>
      <c r="G6144">
        <v>160</v>
      </c>
      <c r="H6144" t="s">
        <v>652</v>
      </c>
      <c r="I6144">
        <v>2094</v>
      </c>
      <c r="J6144" t="s">
        <v>794</v>
      </c>
      <c r="K6144">
        <v>40</v>
      </c>
      <c r="L6144" t="s">
        <v>3710</v>
      </c>
      <c r="M6144">
        <v>144</v>
      </c>
      <c r="N6144" t="s">
        <v>654</v>
      </c>
      <c r="O6144">
        <v>3</v>
      </c>
      <c r="P6144" t="s">
        <v>655</v>
      </c>
      <c r="Q6144">
        <v>1</v>
      </c>
      <c r="R6144" t="s">
        <v>669</v>
      </c>
      <c r="S6144">
        <v>1</v>
      </c>
      <c r="T6144" t="s">
        <v>661</v>
      </c>
      <c r="U6144">
        <v>8</v>
      </c>
      <c r="V6144">
        <v>4</v>
      </c>
      <c r="W6144">
        <v>240</v>
      </c>
      <c r="X6144">
        <v>2020</v>
      </c>
    </row>
    <row r="6145" spans="1:24" x14ac:dyDescent="0.25">
      <c r="A6145">
        <v>1583</v>
      </c>
      <c r="B6145" t="s">
        <v>140</v>
      </c>
      <c r="C6145">
        <v>34</v>
      </c>
      <c r="D6145" t="s">
        <v>501</v>
      </c>
      <c r="E6145">
        <v>268</v>
      </c>
      <c r="F6145" t="s">
        <v>651</v>
      </c>
      <c r="G6145">
        <v>160</v>
      </c>
      <c r="H6145" t="s">
        <v>652</v>
      </c>
      <c r="I6145">
        <v>2094</v>
      </c>
      <c r="J6145" t="s">
        <v>794</v>
      </c>
      <c r="K6145">
        <v>40</v>
      </c>
      <c r="L6145" t="s">
        <v>794</v>
      </c>
      <c r="M6145">
        <v>143</v>
      </c>
      <c r="N6145" t="s">
        <v>654</v>
      </c>
      <c r="O6145">
        <v>3</v>
      </c>
      <c r="P6145" t="s">
        <v>655</v>
      </c>
      <c r="Q6145">
        <v>1</v>
      </c>
      <c r="R6145" t="s">
        <v>669</v>
      </c>
      <c r="S6145">
        <v>1</v>
      </c>
      <c r="T6145" t="s">
        <v>661</v>
      </c>
      <c r="U6145">
        <v>8</v>
      </c>
      <c r="V6145">
        <v>4</v>
      </c>
      <c r="W6145">
        <v>240</v>
      </c>
      <c r="X6145">
        <v>2020</v>
      </c>
    </row>
    <row r="6146" spans="1:24" x14ac:dyDescent="0.25">
      <c r="A6146">
        <v>1582</v>
      </c>
      <c r="B6146" t="s">
        <v>140</v>
      </c>
      <c r="C6146">
        <v>34</v>
      </c>
      <c r="D6146" t="s">
        <v>501</v>
      </c>
      <c r="E6146">
        <v>268</v>
      </c>
      <c r="F6146" t="s">
        <v>651</v>
      </c>
      <c r="G6146">
        <v>160</v>
      </c>
      <c r="H6146" t="s">
        <v>652</v>
      </c>
      <c r="I6146">
        <v>2094</v>
      </c>
      <c r="J6146" t="s">
        <v>909</v>
      </c>
      <c r="K6146">
        <v>39</v>
      </c>
      <c r="L6146" t="s">
        <v>1925</v>
      </c>
      <c r="M6146">
        <v>138</v>
      </c>
      <c r="N6146" t="s">
        <v>654</v>
      </c>
      <c r="O6146">
        <v>3</v>
      </c>
      <c r="P6146" t="s">
        <v>655</v>
      </c>
      <c r="Q6146">
        <v>1</v>
      </c>
      <c r="R6146" t="s">
        <v>669</v>
      </c>
      <c r="S6146">
        <v>1</v>
      </c>
      <c r="T6146" t="s">
        <v>661</v>
      </c>
      <c r="U6146">
        <v>8</v>
      </c>
      <c r="V6146">
        <v>4</v>
      </c>
      <c r="W6146">
        <v>240</v>
      </c>
      <c r="X6146">
        <v>2020</v>
      </c>
    </row>
    <row r="6147" spans="1:24" x14ac:dyDescent="0.25">
      <c r="A6147">
        <v>1576</v>
      </c>
      <c r="B6147" t="s">
        <v>140</v>
      </c>
      <c r="C6147">
        <v>34</v>
      </c>
      <c r="D6147" t="s">
        <v>502</v>
      </c>
      <c r="E6147">
        <v>266</v>
      </c>
      <c r="F6147" t="s">
        <v>651</v>
      </c>
      <c r="G6147">
        <v>160</v>
      </c>
      <c r="H6147" t="s">
        <v>652</v>
      </c>
      <c r="I6147">
        <v>2094</v>
      </c>
      <c r="J6147" t="s">
        <v>671</v>
      </c>
      <c r="K6147">
        <v>81</v>
      </c>
      <c r="L6147" t="s">
        <v>920</v>
      </c>
      <c r="M6147">
        <v>335</v>
      </c>
      <c r="N6147" t="s">
        <v>654</v>
      </c>
      <c r="O6147">
        <v>3</v>
      </c>
      <c r="P6147" t="s">
        <v>655</v>
      </c>
      <c r="Q6147">
        <v>1</v>
      </c>
      <c r="R6147" t="s">
        <v>669</v>
      </c>
      <c r="S6147">
        <v>1</v>
      </c>
      <c r="T6147" t="s">
        <v>661</v>
      </c>
      <c r="U6147">
        <v>8</v>
      </c>
      <c r="V6147">
        <v>3</v>
      </c>
      <c r="W6147">
        <v>180</v>
      </c>
      <c r="X6147">
        <v>2020</v>
      </c>
    </row>
    <row r="6148" spans="1:24" x14ac:dyDescent="0.25">
      <c r="A6148">
        <v>1575</v>
      </c>
      <c r="B6148" t="s">
        <v>140</v>
      </c>
      <c r="C6148">
        <v>34</v>
      </c>
      <c r="D6148" t="s">
        <v>502</v>
      </c>
      <c r="E6148">
        <v>266</v>
      </c>
      <c r="F6148" t="s">
        <v>651</v>
      </c>
      <c r="G6148">
        <v>160</v>
      </c>
      <c r="H6148" t="s">
        <v>652</v>
      </c>
      <c r="I6148">
        <v>2094</v>
      </c>
      <c r="J6148" t="s">
        <v>915</v>
      </c>
      <c r="K6148">
        <v>78</v>
      </c>
      <c r="L6148" t="s">
        <v>1266</v>
      </c>
      <c r="M6148">
        <v>334</v>
      </c>
      <c r="N6148" t="s">
        <v>654</v>
      </c>
      <c r="O6148">
        <v>3</v>
      </c>
      <c r="P6148" t="s">
        <v>655</v>
      </c>
      <c r="Q6148">
        <v>1</v>
      </c>
      <c r="R6148" t="s">
        <v>669</v>
      </c>
      <c r="S6148">
        <v>1</v>
      </c>
      <c r="T6148" t="s">
        <v>661</v>
      </c>
      <c r="U6148">
        <v>8</v>
      </c>
      <c r="V6148">
        <v>3</v>
      </c>
      <c r="W6148">
        <v>180</v>
      </c>
      <c r="X6148">
        <v>2020</v>
      </c>
    </row>
    <row r="6149" spans="1:24" x14ac:dyDescent="0.25">
      <c r="A6149">
        <v>1574</v>
      </c>
      <c r="B6149" t="s">
        <v>140</v>
      </c>
      <c r="C6149">
        <v>34</v>
      </c>
      <c r="D6149" t="s">
        <v>502</v>
      </c>
      <c r="E6149">
        <v>266</v>
      </c>
      <c r="F6149" t="s">
        <v>651</v>
      </c>
      <c r="G6149">
        <v>160</v>
      </c>
      <c r="H6149" t="s">
        <v>652</v>
      </c>
      <c r="I6149">
        <v>2094</v>
      </c>
      <c r="J6149" t="s">
        <v>915</v>
      </c>
      <c r="K6149">
        <v>78</v>
      </c>
      <c r="L6149" t="s">
        <v>916</v>
      </c>
      <c r="M6149">
        <v>332</v>
      </c>
      <c r="N6149" t="s">
        <v>654</v>
      </c>
      <c r="O6149">
        <v>3</v>
      </c>
      <c r="P6149" t="s">
        <v>655</v>
      </c>
      <c r="Q6149">
        <v>1</v>
      </c>
      <c r="R6149" t="s">
        <v>669</v>
      </c>
      <c r="S6149">
        <v>1</v>
      </c>
      <c r="T6149" t="s">
        <v>661</v>
      </c>
      <c r="U6149">
        <v>8</v>
      </c>
      <c r="V6149">
        <v>3</v>
      </c>
      <c r="W6149">
        <v>180</v>
      </c>
      <c r="X6149">
        <v>2020</v>
      </c>
    </row>
    <row r="6150" spans="1:24" x14ac:dyDescent="0.25">
      <c r="A6150">
        <v>1573</v>
      </c>
      <c r="B6150" t="s">
        <v>140</v>
      </c>
      <c r="C6150">
        <v>34</v>
      </c>
      <c r="D6150" t="s">
        <v>502</v>
      </c>
      <c r="E6150">
        <v>266</v>
      </c>
      <c r="F6150" t="s">
        <v>651</v>
      </c>
      <c r="G6150">
        <v>160</v>
      </c>
      <c r="H6150" t="s">
        <v>652</v>
      </c>
      <c r="I6150">
        <v>2094</v>
      </c>
      <c r="J6150" t="s">
        <v>1931</v>
      </c>
      <c r="K6150">
        <v>80</v>
      </c>
      <c r="L6150" t="s">
        <v>878</v>
      </c>
      <c r="M6150">
        <v>329</v>
      </c>
      <c r="N6150" t="s">
        <v>654</v>
      </c>
      <c r="O6150">
        <v>3</v>
      </c>
      <c r="P6150" t="s">
        <v>655</v>
      </c>
      <c r="Q6150">
        <v>1</v>
      </c>
      <c r="R6150" t="s">
        <v>669</v>
      </c>
      <c r="S6150">
        <v>1</v>
      </c>
      <c r="T6150" t="s">
        <v>661</v>
      </c>
      <c r="U6150">
        <v>8</v>
      </c>
      <c r="V6150">
        <v>5</v>
      </c>
      <c r="W6150">
        <v>300</v>
      </c>
      <c r="X6150">
        <v>2020</v>
      </c>
    </row>
    <row r="6151" spans="1:24" x14ac:dyDescent="0.25">
      <c r="A6151">
        <v>1572</v>
      </c>
      <c r="B6151" t="s">
        <v>140</v>
      </c>
      <c r="C6151">
        <v>34</v>
      </c>
      <c r="D6151" t="s">
        <v>502</v>
      </c>
      <c r="E6151">
        <v>266</v>
      </c>
      <c r="F6151" t="s">
        <v>651</v>
      </c>
      <c r="G6151">
        <v>160</v>
      </c>
      <c r="H6151" t="s">
        <v>652</v>
      </c>
      <c r="I6151">
        <v>2094</v>
      </c>
      <c r="J6151" t="s">
        <v>751</v>
      </c>
      <c r="K6151">
        <v>79</v>
      </c>
      <c r="L6151" t="s">
        <v>752</v>
      </c>
      <c r="M6151">
        <v>328</v>
      </c>
      <c r="N6151" t="s">
        <v>654</v>
      </c>
      <c r="O6151">
        <v>3</v>
      </c>
      <c r="P6151" t="s">
        <v>655</v>
      </c>
      <c r="Q6151">
        <v>1</v>
      </c>
      <c r="R6151" t="s">
        <v>669</v>
      </c>
      <c r="S6151">
        <v>1</v>
      </c>
      <c r="T6151" t="s">
        <v>661</v>
      </c>
      <c r="U6151">
        <v>8</v>
      </c>
      <c r="V6151">
        <v>6</v>
      </c>
      <c r="W6151">
        <v>360</v>
      </c>
      <c r="X6151">
        <v>2020</v>
      </c>
    </row>
    <row r="6152" spans="1:24" x14ac:dyDescent="0.25">
      <c r="A6152">
        <v>1571</v>
      </c>
      <c r="B6152" t="s">
        <v>140</v>
      </c>
      <c r="C6152">
        <v>34</v>
      </c>
      <c r="D6152" t="s">
        <v>502</v>
      </c>
      <c r="E6152">
        <v>266</v>
      </c>
      <c r="F6152" t="s">
        <v>651</v>
      </c>
      <c r="G6152">
        <v>160</v>
      </c>
      <c r="H6152" t="s">
        <v>652</v>
      </c>
      <c r="I6152">
        <v>2094</v>
      </c>
      <c r="J6152" t="s">
        <v>932</v>
      </c>
      <c r="K6152">
        <v>77</v>
      </c>
      <c r="L6152" t="s">
        <v>839</v>
      </c>
      <c r="M6152">
        <v>327</v>
      </c>
      <c r="N6152" t="s">
        <v>654</v>
      </c>
      <c r="O6152">
        <v>3</v>
      </c>
      <c r="P6152" t="s">
        <v>655</v>
      </c>
      <c r="Q6152">
        <v>1</v>
      </c>
      <c r="R6152" t="s">
        <v>669</v>
      </c>
      <c r="S6152">
        <v>1</v>
      </c>
      <c r="T6152" t="s">
        <v>661</v>
      </c>
      <c r="U6152">
        <v>8</v>
      </c>
      <c r="V6152">
        <v>6</v>
      </c>
      <c r="W6152">
        <v>360</v>
      </c>
      <c r="X6152">
        <v>2020</v>
      </c>
    </row>
    <row r="6153" spans="1:24" x14ac:dyDescent="0.25">
      <c r="A6153">
        <v>1570</v>
      </c>
      <c r="B6153" t="s">
        <v>140</v>
      </c>
      <c r="C6153">
        <v>34</v>
      </c>
      <c r="D6153" t="s">
        <v>426</v>
      </c>
      <c r="E6153">
        <v>265</v>
      </c>
      <c r="F6153" t="s">
        <v>651</v>
      </c>
      <c r="G6153">
        <v>160</v>
      </c>
      <c r="H6153" t="s">
        <v>652</v>
      </c>
      <c r="I6153">
        <v>2094</v>
      </c>
      <c r="J6153" t="s">
        <v>699</v>
      </c>
      <c r="K6153">
        <v>10</v>
      </c>
      <c r="L6153" t="s">
        <v>700</v>
      </c>
      <c r="M6153">
        <v>348</v>
      </c>
      <c r="N6153" t="s">
        <v>654</v>
      </c>
      <c r="O6153">
        <v>3</v>
      </c>
      <c r="P6153" t="s">
        <v>655</v>
      </c>
      <c r="Q6153">
        <v>1</v>
      </c>
      <c r="R6153" t="s">
        <v>669</v>
      </c>
      <c r="S6153">
        <v>1</v>
      </c>
      <c r="T6153" t="s">
        <v>1035</v>
      </c>
      <c r="U6153">
        <v>46</v>
      </c>
      <c r="V6153">
        <v>3</v>
      </c>
      <c r="W6153">
        <v>180</v>
      </c>
      <c r="X6153">
        <v>2020</v>
      </c>
    </row>
    <row r="6154" spans="1:24" x14ac:dyDescent="0.25">
      <c r="A6154">
        <v>1569</v>
      </c>
      <c r="B6154" t="s">
        <v>140</v>
      </c>
      <c r="C6154">
        <v>34</v>
      </c>
      <c r="D6154" t="s">
        <v>426</v>
      </c>
      <c r="E6154">
        <v>265</v>
      </c>
      <c r="F6154" t="s">
        <v>651</v>
      </c>
      <c r="G6154">
        <v>160</v>
      </c>
      <c r="H6154" t="s">
        <v>652</v>
      </c>
      <c r="I6154">
        <v>2094</v>
      </c>
      <c r="J6154" t="s">
        <v>699</v>
      </c>
      <c r="K6154">
        <v>10</v>
      </c>
      <c r="L6154" t="s">
        <v>700</v>
      </c>
      <c r="M6154">
        <v>348</v>
      </c>
      <c r="N6154" t="s">
        <v>654</v>
      </c>
      <c r="O6154">
        <v>3</v>
      </c>
      <c r="P6154" t="s">
        <v>655</v>
      </c>
      <c r="Q6154">
        <v>1</v>
      </c>
      <c r="R6154" t="s">
        <v>669</v>
      </c>
      <c r="S6154">
        <v>1</v>
      </c>
      <c r="T6154" t="s">
        <v>942</v>
      </c>
      <c r="U6154">
        <v>58</v>
      </c>
      <c r="V6154">
        <v>3</v>
      </c>
      <c r="W6154">
        <v>180</v>
      </c>
      <c r="X6154">
        <v>2020</v>
      </c>
    </row>
    <row r="6155" spans="1:24" x14ac:dyDescent="0.25">
      <c r="A6155">
        <v>1568</v>
      </c>
      <c r="B6155" t="s">
        <v>140</v>
      </c>
      <c r="C6155">
        <v>34</v>
      </c>
      <c r="D6155" t="s">
        <v>426</v>
      </c>
      <c r="E6155">
        <v>265</v>
      </c>
      <c r="F6155" t="s">
        <v>651</v>
      </c>
      <c r="G6155">
        <v>160</v>
      </c>
      <c r="H6155" t="s">
        <v>652</v>
      </c>
      <c r="I6155">
        <v>2094</v>
      </c>
      <c r="J6155" t="s">
        <v>699</v>
      </c>
      <c r="K6155">
        <v>10</v>
      </c>
      <c r="L6155" t="s">
        <v>700</v>
      </c>
      <c r="M6155">
        <v>348</v>
      </c>
      <c r="N6155" t="s">
        <v>654</v>
      </c>
      <c r="O6155">
        <v>3</v>
      </c>
      <c r="P6155" t="s">
        <v>655</v>
      </c>
      <c r="Q6155">
        <v>1</v>
      </c>
      <c r="R6155" t="s">
        <v>669</v>
      </c>
      <c r="S6155">
        <v>1</v>
      </c>
      <c r="T6155" t="s">
        <v>1009</v>
      </c>
      <c r="U6155">
        <v>35</v>
      </c>
      <c r="V6155">
        <v>3</v>
      </c>
      <c r="W6155">
        <v>180</v>
      </c>
      <c r="X6155">
        <v>2020</v>
      </c>
    </row>
    <row r="6156" spans="1:24" x14ac:dyDescent="0.25">
      <c r="A6156">
        <v>1567</v>
      </c>
      <c r="B6156" t="s">
        <v>140</v>
      </c>
      <c r="C6156">
        <v>34</v>
      </c>
      <c r="D6156" t="s">
        <v>426</v>
      </c>
      <c r="E6156">
        <v>265</v>
      </c>
      <c r="F6156" t="s">
        <v>651</v>
      </c>
      <c r="G6156">
        <v>160</v>
      </c>
      <c r="H6156" t="s">
        <v>652</v>
      </c>
      <c r="I6156">
        <v>2094</v>
      </c>
      <c r="J6156" t="s">
        <v>699</v>
      </c>
      <c r="K6156">
        <v>10</v>
      </c>
      <c r="L6156" t="s">
        <v>1096</v>
      </c>
      <c r="M6156">
        <v>341</v>
      </c>
      <c r="N6156" t="s">
        <v>654</v>
      </c>
      <c r="O6156">
        <v>3</v>
      </c>
      <c r="P6156" t="s">
        <v>655</v>
      </c>
      <c r="Q6156">
        <v>1</v>
      </c>
      <c r="R6156" t="s">
        <v>669</v>
      </c>
      <c r="S6156">
        <v>1</v>
      </c>
      <c r="T6156" t="s">
        <v>1295</v>
      </c>
      <c r="U6156">
        <v>10</v>
      </c>
      <c r="V6156">
        <v>3</v>
      </c>
      <c r="W6156">
        <v>180</v>
      </c>
      <c r="X6156">
        <v>2020</v>
      </c>
    </row>
    <row r="6157" spans="1:24" x14ac:dyDescent="0.25">
      <c r="A6157">
        <v>1559</v>
      </c>
      <c r="B6157" t="s">
        <v>140</v>
      </c>
      <c r="C6157">
        <v>34</v>
      </c>
      <c r="D6157" t="s">
        <v>503</v>
      </c>
      <c r="E6157">
        <v>263</v>
      </c>
      <c r="F6157" t="s">
        <v>651</v>
      </c>
      <c r="G6157">
        <v>160</v>
      </c>
      <c r="H6157" t="s">
        <v>652</v>
      </c>
      <c r="I6157">
        <v>2094</v>
      </c>
      <c r="J6157" t="s">
        <v>716</v>
      </c>
      <c r="K6157">
        <v>68</v>
      </c>
      <c r="L6157" t="s">
        <v>717</v>
      </c>
      <c r="M6157">
        <v>295</v>
      </c>
      <c r="N6157" t="s">
        <v>654</v>
      </c>
      <c r="O6157">
        <v>3</v>
      </c>
      <c r="P6157" t="s">
        <v>655</v>
      </c>
      <c r="Q6157">
        <v>1</v>
      </c>
      <c r="R6157" t="s">
        <v>669</v>
      </c>
      <c r="S6157">
        <v>1</v>
      </c>
      <c r="T6157" t="s">
        <v>661</v>
      </c>
      <c r="U6157">
        <v>8</v>
      </c>
      <c r="V6157">
        <v>4</v>
      </c>
      <c r="W6157">
        <v>240</v>
      </c>
      <c r="X6157">
        <v>2020</v>
      </c>
    </row>
    <row r="6158" spans="1:24" x14ac:dyDescent="0.25">
      <c r="A6158">
        <v>1558</v>
      </c>
      <c r="B6158" t="s">
        <v>140</v>
      </c>
      <c r="C6158">
        <v>34</v>
      </c>
      <c r="D6158" t="s">
        <v>503</v>
      </c>
      <c r="E6158">
        <v>263</v>
      </c>
      <c r="F6158" t="s">
        <v>651</v>
      </c>
      <c r="G6158">
        <v>160</v>
      </c>
      <c r="H6158" t="s">
        <v>652</v>
      </c>
      <c r="I6158">
        <v>2094</v>
      </c>
      <c r="J6158" t="s">
        <v>730</v>
      </c>
      <c r="K6158">
        <v>66</v>
      </c>
      <c r="L6158" t="s">
        <v>3926</v>
      </c>
      <c r="M6158">
        <v>280</v>
      </c>
      <c r="N6158" t="s">
        <v>654</v>
      </c>
      <c r="O6158">
        <v>3</v>
      </c>
      <c r="P6158" t="s">
        <v>689</v>
      </c>
      <c r="Q6158">
        <v>4</v>
      </c>
      <c r="R6158" t="s">
        <v>669</v>
      </c>
      <c r="S6158">
        <v>1</v>
      </c>
      <c r="T6158" t="s">
        <v>661</v>
      </c>
      <c r="U6158">
        <v>8</v>
      </c>
      <c r="V6158">
        <v>4</v>
      </c>
      <c r="W6158">
        <v>240</v>
      </c>
      <c r="X6158">
        <v>2020</v>
      </c>
    </row>
    <row r="6159" spans="1:24" x14ac:dyDescent="0.25">
      <c r="A6159">
        <v>1557</v>
      </c>
      <c r="B6159" t="s">
        <v>140</v>
      </c>
      <c r="C6159">
        <v>34</v>
      </c>
      <c r="D6159" t="s">
        <v>503</v>
      </c>
      <c r="E6159">
        <v>263</v>
      </c>
      <c r="F6159" t="s">
        <v>651</v>
      </c>
      <c r="G6159">
        <v>160</v>
      </c>
      <c r="H6159" t="s">
        <v>652</v>
      </c>
      <c r="I6159">
        <v>2094</v>
      </c>
      <c r="J6159" t="s">
        <v>730</v>
      </c>
      <c r="K6159">
        <v>66</v>
      </c>
      <c r="L6159" t="s">
        <v>3926</v>
      </c>
      <c r="M6159">
        <v>280</v>
      </c>
      <c r="N6159" t="s">
        <v>654</v>
      </c>
      <c r="O6159">
        <v>3</v>
      </c>
      <c r="P6159" t="s">
        <v>655</v>
      </c>
      <c r="Q6159">
        <v>1</v>
      </c>
      <c r="R6159" t="s">
        <v>669</v>
      </c>
      <c r="S6159">
        <v>1</v>
      </c>
      <c r="T6159" t="s">
        <v>661</v>
      </c>
      <c r="U6159">
        <v>8</v>
      </c>
      <c r="V6159">
        <v>4</v>
      </c>
      <c r="W6159">
        <v>240</v>
      </c>
      <c r="X6159">
        <v>2020</v>
      </c>
    </row>
    <row r="6160" spans="1:24" x14ac:dyDescent="0.25">
      <c r="A6160">
        <v>1556</v>
      </c>
      <c r="B6160" t="s">
        <v>140</v>
      </c>
      <c r="C6160">
        <v>34</v>
      </c>
      <c r="D6160" t="s">
        <v>503</v>
      </c>
      <c r="E6160">
        <v>263</v>
      </c>
      <c r="F6160" t="s">
        <v>651</v>
      </c>
      <c r="G6160">
        <v>160</v>
      </c>
      <c r="H6160" t="s">
        <v>652</v>
      </c>
      <c r="I6160">
        <v>2094</v>
      </c>
      <c r="J6160" t="s">
        <v>707</v>
      </c>
      <c r="K6160">
        <v>59</v>
      </c>
      <c r="L6160" t="s">
        <v>708</v>
      </c>
      <c r="M6160">
        <v>242</v>
      </c>
      <c r="N6160" t="s">
        <v>654</v>
      </c>
      <c r="O6160">
        <v>3</v>
      </c>
      <c r="P6160" t="s">
        <v>655</v>
      </c>
      <c r="Q6160">
        <v>1</v>
      </c>
      <c r="R6160" t="s">
        <v>669</v>
      </c>
      <c r="S6160">
        <v>1</v>
      </c>
      <c r="T6160" t="s">
        <v>661</v>
      </c>
      <c r="U6160">
        <v>8</v>
      </c>
      <c r="V6160">
        <v>4</v>
      </c>
      <c r="W6160">
        <v>240</v>
      </c>
      <c r="X6160">
        <v>2020</v>
      </c>
    </row>
    <row r="6161" spans="1:24" x14ac:dyDescent="0.25">
      <c r="A6161">
        <v>1555</v>
      </c>
      <c r="B6161" t="s">
        <v>140</v>
      </c>
      <c r="C6161">
        <v>34</v>
      </c>
      <c r="D6161" t="s">
        <v>503</v>
      </c>
      <c r="E6161">
        <v>263</v>
      </c>
      <c r="F6161" t="s">
        <v>651</v>
      </c>
      <c r="G6161">
        <v>160</v>
      </c>
      <c r="H6161" t="s">
        <v>652</v>
      </c>
      <c r="I6161">
        <v>2094</v>
      </c>
      <c r="J6161" t="s">
        <v>693</v>
      </c>
      <c r="K6161">
        <v>56</v>
      </c>
      <c r="L6161" t="s">
        <v>3669</v>
      </c>
      <c r="M6161">
        <v>221</v>
      </c>
      <c r="N6161" t="s">
        <v>654</v>
      </c>
      <c r="O6161">
        <v>3</v>
      </c>
      <c r="P6161" t="s">
        <v>655</v>
      </c>
      <c r="Q6161">
        <v>1</v>
      </c>
      <c r="R6161" t="s">
        <v>669</v>
      </c>
      <c r="S6161">
        <v>1</v>
      </c>
      <c r="T6161" t="s">
        <v>661</v>
      </c>
      <c r="U6161">
        <v>8</v>
      </c>
      <c r="V6161">
        <v>4</v>
      </c>
      <c r="W6161">
        <v>240</v>
      </c>
      <c r="X6161">
        <v>2020</v>
      </c>
    </row>
    <row r="6162" spans="1:24" x14ac:dyDescent="0.25">
      <c r="A6162">
        <v>1553</v>
      </c>
      <c r="B6162" t="s">
        <v>140</v>
      </c>
      <c r="C6162">
        <v>34</v>
      </c>
      <c r="D6162" t="s">
        <v>504</v>
      </c>
      <c r="E6162">
        <v>262</v>
      </c>
      <c r="F6162" t="s">
        <v>651</v>
      </c>
      <c r="G6162">
        <v>160</v>
      </c>
      <c r="H6162" t="s">
        <v>652</v>
      </c>
      <c r="I6162">
        <v>2094</v>
      </c>
      <c r="J6162" t="s">
        <v>730</v>
      </c>
      <c r="K6162">
        <v>66</v>
      </c>
      <c r="L6162" t="s">
        <v>3739</v>
      </c>
      <c r="M6162">
        <v>284</v>
      </c>
      <c r="N6162" t="s">
        <v>654</v>
      </c>
      <c r="O6162">
        <v>3</v>
      </c>
      <c r="P6162" t="s">
        <v>655</v>
      </c>
      <c r="Q6162">
        <v>1</v>
      </c>
      <c r="R6162" t="s">
        <v>669</v>
      </c>
      <c r="S6162">
        <v>1</v>
      </c>
      <c r="T6162" t="s">
        <v>661</v>
      </c>
      <c r="U6162">
        <v>8</v>
      </c>
      <c r="V6162">
        <v>4</v>
      </c>
      <c r="W6162">
        <v>240</v>
      </c>
      <c r="X6162">
        <v>2020</v>
      </c>
    </row>
    <row r="6163" spans="1:24" x14ac:dyDescent="0.25">
      <c r="A6163">
        <v>1552</v>
      </c>
      <c r="B6163" t="s">
        <v>140</v>
      </c>
      <c r="C6163">
        <v>34</v>
      </c>
      <c r="D6163" t="s">
        <v>504</v>
      </c>
      <c r="E6163">
        <v>262</v>
      </c>
      <c r="F6163" t="s">
        <v>651</v>
      </c>
      <c r="G6163">
        <v>160</v>
      </c>
      <c r="H6163" t="s">
        <v>652</v>
      </c>
      <c r="I6163">
        <v>2094</v>
      </c>
      <c r="J6163" t="s">
        <v>797</v>
      </c>
      <c r="K6163">
        <v>65</v>
      </c>
      <c r="L6163" t="s">
        <v>3892</v>
      </c>
      <c r="M6163">
        <v>276</v>
      </c>
      <c r="N6163" t="s">
        <v>654</v>
      </c>
      <c r="O6163">
        <v>3</v>
      </c>
      <c r="P6163" t="s">
        <v>655</v>
      </c>
      <c r="Q6163">
        <v>1</v>
      </c>
      <c r="R6163" t="s">
        <v>669</v>
      </c>
      <c r="S6163">
        <v>1</v>
      </c>
      <c r="T6163" t="s">
        <v>661</v>
      </c>
      <c r="U6163">
        <v>8</v>
      </c>
      <c r="V6163">
        <v>4</v>
      </c>
      <c r="W6163">
        <v>240</v>
      </c>
      <c r="X6163">
        <v>2020</v>
      </c>
    </row>
    <row r="6164" spans="1:24" x14ac:dyDescent="0.25">
      <c r="A6164">
        <v>1551</v>
      </c>
      <c r="B6164" t="s">
        <v>140</v>
      </c>
      <c r="C6164">
        <v>34</v>
      </c>
      <c r="D6164" t="s">
        <v>504</v>
      </c>
      <c r="E6164">
        <v>262</v>
      </c>
      <c r="F6164" t="s">
        <v>651</v>
      </c>
      <c r="G6164">
        <v>160</v>
      </c>
      <c r="H6164" t="s">
        <v>652</v>
      </c>
      <c r="I6164">
        <v>2094</v>
      </c>
      <c r="J6164" t="s">
        <v>710</v>
      </c>
      <c r="K6164">
        <v>53</v>
      </c>
      <c r="L6164" t="s">
        <v>711</v>
      </c>
      <c r="M6164">
        <v>206</v>
      </c>
      <c r="N6164" t="s">
        <v>654</v>
      </c>
      <c r="O6164">
        <v>3</v>
      </c>
      <c r="P6164" t="s">
        <v>655</v>
      </c>
      <c r="Q6164">
        <v>1</v>
      </c>
      <c r="R6164" t="s">
        <v>669</v>
      </c>
      <c r="S6164">
        <v>1</v>
      </c>
      <c r="T6164" t="s">
        <v>661</v>
      </c>
      <c r="U6164">
        <v>8</v>
      </c>
      <c r="V6164">
        <v>4</v>
      </c>
      <c r="W6164">
        <v>240</v>
      </c>
      <c r="X6164">
        <v>2020</v>
      </c>
    </row>
    <row r="6165" spans="1:24" x14ac:dyDescent="0.25">
      <c r="A6165">
        <v>1550</v>
      </c>
      <c r="B6165" t="s">
        <v>140</v>
      </c>
      <c r="C6165">
        <v>34</v>
      </c>
      <c r="D6165" t="s">
        <v>504</v>
      </c>
      <c r="E6165">
        <v>262</v>
      </c>
      <c r="F6165" t="s">
        <v>651</v>
      </c>
      <c r="G6165">
        <v>160</v>
      </c>
      <c r="H6165" t="s">
        <v>652</v>
      </c>
      <c r="I6165">
        <v>2094</v>
      </c>
      <c r="J6165" t="s">
        <v>710</v>
      </c>
      <c r="K6165">
        <v>53</v>
      </c>
      <c r="L6165" t="s">
        <v>3931</v>
      </c>
      <c r="M6165">
        <v>204</v>
      </c>
      <c r="N6165" t="s">
        <v>654</v>
      </c>
      <c r="O6165">
        <v>3</v>
      </c>
      <c r="P6165" t="s">
        <v>655</v>
      </c>
      <c r="Q6165">
        <v>1</v>
      </c>
      <c r="R6165" t="s">
        <v>669</v>
      </c>
      <c r="S6165">
        <v>1</v>
      </c>
      <c r="T6165" t="s">
        <v>661</v>
      </c>
      <c r="U6165">
        <v>8</v>
      </c>
      <c r="V6165">
        <v>4</v>
      </c>
      <c r="W6165">
        <v>240</v>
      </c>
      <c r="X6165">
        <v>2020</v>
      </c>
    </row>
    <row r="6166" spans="1:24" x14ac:dyDescent="0.25">
      <c r="A6166">
        <v>1549</v>
      </c>
      <c r="B6166" t="s">
        <v>140</v>
      </c>
      <c r="C6166">
        <v>34</v>
      </c>
      <c r="D6166" t="s">
        <v>504</v>
      </c>
      <c r="E6166">
        <v>262</v>
      </c>
      <c r="F6166" t="s">
        <v>651</v>
      </c>
      <c r="G6166">
        <v>160</v>
      </c>
      <c r="H6166" t="s">
        <v>3949</v>
      </c>
      <c r="I6166">
        <v>2099</v>
      </c>
      <c r="J6166" t="s">
        <v>714</v>
      </c>
      <c r="K6166">
        <v>52</v>
      </c>
      <c r="L6166" t="s">
        <v>928</v>
      </c>
      <c r="M6166">
        <v>202</v>
      </c>
      <c r="N6166" t="s">
        <v>654</v>
      </c>
      <c r="O6166">
        <v>3</v>
      </c>
      <c r="P6166" t="s">
        <v>655</v>
      </c>
      <c r="Q6166">
        <v>1</v>
      </c>
      <c r="R6166" t="s">
        <v>669</v>
      </c>
      <c r="S6166">
        <v>1</v>
      </c>
      <c r="T6166" t="s">
        <v>661</v>
      </c>
      <c r="U6166">
        <v>8</v>
      </c>
      <c r="V6166">
        <v>4</v>
      </c>
      <c r="W6166">
        <v>240</v>
      </c>
      <c r="X6166">
        <v>2020</v>
      </c>
    </row>
    <row r="6167" spans="1:24" x14ac:dyDescent="0.25">
      <c r="A6167">
        <v>1548</v>
      </c>
      <c r="B6167" t="s">
        <v>140</v>
      </c>
      <c r="C6167">
        <v>34</v>
      </c>
      <c r="D6167" t="s">
        <v>504</v>
      </c>
      <c r="E6167">
        <v>262</v>
      </c>
      <c r="F6167" t="s">
        <v>651</v>
      </c>
      <c r="G6167">
        <v>160</v>
      </c>
      <c r="H6167" t="s">
        <v>652</v>
      </c>
      <c r="I6167">
        <v>2094</v>
      </c>
      <c r="J6167" t="s">
        <v>714</v>
      </c>
      <c r="K6167">
        <v>52</v>
      </c>
      <c r="L6167" t="s">
        <v>928</v>
      </c>
      <c r="M6167">
        <v>202</v>
      </c>
      <c r="N6167" t="s">
        <v>654</v>
      </c>
      <c r="O6167">
        <v>3</v>
      </c>
      <c r="P6167" t="s">
        <v>655</v>
      </c>
      <c r="Q6167">
        <v>1</v>
      </c>
      <c r="R6167" t="s">
        <v>669</v>
      </c>
      <c r="S6167">
        <v>1</v>
      </c>
      <c r="T6167" t="s">
        <v>661</v>
      </c>
      <c r="U6167">
        <v>8</v>
      </c>
      <c r="V6167">
        <v>4</v>
      </c>
      <c r="W6167">
        <v>240</v>
      </c>
      <c r="X6167">
        <v>2020</v>
      </c>
    </row>
    <row r="6168" spans="1:24" x14ac:dyDescent="0.25">
      <c r="A6168">
        <v>1546</v>
      </c>
      <c r="B6168" t="s">
        <v>140</v>
      </c>
      <c r="C6168">
        <v>34</v>
      </c>
      <c r="D6168" t="s">
        <v>504</v>
      </c>
      <c r="E6168">
        <v>262</v>
      </c>
      <c r="F6168" t="s">
        <v>651</v>
      </c>
      <c r="G6168">
        <v>160</v>
      </c>
      <c r="H6168" t="s">
        <v>652</v>
      </c>
      <c r="I6168">
        <v>2094</v>
      </c>
      <c r="J6168" t="s">
        <v>714</v>
      </c>
      <c r="K6168">
        <v>52</v>
      </c>
      <c r="L6168" t="s">
        <v>3939</v>
      </c>
      <c r="M6168">
        <v>198</v>
      </c>
      <c r="N6168" t="s">
        <v>654</v>
      </c>
      <c r="O6168">
        <v>3</v>
      </c>
      <c r="P6168" t="s">
        <v>655</v>
      </c>
      <c r="Q6168">
        <v>1</v>
      </c>
      <c r="R6168" t="s">
        <v>669</v>
      </c>
      <c r="S6168">
        <v>1</v>
      </c>
      <c r="T6168" t="s">
        <v>661</v>
      </c>
      <c r="U6168">
        <v>8</v>
      </c>
      <c r="V6168">
        <v>4</v>
      </c>
      <c r="W6168">
        <v>240</v>
      </c>
      <c r="X6168">
        <v>2020</v>
      </c>
    </row>
    <row r="6169" spans="1:24" x14ac:dyDescent="0.25">
      <c r="A6169">
        <v>1545</v>
      </c>
      <c r="B6169" t="s">
        <v>140</v>
      </c>
      <c r="C6169">
        <v>34</v>
      </c>
      <c r="D6169" t="s">
        <v>504</v>
      </c>
      <c r="E6169">
        <v>262</v>
      </c>
      <c r="F6169" t="s">
        <v>651</v>
      </c>
      <c r="G6169">
        <v>160</v>
      </c>
      <c r="H6169" t="s">
        <v>652</v>
      </c>
      <c r="I6169">
        <v>2094</v>
      </c>
      <c r="J6169" t="s">
        <v>767</v>
      </c>
      <c r="K6169">
        <v>44</v>
      </c>
      <c r="L6169" t="s">
        <v>2347</v>
      </c>
      <c r="M6169">
        <v>153</v>
      </c>
      <c r="N6169" t="s">
        <v>654</v>
      </c>
      <c r="O6169">
        <v>3</v>
      </c>
      <c r="P6169" t="s">
        <v>655</v>
      </c>
      <c r="Q6169">
        <v>1</v>
      </c>
      <c r="R6169" t="s">
        <v>669</v>
      </c>
      <c r="S6169">
        <v>1</v>
      </c>
      <c r="T6169" t="s">
        <v>661</v>
      </c>
      <c r="U6169">
        <v>8</v>
      </c>
      <c r="V6169">
        <v>4</v>
      </c>
      <c r="W6169">
        <v>240</v>
      </c>
      <c r="X6169">
        <v>2020</v>
      </c>
    </row>
    <row r="6170" spans="1:24" x14ac:dyDescent="0.25">
      <c r="A6170">
        <v>1544</v>
      </c>
      <c r="B6170" t="s">
        <v>140</v>
      </c>
      <c r="C6170">
        <v>34</v>
      </c>
      <c r="D6170" t="s">
        <v>504</v>
      </c>
      <c r="E6170">
        <v>262</v>
      </c>
      <c r="F6170" t="s">
        <v>651</v>
      </c>
      <c r="G6170">
        <v>160</v>
      </c>
      <c r="H6170" t="s">
        <v>652</v>
      </c>
      <c r="I6170">
        <v>2094</v>
      </c>
      <c r="J6170" t="s">
        <v>767</v>
      </c>
      <c r="K6170">
        <v>44</v>
      </c>
      <c r="L6170" t="s">
        <v>3893</v>
      </c>
      <c r="M6170">
        <v>152</v>
      </c>
      <c r="N6170" t="s">
        <v>654</v>
      </c>
      <c r="O6170">
        <v>3</v>
      </c>
      <c r="P6170" t="s">
        <v>655</v>
      </c>
      <c r="Q6170">
        <v>1</v>
      </c>
      <c r="R6170" t="s">
        <v>669</v>
      </c>
      <c r="S6170">
        <v>1</v>
      </c>
      <c r="T6170" t="s">
        <v>661</v>
      </c>
      <c r="U6170">
        <v>8</v>
      </c>
      <c r="V6170">
        <v>4</v>
      </c>
      <c r="W6170">
        <v>240</v>
      </c>
      <c r="X6170">
        <v>2020</v>
      </c>
    </row>
    <row r="6171" spans="1:24" x14ac:dyDescent="0.25">
      <c r="A6171">
        <v>1530</v>
      </c>
      <c r="B6171" t="s">
        <v>140</v>
      </c>
      <c r="C6171">
        <v>34</v>
      </c>
      <c r="D6171" t="s">
        <v>505</v>
      </c>
      <c r="E6171">
        <v>258</v>
      </c>
      <c r="F6171" t="s">
        <v>651</v>
      </c>
      <c r="G6171">
        <v>160</v>
      </c>
      <c r="H6171" t="s">
        <v>652</v>
      </c>
      <c r="I6171">
        <v>2094</v>
      </c>
      <c r="J6171" t="s">
        <v>1080</v>
      </c>
      <c r="K6171">
        <v>49</v>
      </c>
      <c r="L6171" t="s">
        <v>3779</v>
      </c>
      <c r="M6171">
        <v>186</v>
      </c>
      <c r="N6171" t="s">
        <v>654</v>
      </c>
      <c r="O6171">
        <v>3</v>
      </c>
      <c r="P6171" t="s">
        <v>655</v>
      </c>
      <c r="Q6171">
        <v>1</v>
      </c>
      <c r="R6171" t="s">
        <v>669</v>
      </c>
      <c r="S6171">
        <v>1</v>
      </c>
      <c r="T6171" t="s">
        <v>661</v>
      </c>
      <c r="U6171">
        <v>8</v>
      </c>
      <c r="V6171">
        <v>4</v>
      </c>
      <c r="W6171">
        <v>240</v>
      </c>
      <c r="X6171">
        <v>2020</v>
      </c>
    </row>
    <row r="6172" spans="1:24" x14ac:dyDescent="0.25">
      <c r="A6172">
        <v>1529</v>
      </c>
      <c r="B6172" t="s">
        <v>140</v>
      </c>
      <c r="C6172">
        <v>34</v>
      </c>
      <c r="D6172" t="s">
        <v>505</v>
      </c>
      <c r="E6172">
        <v>258</v>
      </c>
      <c r="F6172" t="s">
        <v>651</v>
      </c>
      <c r="G6172">
        <v>160</v>
      </c>
      <c r="H6172" t="s">
        <v>652</v>
      </c>
      <c r="I6172">
        <v>2094</v>
      </c>
      <c r="J6172" t="s">
        <v>1080</v>
      </c>
      <c r="K6172">
        <v>49</v>
      </c>
      <c r="L6172" t="s">
        <v>3687</v>
      </c>
      <c r="M6172">
        <v>181</v>
      </c>
      <c r="N6172" t="s">
        <v>654</v>
      </c>
      <c r="O6172">
        <v>3</v>
      </c>
      <c r="P6172" t="s">
        <v>655</v>
      </c>
      <c r="Q6172">
        <v>1</v>
      </c>
      <c r="R6172" t="s">
        <v>669</v>
      </c>
      <c r="S6172">
        <v>1</v>
      </c>
      <c r="T6172" t="s">
        <v>661</v>
      </c>
      <c r="U6172">
        <v>8</v>
      </c>
      <c r="V6172">
        <v>4</v>
      </c>
      <c r="W6172">
        <v>240</v>
      </c>
      <c r="X6172">
        <v>2020</v>
      </c>
    </row>
    <row r="6173" spans="1:24" x14ac:dyDescent="0.25">
      <c r="A6173">
        <v>1528</v>
      </c>
      <c r="B6173" t="s">
        <v>140</v>
      </c>
      <c r="C6173">
        <v>34</v>
      </c>
      <c r="D6173" t="s">
        <v>505</v>
      </c>
      <c r="E6173">
        <v>258</v>
      </c>
      <c r="F6173" t="s">
        <v>651</v>
      </c>
      <c r="G6173">
        <v>160</v>
      </c>
      <c r="H6173" t="s">
        <v>652</v>
      </c>
      <c r="I6173">
        <v>2094</v>
      </c>
      <c r="J6173" t="s">
        <v>1182</v>
      </c>
      <c r="K6173">
        <v>46</v>
      </c>
      <c r="L6173" t="s">
        <v>3689</v>
      </c>
      <c r="M6173">
        <v>158</v>
      </c>
      <c r="N6173" t="s">
        <v>654</v>
      </c>
      <c r="O6173">
        <v>3</v>
      </c>
      <c r="P6173" t="s">
        <v>655</v>
      </c>
      <c r="Q6173">
        <v>1</v>
      </c>
      <c r="R6173" t="s">
        <v>669</v>
      </c>
      <c r="S6173">
        <v>1</v>
      </c>
      <c r="T6173" t="s">
        <v>661</v>
      </c>
      <c r="U6173">
        <v>8</v>
      </c>
      <c r="V6173">
        <v>4</v>
      </c>
      <c r="W6173">
        <v>240</v>
      </c>
      <c r="X6173">
        <v>2020</v>
      </c>
    </row>
    <row r="6174" spans="1:24" x14ac:dyDescent="0.25">
      <c r="A6174">
        <v>1526</v>
      </c>
      <c r="B6174" t="s">
        <v>206</v>
      </c>
      <c r="C6174">
        <v>33</v>
      </c>
      <c r="D6174" t="s">
        <v>506</v>
      </c>
      <c r="E6174">
        <v>257</v>
      </c>
      <c r="F6174" t="s">
        <v>651</v>
      </c>
      <c r="G6174">
        <v>160</v>
      </c>
      <c r="H6174" t="s">
        <v>719</v>
      </c>
      <c r="I6174">
        <v>7630</v>
      </c>
      <c r="J6174" t="s">
        <v>659</v>
      </c>
      <c r="K6174">
        <v>35</v>
      </c>
      <c r="L6174" t="s">
        <v>3953</v>
      </c>
      <c r="M6174">
        <v>120</v>
      </c>
      <c r="N6174" t="s">
        <v>668</v>
      </c>
      <c r="O6174">
        <v>4</v>
      </c>
      <c r="P6174" t="s">
        <v>655</v>
      </c>
      <c r="Q6174">
        <v>1</v>
      </c>
      <c r="R6174" t="s">
        <v>669</v>
      </c>
      <c r="S6174">
        <v>1</v>
      </c>
      <c r="T6174" t="s">
        <v>661</v>
      </c>
      <c r="U6174">
        <v>8</v>
      </c>
      <c r="V6174">
        <v>3</v>
      </c>
      <c r="W6174">
        <v>180</v>
      </c>
      <c r="X6174">
        <v>2020</v>
      </c>
    </row>
    <row r="6175" spans="1:24" x14ac:dyDescent="0.25">
      <c r="A6175">
        <v>1525</v>
      </c>
      <c r="B6175" t="s">
        <v>206</v>
      </c>
      <c r="C6175">
        <v>33</v>
      </c>
      <c r="D6175" t="s">
        <v>506</v>
      </c>
      <c r="E6175">
        <v>257</v>
      </c>
      <c r="F6175" t="s">
        <v>651</v>
      </c>
      <c r="G6175">
        <v>160</v>
      </c>
      <c r="H6175" t="s">
        <v>719</v>
      </c>
      <c r="I6175">
        <v>7630</v>
      </c>
      <c r="J6175" t="s">
        <v>659</v>
      </c>
      <c r="K6175">
        <v>35</v>
      </c>
      <c r="L6175" t="s">
        <v>3790</v>
      </c>
      <c r="M6175">
        <v>121</v>
      </c>
      <c r="N6175" t="s">
        <v>654</v>
      </c>
      <c r="O6175">
        <v>3</v>
      </c>
      <c r="P6175" t="s">
        <v>655</v>
      </c>
      <c r="Q6175">
        <v>1</v>
      </c>
      <c r="R6175" t="s">
        <v>669</v>
      </c>
      <c r="S6175">
        <v>1</v>
      </c>
      <c r="T6175" t="s">
        <v>661</v>
      </c>
      <c r="U6175">
        <v>8</v>
      </c>
      <c r="V6175">
        <v>3</v>
      </c>
      <c r="W6175">
        <v>180</v>
      </c>
      <c r="X6175">
        <v>2020</v>
      </c>
    </row>
    <row r="6176" spans="1:24" x14ac:dyDescent="0.25">
      <c r="A6176">
        <v>1524</v>
      </c>
      <c r="B6176" t="s">
        <v>206</v>
      </c>
      <c r="C6176">
        <v>33</v>
      </c>
      <c r="D6176" t="s">
        <v>506</v>
      </c>
      <c r="E6176">
        <v>257</v>
      </c>
      <c r="F6176" t="s">
        <v>651</v>
      </c>
      <c r="G6176">
        <v>160</v>
      </c>
      <c r="H6176" t="s">
        <v>719</v>
      </c>
      <c r="I6176">
        <v>7630</v>
      </c>
      <c r="J6176" t="s">
        <v>659</v>
      </c>
      <c r="K6176">
        <v>35</v>
      </c>
      <c r="L6176" t="s">
        <v>1936</v>
      </c>
      <c r="M6176">
        <v>118</v>
      </c>
      <c r="N6176" t="s">
        <v>654</v>
      </c>
      <c r="O6176">
        <v>3</v>
      </c>
      <c r="P6176" t="s">
        <v>655</v>
      </c>
      <c r="Q6176">
        <v>1</v>
      </c>
      <c r="R6176" t="s">
        <v>669</v>
      </c>
      <c r="S6176">
        <v>1</v>
      </c>
      <c r="T6176" t="s">
        <v>661</v>
      </c>
      <c r="U6176">
        <v>8</v>
      </c>
      <c r="V6176">
        <v>3</v>
      </c>
      <c r="W6176">
        <v>180</v>
      </c>
      <c r="X6176">
        <v>2020</v>
      </c>
    </row>
    <row r="6177" spans="1:24" x14ac:dyDescent="0.25">
      <c r="A6177">
        <v>1523</v>
      </c>
      <c r="B6177" t="s">
        <v>206</v>
      </c>
      <c r="C6177">
        <v>33</v>
      </c>
      <c r="D6177" t="s">
        <v>506</v>
      </c>
      <c r="E6177">
        <v>257</v>
      </c>
      <c r="F6177" t="s">
        <v>651</v>
      </c>
      <c r="G6177">
        <v>160</v>
      </c>
      <c r="H6177" t="s">
        <v>719</v>
      </c>
      <c r="I6177">
        <v>7630</v>
      </c>
      <c r="J6177" t="s">
        <v>659</v>
      </c>
      <c r="K6177">
        <v>35</v>
      </c>
      <c r="L6177" t="s">
        <v>3954</v>
      </c>
      <c r="M6177">
        <v>117</v>
      </c>
      <c r="N6177" t="s">
        <v>654</v>
      </c>
      <c r="O6177">
        <v>3</v>
      </c>
      <c r="P6177" t="s">
        <v>655</v>
      </c>
      <c r="Q6177">
        <v>1</v>
      </c>
      <c r="R6177" t="s">
        <v>669</v>
      </c>
      <c r="S6177">
        <v>1</v>
      </c>
      <c r="T6177" t="s">
        <v>661</v>
      </c>
      <c r="U6177">
        <v>8</v>
      </c>
      <c r="V6177">
        <v>3</v>
      </c>
      <c r="W6177">
        <v>180</v>
      </c>
      <c r="X6177">
        <v>2020</v>
      </c>
    </row>
    <row r="6178" spans="1:24" x14ac:dyDescent="0.25">
      <c r="A6178">
        <v>1522</v>
      </c>
      <c r="B6178" t="s">
        <v>206</v>
      </c>
      <c r="C6178">
        <v>33</v>
      </c>
      <c r="D6178" t="s">
        <v>506</v>
      </c>
      <c r="E6178">
        <v>257</v>
      </c>
      <c r="F6178" t="s">
        <v>651</v>
      </c>
      <c r="G6178">
        <v>160</v>
      </c>
      <c r="H6178" t="s">
        <v>719</v>
      </c>
      <c r="I6178">
        <v>7630</v>
      </c>
      <c r="J6178" t="s">
        <v>659</v>
      </c>
      <c r="K6178">
        <v>35</v>
      </c>
      <c r="L6178" t="s">
        <v>3955</v>
      </c>
      <c r="M6178">
        <v>116</v>
      </c>
      <c r="N6178" t="s">
        <v>654</v>
      </c>
      <c r="O6178">
        <v>3</v>
      </c>
      <c r="P6178" t="s">
        <v>655</v>
      </c>
      <c r="Q6178">
        <v>1</v>
      </c>
      <c r="R6178" t="s">
        <v>669</v>
      </c>
      <c r="S6178">
        <v>1</v>
      </c>
      <c r="T6178" t="s">
        <v>661</v>
      </c>
      <c r="U6178">
        <v>8</v>
      </c>
      <c r="V6178">
        <v>3</v>
      </c>
      <c r="W6178">
        <v>180</v>
      </c>
      <c r="X6178">
        <v>2020</v>
      </c>
    </row>
    <row r="6179" spans="1:24" x14ac:dyDescent="0.25">
      <c r="A6179">
        <v>1521</v>
      </c>
      <c r="B6179" t="s">
        <v>206</v>
      </c>
      <c r="C6179">
        <v>33</v>
      </c>
      <c r="D6179" t="s">
        <v>506</v>
      </c>
      <c r="E6179">
        <v>257</v>
      </c>
      <c r="F6179" t="s">
        <v>651</v>
      </c>
      <c r="G6179">
        <v>160</v>
      </c>
      <c r="H6179" t="s">
        <v>719</v>
      </c>
      <c r="I6179">
        <v>7630</v>
      </c>
      <c r="J6179" t="s">
        <v>659</v>
      </c>
      <c r="K6179">
        <v>35</v>
      </c>
      <c r="L6179" t="s">
        <v>1049</v>
      </c>
      <c r="M6179">
        <v>115</v>
      </c>
      <c r="N6179" t="s">
        <v>654</v>
      </c>
      <c r="O6179">
        <v>3</v>
      </c>
      <c r="P6179" t="s">
        <v>655</v>
      </c>
      <c r="Q6179">
        <v>1</v>
      </c>
      <c r="R6179" t="s">
        <v>669</v>
      </c>
      <c r="S6179">
        <v>1</v>
      </c>
      <c r="T6179" t="s">
        <v>661</v>
      </c>
      <c r="U6179">
        <v>8</v>
      </c>
      <c r="V6179">
        <v>3</v>
      </c>
      <c r="W6179">
        <v>180</v>
      </c>
      <c r="X6179">
        <v>2020</v>
      </c>
    </row>
    <row r="6180" spans="1:24" x14ac:dyDescent="0.25">
      <c r="A6180">
        <v>1520</v>
      </c>
      <c r="B6180" t="s">
        <v>206</v>
      </c>
      <c r="C6180">
        <v>33</v>
      </c>
      <c r="D6180" t="s">
        <v>506</v>
      </c>
      <c r="E6180">
        <v>257</v>
      </c>
      <c r="F6180" t="s">
        <v>651</v>
      </c>
      <c r="G6180">
        <v>160</v>
      </c>
      <c r="H6180" t="s">
        <v>719</v>
      </c>
      <c r="I6180">
        <v>7630</v>
      </c>
      <c r="J6180" t="s">
        <v>659</v>
      </c>
      <c r="K6180">
        <v>35</v>
      </c>
      <c r="L6180" t="s">
        <v>2610</v>
      </c>
      <c r="M6180">
        <v>114</v>
      </c>
      <c r="N6180" t="s">
        <v>654</v>
      </c>
      <c r="O6180">
        <v>3</v>
      </c>
      <c r="P6180" t="s">
        <v>655</v>
      </c>
      <c r="Q6180">
        <v>1</v>
      </c>
      <c r="R6180" t="s">
        <v>669</v>
      </c>
      <c r="S6180">
        <v>1</v>
      </c>
      <c r="T6180" t="s">
        <v>661</v>
      </c>
      <c r="U6180">
        <v>8</v>
      </c>
      <c r="V6180">
        <v>3</v>
      </c>
      <c r="W6180">
        <v>180</v>
      </c>
      <c r="X6180">
        <v>2020</v>
      </c>
    </row>
    <row r="6181" spans="1:24" x14ac:dyDescent="0.25">
      <c r="A6181">
        <v>1518</v>
      </c>
      <c r="B6181" t="s">
        <v>206</v>
      </c>
      <c r="C6181">
        <v>33</v>
      </c>
      <c r="D6181" t="s">
        <v>506</v>
      </c>
      <c r="E6181">
        <v>257</v>
      </c>
      <c r="F6181" t="s">
        <v>651</v>
      </c>
      <c r="G6181">
        <v>160</v>
      </c>
      <c r="H6181" t="s">
        <v>719</v>
      </c>
      <c r="I6181">
        <v>7630</v>
      </c>
      <c r="J6181" t="s">
        <v>659</v>
      </c>
      <c r="K6181">
        <v>35</v>
      </c>
      <c r="L6181" t="s">
        <v>3956</v>
      </c>
      <c r="M6181">
        <v>378</v>
      </c>
      <c r="N6181" t="s">
        <v>654</v>
      </c>
      <c r="O6181">
        <v>3</v>
      </c>
      <c r="P6181" t="s">
        <v>655</v>
      </c>
      <c r="Q6181">
        <v>1</v>
      </c>
      <c r="R6181" t="s">
        <v>669</v>
      </c>
      <c r="S6181">
        <v>1</v>
      </c>
      <c r="T6181" t="s">
        <v>661</v>
      </c>
      <c r="U6181">
        <v>8</v>
      </c>
      <c r="V6181">
        <v>3</v>
      </c>
      <c r="W6181">
        <v>180</v>
      </c>
      <c r="X6181">
        <v>2020</v>
      </c>
    </row>
    <row r="6182" spans="1:24" x14ac:dyDescent="0.25">
      <c r="A6182">
        <v>1517</v>
      </c>
      <c r="B6182" t="s">
        <v>206</v>
      </c>
      <c r="C6182">
        <v>33</v>
      </c>
      <c r="D6182" t="s">
        <v>349</v>
      </c>
      <c r="E6182">
        <v>617</v>
      </c>
      <c r="F6182" t="s">
        <v>651</v>
      </c>
      <c r="G6182">
        <v>160</v>
      </c>
      <c r="H6182" t="s">
        <v>719</v>
      </c>
      <c r="I6182">
        <v>7630</v>
      </c>
      <c r="J6182" t="s">
        <v>673</v>
      </c>
      <c r="K6182">
        <v>34</v>
      </c>
      <c r="L6182" t="s">
        <v>3957</v>
      </c>
      <c r="M6182">
        <v>110</v>
      </c>
      <c r="N6182" t="s">
        <v>654</v>
      </c>
      <c r="O6182">
        <v>3</v>
      </c>
      <c r="P6182" t="s">
        <v>655</v>
      </c>
      <c r="Q6182">
        <v>1</v>
      </c>
      <c r="R6182" t="s">
        <v>669</v>
      </c>
      <c r="S6182">
        <v>1</v>
      </c>
      <c r="T6182" t="s">
        <v>661</v>
      </c>
      <c r="U6182">
        <v>8</v>
      </c>
      <c r="V6182">
        <v>4</v>
      </c>
      <c r="W6182">
        <v>240</v>
      </c>
      <c r="X6182">
        <v>2020</v>
      </c>
    </row>
    <row r="6183" spans="1:24" x14ac:dyDescent="0.25">
      <c r="A6183">
        <v>1516</v>
      </c>
      <c r="B6183" t="s">
        <v>206</v>
      </c>
      <c r="C6183">
        <v>33</v>
      </c>
      <c r="D6183" t="s">
        <v>349</v>
      </c>
      <c r="E6183">
        <v>617</v>
      </c>
      <c r="F6183" t="s">
        <v>651</v>
      </c>
      <c r="G6183">
        <v>160</v>
      </c>
      <c r="H6183" t="s">
        <v>719</v>
      </c>
      <c r="I6183">
        <v>7630</v>
      </c>
      <c r="J6183" t="s">
        <v>673</v>
      </c>
      <c r="K6183">
        <v>34</v>
      </c>
      <c r="L6183" t="s">
        <v>3958</v>
      </c>
      <c r="M6183">
        <v>109</v>
      </c>
      <c r="N6183" t="s">
        <v>654</v>
      </c>
      <c r="O6183">
        <v>3</v>
      </c>
      <c r="P6183" t="s">
        <v>655</v>
      </c>
      <c r="Q6183">
        <v>1</v>
      </c>
      <c r="R6183" t="s">
        <v>669</v>
      </c>
      <c r="S6183">
        <v>1</v>
      </c>
      <c r="T6183" t="s">
        <v>661</v>
      </c>
      <c r="U6183">
        <v>8</v>
      </c>
      <c r="V6183">
        <v>4</v>
      </c>
      <c r="W6183">
        <v>240</v>
      </c>
      <c r="X6183">
        <v>2020</v>
      </c>
    </row>
    <row r="6184" spans="1:24" x14ac:dyDescent="0.25">
      <c r="A6184">
        <v>1515</v>
      </c>
      <c r="B6184" t="s">
        <v>206</v>
      </c>
      <c r="C6184">
        <v>33</v>
      </c>
      <c r="D6184" t="s">
        <v>349</v>
      </c>
      <c r="E6184">
        <v>617</v>
      </c>
      <c r="F6184" t="s">
        <v>651</v>
      </c>
      <c r="G6184">
        <v>160</v>
      </c>
      <c r="H6184" t="s">
        <v>719</v>
      </c>
      <c r="I6184">
        <v>7630</v>
      </c>
      <c r="J6184" t="s">
        <v>673</v>
      </c>
      <c r="K6184">
        <v>34</v>
      </c>
      <c r="L6184" t="s">
        <v>3959</v>
      </c>
      <c r="M6184">
        <v>106</v>
      </c>
      <c r="N6184" t="s">
        <v>654</v>
      </c>
      <c r="O6184">
        <v>3</v>
      </c>
      <c r="P6184" t="s">
        <v>655</v>
      </c>
      <c r="Q6184">
        <v>1</v>
      </c>
      <c r="R6184" t="s">
        <v>669</v>
      </c>
      <c r="S6184">
        <v>1</v>
      </c>
      <c r="T6184" t="s">
        <v>661</v>
      </c>
      <c r="U6184">
        <v>8</v>
      </c>
      <c r="V6184">
        <v>4</v>
      </c>
      <c r="W6184">
        <v>240</v>
      </c>
      <c r="X6184">
        <v>2020</v>
      </c>
    </row>
    <row r="6185" spans="1:24" x14ac:dyDescent="0.25">
      <c r="A6185">
        <v>1514</v>
      </c>
      <c r="B6185" t="s">
        <v>206</v>
      </c>
      <c r="C6185">
        <v>33</v>
      </c>
      <c r="D6185" t="s">
        <v>349</v>
      </c>
      <c r="E6185">
        <v>617</v>
      </c>
      <c r="F6185" t="s">
        <v>651</v>
      </c>
      <c r="G6185">
        <v>160</v>
      </c>
      <c r="H6185" t="s">
        <v>719</v>
      </c>
      <c r="I6185">
        <v>7630</v>
      </c>
      <c r="J6185" t="s">
        <v>673</v>
      </c>
      <c r="K6185">
        <v>34</v>
      </c>
      <c r="L6185" t="s">
        <v>1618</v>
      </c>
      <c r="M6185">
        <v>105</v>
      </c>
      <c r="N6185" t="s">
        <v>654</v>
      </c>
      <c r="O6185">
        <v>3</v>
      </c>
      <c r="P6185" t="s">
        <v>655</v>
      </c>
      <c r="Q6185">
        <v>1</v>
      </c>
      <c r="R6185" t="s">
        <v>669</v>
      </c>
      <c r="S6185">
        <v>1</v>
      </c>
      <c r="T6185" t="s">
        <v>661</v>
      </c>
      <c r="U6185">
        <v>8</v>
      </c>
      <c r="V6185">
        <v>3</v>
      </c>
      <c r="W6185">
        <v>180</v>
      </c>
      <c r="X6185">
        <v>2020</v>
      </c>
    </row>
    <row r="6186" spans="1:24" x14ac:dyDescent="0.25">
      <c r="A6186">
        <v>1513</v>
      </c>
      <c r="B6186" t="s">
        <v>206</v>
      </c>
      <c r="C6186">
        <v>33</v>
      </c>
      <c r="D6186" t="s">
        <v>349</v>
      </c>
      <c r="E6186">
        <v>617</v>
      </c>
      <c r="F6186" t="s">
        <v>651</v>
      </c>
      <c r="G6186">
        <v>160</v>
      </c>
      <c r="H6186" t="s">
        <v>719</v>
      </c>
      <c r="I6186">
        <v>7630</v>
      </c>
      <c r="J6186" t="s">
        <v>673</v>
      </c>
      <c r="K6186">
        <v>34</v>
      </c>
      <c r="L6186" t="s">
        <v>673</v>
      </c>
      <c r="M6186">
        <v>104</v>
      </c>
      <c r="N6186" t="s">
        <v>654</v>
      </c>
      <c r="O6186">
        <v>3</v>
      </c>
      <c r="P6186" t="s">
        <v>655</v>
      </c>
      <c r="Q6186">
        <v>1</v>
      </c>
      <c r="R6186" t="s">
        <v>669</v>
      </c>
      <c r="S6186">
        <v>1</v>
      </c>
      <c r="T6186" t="s">
        <v>661</v>
      </c>
      <c r="U6186">
        <v>8</v>
      </c>
      <c r="V6186">
        <v>3</v>
      </c>
      <c r="W6186">
        <v>180</v>
      </c>
      <c r="X6186">
        <v>2020</v>
      </c>
    </row>
    <row r="6187" spans="1:24" x14ac:dyDescent="0.25">
      <c r="A6187">
        <v>1511</v>
      </c>
      <c r="B6187" t="s">
        <v>206</v>
      </c>
      <c r="C6187">
        <v>33</v>
      </c>
      <c r="D6187" t="s">
        <v>348</v>
      </c>
      <c r="E6187">
        <v>618</v>
      </c>
      <c r="F6187" t="s">
        <v>651</v>
      </c>
      <c r="G6187">
        <v>160</v>
      </c>
      <c r="H6187" t="s">
        <v>719</v>
      </c>
      <c r="I6187">
        <v>7630</v>
      </c>
      <c r="J6187" t="s">
        <v>679</v>
      </c>
      <c r="K6187">
        <v>32</v>
      </c>
      <c r="L6187" t="s">
        <v>1947</v>
      </c>
      <c r="M6187">
        <v>464</v>
      </c>
      <c r="N6187" t="s">
        <v>654</v>
      </c>
      <c r="O6187">
        <v>3</v>
      </c>
      <c r="P6187" t="s">
        <v>655</v>
      </c>
      <c r="Q6187">
        <v>1</v>
      </c>
      <c r="R6187" t="s">
        <v>669</v>
      </c>
      <c r="S6187">
        <v>1</v>
      </c>
      <c r="T6187" t="s">
        <v>661</v>
      </c>
      <c r="U6187">
        <v>8</v>
      </c>
      <c r="V6187">
        <v>3</v>
      </c>
      <c r="W6187">
        <v>180</v>
      </c>
      <c r="X6187">
        <v>2020</v>
      </c>
    </row>
    <row r="6188" spans="1:24" x14ac:dyDescent="0.25">
      <c r="A6188">
        <v>1510</v>
      </c>
      <c r="B6188" t="s">
        <v>206</v>
      </c>
      <c r="C6188">
        <v>33</v>
      </c>
      <c r="D6188" t="s">
        <v>348</v>
      </c>
      <c r="E6188">
        <v>618</v>
      </c>
      <c r="F6188" t="s">
        <v>651</v>
      </c>
      <c r="G6188">
        <v>160</v>
      </c>
      <c r="H6188" t="s">
        <v>719</v>
      </c>
      <c r="I6188">
        <v>7630</v>
      </c>
      <c r="J6188" t="s">
        <v>679</v>
      </c>
      <c r="K6188">
        <v>32</v>
      </c>
      <c r="L6188" t="s">
        <v>3960</v>
      </c>
      <c r="M6188">
        <v>495</v>
      </c>
      <c r="N6188" t="s">
        <v>654</v>
      </c>
      <c r="O6188">
        <v>3</v>
      </c>
      <c r="P6188" t="s">
        <v>655</v>
      </c>
      <c r="Q6188">
        <v>1</v>
      </c>
      <c r="R6188" t="s">
        <v>669</v>
      </c>
      <c r="S6188">
        <v>1</v>
      </c>
      <c r="T6188" t="s">
        <v>661</v>
      </c>
      <c r="U6188">
        <v>8</v>
      </c>
      <c r="V6188">
        <v>3</v>
      </c>
      <c r="W6188">
        <v>180</v>
      </c>
      <c r="X6188">
        <v>2020</v>
      </c>
    </row>
    <row r="6189" spans="1:24" x14ac:dyDescent="0.25">
      <c r="A6189">
        <v>1509</v>
      </c>
      <c r="B6189" t="s">
        <v>206</v>
      </c>
      <c r="C6189">
        <v>33</v>
      </c>
      <c r="D6189" t="s">
        <v>349</v>
      </c>
      <c r="E6189">
        <v>617</v>
      </c>
      <c r="F6189" t="s">
        <v>651</v>
      </c>
      <c r="G6189">
        <v>160</v>
      </c>
      <c r="H6189" t="s">
        <v>719</v>
      </c>
      <c r="I6189">
        <v>7630</v>
      </c>
      <c r="J6189" t="s">
        <v>673</v>
      </c>
      <c r="K6189">
        <v>34</v>
      </c>
      <c r="L6189" t="s">
        <v>3792</v>
      </c>
      <c r="M6189">
        <v>108</v>
      </c>
      <c r="N6189" t="s">
        <v>654</v>
      </c>
      <c r="O6189">
        <v>3</v>
      </c>
      <c r="P6189" t="s">
        <v>655</v>
      </c>
      <c r="Q6189">
        <v>1</v>
      </c>
      <c r="R6189" t="s">
        <v>669</v>
      </c>
      <c r="S6189">
        <v>1</v>
      </c>
      <c r="T6189" t="s">
        <v>661</v>
      </c>
      <c r="U6189">
        <v>8</v>
      </c>
      <c r="V6189">
        <v>4</v>
      </c>
      <c r="W6189">
        <v>240</v>
      </c>
      <c r="X6189">
        <v>2020</v>
      </c>
    </row>
    <row r="6190" spans="1:24" x14ac:dyDescent="0.25">
      <c r="A6190">
        <v>1508</v>
      </c>
      <c r="B6190" t="s">
        <v>206</v>
      </c>
      <c r="C6190">
        <v>33</v>
      </c>
      <c r="D6190" t="s">
        <v>349</v>
      </c>
      <c r="E6190">
        <v>617</v>
      </c>
      <c r="F6190" t="s">
        <v>651</v>
      </c>
      <c r="G6190">
        <v>160</v>
      </c>
      <c r="H6190" t="s">
        <v>719</v>
      </c>
      <c r="I6190">
        <v>7630</v>
      </c>
      <c r="J6190" t="s">
        <v>673</v>
      </c>
      <c r="K6190">
        <v>34</v>
      </c>
      <c r="L6190" t="s">
        <v>674</v>
      </c>
      <c r="M6190">
        <v>107</v>
      </c>
      <c r="N6190" t="s">
        <v>654</v>
      </c>
      <c r="O6190">
        <v>3</v>
      </c>
      <c r="P6190" t="s">
        <v>655</v>
      </c>
      <c r="Q6190">
        <v>1</v>
      </c>
      <c r="R6190" t="s">
        <v>669</v>
      </c>
      <c r="S6190">
        <v>1</v>
      </c>
      <c r="T6190" t="s">
        <v>661</v>
      </c>
      <c r="U6190">
        <v>8</v>
      </c>
      <c r="V6190">
        <v>4</v>
      </c>
      <c r="W6190">
        <v>240</v>
      </c>
      <c r="X6190">
        <v>2020</v>
      </c>
    </row>
    <row r="6191" spans="1:24" x14ac:dyDescent="0.25">
      <c r="A6191">
        <v>1507</v>
      </c>
      <c r="B6191" t="s">
        <v>200</v>
      </c>
      <c r="C6191">
        <v>32</v>
      </c>
      <c r="D6191" t="s">
        <v>507</v>
      </c>
      <c r="E6191">
        <v>254</v>
      </c>
      <c r="F6191" t="s">
        <v>651</v>
      </c>
      <c r="G6191">
        <v>160</v>
      </c>
      <c r="H6191" t="s">
        <v>719</v>
      </c>
      <c r="I6191">
        <v>7630</v>
      </c>
      <c r="J6191" t="s">
        <v>915</v>
      </c>
      <c r="K6191">
        <v>78</v>
      </c>
      <c r="L6191" t="s">
        <v>1266</v>
      </c>
      <c r="M6191">
        <v>334</v>
      </c>
      <c r="N6191" t="s">
        <v>654</v>
      </c>
      <c r="O6191">
        <v>3</v>
      </c>
      <c r="P6191" t="s">
        <v>655</v>
      </c>
      <c r="Q6191">
        <v>1</v>
      </c>
      <c r="R6191" t="s">
        <v>669</v>
      </c>
      <c r="S6191">
        <v>1</v>
      </c>
      <c r="T6191" t="s">
        <v>661</v>
      </c>
      <c r="U6191">
        <v>8</v>
      </c>
      <c r="V6191">
        <v>3</v>
      </c>
      <c r="W6191">
        <v>180</v>
      </c>
      <c r="X6191">
        <v>2020</v>
      </c>
    </row>
    <row r="6192" spans="1:24" x14ac:dyDescent="0.25">
      <c r="A6192">
        <v>1506</v>
      </c>
      <c r="B6192" t="s">
        <v>200</v>
      </c>
      <c r="C6192">
        <v>32</v>
      </c>
      <c r="D6192" t="s">
        <v>507</v>
      </c>
      <c r="E6192">
        <v>254</v>
      </c>
      <c r="F6192" t="s">
        <v>651</v>
      </c>
      <c r="G6192">
        <v>160</v>
      </c>
      <c r="H6192" t="s">
        <v>719</v>
      </c>
      <c r="I6192">
        <v>7630</v>
      </c>
      <c r="J6192" t="s">
        <v>705</v>
      </c>
      <c r="K6192">
        <v>70</v>
      </c>
      <c r="L6192" t="s">
        <v>3961</v>
      </c>
      <c r="M6192">
        <v>310</v>
      </c>
      <c r="N6192" t="s">
        <v>654</v>
      </c>
      <c r="O6192">
        <v>3</v>
      </c>
      <c r="P6192" t="s">
        <v>655</v>
      </c>
      <c r="Q6192">
        <v>1</v>
      </c>
      <c r="R6192" t="s">
        <v>669</v>
      </c>
      <c r="S6192">
        <v>1</v>
      </c>
      <c r="T6192" t="s">
        <v>661</v>
      </c>
      <c r="U6192">
        <v>8</v>
      </c>
      <c r="V6192">
        <v>4</v>
      </c>
      <c r="W6192">
        <v>240</v>
      </c>
      <c r="X6192">
        <v>2020</v>
      </c>
    </row>
    <row r="6193" spans="1:24" x14ac:dyDescent="0.25">
      <c r="A6193">
        <v>1504</v>
      </c>
      <c r="B6193" t="s">
        <v>200</v>
      </c>
      <c r="C6193">
        <v>32</v>
      </c>
      <c r="D6193" t="s">
        <v>321</v>
      </c>
      <c r="E6193">
        <v>253</v>
      </c>
      <c r="F6193" t="s">
        <v>651</v>
      </c>
      <c r="G6193">
        <v>160</v>
      </c>
      <c r="H6193" t="s">
        <v>719</v>
      </c>
      <c r="I6193">
        <v>7630</v>
      </c>
      <c r="J6193" t="s">
        <v>1931</v>
      </c>
      <c r="K6193">
        <v>80</v>
      </c>
      <c r="L6193" t="s">
        <v>878</v>
      </c>
      <c r="M6193">
        <v>329</v>
      </c>
      <c r="N6193" t="s">
        <v>654</v>
      </c>
      <c r="O6193">
        <v>3</v>
      </c>
      <c r="P6193" t="s">
        <v>655</v>
      </c>
      <c r="Q6193">
        <v>1</v>
      </c>
      <c r="R6193" t="s">
        <v>669</v>
      </c>
      <c r="S6193">
        <v>1</v>
      </c>
      <c r="T6193" t="s">
        <v>718</v>
      </c>
      <c r="U6193">
        <v>2</v>
      </c>
      <c r="V6193">
        <v>5</v>
      </c>
      <c r="W6193">
        <v>300</v>
      </c>
      <c r="X6193">
        <v>2020</v>
      </c>
    </row>
    <row r="6194" spans="1:24" x14ac:dyDescent="0.25">
      <c r="A6194">
        <v>1503</v>
      </c>
      <c r="B6194" t="s">
        <v>200</v>
      </c>
      <c r="C6194">
        <v>32</v>
      </c>
      <c r="D6194" t="s">
        <v>321</v>
      </c>
      <c r="E6194">
        <v>253</v>
      </c>
      <c r="F6194" t="s">
        <v>651</v>
      </c>
      <c r="G6194">
        <v>160</v>
      </c>
      <c r="H6194" t="s">
        <v>719</v>
      </c>
      <c r="I6194">
        <v>7630</v>
      </c>
      <c r="J6194" t="s">
        <v>1931</v>
      </c>
      <c r="K6194">
        <v>80</v>
      </c>
      <c r="L6194" t="s">
        <v>878</v>
      </c>
      <c r="M6194">
        <v>329</v>
      </c>
      <c r="N6194" t="s">
        <v>654</v>
      </c>
      <c r="O6194">
        <v>3</v>
      </c>
      <c r="P6194" t="s">
        <v>655</v>
      </c>
      <c r="Q6194">
        <v>1</v>
      </c>
      <c r="R6194" t="s">
        <v>669</v>
      </c>
      <c r="S6194">
        <v>1</v>
      </c>
      <c r="T6194" t="s">
        <v>661</v>
      </c>
      <c r="U6194">
        <v>8</v>
      </c>
      <c r="V6194">
        <v>5</v>
      </c>
      <c r="W6194">
        <v>300</v>
      </c>
      <c r="X6194">
        <v>2020</v>
      </c>
    </row>
    <row r="6195" spans="1:24" x14ac:dyDescent="0.25">
      <c r="A6195">
        <v>1501</v>
      </c>
      <c r="B6195" t="s">
        <v>200</v>
      </c>
      <c r="C6195">
        <v>32</v>
      </c>
      <c r="D6195" t="s">
        <v>54</v>
      </c>
      <c r="E6195">
        <v>252</v>
      </c>
      <c r="F6195" t="s">
        <v>651</v>
      </c>
      <c r="G6195">
        <v>160</v>
      </c>
      <c r="H6195" t="s">
        <v>719</v>
      </c>
      <c r="I6195">
        <v>7630</v>
      </c>
      <c r="J6195" t="s">
        <v>671</v>
      </c>
      <c r="K6195">
        <v>81</v>
      </c>
      <c r="L6195" t="s">
        <v>920</v>
      </c>
      <c r="M6195">
        <v>335</v>
      </c>
      <c r="N6195" t="s">
        <v>654</v>
      </c>
      <c r="O6195">
        <v>3</v>
      </c>
      <c r="P6195" t="s">
        <v>655</v>
      </c>
      <c r="Q6195">
        <v>1</v>
      </c>
      <c r="R6195" t="s">
        <v>669</v>
      </c>
      <c r="S6195">
        <v>1</v>
      </c>
      <c r="T6195" t="s">
        <v>661</v>
      </c>
      <c r="U6195">
        <v>8</v>
      </c>
      <c r="V6195">
        <v>3</v>
      </c>
      <c r="W6195">
        <v>180</v>
      </c>
      <c r="X6195">
        <v>2020</v>
      </c>
    </row>
    <row r="6196" spans="1:24" x14ac:dyDescent="0.25">
      <c r="A6196">
        <v>1500</v>
      </c>
      <c r="B6196" t="s">
        <v>200</v>
      </c>
      <c r="C6196">
        <v>32</v>
      </c>
      <c r="D6196" t="s">
        <v>54</v>
      </c>
      <c r="E6196">
        <v>252</v>
      </c>
      <c r="F6196" t="s">
        <v>651</v>
      </c>
      <c r="G6196">
        <v>160</v>
      </c>
      <c r="H6196" t="s">
        <v>719</v>
      </c>
      <c r="I6196">
        <v>7630</v>
      </c>
      <c r="J6196" t="s">
        <v>751</v>
      </c>
      <c r="K6196">
        <v>79</v>
      </c>
      <c r="L6196" t="s">
        <v>752</v>
      </c>
      <c r="M6196">
        <v>328</v>
      </c>
      <c r="N6196" t="s">
        <v>654</v>
      </c>
      <c r="O6196">
        <v>3</v>
      </c>
      <c r="P6196" t="s">
        <v>655</v>
      </c>
      <c r="Q6196">
        <v>1</v>
      </c>
      <c r="R6196" t="s">
        <v>669</v>
      </c>
      <c r="S6196">
        <v>1</v>
      </c>
      <c r="T6196" t="s">
        <v>769</v>
      </c>
      <c r="U6196">
        <v>3</v>
      </c>
      <c r="V6196">
        <v>6</v>
      </c>
      <c r="W6196">
        <v>360</v>
      </c>
      <c r="X6196">
        <v>2020</v>
      </c>
    </row>
    <row r="6197" spans="1:24" x14ac:dyDescent="0.25">
      <c r="A6197">
        <v>1499</v>
      </c>
      <c r="B6197" t="s">
        <v>200</v>
      </c>
      <c r="C6197">
        <v>32</v>
      </c>
      <c r="D6197" t="s">
        <v>54</v>
      </c>
      <c r="E6197">
        <v>252</v>
      </c>
      <c r="F6197" t="s">
        <v>651</v>
      </c>
      <c r="G6197">
        <v>160</v>
      </c>
      <c r="H6197" t="s">
        <v>719</v>
      </c>
      <c r="I6197">
        <v>7630</v>
      </c>
      <c r="J6197" t="s">
        <v>751</v>
      </c>
      <c r="K6197">
        <v>79</v>
      </c>
      <c r="L6197" t="s">
        <v>752</v>
      </c>
      <c r="M6197">
        <v>328</v>
      </c>
      <c r="N6197" t="s">
        <v>654</v>
      </c>
      <c r="O6197">
        <v>3</v>
      </c>
      <c r="P6197" t="s">
        <v>655</v>
      </c>
      <c r="Q6197">
        <v>1</v>
      </c>
      <c r="R6197" t="s">
        <v>669</v>
      </c>
      <c r="S6197">
        <v>1</v>
      </c>
      <c r="T6197" t="s">
        <v>718</v>
      </c>
      <c r="U6197">
        <v>2</v>
      </c>
      <c r="V6197">
        <v>6</v>
      </c>
      <c r="W6197">
        <v>360</v>
      </c>
      <c r="X6197">
        <v>2020</v>
      </c>
    </row>
    <row r="6198" spans="1:24" x14ac:dyDescent="0.25">
      <c r="A6198">
        <v>1498</v>
      </c>
      <c r="B6198" t="s">
        <v>200</v>
      </c>
      <c r="C6198">
        <v>32</v>
      </c>
      <c r="D6198" t="s">
        <v>54</v>
      </c>
      <c r="E6198">
        <v>252</v>
      </c>
      <c r="F6198" t="s">
        <v>651</v>
      </c>
      <c r="G6198">
        <v>160</v>
      </c>
      <c r="H6198" t="s">
        <v>719</v>
      </c>
      <c r="I6198">
        <v>7630</v>
      </c>
      <c r="J6198" t="s">
        <v>751</v>
      </c>
      <c r="K6198">
        <v>79</v>
      </c>
      <c r="L6198" t="s">
        <v>752</v>
      </c>
      <c r="M6198">
        <v>328</v>
      </c>
      <c r="N6198" t="s">
        <v>654</v>
      </c>
      <c r="O6198">
        <v>3</v>
      </c>
      <c r="P6198" t="s">
        <v>655</v>
      </c>
      <c r="Q6198">
        <v>1</v>
      </c>
      <c r="R6198" t="s">
        <v>669</v>
      </c>
      <c r="S6198">
        <v>1</v>
      </c>
      <c r="T6198" t="s">
        <v>661</v>
      </c>
      <c r="U6198">
        <v>8</v>
      </c>
      <c r="V6198">
        <v>6</v>
      </c>
      <c r="W6198">
        <v>360</v>
      </c>
      <c r="X6198">
        <v>2020</v>
      </c>
    </row>
    <row r="6199" spans="1:24" x14ac:dyDescent="0.25">
      <c r="A6199">
        <v>1497</v>
      </c>
      <c r="B6199" t="s">
        <v>200</v>
      </c>
      <c r="C6199">
        <v>32</v>
      </c>
      <c r="D6199" t="s">
        <v>322</v>
      </c>
      <c r="E6199">
        <v>251</v>
      </c>
      <c r="F6199" t="s">
        <v>651</v>
      </c>
      <c r="G6199">
        <v>160</v>
      </c>
      <c r="H6199" t="s">
        <v>719</v>
      </c>
      <c r="I6199">
        <v>7630</v>
      </c>
      <c r="J6199" t="s">
        <v>915</v>
      </c>
      <c r="K6199">
        <v>78</v>
      </c>
      <c r="L6199" t="s">
        <v>1143</v>
      </c>
      <c r="M6199">
        <v>340</v>
      </c>
      <c r="N6199" t="s">
        <v>654</v>
      </c>
      <c r="O6199">
        <v>3</v>
      </c>
      <c r="P6199" t="s">
        <v>655</v>
      </c>
      <c r="Q6199">
        <v>1</v>
      </c>
      <c r="R6199" t="s">
        <v>669</v>
      </c>
      <c r="S6199">
        <v>1</v>
      </c>
      <c r="T6199" t="s">
        <v>661</v>
      </c>
      <c r="U6199">
        <v>8</v>
      </c>
      <c r="V6199">
        <v>3</v>
      </c>
      <c r="W6199">
        <v>180</v>
      </c>
      <c r="X6199">
        <v>2020</v>
      </c>
    </row>
    <row r="6200" spans="1:24" x14ac:dyDescent="0.25">
      <c r="A6200">
        <v>1490</v>
      </c>
      <c r="B6200" t="s">
        <v>200</v>
      </c>
      <c r="C6200">
        <v>32</v>
      </c>
      <c r="D6200" t="s">
        <v>322</v>
      </c>
      <c r="E6200">
        <v>251</v>
      </c>
      <c r="F6200" t="s">
        <v>651</v>
      </c>
      <c r="G6200">
        <v>160</v>
      </c>
      <c r="H6200" t="s">
        <v>719</v>
      </c>
      <c r="I6200">
        <v>7630</v>
      </c>
      <c r="J6200" t="s">
        <v>932</v>
      </c>
      <c r="K6200">
        <v>77</v>
      </c>
      <c r="L6200" t="s">
        <v>933</v>
      </c>
      <c r="M6200">
        <v>330</v>
      </c>
      <c r="N6200" t="s">
        <v>654</v>
      </c>
      <c r="O6200">
        <v>3</v>
      </c>
      <c r="P6200" t="s">
        <v>655</v>
      </c>
      <c r="Q6200">
        <v>1</v>
      </c>
      <c r="R6200" t="s">
        <v>669</v>
      </c>
      <c r="S6200">
        <v>1</v>
      </c>
      <c r="T6200" t="s">
        <v>661</v>
      </c>
      <c r="U6200">
        <v>8</v>
      </c>
      <c r="V6200">
        <v>4</v>
      </c>
      <c r="W6200">
        <v>240</v>
      </c>
      <c r="X6200">
        <v>2020</v>
      </c>
    </row>
    <row r="6201" spans="1:24" x14ac:dyDescent="0.25">
      <c r="A6201">
        <v>1489</v>
      </c>
      <c r="B6201" t="s">
        <v>200</v>
      </c>
      <c r="C6201">
        <v>32</v>
      </c>
      <c r="D6201" t="s">
        <v>322</v>
      </c>
      <c r="E6201">
        <v>251</v>
      </c>
      <c r="F6201" t="s">
        <v>651</v>
      </c>
      <c r="G6201">
        <v>160</v>
      </c>
      <c r="H6201" t="s">
        <v>719</v>
      </c>
      <c r="I6201">
        <v>7630</v>
      </c>
      <c r="J6201" t="s">
        <v>932</v>
      </c>
      <c r="K6201">
        <v>77</v>
      </c>
      <c r="L6201" t="s">
        <v>839</v>
      </c>
      <c r="M6201">
        <v>327</v>
      </c>
      <c r="N6201" t="s">
        <v>654</v>
      </c>
      <c r="O6201">
        <v>3</v>
      </c>
      <c r="P6201" t="s">
        <v>655</v>
      </c>
      <c r="Q6201">
        <v>1</v>
      </c>
      <c r="R6201" t="s">
        <v>669</v>
      </c>
      <c r="S6201">
        <v>1</v>
      </c>
      <c r="T6201" t="s">
        <v>769</v>
      </c>
      <c r="U6201">
        <v>3</v>
      </c>
      <c r="V6201">
        <v>6</v>
      </c>
      <c r="W6201">
        <v>360</v>
      </c>
      <c r="X6201">
        <v>2020</v>
      </c>
    </row>
    <row r="6202" spans="1:24" x14ac:dyDescent="0.25">
      <c r="A6202">
        <v>1488</v>
      </c>
      <c r="B6202" t="s">
        <v>200</v>
      </c>
      <c r="C6202">
        <v>32</v>
      </c>
      <c r="D6202" t="s">
        <v>322</v>
      </c>
      <c r="E6202">
        <v>251</v>
      </c>
      <c r="F6202" t="s">
        <v>651</v>
      </c>
      <c r="G6202">
        <v>160</v>
      </c>
      <c r="H6202" t="s">
        <v>719</v>
      </c>
      <c r="I6202">
        <v>7630</v>
      </c>
      <c r="J6202" t="s">
        <v>932</v>
      </c>
      <c r="K6202">
        <v>77</v>
      </c>
      <c r="L6202" t="s">
        <v>839</v>
      </c>
      <c r="M6202">
        <v>327</v>
      </c>
      <c r="N6202" t="s">
        <v>654</v>
      </c>
      <c r="O6202">
        <v>3</v>
      </c>
      <c r="P6202" t="s">
        <v>655</v>
      </c>
      <c r="Q6202">
        <v>1</v>
      </c>
      <c r="R6202" t="s">
        <v>669</v>
      </c>
      <c r="S6202">
        <v>1</v>
      </c>
      <c r="T6202" t="s">
        <v>718</v>
      </c>
      <c r="U6202">
        <v>2</v>
      </c>
      <c r="V6202">
        <v>6</v>
      </c>
      <c r="W6202">
        <v>360</v>
      </c>
      <c r="X6202">
        <v>2020</v>
      </c>
    </row>
    <row r="6203" spans="1:24" x14ac:dyDescent="0.25">
      <c r="A6203">
        <v>1487</v>
      </c>
      <c r="B6203" t="s">
        <v>200</v>
      </c>
      <c r="C6203">
        <v>32</v>
      </c>
      <c r="D6203" t="s">
        <v>322</v>
      </c>
      <c r="E6203">
        <v>251</v>
      </c>
      <c r="F6203" t="s">
        <v>651</v>
      </c>
      <c r="G6203">
        <v>160</v>
      </c>
      <c r="H6203" t="s">
        <v>719</v>
      </c>
      <c r="I6203">
        <v>7630</v>
      </c>
      <c r="J6203" t="s">
        <v>932</v>
      </c>
      <c r="K6203">
        <v>77</v>
      </c>
      <c r="L6203" t="s">
        <v>839</v>
      </c>
      <c r="M6203">
        <v>327</v>
      </c>
      <c r="N6203" t="s">
        <v>654</v>
      </c>
      <c r="O6203">
        <v>3</v>
      </c>
      <c r="P6203" t="s">
        <v>655</v>
      </c>
      <c r="Q6203">
        <v>1</v>
      </c>
      <c r="R6203" t="s">
        <v>669</v>
      </c>
      <c r="S6203">
        <v>1</v>
      </c>
      <c r="T6203" t="s">
        <v>661</v>
      </c>
      <c r="U6203">
        <v>8</v>
      </c>
      <c r="V6203">
        <v>6</v>
      </c>
      <c r="W6203">
        <v>360</v>
      </c>
      <c r="X6203">
        <v>2020</v>
      </c>
    </row>
    <row r="6204" spans="1:24" x14ac:dyDescent="0.25">
      <c r="A6204">
        <v>1486</v>
      </c>
      <c r="B6204" t="s">
        <v>18</v>
      </c>
      <c r="C6204">
        <v>31</v>
      </c>
      <c r="D6204" t="s">
        <v>508</v>
      </c>
      <c r="E6204">
        <v>250</v>
      </c>
      <c r="F6204" t="s">
        <v>651</v>
      </c>
      <c r="G6204">
        <v>160</v>
      </c>
      <c r="H6204" t="s">
        <v>719</v>
      </c>
      <c r="I6204">
        <v>7630</v>
      </c>
      <c r="J6204" t="s">
        <v>864</v>
      </c>
      <c r="K6204">
        <v>14</v>
      </c>
      <c r="L6204" t="s">
        <v>3962</v>
      </c>
      <c r="M6204">
        <v>371</v>
      </c>
      <c r="N6204" t="s">
        <v>654</v>
      </c>
      <c r="O6204">
        <v>3</v>
      </c>
      <c r="P6204" t="s">
        <v>655</v>
      </c>
      <c r="Q6204">
        <v>1</v>
      </c>
      <c r="R6204" t="s">
        <v>669</v>
      </c>
      <c r="S6204">
        <v>1</v>
      </c>
      <c r="T6204" t="s">
        <v>661</v>
      </c>
      <c r="U6204">
        <v>8</v>
      </c>
      <c r="V6204">
        <v>3</v>
      </c>
      <c r="W6204">
        <v>180</v>
      </c>
      <c r="X6204">
        <v>2020</v>
      </c>
    </row>
    <row r="6205" spans="1:24" x14ac:dyDescent="0.25">
      <c r="A6205">
        <v>1485</v>
      </c>
      <c r="B6205" t="s">
        <v>18</v>
      </c>
      <c r="C6205">
        <v>31</v>
      </c>
      <c r="D6205" t="s">
        <v>509</v>
      </c>
      <c r="E6205">
        <v>249</v>
      </c>
      <c r="F6205" t="s">
        <v>651</v>
      </c>
      <c r="G6205">
        <v>160</v>
      </c>
      <c r="H6205" t="s">
        <v>719</v>
      </c>
      <c r="I6205">
        <v>7630</v>
      </c>
      <c r="J6205" t="s">
        <v>864</v>
      </c>
      <c r="K6205">
        <v>14</v>
      </c>
      <c r="L6205" t="s">
        <v>3783</v>
      </c>
      <c r="M6205">
        <v>362</v>
      </c>
      <c r="N6205" t="s">
        <v>654</v>
      </c>
      <c r="O6205">
        <v>3</v>
      </c>
      <c r="P6205" t="s">
        <v>655</v>
      </c>
      <c r="Q6205">
        <v>1</v>
      </c>
      <c r="R6205" t="s">
        <v>669</v>
      </c>
      <c r="S6205">
        <v>1</v>
      </c>
      <c r="T6205" t="s">
        <v>661</v>
      </c>
      <c r="U6205">
        <v>8</v>
      </c>
      <c r="V6205">
        <v>3</v>
      </c>
      <c r="W6205">
        <v>180</v>
      </c>
      <c r="X6205">
        <v>2020</v>
      </c>
    </row>
    <row r="6206" spans="1:24" x14ac:dyDescent="0.25">
      <c r="A6206">
        <v>1484</v>
      </c>
      <c r="B6206" t="s">
        <v>18</v>
      </c>
      <c r="C6206">
        <v>31</v>
      </c>
      <c r="D6206" t="s">
        <v>508</v>
      </c>
      <c r="E6206">
        <v>250</v>
      </c>
      <c r="F6206" t="s">
        <v>651</v>
      </c>
      <c r="G6206">
        <v>160</v>
      </c>
      <c r="H6206" t="s">
        <v>719</v>
      </c>
      <c r="I6206">
        <v>7630</v>
      </c>
      <c r="J6206" t="s">
        <v>864</v>
      </c>
      <c r="K6206">
        <v>14</v>
      </c>
      <c r="L6206" t="s">
        <v>1941</v>
      </c>
      <c r="M6206">
        <v>355</v>
      </c>
      <c r="N6206" t="s">
        <v>654</v>
      </c>
      <c r="O6206">
        <v>3</v>
      </c>
      <c r="P6206" t="s">
        <v>655</v>
      </c>
      <c r="Q6206">
        <v>1</v>
      </c>
      <c r="R6206" t="s">
        <v>669</v>
      </c>
      <c r="S6206">
        <v>1</v>
      </c>
      <c r="T6206" t="s">
        <v>661</v>
      </c>
      <c r="U6206">
        <v>8</v>
      </c>
      <c r="V6206">
        <v>4</v>
      </c>
      <c r="W6206">
        <v>240</v>
      </c>
      <c r="X6206">
        <v>2020</v>
      </c>
    </row>
    <row r="6207" spans="1:24" x14ac:dyDescent="0.25">
      <c r="A6207">
        <v>1483</v>
      </c>
      <c r="B6207" t="s">
        <v>18</v>
      </c>
      <c r="C6207">
        <v>31</v>
      </c>
      <c r="D6207" t="s">
        <v>509</v>
      </c>
      <c r="E6207">
        <v>249</v>
      </c>
      <c r="F6207" t="s">
        <v>651</v>
      </c>
      <c r="G6207">
        <v>160</v>
      </c>
      <c r="H6207" t="s">
        <v>719</v>
      </c>
      <c r="I6207">
        <v>7630</v>
      </c>
      <c r="J6207" t="s">
        <v>864</v>
      </c>
      <c r="K6207">
        <v>14</v>
      </c>
      <c r="L6207" t="s">
        <v>1610</v>
      </c>
      <c r="M6207">
        <v>370</v>
      </c>
      <c r="N6207" t="s">
        <v>654</v>
      </c>
      <c r="O6207">
        <v>3</v>
      </c>
      <c r="P6207" t="s">
        <v>655</v>
      </c>
      <c r="Q6207">
        <v>1</v>
      </c>
      <c r="R6207" t="s">
        <v>669</v>
      </c>
      <c r="S6207">
        <v>1</v>
      </c>
      <c r="T6207" t="s">
        <v>661</v>
      </c>
      <c r="U6207">
        <v>8</v>
      </c>
      <c r="V6207">
        <v>3</v>
      </c>
      <c r="W6207">
        <v>180</v>
      </c>
      <c r="X6207">
        <v>2020</v>
      </c>
    </row>
    <row r="6208" spans="1:24" x14ac:dyDescent="0.25">
      <c r="A6208">
        <v>1482</v>
      </c>
      <c r="B6208" t="s">
        <v>18</v>
      </c>
      <c r="C6208">
        <v>31</v>
      </c>
      <c r="D6208" t="s">
        <v>509</v>
      </c>
      <c r="E6208">
        <v>249</v>
      </c>
      <c r="F6208" t="s">
        <v>651</v>
      </c>
      <c r="G6208">
        <v>160</v>
      </c>
      <c r="H6208" t="s">
        <v>719</v>
      </c>
      <c r="I6208">
        <v>7630</v>
      </c>
      <c r="J6208" t="s">
        <v>659</v>
      </c>
      <c r="K6208">
        <v>35</v>
      </c>
      <c r="L6208" t="s">
        <v>1082</v>
      </c>
      <c r="M6208">
        <v>48</v>
      </c>
      <c r="N6208" t="s">
        <v>654</v>
      </c>
      <c r="O6208">
        <v>3</v>
      </c>
      <c r="P6208" t="s">
        <v>655</v>
      </c>
      <c r="Q6208">
        <v>1</v>
      </c>
      <c r="R6208" t="s">
        <v>669</v>
      </c>
      <c r="S6208">
        <v>1</v>
      </c>
      <c r="T6208" t="s">
        <v>661</v>
      </c>
      <c r="U6208">
        <v>8</v>
      </c>
      <c r="V6208">
        <v>3</v>
      </c>
      <c r="W6208">
        <v>180</v>
      </c>
      <c r="X6208">
        <v>2020</v>
      </c>
    </row>
    <row r="6209" spans="1:24" x14ac:dyDescent="0.25">
      <c r="A6209">
        <v>1480</v>
      </c>
      <c r="B6209" t="s">
        <v>18</v>
      </c>
      <c r="C6209">
        <v>31</v>
      </c>
      <c r="D6209" t="s">
        <v>509</v>
      </c>
      <c r="E6209">
        <v>249</v>
      </c>
      <c r="F6209" t="s">
        <v>651</v>
      </c>
      <c r="G6209">
        <v>160</v>
      </c>
      <c r="H6209" t="s">
        <v>719</v>
      </c>
      <c r="I6209">
        <v>7630</v>
      </c>
      <c r="J6209" t="s">
        <v>864</v>
      </c>
      <c r="K6209">
        <v>14</v>
      </c>
      <c r="L6209" t="s">
        <v>1257</v>
      </c>
      <c r="M6209">
        <v>354</v>
      </c>
      <c r="N6209" t="s">
        <v>654</v>
      </c>
      <c r="O6209">
        <v>3</v>
      </c>
      <c r="P6209" t="s">
        <v>655</v>
      </c>
      <c r="Q6209">
        <v>1</v>
      </c>
      <c r="R6209" t="s">
        <v>669</v>
      </c>
      <c r="S6209">
        <v>1</v>
      </c>
      <c r="T6209" t="s">
        <v>661</v>
      </c>
      <c r="U6209">
        <v>8</v>
      </c>
      <c r="V6209">
        <v>4</v>
      </c>
      <c r="W6209">
        <v>240</v>
      </c>
      <c r="X6209">
        <v>2020</v>
      </c>
    </row>
    <row r="6210" spans="1:24" x14ac:dyDescent="0.25">
      <c r="A6210">
        <v>1479</v>
      </c>
      <c r="B6210" t="s">
        <v>18</v>
      </c>
      <c r="C6210">
        <v>31</v>
      </c>
      <c r="D6210" t="s">
        <v>387</v>
      </c>
      <c r="E6210">
        <v>248</v>
      </c>
      <c r="F6210" t="s">
        <v>651</v>
      </c>
      <c r="G6210">
        <v>160</v>
      </c>
      <c r="H6210" t="s">
        <v>719</v>
      </c>
      <c r="I6210">
        <v>7630</v>
      </c>
      <c r="J6210" t="s">
        <v>868</v>
      </c>
      <c r="K6210">
        <v>23</v>
      </c>
      <c r="L6210" t="s">
        <v>868</v>
      </c>
      <c r="M6210">
        <v>73</v>
      </c>
      <c r="N6210" t="s">
        <v>654</v>
      </c>
      <c r="O6210">
        <v>3</v>
      </c>
      <c r="P6210" t="s">
        <v>689</v>
      </c>
      <c r="Q6210">
        <v>4</v>
      </c>
      <c r="R6210" t="s">
        <v>669</v>
      </c>
      <c r="S6210">
        <v>1</v>
      </c>
      <c r="T6210" t="s">
        <v>661</v>
      </c>
      <c r="U6210">
        <v>8</v>
      </c>
      <c r="V6210">
        <v>3</v>
      </c>
      <c r="W6210">
        <v>180</v>
      </c>
      <c r="X6210">
        <v>2020</v>
      </c>
    </row>
    <row r="6211" spans="1:24" x14ac:dyDescent="0.25">
      <c r="A6211">
        <v>1478</v>
      </c>
      <c r="B6211" t="s">
        <v>18</v>
      </c>
      <c r="C6211">
        <v>31</v>
      </c>
      <c r="D6211" t="s">
        <v>387</v>
      </c>
      <c r="E6211">
        <v>248</v>
      </c>
      <c r="F6211" t="s">
        <v>651</v>
      </c>
      <c r="G6211">
        <v>160</v>
      </c>
      <c r="H6211" t="s">
        <v>719</v>
      </c>
      <c r="I6211">
        <v>7630</v>
      </c>
      <c r="J6211" t="s">
        <v>868</v>
      </c>
      <c r="K6211">
        <v>23</v>
      </c>
      <c r="L6211" t="s">
        <v>868</v>
      </c>
      <c r="M6211">
        <v>73</v>
      </c>
      <c r="N6211" t="s">
        <v>654</v>
      </c>
      <c r="O6211">
        <v>3</v>
      </c>
      <c r="P6211" t="s">
        <v>655</v>
      </c>
      <c r="Q6211">
        <v>1</v>
      </c>
      <c r="R6211" t="s">
        <v>669</v>
      </c>
      <c r="S6211">
        <v>1</v>
      </c>
      <c r="T6211" t="s">
        <v>661</v>
      </c>
      <c r="U6211">
        <v>8</v>
      </c>
      <c r="V6211">
        <v>3</v>
      </c>
      <c r="W6211">
        <v>180</v>
      </c>
      <c r="X6211">
        <v>2020</v>
      </c>
    </row>
    <row r="6212" spans="1:24" x14ac:dyDescent="0.25">
      <c r="A6212">
        <v>1477</v>
      </c>
      <c r="B6212" t="s">
        <v>18</v>
      </c>
      <c r="C6212">
        <v>31</v>
      </c>
      <c r="D6212" t="s">
        <v>387</v>
      </c>
      <c r="E6212">
        <v>248</v>
      </c>
      <c r="F6212" t="s">
        <v>651</v>
      </c>
      <c r="G6212">
        <v>160</v>
      </c>
      <c r="H6212" t="s">
        <v>719</v>
      </c>
      <c r="I6212">
        <v>7630</v>
      </c>
      <c r="J6212" t="s">
        <v>684</v>
      </c>
      <c r="K6212">
        <v>22</v>
      </c>
      <c r="L6212" t="s">
        <v>685</v>
      </c>
      <c r="M6212">
        <v>72</v>
      </c>
      <c r="N6212" t="s">
        <v>668</v>
      </c>
      <c r="O6212">
        <v>4</v>
      </c>
      <c r="P6212" t="s">
        <v>689</v>
      </c>
      <c r="Q6212">
        <v>4</v>
      </c>
      <c r="R6212" t="s">
        <v>669</v>
      </c>
      <c r="S6212">
        <v>1</v>
      </c>
      <c r="T6212" t="s">
        <v>661</v>
      </c>
      <c r="U6212">
        <v>8</v>
      </c>
      <c r="V6212">
        <v>3</v>
      </c>
      <c r="W6212">
        <v>180</v>
      </c>
      <c r="X6212">
        <v>2020</v>
      </c>
    </row>
    <row r="6213" spans="1:24" x14ac:dyDescent="0.25">
      <c r="A6213">
        <v>1476</v>
      </c>
      <c r="B6213" t="s">
        <v>18</v>
      </c>
      <c r="C6213">
        <v>31</v>
      </c>
      <c r="D6213" t="s">
        <v>387</v>
      </c>
      <c r="E6213">
        <v>248</v>
      </c>
      <c r="F6213" t="s">
        <v>651</v>
      </c>
      <c r="G6213">
        <v>160</v>
      </c>
      <c r="H6213" t="s">
        <v>719</v>
      </c>
      <c r="I6213">
        <v>7630</v>
      </c>
      <c r="J6213" t="s">
        <v>684</v>
      </c>
      <c r="K6213">
        <v>22</v>
      </c>
      <c r="L6213" t="s">
        <v>685</v>
      </c>
      <c r="M6213">
        <v>72</v>
      </c>
      <c r="N6213" t="s">
        <v>654</v>
      </c>
      <c r="O6213">
        <v>3</v>
      </c>
      <c r="P6213" t="s">
        <v>655</v>
      </c>
      <c r="Q6213">
        <v>1</v>
      </c>
      <c r="R6213" t="s">
        <v>669</v>
      </c>
      <c r="S6213">
        <v>1</v>
      </c>
      <c r="T6213" t="s">
        <v>661</v>
      </c>
      <c r="U6213">
        <v>8</v>
      </c>
      <c r="V6213">
        <v>3</v>
      </c>
      <c r="W6213">
        <v>180</v>
      </c>
      <c r="X6213">
        <v>2020</v>
      </c>
    </row>
    <row r="6214" spans="1:24" x14ac:dyDescent="0.25">
      <c r="A6214">
        <v>1475</v>
      </c>
      <c r="B6214" t="s">
        <v>18</v>
      </c>
      <c r="C6214">
        <v>31</v>
      </c>
      <c r="D6214" t="s">
        <v>387</v>
      </c>
      <c r="E6214">
        <v>248</v>
      </c>
      <c r="F6214" t="s">
        <v>651</v>
      </c>
      <c r="G6214">
        <v>160</v>
      </c>
      <c r="H6214" t="s">
        <v>719</v>
      </c>
      <c r="I6214">
        <v>7630</v>
      </c>
      <c r="J6214" t="s">
        <v>684</v>
      </c>
      <c r="K6214">
        <v>22</v>
      </c>
      <c r="L6214" t="s">
        <v>3802</v>
      </c>
      <c r="M6214">
        <v>71</v>
      </c>
      <c r="N6214" t="s">
        <v>654</v>
      </c>
      <c r="O6214">
        <v>3</v>
      </c>
      <c r="P6214" t="s">
        <v>655</v>
      </c>
      <c r="Q6214">
        <v>1</v>
      </c>
      <c r="R6214" t="s">
        <v>669</v>
      </c>
      <c r="S6214">
        <v>1</v>
      </c>
      <c r="T6214" t="s">
        <v>661</v>
      </c>
      <c r="U6214">
        <v>8</v>
      </c>
      <c r="V6214">
        <v>3</v>
      </c>
      <c r="W6214">
        <v>180</v>
      </c>
      <c r="X6214">
        <v>2020</v>
      </c>
    </row>
    <row r="6215" spans="1:24" x14ac:dyDescent="0.25">
      <c r="A6215">
        <v>1474</v>
      </c>
      <c r="B6215" t="s">
        <v>18</v>
      </c>
      <c r="C6215">
        <v>31</v>
      </c>
      <c r="D6215" t="s">
        <v>387</v>
      </c>
      <c r="E6215">
        <v>248</v>
      </c>
      <c r="F6215" t="s">
        <v>651</v>
      </c>
      <c r="G6215">
        <v>160</v>
      </c>
      <c r="H6215" t="s">
        <v>719</v>
      </c>
      <c r="I6215">
        <v>7630</v>
      </c>
      <c r="J6215" t="s">
        <v>684</v>
      </c>
      <c r="K6215">
        <v>22</v>
      </c>
      <c r="L6215" t="s">
        <v>1943</v>
      </c>
      <c r="M6215">
        <v>70</v>
      </c>
      <c r="N6215" t="s">
        <v>654</v>
      </c>
      <c r="O6215">
        <v>3</v>
      </c>
      <c r="P6215" t="s">
        <v>655</v>
      </c>
      <c r="Q6215">
        <v>1</v>
      </c>
      <c r="R6215" t="s">
        <v>669</v>
      </c>
      <c r="S6215">
        <v>1</v>
      </c>
      <c r="T6215" t="s">
        <v>661</v>
      </c>
      <c r="U6215">
        <v>8</v>
      </c>
      <c r="V6215">
        <v>3</v>
      </c>
      <c r="W6215">
        <v>180</v>
      </c>
      <c r="X6215">
        <v>2020</v>
      </c>
    </row>
    <row r="6216" spans="1:24" x14ac:dyDescent="0.25">
      <c r="A6216">
        <v>1473</v>
      </c>
      <c r="B6216" t="s">
        <v>18</v>
      </c>
      <c r="C6216">
        <v>31</v>
      </c>
      <c r="D6216" t="s">
        <v>510</v>
      </c>
      <c r="E6216">
        <v>247</v>
      </c>
      <c r="F6216" t="s">
        <v>651</v>
      </c>
      <c r="G6216">
        <v>160</v>
      </c>
      <c r="H6216" t="s">
        <v>719</v>
      </c>
      <c r="I6216">
        <v>7630</v>
      </c>
      <c r="J6216" t="s">
        <v>885</v>
      </c>
      <c r="K6216">
        <v>1</v>
      </c>
      <c r="L6216" t="s">
        <v>1543</v>
      </c>
      <c r="M6216">
        <v>3</v>
      </c>
      <c r="N6216" t="s">
        <v>654</v>
      </c>
      <c r="O6216">
        <v>3</v>
      </c>
      <c r="P6216" t="s">
        <v>655</v>
      </c>
      <c r="Q6216">
        <v>1</v>
      </c>
      <c r="R6216" t="s">
        <v>669</v>
      </c>
      <c r="S6216">
        <v>1</v>
      </c>
      <c r="T6216" t="s">
        <v>661</v>
      </c>
      <c r="U6216">
        <v>8</v>
      </c>
      <c r="V6216">
        <v>3</v>
      </c>
      <c r="W6216">
        <v>180</v>
      </c>
      <c r="X6216">
        <v>2020</v>
      </c>
    </row>
    <row r="6217" spans="1:24" x14ac:dyDescent="0.25">
      <c r="A6217">
        <v>1470</v>
      </c>
      <c r="B6217" t="s">
        <v>18</v>
      </c>
      <c r="C6217">
        <v>31</v>
      </c>
      <c r="D6217" t="s">
        <v>510</v>
      </c>
      <c r="E6217">
        <v>247</v>
      </c>
      <c r="F6217" t="s">
        <v>651</v>
      </c>
      <c r="G6217">
        <v>160</v>
      </c>
      <c r="H6217" t="s">
        <v>719</v>
      </c>
      <c r="I6217">
        <v>7630</v>
      </c>
      <c r="J6217" t="s">
        <v>885</v>
      </c>
      <c r="K6217">
        <v>1</v>
      </c>
      <c r="L6217" t="s">
        <v>885</v>
      </c>
      <c r="M6217">
        <v>1</v>
      </c>
      <c r="N6217" t="s">
        <v>654</v>
      </c>
      <c r="O6217">
        <v>3</v>
      </c>
      <c r="P6217" t="s">
        <v>655</v>
      </c>
      <c r="Q6217">
        <v>1</v>
      </c>
      <c r="R6217" t="s">
        <v>669</v>
      </c>
      <c r="S6217">
        <v>1</v>
      </c>
      <c r="T6217" t="s">
        <v>661</v>
      </c>
      <c r="U6217">
        <v>8</v>
      </c>
      <c r="V6217">
        <v>3</v>
      </c>
      <c r="W6217">
        <v>180</v>
      </c>
      <c r="X6217">
        <v>2020</v>
      </c>
    </row>
    <row r="6218" spans="1:24" x14ac:dyDescent="0.25">
      <c r="A6218">
        <v>1469</v>
      </c>
      <c r="B6218" t="s">
        <v>18</v>
      </c>
      <c r="C6218">
        <v>31</v>
      </c>
      <c r="D6218" t="s">
        <v>426</v>
      </c>
      <c r="E6218">
        <v>246</v>
      </c>
      <c r="F6218" t="s">
        <v>651</v>
      </c>
      <c r="G6218">
        <v>160</v>
      </c>
      <c r="H6218" t="s">
        <v>719</v>
      </c>
      <c r="I6218">
        <v>7630</v>
      </c>
      <c r="J6218" t="s">
        <v>691</v>
      </c>
      <c r="K6218">
        <v>21</v>
      </c>
      <c r="L6218" t="s">
        <v>1609</v>
      </c>
      <c r="M6218">
        <v>66</v>
      </c>
      <c r="N6218" t="s">
        <v>654</v>
      </c>
      <c r="O6218">
        <v>3</v>
      </c>
      <c r="P6218" t="s">
        <v>655</v>
      </c>
      <c r="Q6218">
        <v>1</v>
      </c>
      <c r="R6218" t="s">
        <v>669</v>
      </c>
      <c r="S6218">
        <v>1</v>
      </c>
      <c r="T6218" t="s">
        <v>661</v>
      </c>
      <c r="U6218">
        <v>8</v>
      </c>
      <c r="V6218">
        <v>3</v>
      </c>
      <c r="W6218">
        <v>180</v>
      </c>
      <c r="X6218">
        <v>2020</v>
      </c>
    </row>
    <row r="6219" spans="1:24" x14ac:dyDescent="0.25">
      <c r="A6219">
        <v>1468</v>
      </c>
      <c r="B6219" t="s">
        <v>18</v>
      </c>
      <c r="C6219">
        <v>31</v>
      </c>
      <c r="D6219" t="s">
        <v>426</v>
      </c>
      <c r="E6219">
        <v>246</v>
      </c>
      <c r="F6219" t="s">
        <v>651</v>
      </c>
      <c r="G6219">
        <v>160</v>
      </c>
      <c r="H6219" t="s">
        <v>719</v>
      </c>
      <c r="I6219">
        <v>7630</v>
      </c>
      <c r="J6219" t="s">
        <v>895</v>
      </c>
      <c r="K6219">
        <v>13</v>
      </c>
      <c r="L6219" t="s">
        <v>1418</v>
      </c>
      <c r="M6219">
        <v>43</v>
      </c>
      <c r="N6219" t="s">
        <v>654</v>
      </c>
      <c r="O6219">
        <v>3</v>
      </c>
      <c r="P6219" t="s">
        <v>655</v>
      </c>
      <c r="Q6219">
        <v>1</v>
      </c>
      <c r="R6219" t="s">
        <v>669</v>
      </c>
      <c r="S6219">
        <v>1</v>
      </c>
      <c r="T6219" t="s">
        <v>661</v>
      </c>
      <c r="U6219">
        <v>8</v>
      </c>
      <c r="V6219">
        <v>3</v>
      </c>
      <c r="W6219">
        <v>180</v>
      </c>
      <c r="X6219">
        <v>2020</v>
      </c>
    </row>
    <row r="6220" spans="1:24" x14ac:dyDescent="0.25">
      <c r="A6220">
        <v>1467</v>
      </c>
      <c r="B6220" t="s">
        <v>18</v>
      </c>
      <c r="C6220">
        <v>31</v>
      </c>
      <c r="D6220" t="s">
        <v>426</v>
      </c>
      <c r="E6220">
        <v>246</v>
      </c>
      <c r="F6220" t="s">
        <v>651</v>
      </c>
      <c r="G6220">
        <v>160</v>
      </c>
      <c r="H6220" t="s">
        <v>719</v>
      </c>
      <c r="I6220">
        <v>7630</v>
      </c>
      <c r="J6220" t="s">
        <v>667</v>
      </c>
      <c r="K6220">
        <v>11</v>
      </c>
      <c r="L6220" t="s">
        <v>1420</v>
      </c>
      <c r="M6220">
        <v>34</v>
      </c>
      <c r="N6220" t="s">
        <v>654</v>
      </c>
      <c r="O6220">
        <v>3</v>
      </c>
      <c r="P6220" t="s">
        <v>655</v>
      </c>
      <c r="Q6220">
        <v>1</v>
      </c>
      <c r="R6220" t="s">
        <v>669</v>
      </c>
      <c r="S6220">
        <v>1</v>
      </c>
      <c r="T6220" t="s">
        <v>661</v>
      </c>
      <c r="U6220">
        <v>8</v>
      </c>
      <c r="V6220">
        <v>3</v>
      </c>
      <c r="W6220">
        <v>180</v>
      </c>
      <c r="X6220">
        <v>2020</v>
      </c>
    </row>
    <row r="6221" spans="1:24" x14ac:dyDescent="0.25">
      <c r="A6221">
        <v>1460</v>
      </c>
      <c r="B6221" t="s">
        <v>18</v>
      </c>
      <c r="C6221">
        <v>31</v>
      </c>
      <c r="D6221" t="s">
        <v>426</v>
      </c>
      <c r="E6221">
        <v>246</v>
      </c>
      <c r="F6221" t="s">
        <v>651</v>
      </c>
      <c r="G6221">
        <v>160</v>
      </c>
      <c r="H6221" t="s">
        <v>719</v>
      </c>
      <c r="I6221">
        <v>7630</v>
      </c>
      <c r="J6221" t="s">
        <v>699</v>
      </c>
      <c r="K6221">
        <v>10</v>
      </c>
      <c r="L6221" t="s">
        <v>1707</v>
      </c>
      <c r="M6221">
        <v>505</v>
      </c>
      <c r="N6221" t="s">
        <v>654</v>
      </c>
      <c r="O6221">
        <v>3</v>
      </c>
      <c r="P6221" t="s">
        <v>655</v>
      </c>
      <c r="Q6221">
        <v>1</v>
      </c>
      <c r="R6221" t="s">
        <v>669</v>
      </c>
      <c r="S6221">
        <v>1</v>
      </c>
      <c r="T6221" t="s">
        <v>661</v>
      </c>
      <c r="U6221">
        <v>8</v>
      </c>
      <c r="V6221">
        <v>3</v>
      </c>
      <c r="W6221">
        <v>180</v>
      </c>
      <c r="X6221">
        <v>2020</v>
      </c>
    </row>
    <row r="6222" spans="1:24" x14ac:dyDescent="0.25">
      <c r="A6222">
        <v>1457</v>
      </c>
      <c r="B6222" t="s">
        <v>18</v>
      </c>
      <c r="C6222">
        <v>31</v>
      </c>
      <c r="D6222" t="s">
        <v>441</v>
      </c>
      <c r="E6222">
        <v>245</v>
      </c>
      <c r="F6222" t="s">
        <v>651</v>
      </c>
      <c r="G6222">
        <v>160</v>
      </c>
      <c r="H6222" t="s">
        <v>719</v>
      </c>
      <c r="I6222">
        <v>7630</v>
      </c>
      <c r="J6222" t="s">
        <v>802</v>
      </c>
      <c r="K6222">
        <v>12</v>
      </c>
      <c r="L6222" t="s">
        <v>1053</v>
      </c>
      <c r="M6222">
        <v>38</v>
      </c>
      <c r="N6222" t="s">
        <v>668</v>
      </c>
      <c r="O6222">
        <v>4</v>
      </c>
      <c r="P6222" t="s">
        <v>655</v>
      </c>
      <c r="Q6222">
        <v>1</v>
      </c>
      <c r="R6222" t="s">
        <v>669</v>
      </c>
      <c r="S6222">
        <v>1</v>
      </c>
      <c r="T6222" t="s">
        <v>661</v>
      </c>
      <c r="U6222">
        <v>8</v>
      </c>
      <c r="V6222">
        <v>3</v>
      </c>
      <c r="W6222">
        <v>180</v>
      </c>
      <c r="X6222">
        <v>2020</v>
      </c>
    </row>
    <row r="6223" spans="1:24" x14ac:dyDescent="0.25">
      <c r="A6223">
        <v>1455</v>
      </c>
      <c r="B6223" t="s">
        <v>18</v>
      </c>
      <c r="C6223">
        <v>31</v>
      </c>
      <c r="D6223" t="s">
        <v>441</v>
      </c>
      <c r="E6223">
        <v>245</v>
      </c>
      <c r="F6223" t="s">
        <v>651</v>
      </c>
      <c r="G6223">
        <v>160</v>
      </c>
      <c r="H6223" t="s">
        <v>719</v>
      </c>
      <c r="I6223">
        <v>7630</v>
      </c>
      <c r="J6223" t="s">
        <v>802</v>
      </c>
      <c r="K6223">
        <v>12</v>
      </c>
      <c r="L6223" t="s">
        <v>802</v>
      </c>
      <c r="M6223">
        <v>36</v>
      </c>
      <c r="N6223" t="s">
        <v>654</v>
      </c>
      <c r="O6223">
        <v>3</v>
      </c>
      <c r="P6223" t="s">
        <v>689</v>
      </c>
      <c r="Q6223">
        <v>4</v>
      </c>
      <c r="R6223" t="s">
        <v>669</v>
      </c>
      <c r="S6223">
        <v>1</v>
      </c>
      <c r="T6223" t="s">
        <v>661</v>
      </c>
      <c r="U6223">
        <v>8</v>
      </c>
      <c r="V6223">
        <v>3</v>
      </c>
      <c r="W6223">
        <v>180</v>
      </c>
      <c r="X6223">
        <v>2020</v>
      </c>
    </row>
    <row r="6224" spans="1:24" x14ac:dyDescent="0.25">
      <c r="A6224">
        <v>1454</v>
      </c>
      <c r="B6224" t="s">
        <v>18</v>
      </c>
      <c r="C6224">
        <v>31</v>
      </c>
      <c r="D6224" t="s">
        <v>441</v>
      </c>
      <c r="E6224">
        <v>245</v>
      </c>
      <c r="F6224" t="s">
        <v>651</v>
      </c>
      <c r="G6224">
        <v>160</v>
      </c>
      <c r="H6224" t="s">
        <v>719</v>
      </c>
      <c r="I6224">
        <v>7630</v>
      </c>
      <c r="J6224" t="s">
        <v>802</v>
      </c>
      <c r="K6224">
        <v>12</v>
      </c>
      <c r="L6224" t="s">
        <v>802</v>
      </c>
      <c r="M6224">
        <v>36</v>
      </c>
      <c r="N6224" t="s">
        <v>654</v>
      </c>
      <c r="O6224">
        <v>3</v>
      </c>
      <c r="P6224" t="s">
        <v>655</v>
      </c>
      <c r="Q6224">
        <v>1</v>
      </c>
      <c r="R6224" t="s">
        <v>669</v>
      </c>
      <c r="S6224">
        <v>1</v>
      </c>
      <c r="T6224" t="s">
        <v>661</v>
      </c>
      <c r="U6224">
        <v>8</v>
      </c>
      <c r="V6224">
        <v>3</v>
      </c>
      <c r="W6224">
        <v>180</v>
      </c>
      <c r="X6224">
        <v>2020</v>
      </c>
    </row>
    <row r="6225" spans="1:24" x14ac:dyDescent="0.25">
      <c r="A6225">
        <v>1453</v>
      </c>
      <c r="B6225" t="s">
        <v>18</v>
      </c>
      <c r="C6225">
        <v>31</v>
      </c>
      <c r="D6225" t="s">
        <v>23</v>
      </c>
      <c r="E6225">
        <v>244</v>
      </c>
      <c r="F6225" t="s">
        <v>651</v>
      </c>
      <c r="G6225">
        <v>160</v>
      </c>
      <c r="H6225" t="s">
        <v>719</v>
      </c>
      <c r="I6225">
        <v>7630</v>
      </c>
      <c r="J6225" t="s">
        <v>676</v>
      </c>
      <c r="K6225">
        <v>4</v>
      </c>
      <c r="L6225" t="s">
        <v>676</v>
      </c>
      <c r="M6225">
        <v>12</v>
      </c>
      <c r="N6225" t="s">
        <v>668</v>
      </c>
      <c r="O6225">
        <v>4</v>
      </c>
      <c r="P6225" t="s">
        <v>655</v>
      </c>
      <c r="Q6225">
        <v>1</v>
      </c>
      <c r="R6225" t="s">
        <v>669</v>
      </c>
      <c r="S6225">
        <v>1</v>
      </c>
      <c r="T6225" t="s">
        <v>718</v>
      </c>
      <c r="U6225">
        <v>2</v>
      </c>
      <c r="V6225">
        <v>3</v>
      </c>
      <c r="W6225">
        <v>180</v>
      </c>
      <c r="X6225">
        <v>2020</v>
      </c>
    </row>
    <row r="6226" spans="1:24" x14ac:dyDescent="0.25">
      <c r="A6226">
        <v>1451</v>
      </c>
      <c r="B6226" t="s">
        <v>18</v>
      </c>
      <c r="C6226">
        <v>31</v>
      </c>
      <c r="D6226" t="s">
        <v>23</v>
      </c>
      <c r="E6226">
        <v>244</v>
      </c>
      <c r="F6226" t="s">
        <v>651</v>
      </c>
      <c r="G6226">
        <v>160</v>
      </c>
      <c r="H6226" t="s">
        <v>719</v>
      </c>
      <c r="I6226">
        <v>7630</v>
      </c>
      <c r="J6226" t="s">
        <v>676</v>
      </c>
      <c r="K6226">
        <v>4</v>
      </c>
      <c r="L6226" t="s">
        <v>676</v>
      </c>
      <c r="M6226">
        <v>12</v>
      </c>
      <c r="N6226" t="s">
        <v>654</v>
      </c>
      <c r="O6226">
        <v>3</v>
      </c>
      <c r="P6226" t="s">
        <v>655</v>
      </c>
      <c r="Q6226">
        <v>1</v>
      </c>
      <c r="R6226" t="s">
        <v>669</v>
      </c>
      <c r="S6226">
        <v>1</v>
      </c>
      <c r="T6226" t="s">
        <v>661</v>
      </c>
      <c r="U6226">
        <v>8</v>
      </c>
      <c r="V6226">
        <v>3</v>
      </c>
      <c r="W6226">
        <v>180</v>
      </c>
      <c r="X6226">
        <v>2020</v>
      </c>
    </row>
    <row r="6227" spans="1:24" x14ac:dyDescent="0.25">
      <c r="A6227">
        <v>1450</v>
      </c>
      <c r="B6227" t="s">
        <v>18</v>
      </c>
      <c r="C6227">
        <v>31</v>
      </c>
      <c r="D6227" t="s">
        <v>511</v>
      </c>
      <c r="E6227">
        <v>243</v>
      </c>
      <c r="F6227" t="s">
        <v>651</v>
      </c>
      <c r="G6227">
        <v>160</v>
      </c>
      <c r="H6227" t="s">
        <v>719</v>
      </c>
      <c r="I6227">
        <v>7630</v>
      </c>
      <c r="J6227" t="s">
        <v>1738</v>
      </c>
      <c r="K6227">
        <v>55</v>
      </c>
      <c r="L6227" t="s">
        <v>1738</v>
      </c>
      <c r="M6227">
        <v>217</v>
      </c>
      <c r="N6227" t="s">
        <v>654</v>
      </c>
      <c r="O6227">
        <v>3</v>
      </c>
      <c r="P6227" t="s">
        <v>655</v>
      </c>
      <c r="Q6227">
        <v>1</v>
      </c>
      <c r="R6227" t="s">
        <v>669</v>
      </c>
      <c r="S6227">
        <v>1</v>
      </c>
      <c r="T6227" t="s">
        <v>661</v>
      </c>
      <c r="U6227">
        <v>8</v>
      </c>
      <c r="V6227">
        <v>4</v>
      </c>
      <c r="W6227">
        <v>240</v>
      </c>
      <c r="X6227">
        <v>2020</v>
      </c>
    </row>
    <row r="6228" spans="1:24" x14ac:dyDescent="0.25">
      <c r="A6228">
        <v>1449</v>
      </c>
      <c r="B6228" t="s">
        <v>18</v>
      </c>
      <c r="C6228">
        <v>31</v>
      </c>
      <c r="D6228" t="s">
        <v>511</v>
      </c>
      <c r="E6228">
        <v>243</v>
      </c>
      <c r="F6228" t="s">
        <v>651</v>
      </c>
      <c r="G6228">
        <v>160</v>
      </c>
      <c r="H6228" t="s">
        <v>719</v>
      </c>
      <c r="I6228">
        <v>7630</v>
      </c>
      <c r="J6228" t="s">
        <v>736</v>
      </c>
      <c r="K6228">
        <v>8</v>
      </c>
      <c r="L6228" t="s">
        <v>3963</v>
      </c>
      <c r="M6228">
        <v>25</v>
      </c>
      <c r="N6228" t="s">
        <v>654</v>
      </c>
      <c r="O6228">
        <v>3</v>
      </c>
      <c r="P6228" t="s">
        <v>655</v>
      </c>
      <c r="Q6228">
        <v>1</v>
      </c>
      <c r="R6228" t="s">
        <v>669</v>
      </c>
      <c r="S6228">
        <v>1</v>
      </c>
      <c r="T6228" t="s">
        <v>661</v>
      </c>
      <c r="U6228">
        <v>8</v>
      </c>
      <c r="V6228">
        <v>3</v>
      </c>
      <c r="W6228">
        <v>180</v>
      </c>
      <c r="X6228">
        <v>2020</v>
      </c>
    </row>
    <row r="6229" spans="1:24" x14ac:dyDescent="0.25">
      <c r="A6229">
        <v>1448</v>
      </c>
      <c r="B6229" t="s">
        <v>18</v>
      </c>
      <c r="C6229">
        <v>31</v>
      </c>
      <c r="D6229" t="s">
        <v>511</v>
      </c>
      <c r="E6229">
        <v>243</v>
      </c>
      <c r="F6229" t="s">
        <v>651</v>
      </c>
      <c r="G6229">
        <v>160</v>
      </c>
      <c r="H6229" t="s">
        <v>719</v>
      </c>
      <c r="I6229">
        <v>7630</v>
      </c>
      <c r="J6229" t="s">
        <v>896</v>
      </c>
      <c r="K6229">
        <v>7</v>
      </c>
      <c r="L6229" t="s">
        <v>3964</v>
      </c>
      <c r="M6229">
        <v>22</v>
      </c>
      <c r="N6229" t="s">
        <v>654</v>
      </c>
      <c r="O6229">
        <v>3</v>
      </c>
      <c r="P6229" t="s">
        <v>655</v>
      </c>
      <c r="Q6229">
        <v>1</v>
      </c>
      <c r="R6229" t="s">
        <v>669</v>
      </c>
      <c r="S6229">
        <v>1</v>
      </c>
      <c r="T6229" t="s">
        <v>661</v>
      </c>
      <c r="U6229">
        <v>8</v>
      </c>
      <c r="V6229">
        <v>3</v>
      </c>
      <c r="W6229">
        <v>180</v>
      </c>
      <c r="X6229">
        <v>2020</v>
      </c>
    </row>
    <row r="6230" spans="1:24" x14ac:dyDescent="0.25">
      <c r="A6230">
        <v>1447</v>
      </c>
      <c r="B6230" t="s">
        <v>18</v>
      </c>
      <c r="C6230">
        <v>31</v>
      </c>
      <c r="D6230" t="s">
        <v>511</v>
      </c>
      <c r="E6230">
        <v>243</v>
      </c>
      <c r="F6230" t="s">
        <v>651</v>
      </c>
      <c r="G6230">
        <v>160</v>
      </c>
      <c r="H6230" t="s">
        <v>719</v>
      </c>
      <c r="I6230">
        <v>7630</v>
      </c>
      <c r="J6230" t="s">
        <v>792</v>
      </c>
      <c r="K6230">
        <v>6</v>
      </c>
      <c r="L6230" t="s">
        <v>3778</v>
      </c>
      <c r="M6230">
        <v>20</v>
      </c>
      <c r="N6230" t="s">
        <v>654</v>
      </c>
      <c r="O6230">
        <v>3</v>
      </c>
      <c r="P6230" t="s">
        <v>655</v>
      </c>
      <c r="Q6230">
        <v>1</v>
      </c>
      <c r="R6230" t="s">
        <v>669</v>
      </c>
      <c r="S6230">
        <v>1</v>
      </c>
      <c r="T6230" t="s">
        <v>661</v>
      </c>
      <c r="U6230">
        <v>8</v>
      </c>
      <c r="V6230">
        <v>3</v>
      </c>
      <c r="W6230">
        <v>180</v>
      </c>
      <c r="X6230">
        <v>2020</v>
      </c>
    </row>
    <row r="6231" spans="1:24" x14ac:dyDescent="0.25">
      <c r="A6231">
        <v>1446</v>
      </c>
      <c r="B6231" t="s">
        <v>18</v>
      </c>
      <c r="C6231">
        <v>31</v>
      </c>
      <c r="D6231" t="s">
        <v>511</v>
      </c>
      <c r="E6231">
        <v>243</v>
      </c>
      <c r="F6231" t="s">
        <v>651</v>
      </c>
      <c r="G6231">
        <v>160</v>
      </c>
      <c r="H6231" t="s">
        <v>719</v>
      </c>
      <c r="I6231">
        <v>7630</v>
      </c>
      <c r="J6231" t="s">
        <v>792</v>
      </c>
      <c r="K6231">
        <v>6</v>
      </c>
      <c r="L6231" t="s">
        <v>3965</v>
      </c>
      <c r="M6231">
        <v>19</v>
      </c>
      <c r="N6231" t="s">
        <v>654</v>
      </c>
      <c r="O6231">
        <v>3</v>
      </c>
      <c r="P6231" t="s">
        <v>655</v>
      </c>
      <c r="Q6231">
        <v>1</v>
      </c>
      <c r="R6231" t="s">
        <v>669</v>
      </c>
      <c r="S6231">
        <v>1</v>
      </c>
      <c r="T6231" t="s">
        <v>661</v>
      </c>
      <c r="U6231">
        <v>8</v>
      </c>
      <c r="V6231">
        <v>3</v>
      </c>
      <c r="W6231">
        <v>180</v>
      </c>
      <c r="X6231">
        <v>2020</v>
      </c>
    </row>
    <row r="6232" spans="1:24" x14ac:dyDescent="0.25">
      <c r="A6232">
        <v>1445</v>
      </c>
      <c r="B6232" t="s">
        <v>18</v>
      </c>
      <c r="C6232">
        <v>31</v>
      </c>
      <c r="D6232" t="s">
        <v>511</v>
      </c>
      <c r="E6232">
        <v>243</v>
      </c>
      <c r="F6232" t="s">
        <v>651</v>
      </c>
      <c r="G6232">
        <v>160</v>
      </c>
      <c r="H6232" t="s">
        <v>719</v>
      </c>
      <c r="I6232">
        <v>7630</v>
      </c>
      <c r="J6232" t="s">
        <v>792</v>
      </c>
      <c r="K6232">
        <v>6</v>
      </c>
      <c r="L6232" t="s">
        <v>1927</v>
      </c>
      <c r="M6232">
        <v>17</v>
      </c>
      <c r="N6232" t="s">
        <v>654</v>
      </c>
      <c r="O6232">
        <v>3</v>
      </c>
      <c r="P6232" t="s">
        <v>655</v>
      </c>
      <c r="Q6232">
        <v>1</v>
      </c>
      <c r="R6232" t="s">
        <v>669</v>
      </c>
      <c r="S6232">
        <v>1</v>
      </c>
      <c r="T6232" t="s">
        <v>769</v>
      </c>
      <c r="U6232">
        <v>3</v>
      </c>
      <c r="V6232">
        <v>3</v>
      </c>
      <c r="W6232">
        <v>180</v>
      </c>
      <c r="X6232">
        <v>2020</v>
      </c>
    </row>
    <row r="6233" spans="1:24" x14ac:dyDescent="0.25">
      <c r="A6233">
        <v>1444</v>
      </c>
      <c r="B6233" t="s">
        <v>18</v>
      </c>
      <c r="C6233">
        <v>31</v>
      </c>
      <c r="D6233" t="s">
        <v>511</v>
      </c>
      <c r="E6233">
        <v>243</v>
      </c>
      <c r="F6233" t="s">
        <v>651</v>
      </c>
      <c r="G6233">
        <v>160</v>
      </c>
      <c r="H6233" t="s">
        <v>719</v>
      </c>
      <c r="I6233">
        <v>7630</v>
      </c>
      <c r="J6233" t="s">
        <v>792</v>
      </c>
      <c r="K6233">
        <v>6</v>
      </c>
      <c r="L6233" t="s">
        <v>1927</v>
      </c>
      <c r="M6233">
        <v>17</v>
      </c>
      <c r="N6233" t="s">
        <v>654</v>
      </c>
      <c r="O6233">
        <v>3</v>
      </c>
      <c r="P6233" t="s">
        <v>655</v>
      </c>
      <c r="Q6233">
        <v>1</v>
      </c>
      <c r="R6233" t="s">
        <v>669</v>
      </c>
      <c r="S6233">
        <v>1</v>
      </c>
      <c r="T6233" t="s">
        <v>661</v>
      </c>
      <c r="U6233">
        <v>8</v>
      </c>
      <c r="V6233">
        <v>3</v>
      </c>
      <c r="W6233">
        <v>180</v>
      </c>
      <c r="X6233">
        <v>2020</v>
      </c>
    </row>
    <row r="6234" spans="1:24" x14ac:dyDescent="0.25">
      <c r="A6234">
        <v>1443</v>
      </c>
      <c r="B6234" t="s">
        <v>18</v>
      </c>
      <c r="C6234">
        <v>31</v>
      </c>
      <c r="D6234" t="s">
        <v>511</v>
      </c>
      <c r="E6234">
        <v>243</v>
      </c>
      <c r="F6234" t="s">
        <v>651</v>
      </c>
      <c r="G6234">
        <v>160</v>
      </c>
      <c r="H6234" t="s">
        <v>719</v>
      </c>
      <c r="I6234">
        <v>7630</v>
      </c>
      <c r="J6234" t="s">
        <v>792</v>
      </c>
      <c r="K6234">
        <v>6</v>
      </c>
      <c r="L6234" t="s">
        <v>792</v>
      </c>
      <c r="M6234">
        <v>16</v>
      </c>
      <c r="N6234" t="s">
        <v>654</v>
      </c>
      <c r="O6234">
        <v>3</v>
      </c>
      <c r="P6234" t="s">
        <v>655</v>
      </c>
      <c r="Q6234">
        <v>1</v>
      </c>
      <c r="R6234" t="s">
        <v>669</v>
      </c>
      <c r="S6234">
        <v>1</v>
      </c>
      <c r="T6234" t="s">
        <v>661</v>
      </c>
      <c r="U6234">
        <v>8</v>
      </c>
      <c r="V6234">
        <v>3</v>
      </c>
      <c r="W6234">
        <v>180</v>
      </c>
      <c r="X6234">
        <v>2020</v>
      </c>
    </row>
    <row r="6235" spans="1:24" x14ac:dyDescent="0.25">
      <c r="A6235">
        <v>1442</v>
      </c>
      <c r="B6235" t="s">
        <v>18</v>
      </c>
      <c r="C6235">
        <v>31</v>
      </c>
      <c r="D6235" t="s">
        <v>457</v>
      </c>
      <c r="E6235">
        <v>242</v>
      </c>
      <c r="F6235" t="s">
        <v>651</v>
      </c>
      <c r="G6235">
        <v>160</v>
      </c>
      <c r="H6235" t="s">
        <v>719</v>
      </c>
      <c r="I6235">
        <v>7630</v>
      </c>
      <c r="J6235" t="s">
        <v>705</v>
      </c>
      <c r="K6235">
        <v>70</v>
      </c>
      <c r="L6235" t="s">
        <v>3794</v>
      </c>
      <c r="M6235">
        <v>309</v>
      </c>
      <c r="N6235" t="s">
        <v>654</v>
      </c>
      <c r="O6235">
        <v>3</v>
      </c>
      <c r="P6235" t="s">
        <v>655</v>
      </c>
      <c r="Q6235">
        <v>1</v>
      </c>
      <c r="R6235" t="s">
        <v>669</v>
      </c>
      <c r="S6235">
        <v>1</v>
      </c>
      <c r="T6235" t="s">
        <v>661</v>
      </c>
      <c r="U6235">
        <v>8</v>
      </c>
      <c r="V6235">
        <v>4</v>
      </c>
      <c r="W6235">
        <v>240</v>
      </c>
      <c r="X6235">
        <v>2020</v>
      </c>
    </row>
    <row r="6236" spans="1:24" x14ac:dyDescent="0.25">
      <c r="A6236">
        <v>1441</v>
      </c>
      <c r="B6236" t="s">
        <v>18</v>
      </c>
      <c r="C6236">
        <v>31</v>
      </c>
      <c r="D6236" t="s">
        <v>457</v>
      </c>
      <c r="E6236">
        <v>242</v>
      </c>
      <c r="F6236" t="s">
        <v>651</v>
      </c>
      <c r="G6236">
        <v>160</v>
      </c>
      <c r="H6236" t="s">
        <v>719</v>
      </c>
      <c r="I6236">
        <v>7630</v>
      </c>
      <c r="J6236" t="s">
        <v>726</v>
      </c>
      <c r="K6236">
        <v>2</v>
      </c>
      <c r="L6236" t="s">
        <v>1258</v>
      </c>
      <c r="M6236">
        <v>7</v>
      </c>
      <c r="N6236" t="s">
        <v>654</v>
      </c>
      <c r="O6236">
        <v>3</v>
      </c>
      <c r="P6236" t="s">
        <v>655</v>
      </c>
      <c r="Q6236">
        <v>1</v>
      </c>
      <c r="R6236" t="s">
        <v>669</v>
      </c>
      <c r="S6236">
        <v>1</v>
      </c>
      <c r="T6236" t="s">
        <v>661</v>
      </c>
      <c r="U6236">
        <v>8</v>
      </c>
      <c r="V6236">
        <v>3</v>
      </c>
      <c r="W6236">
        <v>180</v>
      </c>
      <c r="X6236">
        <v>2020</v>
      </c>
    </row>
    <row r="6237" spans="1:24" x14ac:dyDescent="0.25">
      <c r="A6237">
        <v>1440</v>
      </c>
      <c r="B6237" t="s">
        <v>18</v>
      </c>
      <c r="C6237">
        <v>31</v>
      </c>
      <c r="D6237" t="s">
        <v>457</v>
      </c>
      <c r="E6237">
        <v>242</v>
      </c>
      <c r="F6237" t="s">
        <v>651</v>
      </c>
      <c r="G6237">
        <v>160</v>
      </c>
      <c r="H6237" t="s">
        <v>719</v>
      </c>
      <c r="I6237">
        <v>7630</v>
      </c>
      <c r="J6237" t="s">
        <v>726</v>
      </c>
      <c r="K6237">
        <v>2</v>
      </c>
      <c r="L6237" t="s">
        <v>3966</v>
      </c>
      <c r="M6237">
        <v>6</v>
      </c>
      <c r="N6237" t="s">
        <v>654</v>
      </c>
      <c r="O6237">
        <v>3</v>
      </c>
      <c r="P6237" t="s">
        <v>655</v>
      </c>
      <c r="Q6237">
        <v>1</v>
      </c>
      <c r="R6237" t="s">
        <v>669</v>
      </c>
      <c r="S6237">
        <v>1</v>
      </c>
      <c r="T6237" t="s">
        <v>661</v>
      </c>
      <c r="U6237">
        <v>8</v>
      </c>
      <c r="V6237">
        <v>3</v>
      </c>
      <c r="W6237">
        <v>180</v>
      </c>
      <c r="X6237">
        <v>2020</v>
      </c>
    </row>
    <row r="6238" spans="1:24" x14ac:dyDescent="0.25">
      <c r="A6238">
        <v>1439</v>
      </c>
      <c r="B6238" t="s">
        <v>18</v>
      </c>
      <c r="C6238">
        <v>31</v>
      </c>
      <c r="D6238" t="s">
        <v>457</v>
      </c>
      <c r="E6238">
        <v>242</v>
      </c>
      <c r="F6238" t="s">
        <v>651</v>
      </c>
      <c r="G6238">
        <v>160</v>
      </c>
      <c r="H6238" t="s">
        <v>719</v>
      </c>
      <c r="I6238">
        <v>7630</v>
      </c>
      <c r="J6238" t="s">
        <v>726</v>
      </c>
      <c r="K6238">
        <v>2</v>
      </c>
      <c r="L6238" t="s">
        <v>1087</v>
      </c>
      <c r="M6238">
        <v>5</v>
      </c>
      <c r="N6238" t="s">
        <v>654</v>
      </c>
      <c r="O6238">
        <v>3</v>
      </c>
      <c r="P6238" t="s">
        <v>655</v>
      </c>
      <c r="Q6238">
        <v>1</v>
      </c>
      <c r="R6238" t="s">
        <v>669</v>
      </c>
      <c r="S6238">
        <v>1</v>
      </c>
      <c r="T6238" t="s">
        <v>661</v>
      </c>
      <c r="U6238">
        <v>8</v>
      </c>
      <c r="V6238">
        <v>3</v>
      </c>
      <c r="W6238">
        <v>180</v>
      </c>
      <c r="X6238">
        <v>2020</v>
      </c>
    </row>
    <row r="6239" spans="1:24" x14ac:dyDescent="0.25">
      <c r="A6239">
        <v>1438</v>
      </c>
      <c r="B6239" t="s">
        <v>18</v>
      </c>
      <c r="C6239">
        <v>31</v>
      </c>
      <c r="D6239" t="s">
        <v>457</v>
      </c>
      <c r="E6239">
        <v>242</v>
      </c>
      <c r="F6239" t="s">
        <v>651</v>
      </c>
      <c r="G6239">
        <v>160</v>
      </c>
      <c r="H6239" t="s">
        <v>719</v>
      </c>
      <c r="I6239">
        <v>7630</v>
      </c>
      <c r="J6239" t="s">
        <v>726</v>
      </c>
      <c r="K6239">
        <v>2</v>
      </c>
      <c r="L6239" t="s">
        <v>726</v>
      </c>
      <c r="M6239">
        <v>4</v>
      </c>
      <c r="N6239" t="s">
        <v>654</v>
      </c>
      <c r="O6239">
        <v>3</v>
      </c>
      <c r="P6239" t="s">
        <v>655</v>
      </c>
      <c r="Q6239">
        <v>1</v>
      </c>
      <c r="R6239" t="s">
        <v>669</v>
      </c>
      <c r="S6239">
        <v>1</v>
      </c>
      <c r="T6239" t="s">
        <v>661</v>
      </c>
      <c r="U6239">
        <v>8</v>
      </c>
      <c r="V6239">
        <v>3</v>
      </c>
      <c r="W6239">
        <v>180</v>
      </c>
      <c r="X6239">
        <v>2020</v>
      </c>
    </row>
    <row r="6240" spans="1:24" x14ac:dyDescent="0.25">
      <c r="A6240">
        <v>1437</v>
      </c>
      <c r="B6240" t="s">
        <v>18</v>
      </c>
      <c r="C6240">
        <v>31</v>
      </c>
      <c r="D6240" t="s">
        <v>512</v>
      </c>
      <c r="E6240">
        <v>241</v>
      </c>
      <c r="F6240" t="s">
        <v>651</v>
      </c>
      <c r="G6240">
        <v>160</v>
      </c>
      <c r="H6240" t="s">
        <v>719</v>
      </c>
      <c r="I6240">
        <v>7630</v>
      </c>
      <c r="J6240" t="s">
        <v>691</v>
      </c>
      <c r="K6240">
        <v>21</v>
      </c>
      <c r="L6240" t="s">
        <v>1923</v>
      </c>
      <c r="M6240">
        <v>67</v>
      </c>
      <c r="N6240" t="s">
        <v>654</v>
      </c>
      <c r="O6240">
        <v>3</v>
      </c>
      <c r="P6240" t="s">
        <v>689</v>
      </c>
      <c r="Q6240">
        <v>4</v>
      </c>
      <c r="R6240" t="s">
        <v>669</v>
      </c>
      <c r="S6240">
        <v>1</v>
      </c>
      <c r="T6240" t="s">
        <v>661</v>
      </c>
      <c r="U6240">
        <v>8</v>
      </c>
      <c r="V6240">
        <v>3</v>
      </c>
      <c r="W6240">
        <v>180</v>
      </c>
      <c r="X6240">
        <v>2020</v>
      </c>
    </row>
    <row r="6241" spans="1:24" x14ac:dyDescent="0.25">
      <c r="A6241">
        <v>1436</v>
      </c>
      <c r="B6241" t="s">
        <v>18</v>
      </c>
      <c r="C6241">
        <v>31</v>
      </c>
      <c r="D6241" t="s">
        <v>512</v>
      </c>
      <c r="E6241">
        <v>241</v>
      </c>
      <c r="F6241" t="s">
        <v>651</v>
      </c>
      <c r="G6241">
        <v>160</v>
      </c>
      <c r="H6241" t="s">
        <v>719</v>
      </c>
      <c r="I6241">
        <v>7630</v>
      </c>
      <c r="J6241" t="s">
        <v>691</v>
      </c>
      <c r="K6241">
        <v>21</v>
      </c>
      <c r="L6241" t="s">
        <v>1923</v>
      </c>
      <c r="M6241">
        <v>67</v>
      </c>
      <c r="N6241" t="s">
        <v>654</v>
      </c>
      <c r="O6241">
        <v>3</v>
      </c>
      <c r="P6241" t="s">
        <v>655</v>
      </c>
      <c r="Q6241">
        <v>1</v>
      </c>
      <c r="R6241" t="s">
        <v>669</v>
      </c>
      <c r="S6241">
        <v>1</v>
      </c>
      <c r="T6241" t="s">
        <v>661</v>
      </c>
      <c r="U6241">
        <v>8</v>
      </c>
      <c r="V6241">
        <v>3</v>
      </c>
      <c r="W6241">
        <v>180</v>
      </c>
      <c r="X6241">
        <v>2020</v>
      </c>
    </row>
    <row r="6242" spans="1:24" x14ac:dyDescent="0.25">
      <c r="A6242">
        <v>1435</v>
      </c>
      <c r="B6242" t="s">
        <v>18</v>
      </c>
      <c r="C6242">
        <v>31</v>
      </c>
      <c r="D6242" t="s">
        <v>512</v>
      </c>
      <c r="E6242">
        <v>241</v>
      </c>
      <c r="F6242" t="s">
        <v>651</v>
      </c>
      <c r="G6242">
        <v>160</v>
      </c>
      <c r="H6242" t="s">
        <v>719</v>
      </c>
      <c r="I6242">
        <v>7630</v>
      </c>
      <c r="J6242" t="s">
        <v>756</v>
      </c>
      <c r="K6242">
        <v>19</v>
      </c>
      <c r="L6242" t="s">
        <v>756</v>
      </c>
      <c r="M6242">
        <v>60</v>
      </c>
      <c r="N6242" t="s">
        <v>654</v>
      </c>
      <c r="O6242">
        <v>3</v>
      </c>
      <c r="P6242" t="s">
        <v>655</v>
      </c>
      <c r="Q6242">
        <v>1</v>
      </c>
      <c r="R6242" t="s">
        <v>669</v>
      </c>
      <c r="S6242">
        <v>1</v>
      </c>
      <c r="T6242" t="s">
        <v>661</v>
      </c>
      <c r="U6242">
        <v>8</v>
      </c>
      <c r="V6242">
        <v>3</v>
      </c>
      <c r="W6242">
        <v>180</v>
      </c>
      <c r="X6242">
        <v>2020</v>
      </c>
    </row>
    <row r="6243" spans="1:24" x14ac:dyDescent="0.25">
      <c r="A6243">
        <v>1433</v>
      </c>
      <c r="B6243" t="s">
        <v>18</v>
      </c>
      <c r="C6243">
        <v>31</v>
      </c>
      <c r="D6243" t="s">
        <v>512</v>
      </c>
      <c r="E6243">
        <v>241</v>
      </c>
      <c r="F6243" t="s">
        <v>651</v>
      </c>
      <c r="G6243">
        <v>160</v>
      </c>
      <c r="H6243" t="s">
        <v>719</v>
      </c>
      <c r="I6243">
        <v>7630</v>
      </c>
      <c r="J6243" t="s">
        <v>894</v>
      </c>
      <c r="K6243">
        <v>18</v>
      </c>
      <c r="L6243" t="s">
        <v>894</v>
      </c>
      <c r="M6243">
        <v>58</v>
      </c>
      <c r="N6243" t="s">
        <v>654</v>
      </c>
      <c r="O6243">
        <v>3</v>
      </c>
      <c r="P6243" t="s">
        <v>655</v>
      </c>
      <c r="Q6243">
        <v>1</v>
      </c>
      <c r="R6243" t="s">
        <v>669</v>
      </c>
      <c r="S6243">
        <v>1</v>
      </c>
      <c r="T6243" t="s">
        <v>661</v>
      </c>
      <c r="U6243">
        <v>8</v>
      </c>
      <c r="V6243">
        <v>3</v>
      </c>
      <c r="W6243">
        <v>180</v>
      </c>
      <c r="X6243">
        <v>2020</v>
      </c>
    </row>
    <row r="6244" spans="1:24" x14ac:dyDescent="0.25">
      <c r="A6244">
        <v>1432</v>
      </c>
      <c r="B6244" t="s">
        <v>18</v>
      </c>
      <c r="C6244">
        <v>31</v>
      </c>
      <c r="D6244" t="s">
        <v>512</v>
      </c>
      <c r="E6244">
        <v>241</v>
      </c>
      <c r="F6244" t="s">
        <v>651</v>
      </c>
      <c r="G6244">
        <v>160</v>
      </c>
      <c r="H6244" t="s">
        <v>719</v>
      </c>
      <c r="I6244">
        <v>7630</v>
      </c>
      <c r="J6244" t="s">
        <v>1011</v>
      </c>
      <c r="K6244">
        <v>17</v>
      </c>
      <c r="L6244" t="s">
        <v>1011</v>
      </c>
      <c r="M6244">
        <v>57</v>
      </c>
      <c r="N6244" t="s">
        <v>654</v>
      </c>
      <c r="O6244">
        <v>3</v>
      </c>
      <c r="P6244" t="s">
        <v>689</v>
      </c>
      <c r="Q6244">
        <v>4</v>
      </c>
      <c r="R6244" t="s">
        <v>669</v>
      </c>
      <c r="S6244">
        <v>1</v>
      </c>
      <c r="T6244" t="s">
        <v>661</v>
      </c>
      <c r="U6244">
        <v>8</v>
      </c>
      <c r="V6244">
        <v>3</v>
      </c>
      <c r="W6244">
        <v>180</v>
      </c>
      <c r="X6244">
        <v>2020</v>
      </c>
    </row>
    <row r="6245" spans="1:24" x14ac:dyDescent="0.25">
      <c r="A6245">
        <v>1431</v>
      </c>
      <c r="B6245" t="s">
        <v>18</v>
      </c>
      <c r="C6245">
        <v>31</v>
      </c>
      <c r="D6245" t="s">
        <v>512</v>
      </c>
      <c r="E6245">
        <v>241</v>
      </c>
      <c r="F6245" t="s">
        <v>651</v>
      </c>
      <c r="G6245">
        <v>160</v>
      </c>
      <c r="H6245" t="s">
        <v>719</v>
      </c>
      <c r="I6245">
        <v>7630</v>
      </c>
      <c r="J6245" t="s">
        <v>1011</v>
      </c>
      <c r="K6245">
        <v>17</v>
      </c>
      <c r="L6245" t="s">
        <v>1011</v>
      </c>
      <c r="M6245">
        <v>57</v>
      </c>
      <c r="N6245" t="s">
        <v>654</v>
      </c>
      <c r="O6245">
        <v>3</v>
      </c>
      <c r="P6245" t="s">
        <v>655</v>
      </c>
      <c r="Q6245">
        <v>1</v>
      </c>
      <c r="R6245" t="s">
        <v>669</v>
      </c>
      <c r="S6245">
        <v>1</v>
      </c>
      <c r="T6245" t="s">
        <v>661</v>
      </c>
      <c r="U6245">
        <v>8</v>
      </c>
      <c r="V6245">
        <v>3</v>
      </c>
      <c r="W6245">
        <v>180</v>
      </c>
      <c r="X6245">
        <v>2020</v>
      </c>
    </row>
    <row r="6246" spans="1:24" x14ac:dyDescent="0.25">
      <c r="A6246">
        <v>1430</v>
      </c>
      <c r="B6246" t="s">
        <v>18</v>
      </c>
      <c r="C6246">
        <v>31</v>
      </c>
      <c r="D6246" t="s">
        <v>512</v>
      </c>
      <c r="E6246">
        <v>241</v>
      </c>
      <c r="F6246" t="s">
        <v>651</v>
      </c>
      <c r="G6246">
        <v>160</v>
      </c>
      <c r="H6246" t="s">
        <v>719</v>
      </c>
      <c r="I6246">
        <v>7630</v>
      </c>
      <c r="J6246" t="s">
        <v>703</v>
      </c>
      <c r="K6246">
        <v>16</v>
      </c>
      <c r="L6246" t="s">
        <v>703</v>
      </c>
      <c r="M6246">
        <v>54</v>
      </c>
      <c r="N6246" t="s">
        <v>654</v>
      </c>
      <c r="O6246">
        <v>3</v>
      </c>
      <c r="P6246" t="s">
        <v>655</v>
      </c>
      <c r="Q6246">
        <v>1</v>
      </c>
      <c r="R6246" t="s">
        <v>669</v>
      </c>
      <c r="S6246">
        <v>1</v>
      </c>
      <c r="T6246" t="s">
        <v>661</v>
      </c>
      <c r="U6246">
        <v>8</v>
      </c>
      <c r="V6246">
        <v>3</v>
      </c>
      <c r="W6246">
        <v>180</v>
      </c>
      <c r="X6246">
        <v>2020</v>
      </c>
    </row>
    <row r="6247" spans="1:24" x14ac:dyDescent="0.25">
      <c r="A6247">
        <v>1427</v>
      </c>
      <c r="B6247" t="s">
        <v>18</v>
      </c>
      <c r="C6247">
        <v>31</v>
      </c>
      <c r="D6247" t="s">
        <v>512</v>
      </c>
      <c r="E6247">
        <v>241</v>
      </c>
      <c r="F6247" t="s">
        <v>651</v>
      </c>
      <c r="G6247">
        <v>160</v>
      </c>
      <c r="H6247" t="s">
        <v>719</v>
      </c>
      <c r="I6247">
        <v>7630</v>
      </c>
      <c r="J6247" t="s">
        <v>866</v>
      </c>
      <c r="K6247">
        <v>9</v>
      </c>
      <c r="L6247" t="s">
        <v>866</v>
      </c>
      <c r="M6247">
        <v>28</v>
      </c>
      <c r="N6247" t="s">
        <v>654</v>
      </c>
      <c r="O6247">
        <v>3</v>
      </c>
      <c r="P6247" t="s">
        <v>655</v>
      </c>
      <c r="Q6247">
        <v>1</v>
      </c>
      <c r="R6247" t="s">
        <v>669</v>
      </c>
      <c r="S6247">
        <v>1</v>
      </c>
      <c r="T6247" t="s">
        <v>661</v>
      </c>
      <c r="U6247">
        <v>8</v>
      </c>
      <c r="V6247">
        <v>3</v>
      </c>
      <c r="W6247">
        <v>180</v>
      </c>
      <c r="X6247">
        <v>2020</v>
      </c>
    </row>
    <row r="6248" spans="1:24" x14ac:dyDescent="0.25">
      <c r="A6248">
        <v>1426</v>
      </c>
      <c r="B6248" t="s">
        <v>18</v>
      </c>
      <c r="C6248">
        <v>31</v>
      </c>
      <c r="D6248" t="s">
        <v>402</v>
      </c>
      <c r="E6248">
        <v>240</v>
      </c>
      <c r="F6248" t="s">
        <v>651</v>
      </c>
      <c r="G6248">
        <v>160</v>
      </c>
      <c r="H6248" t="s">
        <v>719</v>
      </c>
      <c r="I6248">
        <v>7630</v>
      </c>
      <c r="J6248" t="s">
        <v>765</v>
      </c>
      <c r="K6248">
        <v>76</v>
      </c>
      <c r="L6248" t="s">
        <v>766</v>
      </c>
      <c r="M6248">
        <v>137</v>
      </c>
      <c r="N6248" t="s">
        <v>654</v>
      </c>
      <c r="O6248">
        <v>3</v>
      </c>
      <c r="P6248" t="s">
        <v>655</v>
      </c>
      <c r="Q6248">
        <v>1</v>
      </c>
      <c r="R6248" t="s">
        <v>669</v>
      </c>
      <c r="S6248">
        <v>1</v>
      </c>
      <c r="T6248" t="s">
        <v>661</v>
      </c>
      <c r="U6248">
        <v>8</v>
      </c>
      <c r="V6248">
        <v>3</v>
      </c>
      <c r="W6248">
        <v>180</v>
      </c>
      <c r="X6248">
        <v>2020</v>
      </c>
    </row>
    <row r="6249" spans="1:24" x14ac:dyDescent="0.25">
      <c r="A6249">
        <v>1424</v>
      </c>
      <c r="B6249" t="s">
        <v>18</v>
      </c>
      <c r="C6249">
        <v>31</v>
      </c>
      <c r="D6249" t="s">
        <v>402</v>
      </c>
      <c r="E6249">
        <v>240</v>
      </c>
      <c r="F6249" t="s">
        <v>651</v>
      </c>
      <c r="G6249">
        <v>160</v>
      </c>
      <c r="H6249" t="s">
        <v>719</v>
      </c>
      <c r="I6249">
        <v>7630</v>
      </c>
      <c r="J6249" t="s">
        <v>1088</v>
      </c>
      <c r="K6249">
        <v>38</v>
      </c>
      <c r="L6249" t="s">
        <v>1089</v>
      </c>
      <c r="M6249">
        <v>135</v>
      </c>
      <c r="N6249" t="s">
        <v>654</v>
      </c>
      <c r="O6249">
        <v>3</v>
      </c>
      <c r="P6249" t="s">
        <v>655</v>
      </c>
      <c r="Q6249">
        <v>1</v>
      </c>
      <c r="R6249" t="s">
        <v>669</v>
      </c>
      <c r="S6249">
        <v>1</v>
      </c>
      <c r="T6249" t="s">
        <v>661</v>
      </c>
      <c r="U6249">
        <v>8</v>
      </c>
      <c r="V6249">
        <v>3</v>
      </c>
      <c r="W6249">
        <v>180</v>
      </c>
      <c r="X6249">
        <v>2020</v>
      </c>
    </row>
    <row r="6250" spans="1:24" x14ac:dyDescent="0.25">
      <c r="A6250">
        <v>1423</v>
      </c>
      <c r="B6250" t="s">
        <v>18</v>
      </c>
      <c r="C6250">
        <v>31</v>
      </c>
      <c r="D6250" t="s">
        <v>513</v>
      </c>
      <c r="E6250">
        <v>239</v>
      </c>
      <c r="F6250" t="s">
        <v>651</v>
      </c>
      <c r="G6250">
        <v>160</v>
      </c>
      <c r="H6250" t="s">
        <v>719</v>
      </c>
      <c r="I6250">
        <v>7630</v>
      </c>
      <c r="J6250" t="s">
        <v>294</v>
      </c>
      <c r="K6250">
        <v>31</v>
      </c>
      <c r="L6250" t="s">
        <v>294</v>
      </c>
      <c r="M6250">
        <v>98</v>
      </c>
      <c r="N6250" t="s">
        <v>654</v>
      </c>
      <c r="O6250">
        <v>3</v>
      </c>
      <c r="P6250" t="s">
        <v>655</v>
      </c>
      <c r="Q6250">
        <v>1</v>
      </c>
      <c r="R6250" t="s">
        <v>669</v>
      </c>
      <c r="S6250">
        <v>1</v>
      </c>
      <c r="T6250" t="s">
        <v>661</v>
      </c>
      <c r="U6250">
        <v>8</v>
      </c>
      <c r="V6250">
        <v>3</v>
      </c>
      <c r="W6250">
        <v>180</v>
      </c>
      <c r="X6250">
        <v>2020</v>
      </c>
    </row>
    <row r="6251" spans="1:24" x14ac:dyDescent="0.25">
      <c r="A6251">
        <v>1422</v>
      </c>
      <c r="B6251" t="s">
        <v>18</v>
      </c>
      <c r="C6251">
        <v>31</v>
      </c>
      <c r="D6251" t="s">
        <v>513</v>
      </c>
      <c r="E6251">
        <v>239</v>
      </c>
      <c r="F6251" t="s">
        <v>651</v>
      </c>
      <c r="G6251">
        <v>160</v>
      </c>
      <c r="H6251" t="s">
        <v>719</v>
      </c>
      <c r="I6251">
        <v>7630</v>
      </c>
      <c r="J6251" t="s">
        <v>295</v>
      </c>
      <c r="K6251">
        <v>30</v>
      </c>
      <c r="L6251" t="s">
        <v>295</v>
      </c>
      <c r="M6251">
        <v>96</v>
      </c>
      <c r="N6251" t="s">
        <v>654</v>
      </c>
      <c r="O6251">
        <v>3</v>
      </c>
      <c r="P6251" t="s">
        <v>689</v>
      </c>
      <c r="Q6251">
        <v>4</v>
      </c>
      <c r="R6251" t="s">
        <v>669</v>
      </c>
      <c r="S6251">
        <v>1</v>
      </c>
      <c r="T6251" t="s">
        <v>661</v>
      </c>
      <c r="U6251">
        <v>8</v>
      </c>
      <c r="V6251">
        <v>3</v>
      </c>
      <c r="W6251">
        <v>180</v>
      </c>
      <c r="X6251">
        <v>2020</v>
      </c>
    </row>
    <row r="6252" spans="1:24" x14ac:dyDescent="0.25">
      <c r="A6252">
        <v>1421</v>
      </c>
      <c r="B6252" t="s">
        <v>18</v>
      </c>
      <c r="C6252">
        <v>31</v>
      </c>
      <c r="D6252" t="s">
        <v>513</v>
      </c>
      <c r="E6252">
        <v>239</v>
      </c>
      <c r="F6252" t="s">
        <v>651</v>
      </c>
      <c r="G6252">
        <v>160</v>
      </c>
      <c r="H6252" t="s">
        <v>719</v>
      </c>
      <c r="I6252">
        <v>7630</v>
      </c>
      <c r="J6252" t="s">
        <v>295</v>
      </c>
      <c r="K6252">
        <v>30</v>
      </c>
      <c r="L6252" t="s">
        <v>295</v>
      </c>
      <c r="M6252">
        <v>96</v>
      </c>
      <c r="N6252" t="s">
        <v>654</v>
      </c>
      <c r="O6252">
        <v>3</v>
      </c>
      <c r="P6252" t="s">
        <v>655</v>
      </c>
      <c r="Q6252">
        <v>1</v>
      </c>
      <c r="R6252" t="s">
        <v>669</v>
      </c>
      <c r="S6252">
        <v>1</v>
      </c>
      <c r="T6252" t="s">
        <v>661</v>
      </c>
      <c r="U6252">
        <v>8</v>
      </c>
      <c r="V6252">
        <v>3</v>
      </c>
      <c r="W6252">
        <v>180</v>
      </c>
      <c r="X6252">
        <v>2020</v>
      </c>
    </row>
    <row r="6253" spans="1:24" x14ac:dyDescent="0.25">
      <c r="A6253">
        <v>1420</v>
      </c>
      <c r="B6253" t="s">
        <v>18</v>
      </c>
      <c r="C6253">
        <v>31</v>
      </c>
      <c r="D6253" t="s">
        <v>513</v>
      </c>
      <c r="E6253">
        <v>239</v>
      </c>
      <c r="F6253" t="s">
        <v>651</v>
      </c>
      <c r="G6253">
        <v>160</v>
      </c>
      <c r="H6253" t="s">
        <v>719</v>
      </c>
      <c r="I6253">
        <v>7630</v>
      </c>
      <c r="J6253" t="s">
        <v>955</v>
      </c>
      <c r="K6253">
        <v>29</v>
      </c>
      <c r="L6253" t="s">
        <v>955</v>
      </c>
      <c r="M6253">
        <v>95</v>
      </c>
      <c r="N6253" t="s">
        <v>654</v>
      </c>
      <c r="O6253">
        <v>3</v>
      </c>
      <c r="P6253" t="s">
        <v>655</v>
      </c>
      <c r="Q6253">
        <v>1</v>
      </c>
      <c r="R6253" t="s">
        <v>669</v>
      </c>
      <c r="S6253">
        <v>1</v>
      </c>
      <c r="T6253" t="s">
        <v>661</v>
      </c>
      <c r="U6253">
        <v>8</v>
      </c>
      <c r="V6253">
        <v>3</v>
      </c>
      <c r="W6253">
        <v>180</v>
      </c>
      <c r="X6253">
        <v>2020</v>
      </c>
    </row>
    <row r="6254" spans="1:24" x14ac:dyDescent="0.25">
      <c r="A6254">
        <v>1419</v>
      </c>
      <c r="B6254" t="s">
        <v>18</v>
      </c>
      <c r="C6254">
        <v>31</v>
      </c>
      <c r="D6254" t="s">
        <v>513</v>
      </c>
      <c r="E6254">
        <v>239</v>
      </c>
      <c r="F6254" t="s">
        <v>651</v>
      </c>
      <c r="G6254">
        <v>160</v>
      </c>
      <c r="H6254" t="s">
        <v>719</v>
      </c>
      <c r="I6254">
        <v>7630</v>
      </c>
      <c r="J6254" t="s">
        <v>1094</v>
      </c>
      <c r="K6254">
        <v>28</v>
      </c>
      <c r="L6254" t="s">
        <v>3967</v>
      </c>
      <c r="M6254">
        <v>92</v>
      </c>
      <c r="N6254" t="s">
        <v>654</v>
      </c>
      <c r="O6254">
        <v>3</v>
      </c>
      <c r="P6254" t="s">
        <v>655</v>
      </c>
      <c r="Q6254">
        <v>1</v>
      </c>
      <c r="R6254" t="s">
        <v>669</v>
      </c>
      <c r="S6254">
        <v>1</v>
      </c>
      <c r="T6254" t="s">
        <v>661</v>
      </c>
      <c r="U6254">
        <v>8</v>
      </c>
      <c r="V6254">
        <v>3</v>
      </c>
      <c r="W6254">
        <v>180</v>
      </c>
      <c r="X6254">
        <v>2020</v>
      </c>
    </row>
    <row r="6255" spans="1:24" x14ac:dyDescent="0.25">
      <c r="A6255">
        <v>1418</v>
      </c>
      <c r="B6255" t="s">
        <v>18</v>
      </c>
      <c r="C6255">
        <v>31</v>
      </c>
      <c r="D6255" t="s">
        <v>513</v>
      </c>
      <c r="E6255">
        <v>239</v>
      </c>
      <c r="F6255" t="s">
        <v>651</v>
      </c>
      <c r="G6255">
        <v>160</v>
      </c>
      <c r="H6255" t="s">
        <v>719</v>
      </c>
      <c r="I6255">
        <v>7630</v>
      </c>
      <c r="J6255" t="s">
        <v>1094</v>
      </c>
      <c r="K6255">
        <v>28</v>
      </c>
      <c r="L6255" t="s">
        <v>296</v>
      </c>
      <c r="M6255">
        <v>91</v>
      </c>
      <c r="N6255" t="s">
        <v>654</v>
      </c>
      <c r="O6255">
        <v>3</v>
      </c>
      <c r="P6255" t="s">
        <v>655</v>
      </c>
      <c r="Q6255">
        <v>1</v>
      </c>
      <c r="R6255" t="s">
        <v>669</v>
      </c>
      <c r="S6255">
        <v>1</v>
      </c>
      <c r="T6255" t="s">
        <v>661</v>
      </c>
      <c r="U6255">
        <v>8</v>
      </c>
      <c r="V6255">
        <v>3</v>
      </c>
      <c r="W6255">
        <v>180</v>
      </c>
      <c r="X6255">
        <v>2020</v>
      </c>
    </row>
    <row r="6256" spans="1:24" x14ac:dyDescent="0.25">
      <c r="A6256">
        <v>1417</v>
      </c>
      <c r="B6256" t="s">
        <v>18</v>
      </c>
      <c r="C6256">
        <v>31</v>
      </c>
      <c r="D6256" t="s">
        <v>513</v>
      </c>
      <c r="E6256">
        <v>239</v>
      </c>
      <c r="F6256" t="s">
        <v>651</v>
      </c>
      <c r="G6256">
        <v>160</v>
      </c>
      <c r="H6256" t="s">
        <v>719</v>
      </c>
      <c r="I6256">
        <v>7630</v>
      </c>
      <c r="J6256" t="s">
        <v>299</v>
      </c>
      <c r="K6256">
        <v>27</v>
      </c>
      <c r="L6256" t="s">
        <v>690</v>
      </c>
      <c r="M6256">
        <v>89</v>
      </c>
      <c r="N6256" t="s">
        <v>654</v>
      </c>
      <c r="O6256">
        <v>3</v>
      </c>
      <c r="P6256" t="s">
        <v>689</v>
      </c>
      <c r="Q6256">
        <v>4</v>
      </c>
      <c r="R6256" t="s">
        <v>669</v>
      </c>
      <c r="S6256">
        <v>1</v>
      </c>
      <c r="T6256" t="s">
        <v>661</v>
      </c>
      <c r="U6256">
        <v>8</v>
      </c>
      <c r="V6256">
        <v>3</v>
      </c>
      <c r="W6256">
        <v>180</v>
      </c>
      <c r="X6256">
        <v>2020</v>
      </c>
    </row>
    <row r="6257" spans="1:24" x14ac:dyDescent="0.25">
      <c r="A6257">
        <v>1416</v>
      </c>
      <c r="B6257" t="s">
        <v>18</v>
      </c>
      <c r="C6257">
        <v>31</v>
      </c>
      <c r="D6257" t="s">
        <v>513</v>
      </c>
      <c r="E6257">
        <v>239</v>
      </c>
      <c r="F6257" t="s">
        <v>651</v>
      </c>
      <c r="G6257">
        <v>160</v>
      </c>
      <c r="H6257" t="s">
        <v>719</v>
      </c>
      <c r="I6257">
        <v>7630</v>
      </c>
      <c r="J6257" t="s">
        <v>299</v>
      </c>
      <c r="K6257">
        <v>27</v>
      </c>
      <c r="L6257" t="s">
        <v>690</v>
      </c>
      <c r="M6257">
        <v>89</v>
      </c>
      <c r="N6257" t="s">
        <v>654</v>
      </c>
      <c r="O6257">
        <v>3</v>
      </c>
      <c r="P6257" t="s">
        <v>655</v>
      </c>
      <c r="Q6257">
        <v>1</v>
      </c>
      <c r="R6257" t="s">
        <v>669</v>
      </c>
      <c r="S6257">
        <v>1</v>
      </c>
      <c r="T6257" t="s">
        <v>661</v>
      </c>
      <c r="U6257">
        <v>8</v>
      </c>
      <c r="V6257">
        <v>3</v>
      </c>
      <c r="W6257">
        <v>180</v>
      </c>
      <c r="X6257">
        <v>2020</v>
      </c>
    </row>
    <row r="6258" spans="1:24" x14ac:dyDescent="0.25">
      <c r="A6258">
        <v>1414</v>
      </c>
      <c r="B6258" t="s">
        <v>18</v>
      </c>
      <c r="C6258">
        <v>31</v>
      </c>
      <c r="D6258" t="s">
        <v>513</v>
      </c>
      <c r="E6258">
        <v>239</v>
      </c>
      <c r="F6258" t="s">
        <v>651</v>
      </c>
      <c r="G6258">
        <v>160</v>
      </c>
      <c r="H6258" t="s">
        <v>719</v>
      </c>
      <c r="I6258">
        <v>7630</v>
      </c>
      <c r="J6258" t="s">
        <v>301</v>
      </c>
      <c r="K6258">
        <v>26</v>
      </c>
      <c r="L6258" t="s">
        <v>930</v>
      </c>
      <c r="M6258">
        <v>84</v>
      </c>
      <c r="N6258" t="s">
        <v>654</v>
      </c>
      <c r="O6258">
        <v>3</v>
      </c>
      <c r="P6258" t="s">
        <v>655</v>
      </c>
      <c r="Q6258">
        <v>1</v>
      </c>
      <c r="R6258" t="s">
        <v>669</v>
      </c>
      <c r="S6258">
        <v>1</v>
      </c>
      <c r="T6258" t="s">
        <v>661</v>
      </c>
      <c r="U6258">
        <v>8</v>
      </c>
      <c r="V6258">
        <v>3</v>
      </c>
      <c r="W6258">
        <v>180</v>
      </c>
      <c r="X6258">
        <v>2020</v>
      </c>
    </row>
    <row r="6259" spans="1:24" x14ac:dyDescent="0.25">
      <c r="A6259">
        <v>1413</v>
      </c>
      <c r="B6259" t="s">
        <v>18</v>
      </c>
      <c r="C6259">
        <v>31</v>
      </c>
      <c r="D6259" t="s">
        <v>513</v>
      </c>
      <c r="E6259">
        <v>239</v>
      </c>
      <c r="F6259" t="s">
        <v>651</v>
      </c>
      <c r="G6259">
        <v>160</v>
      </c>
      <c r="H6259" t="s">
        <v>719</v>
      </c>
      <c r="I6259">
        <v>7630</v>
      </c>
      <c r="J6259" t="s">
        <v>301</v>
      </c>
      <c r="K6259">
        <v>26</v>
      </c>
      <c r="L6259" t="s">
        <v>301</v>
      </c>
      <c r="M6259">
        <v>82</v>
      </c>
      <c r="N6259" t="s">
        <v>654</v>
      </c>
      <c r="O6259">
        <v>3</v>
      </c>
      <c r="P6259" t="s">
        <v>655</v>
      </c>
      <c r="Q6259">
        <v>1</v>
      </c>
      <c r="R6259" t="s">
        <v>669</v>
      </c>
      <c r="S6259">
        <v>1</v>
      </c>
      <c r="T6259" t="s">
        <v>718</v>
      </c>
      <c r="U6259">
        <v>2</v>
      </c>
      <c r="V6259">
        <v>3</v>
      </c>
      <c r="W6259">
        <v>180</v>
      </c>
      <c r="X6259">
        <v>2020</v>
      </c>
    </row>
    <row r="6260" spans="1:24" x14ac:dyDescent="0.25">
      <c r="A6260">
        <v>1412</v>
      </c>
      <c r="B6260" t="s">
        <v>18</v>
      </c>
      <c r="C6260">
        <v>31</v>
      </c>
      <c r="D6260" t="s">
        <v>513</v>
      </c>
      <c r="E6260">
        <v>239</v>
      </c>
      <c r="F6260" t="s">
        <v>651</v>
      </c>
      <c r="G6260">
        <v>160</v>
      </c>
      <c r="H6260" t="s">
        <v>719</v>
      </c>
      <c r="I6260">
        <v>7630</v>
      </c>
      <c r="J6260" t="s">
        <v>807</v>
      </c>
      <c r="K6260">
        <v>25</v>
      </c>
      <c r="L6260" t="s">
        <v>1603</v>
      </c>
      <c r="M6260">
        <v>81</v>
      </c>
      <c r="N6260" t="s">
        <v>654</v>
      </c>
      <c r="O6260">
        <v>3</v>
      </c>
      <c r="P6260" t="s">
        <v>689</v>
      </c>
      <c r="Q6260">
        <v>4</v>
      </c>
      <c r="R6260" t="s">
        <v>669</v>
      </c>
      <c r="S6260">
        <v>1</v>
      </c>
      <c r="T6260" t="s">
        <v>661</v>
      </c>
      <c r="U6260">
        <v>8</v>
      </c>
      <c r="V6260">
        <v>3</v>
      </c>
      <c r="W6260">
        <v>180</v>
      </c>
      <c r="X6260">
        <v>2020</v>
      </c>
    </row>
    <row r="6261" spans="1:24" x14ac:dyDescent="0.25">
      <c r="A6261">
        <v>1411</v>
      </c>
      <c r="B6261" t="s">
        <v>18</v>
      </c>
      <c r="C6261">
        <v>31</v>
      </c>
      <c r="D6261" t="s">
        <v>513</v>
      </c>
      <c r="E6261">
        <v>239</v>
      </c>
      <c r="F6261" t="s">
        <v>651</v>
      </c>
      <c r="G6261">
        <v>160</v>
      </c>
      <c r="H6261" t="s">
        <v>719</v>
      </c>
      <c r="I6261">
        <v>7630</v>
      </c>
      <c r="J6261" t="s">
        <v>807</v>
      </c>
      <c r="K6261">
        <v>25</v>
      </c>
      <c r="L6261" t="s">
        <v>1603</v>
      </c>
      <c r="M6261">
        <v>81</v>
      </c>
      <c r="N6261" t="s">
        <v>654</v>
      </c>
      <c r="O6261">
        <v>3</v>
      </c>
      <c r="P6261" t="s">
        <v>655</v>
      </c>
      <c r="Q6261">
        <v>1</v>
      </c>
      <c r="R6261" t="s">
        <v>669</v>
      </c>
      <c r="S6261">
        <v>1</v>
      </c>
      <c r="T6261" t="s">
        <v>661</v>
      </c>
      <c r="U6261">
        <v>8</v>
      </c>
      <c r="V6261">
        <v>3</v>
      </c>
      <c r="W6261">
        <v>180</v>
      </c>
      <c r="X6261">
        <v>2020</v>
      </c>
    </row>
    <row r="6262" spans="1:24" x14ac:dyDescent="0.25">
      <c r="A6262">
        <v>1408</v>
      </c>
      <c r="B6262" t="s">
        <v>18</v>
      </c>
      <c r="C6262">
        <v>31</v>
      </c>
      <c r="D6262" t="s">
        <v>513</v>
      </c>
      <c r="E6262">
        <v>239</v>
      </c>
      <c r="F6262" t="s">
        <v>651</v>
      </c>
      <c r="G6262">
        <v>160</v>
      </c>
      <c r="H6262" t="s">
        <v>719</v>
      </c>
      <c r="I6262">
        <v>7630</v>
      </c>
      <c r="J6262" t="s">
        <v>682</v>
      </c>
      <c r="K6262">
        <v>20</v>
      </c>
      <c r="L6262" t="s">
        <v>904</v>
      </c>
      <c r="M6262">
        <v>61</v>
      </c>
      <c r="N6262" t="s">
        <v>654</v>
      </c>
      <c r="O6262">
        <v>3</v>
      </c>
      <c r="P6262" t="s">
        <v>689</v>
      </c>
      <c r="Q6262">
        <v>4</v>
      </c>
      <c r="R6262" t="s">
        <v>669</v>
      </c>
      <c r="S6262">
        <v>1</v>
      </c>
      <c r="T6262" t="s">
        <v>661</v>
      </c>
      <c r="U6262">
        <v>8</v>
      </c>
      <c r="V6262">
        <v>3</v>
      </c>
      <c r="W6262">
        <v>180</v>
      </c>
      <c r="X6262">
        <v>2020</v>
      </c>
    </row>
    <row r="6263" spans="1:24" x14ac:dyDescent="0.25">
      <c r="A6263">
        <v>1407</v>
      </c>
      <c r="B6263" t="s">
        <v>18</v>
      </c>
      <c r="C6263">
        <v>31</v>
      </c>
      <c r="D6263" t="s">
        <v>513</v>
      </c>
      <c r="E6263">
        <v>239</v>
      </c>
      <c r="F6263" t="s">
        <v>651</v>
      </c>
      <c r="G6263">
        <v>160</v>
      </c>
      <c r="H6263" t="s">
        <v>719</v>
      </c>
      <c r="I6263">
        <v>7630</v>
      </c>
      <c r="J6263" t="s">
        <v>682</v>
      </c>
      <c r="K6263">
        <v>20</v>
      </c>
      <c r="L6263" t="s">
        <v>904</v>
      </c>
      <c r="M6263">
        <v>61</v>
      </c>
      <c r="N6263" t="s">
        <v>654</v>
      </c>
      <c r="O6263">
        <v>3</v>
      </c>
      <c r="P6263" t="s">
        <v>655</v>
      </c>
      <c r="Q6263">
        <v>1</v>
      </c>
      <c r="R6263" t="s">
        <v>669</v>
      </c>
      <c r="S6263">
        <v>1</v>
      </c>
      <c r="T6263" t="s">
        <v>661</v>
      </c>
      <c r="U6263">
        <v>8</v>
      </c>
      <c r="V6263">
        <v>3</v>
      </c>
      <c r="W6263">
        <v>180</v>
      </c>
      <c r="X6263">
        <v>2020</v>
      </c>
    </row>
    <row r="6264" spans="1:24" x14ac:dyDescent="0.25">
      <c r="A6264">
        <v>1406</v>
      </c>
      <c r="B6264" t="s">
        <v>18</v>
      </c>
      <c r="C6264">
        <v>31</v>
      </c>
      <c r="D6264" t="s">
        <v>11</v>
      </c>
      <c r="E6264">
        <v>238</v>
      </c>
      <c r="F6264" t="s">
        <v>651</v>
      </c>
      <c r="G6264">
        <v>160</v>
      </c>
      <c r="H6264" t="s">
        <v>719</v>
      </c>
      <c r="I6264">
        <v>7630</v>
      </c>
      <c r="J6264" t="s">
        <v>65</v>
      </c>
      <c r="K6264">
        <v>15</v>
      </c>
      <c r="L6264" t="s">
        <v>65</v>
      </c>
      <c r="M6264">
        <v>51</v>
      </c>
      <c r="N6264" t="s">
        <v>654</v>
      </c>
      <c r="O6264">
        <v>3</v>
      </c>
      <c r="P6264" t="s">
        <v>746</v>
      </c>
      <c r="Q6264">
        <v>2</v>
      </c>
      <c r="R6264" t="s">
        <v>669</v>
      </c>
      <c r="S6264">
        <v>1</v>
      </c>
      <c r="T6264" t="s">
        <v>661</v>
      </c>
      <c r="U6264">
        <v>8</v>
      </c>
      <c r="V6264">
        <v>4</v>
      </c>
      <c r="W6264">
        <v>240</v>
      </c>
      <c r="X6264">
        <v>2020</v>
      </c>
    </row>
    <row r="6265" spans="1:24" x14ac:dyDescent="0.25">
      <c r="A6265">
        <v>1405</v>
      </c>
      <c r="B6265" t="s">
        <v>18</v>
      </c>
      <c r="C6265">
        <v>31</v>
      </c>
      <c r="D6265" t="s">
        <v>11</v>
      </c>
      <c r="E6265">
        <v>238</v>
      </c>
      <c r="F6265" t="s">
        <v>651</v>
      </c>
      <c r="G6265">
        <v>160</v>
      </c>
      <c r="H6265" t="s">
        <v>719</v>
      </c>
      <c r="I6265">
        <v>7630</v>
      </c>
      <c r="J6265" t="s">
        <v>65</v>
      </c>
      <c r="K6265">
        <v>15</v>
      </c>
      <c r="L6265" t="s">
        <v>65</v>
      </c>
      <c r="M6265">
        <v>51</v>
      </c>
      <c r="N6265" t="s">
        <v>654</v>
      </c>
      <c r="O6265">
        <v>3</v>
      </c>
      <c r="P6265" t="s">
        <v>655</v>
      </c>
      <c r="Q6265">
        <v>1</v>
      </c>
      <c r="R6265" t="s">
        <v>669</v>
      </c>
      <c r="S6265">
        <v>1</v>
      </c>
      <c r="T6265" t="s">
        <v>661</v>
      </c>
      <c r="U6265">
        <v>8</v>
      </c>
      <c r="V6265">
        <v>4</v>
      </c>
      <c r="W6265">
        <v>240</v>
      </c>
      <c r="X6265">
        <v>2020</v>
      </c>
    </row>
    <row r="6266" spans="1:24" x14ac:dyDescent="0.25">
      <c r="A6266">
        <v>1402</v>
      </c>
      <c r="B6266" t="s">
        <v>18</v>
      </c>
      <c r="C6266">
        <v>31</v>
      </c>
      <c r="D6266" t="s">
        <v>514</v>
      </c>
      <c r="E6266">
        <v>237</v>
      </c>
      <c r="F6266" t="s">
        <v>651</v>
      </c>
      <c r="G6266">
        <v>160</v>
      </c>
      <c r="H6266" t="s">
        <v>719</v>
      </c>
      <c r="I6266">
        <v>7630</v>
      </c>
      <c r="J6266" t="s">
        <v>897</v>
      </c>
      <c r="K6266">
        <v>3</v>
      </c>
      <c r="L6266" t="s">
        <v>3968</v>
      </c>
      <c r="M6266">
        <v>9</v>
      </c>
      <c r="N6266" t="s">
        <v>654</v>
      </c>
      <c r="O6266">
        <v>3</v>
      </c>
      <c r="P6266" t="s">
        <v>655</v>
      </c>
      <c r="Q6266">
        <v>1</v>
      </c>
      <c r="R6266" t="s">
        <v>669</v>
      </c>
      <c r="S6266">
        <v>1</v>
      </c>
      <c r="T6266" t="s">
        <v>661</v>
      </c>
      <c r="U6266">
        <v>8</v>
      </c>
      <c r="V6266">
        <v>3</v>
      </c>
      <c r="W6266">
        <v>180</v>
      </c>
      <c r="X6266">
        <v>2020</v>
      </c>
    </row>
    <row r="6267" spans="1:24" x14ac:dyDescent="0.25">
      <c r="A6267">
        <v>1401</v>
      </c>
      <c r="B6267" t="s">
        <v>18</v>
      </c>
      <c r="C6267">
        <v>31</v>
      </c>
      <c r="D6267" t="s">
        <v>514</v>
      </c>
      <c r="E6267">
        <v>237</v>
      </c>
      <c r="F6267" t="s">
        <v>651</v>
      </c>
      <c r="G6267">
        <v>160</v>
      </c>
      <c r="H6267" t="s">
        <v>719</v>
      </c>
      <c r="I6267">
        <v>7630</v>
      </c>
      <c r="J6267" t="s">
        <v>897</v>
      </c>
      <c r="K6267">
        <v>3</v>
      </c>
      <c r="L6267" t="s">
        <v>897</v>
      </c>
      <c r="M6267">
        <v>8</v>
      </c>
      <c r="N6267" t="s">
        <v>654</v>
      </c>
      <c r="O6267">
        <v>3</v>
      </c>
      <c r="P6267" t="s">
        <v>655</v>
      </c>
      <c r="Q6267">
        <v>1</v>
      </c>
      <c r="R6267" t="s">
        <v>669</v>
      </c>
      <c r="S6267">
        <v>1</v>
      </c>
      <c r="T6267" t="s">
        <v>661</v>
      </c>
      <c r="U6267">
        <v>8</v>
      </c>
      <c r="V6267">
        <v>3</v>
      </c>
      <c r="W6267">
        <v>180</v>
      </c>
      <c r="X6267">
        <v>2020</v>
      </c>
    </row>
    <row r="6268" spans="1:24" x14ac:dyDescent="0.25">
      <c r="A6268">
        <v>1399</v>
      </c>
      <c r="B6268" t="s">
        <v>18</v>
      </c>
      <c r="C6268">
        <v>31</v>
      </c>
      <c r="D6268" t="s">
        <v>515</v>
      </c>
      <c r="E6268">
        <v>236</v>
      </c>
      <c r="F6268" t="s">
        <v>651</v>
      </c>
      <c r="G6268">
        <v>160</v>
      </c>
      <c r="H6268" t="s">
        <v>719</v>
      </c>
      <c r="I6268">
        <v>7630</v>
      </c>
      <c r="J6268" t="s">
        <v>736</v>
      </c>
      <c r="K6268">
        <v>8</v>
      </c>
      <c r="L6268" t="s">
        <v>737</v>
      </c>
      <c r="M6268">
        <v>24</v>
      </c>
      <c r="N6268" t="s">
        <v>654</v>
      </c>
      <c r="O6268">
        <v>3</v>
      </c>
      <c r="P6268" t="s">
        <v>655</v>
      </c>
      <c r="Q6268">
        <v>1</v>
      </c>
      <c r="R6268" t="s">
        <v>669</v>
      </c>
      <c r="S6268">
        <v>1</v>
      </c>
      <c r="T6268" t="s">
        <v>661</v>
      </c>
      <c r="U6268">
        <v>8</v>
      </c>
      <c r="V6268">
        <v>3</v>
      </c>
      <c r="W6268">
        <v>180</v>
      </c>
      <c r="X6268">
        <v>2020</v>
      </c>
    </row>
    <row r="6269" spans="1:24" x14ac:dyDescent="0.25">
      <c r="A6269">
        <v>1398</v>
      </c>
      <c r="B6269" t="s">
        <v>18</v>
      </c>
      <c r="C6269">
        <v>31</v>
      </c>
      <c r="D6269" t="s">
        <v>515</v>
      </c>
      <c r="E6269">
        <v>236</v>
      </c>
      <c r="F6269" t="s">
        <v>651</v>
      </c>
      <c r="G6269">
        <v>160</v>
      </c>
      <c r="H6269" t="s">
        <v>719</v>
      </c>
      <c r="I6269">
        <v>7630</v>
      </c>
      <c r="J6269" t="s">
        <v>3923</v>
      </c>
      <c r="K6269">
        <v>75</v>
      </c>
      <c r="L6269" t="s">
        <v>3924</v>
      </c>
      <c r="M6269">
        <v>15</v>
      </c>
      <c r="N6269" t="s">
        <v>654</v>
      </c>
      <c r="O6269">
        <v>3</v>
      </c>
      <c r="P6269" t="s">
        <v>655</v>
      </c>
      <c r="Q6269">
        <v>1</v>
      </c>
      <c r="R6269" t="s">
        <v>669</v>
      </c>
      <c r="S6269">
        <v>1</v>
      </c>
      <c r="T6269" t="s">
        <v>661</v>
      </c>
      <c r="U6269">
        <v>8</v>
      </c>
      <c r="V6269">
        <v>3</v>
      </c>
      <c r="W6269">
        <v>180</v>
      </c>
      <c r="X6269">
        <v>2020</v>
      </c>
    </row>
    <row r="6270" spans="1:24" x14ac:dyDescent="0.25">
      <c r="A6270">
        <v>1396</v>
      </c>
      <c r="B6270" t="s">
        <v>18</v>
      </c>
      <c r="C6270">
        <v>31</v>
      </c>
      <c r="D6270" t="s">
        <v>515</v>
      </c>
      <c r="E6270">
        <v>236</v>
      </c>
      <c r="F6270" t="s">
        <v>651</v>
      </c>
      <c r="G6270">
        <v>160</v>
      </c>
      <c r="H6270" t="s">
        <v>719</v>
      </c>
      <c r="I6270">
        <v>7630</v>
      </c>
      <c r="J6270" t="s">
        <v>831</v>
      </c>
      <c r="K6270">
        <v>5</v>
      </c>
      <c r="L6270" t="s">
        <v>831</v>
      </c>
      <c r="M6270">
        <v>14</v>
      </c>
      <c r="N6270" t="s">
        <v>654</v>
      </c>
      <c r="O6270">
        <v>3</v>
      </c>
      <c r="P6270" t="s">
        <v>655</v>
      </c>
      <c r="Q6270">
        <v>1</v>
      </c>
      <c r="R6270" t="s">
        <v>669</v>
      </c>
      <c r="S6270">
        <v>1</v>
      </c>
      <c r="T6270" t="s">
        <v>661</v>
      </c>
      <c r="U6270">
        <v>8</v>
      </c>
      <c r="V6270">
        <v>3</v>
      </c>
      <c r="W6270">
        <v>180</v>
      </c>
      <c r="X6270">
        <v>2020</v>
      </c>
    </row>
    <row r="6271" spans="1:24" x14ac:dyDescent="0.25">
      <c r="A6271">
        <v>1394</v>
      </c>
      <c r="B6271" t="s">
        <v>189</v>
      </c>
      <c r="C6271">
        <v>30</v>
      </c>
      <c r="D6271" t="s">
        <v>421</v>
      </c>
      <c r="E6271">
        <v>235</v>
      </c>
      <c r="F6271" t="s">
        <v>651</v>
      </c>
      <c r="G6271">
        <v>160</v>
      </c>
      <c r="H6271" t="s">
        <v>719</v>
      </c>
      <c r="I6271">
        <v>7630</v>
      </c>
      <c r="J6271" t="s">
        <v>1005</v>
      </c>
      <c r="K6271">
        <v>72</v>
      </c>
      <c r="L6271" t="s">
        <v>1005</v>
      </c>
      <c r="M6271">
        <v>326</v>
      </c>
      <c r="N6271" t="s">
        <v>654</v>
      </c>
      <c r="O6271">
        <v>3</v>
      </c>
      <c r="P6271" t="s">
        <v>655</v>
      </c>
      <c r="Q6271">
        <v>1</v>
      </c>
      <c r="R6271" t="s">
        <v>669</v>
      </c>
      <c r="S6271">
        <v>1</v>
      </c>
      <c r="T6271" t="s">
        <v>661</v>
      </c>
      <c r="U6271">
        <v>8</v>
      </c>
      <c r="V6271">
        <v>6</v>
      </c>
      <c r="W6271">
        <v>360</v>
      </c>
      <c r="X6271">
        <v>2020</v>
      </c>
    </row>
    <row r="6272" spans="1:24" x14ac:dyDescent="0.25">
      <c r="A6272">
        <v>1393</v>
      </c>
      <c r="B6272" t="s">
        <v>189</v>
      </c>
      <c r="C6272">
        <v>30</v>
      </c>
      <c r="D6272" t="s">
        <v>516</v>
      </c>
      <c r="E6272">
        <v>234</v>
      </c>
      <c r="F6272" t="s">
        <v>651</v>
      </c>
      <c r="G6272">
        <v>160</v>
      </c>
      <c r="H6272" t="s">
        <v>719</v>
      </c>
      <c r="I6272">
        <v>7630</v>
      </c>
      <c r="J6272" t="s">
        <v>917</v>
      </c>
      <c r="K6272">
        <v>83</v>
      </c>
      <c r="L6272" t="s">
        <v>918</v>
      </c>
      <c r="M6272">
        <v>287</v>
      </c>
      <c r="N6272" t="s">
        <v>654</v>
      </c>
      <c r="O6272">
        <v>3</v>
      </c>
      <c r="P6272" t="s">
        <v>655</v>
      </c>
      <c r="Q6272">
        <v>1</v>
      </c>
      <c r="R6272" t="s">
        <v>669</v>
      </c>
      <c r="S6272">
        <v>1</v>
      </c>
      <c r="T6272" t="s">
        <v>661</v>
      </c>
      <c r="U6272">
        <v>8</v>
      </c>
      <c r="V6272">
        <v>4</v>
      </c>
      <c r="W6272">
        <v>240</v>
      </c>
      <c r="X6272">
        <v>2020</v>
      </c>
    </row>
    <row r="6273" spans="1:24" x14ac:dyDescent="0.25">
      <c r="A6273">
        <v>1392</v>
      </c>
      <c r="B6273" t="s">
        <v>189</v>
      </c>
      <c r="C6273">
        <v>30</v>
      </c>
      <c r="D6273" t="s">
        <v>516</v>
      </c>
      <c r="E6273">
        <v>234</v>
      </c>
      <c r="F6273" t="s">
        <v>651</v>
      </c>
      <c r="G6273">
        <v>160</v>
      </c>
      <c r="H6273" t="s">
        <v>719</v>
      </c>
      <c r="I6273">
        <v>7630</v>
      </c>
      <c r="J6273" t="s">
        <v>880</v>
      </c>
      <c r="K6273">
        <v>58</v>
      </c>
      <c r="L6273" t="s">
        <v>1086</v>
      </c>
      <c r="M6273">
        <v>238</v>
      </c>
      <c r="N6273" t="s">
        <v>654</v>
      </c>
      <c r="O6273">
        <v>3</v>
      </c>
      <c r="P6273" t="s">
        <v>655</v>
      </c>
      <c r="Q6273">
        <v>1</v>
      </c>
      <c r="R6273" t="s">
        <v>669</v>
      </c>
      <c r="S6273">
        <v>1</v>
      </c>
      <c r="T6273" t="s">
        <v>661</v>
      </c>
      <c r="U6273">
        <v>8</v>
      </c>
      <c r="V6273">
        <v>4</v>
      </c>
      <c r="W6273">
        <v>240</v>
      </c>
      <c r="X6273">
        <v>2020</v>
      </c>
    </row>
    <row r="6274" spans="1:24" x14ac:dyDescent="0.25">
      <c r="A6274">
        <v>1391</v>
      </c>
      <c r="B6274" t="s">
        <v>189</v>
      </c>
      <c r="C6274">
        <v>30</v>
      </c>
      <c r="D6274" t="s">
        <v>516</v>
      </c>
      <c r="E6274">
        <v>234</v>
      </c>
      <c r="F6274" t="s">
        <v>651</v>
      </c>
      <c r="G6274">
        <v>160</v>
      </c>
      <c r="H6274" t="s">
        <v>719</v>
      </c>
      <c r="I6274">
        <v>7630</v>
      </c>
      <c r="J6274" t="s">
        <v>1219</v>
      </c>
      <c r="K6274">
        <v>42</v>
      </c>
      <c r="L6274" t="s">
        <v>1263</v>
      </c>
      <c r="M6274">
        <v>149</v>
      </c>
      <c r="N6274" t="s">
        <v>654</v>
      </c>
      <c r="O6274">
        <v>3</v>
      </c>
      <c r="P6274" t="s">
        <v>655</v>
      </c>
      <c r="Q6274">
        <v>1</v>
      </c>
      <c r="R6274" t="s">
        <v>669</v>
      </c>
      <c r="S6274">
        <v>1</v>
      </c>
      <c r="T6274" t="s">
        <v>661</v>
      </c>
      <c r="U6274">
        <v>8</v>
      </c>
      <c r="V6274">
        <v>4</v>
      </c>
      <c r="W6274">
        <v>240</v>
      </c>
      <c r="X6274">
        <v>2020</v>
      </c>
    </row>
    <row r="6275" spans="1:24" x14ac:dyDescent="0.25">
      <c r="A6275">
        <v>1390</v>
      </c>
      <c r="B6275" t="s">
        <v>189</v>
      </c>
      <c r="C6275">
        <v>30</v>
      </c>
      <c r="D6275" t="s">
        <v>516</v>
      </c>
      <c r="E6275">
        <v>234</v>
      </c>
      <c r="F6275" t="s">
        <v>651</v>
      </c>
      <c r="G6275">
        <v>160</v>
      </c>
      <c r="H6275" t="s">
        <v>719</v>
      </c>
      <c r="I6275">
        <v>7630</v>
      </c>
      <c r="J6275" t="s">
        <v>1219</v>
      </c>
      <c r="K6275">
        <v>42</v>
      </c>
      <c r="L6275" t="s">
        <v>1219</v>
      </c>
      <c r="M6275">
        <v>148</v>
      </c>
      <c r="N6275" t="s">
        <v>654</v>
      </c>
      <c r="O6275">
        <v>3</v>
      </c>
      <c r="P6275" t="s">
        <v>689</v>
      </c>
      <c r="Q6275">
        <v>4</v>
      </c>
      <c r="R6275" t="s">
        <v>669</v>
      </c>
      <c r="S6275">
        <v>1</v>
      </c>
      <c r="T6275" t="s">
        <v>661</v>
      </c>
      <c r="U6275">
        <v>8</v>
      </c>
      <c r="V6275">
        <v>4</v>
      </c>
      <c r="W6275">
        <v>240</v>
      </c>
      <c r="X6275">
        <v>2020</v>
      </c>
    </row>
    <row r="6276" spans="1:24" x14ac:dyDescent="0.25">
      <c r="A6276">
        <v>1389</v>
      </c>
      <c r="B6276" t="s">
        <v>189</v>
      </c>
      <c r="C6276">
        <v>30</v>
      </c>
      <c r="D6276" t="s">
        <v>516</v>
      </c>
      <c r="E6276">
        <v>234</v>
      </c>
      <c r="F6276" t="s">
        <v>651</v>
      </c>
      <c r="G6276">
        <v>160</v>
      </c>
      <c r="H6276" t="s">
        <v>719</v>
      </c>
      <c r="I6276">
        <v>7630</v>
      </c>
      <c r="J6276" t="s">
        <v>1219</v>
      </c>
      <c r="K6276">
        <v>42</v>
      </c>
      <c r="L6276" t="s">
        <v>1219</v>
      </c>
      <c r="M6276">
        <v>148</v>
      </c>
      <c r="N6276" t="s">
        <v>654</v>
      </c>
      <c r="O6276">
        <v>3</v>
      </c>
      <c r="P6276" t="s">
        <v>655</v>
      </c>
      <c r="Q6276">
        <v>1</v>
      </c>
      <c r="R6276" t="s">
        <v>669</v>
      </c>
      <c r="S6276">
        <v>1</v>
      </c>
      <c r="T6276" t="s">
        <v>661</v>
      </c>
      <c r="U6276">
        <v>8</v>
      </c>
      <c r="V6276">
        <v>4</v>
      </c>
      <c r="W6276">
        <v>240</v>
      </c>
      <c r="X6276">
        <v>2020</v>
      </c>
    </row>
    <row r="6277" spans="1:24" x14ac:dyDescent="0.25">
      <c r="A6277">
        <v>1388</v>
      </c>
      <c r="B6277" t="s">
        <v>189</v>
      </c>
      <c r="C6277">
        <v>30</v>
      </c>
      <c r="D6277" t="s">
        <v>329</v>
      </c>
      <c r="E6277">
        <v>233</v>
      </c>
      <c r="F6277" t="s">
        <v>651</v>
      </c>
      <c r="G6277">
        <v>160</v>
      </c>
      <c r="H6277" t="s">
        <v>719</v>
      </c>
      <c r="I6277">
        <v>7630</v>
      </c>
      <c r="J6277" t="s">
        <v>848</v>
      </c>
      <c r="K6277">
        <v>62</v>
      </c>
      <c r="L6277" t="s">
        <v>848</v>
      </c>
      <c r="M6277">
        <v>268</v>
      </c>
      <c r="N6277" t="s">
        <v>654</v>
      </c>
      <c r="O6277">
        <v>3</v>
      </c>
      <c r="P6277" t="s">
        <v>655</v>
      </c>
      <c r="Q6277">
        <v>1</v>
      </c>
      <c r="R6277" t="s">
        <v>669</v>
      </c>
      <c r="S6277">
        <v>1</v>
      </c>
      <c r="T6277" t="s">
        <v>661</v>
      </c>
      <c r="U6277">
        <v>8</v>
      </c>
      <c r="V6277">
        <v>4</v>
      </c>
      <c r="W6277">
        <v>240</v>
      </c>
      <c r="X6277">
        <v>2020</v>
      </c>
    </row>
    <row r="6278" spans="1:24" x14ac:dyDescent="0.25">
      <c r="A6278">
        <v>1387</v>
      </c>
      <c r="B6278" t="s">
        <v>189</v>
      </c>
      <c r="C6278">
        <v>30</v>
      </c>
      <c r="D6278" t="s">
        <v>329</v>
      </c>
      <c r="E6278">
        <v>233</v>
      </c>
      <c r="F6278" t="s">
        <v>651</v>
      </c>
      <c r="G6278">
        <v>160</v>
      </c>
      <c r="H6278" t="s">
        <v>719</v>
      </c>
      <c r="I6278">
        <v>7630</v>
      </c>
      <c r="J6278" t="s">
        <v>794</v>
      </c>
      <c r="K6278">
        <v>40</v>
      </c>
      <c r="L6278" t="s">
        <v>3710</v>
      </c>
      <c r="M6278">
        <v>144</v>
      </c>
      <c r="N6278" t="s">
        <v>654</v>
      </c>
      <c r="O6278">
        <v>3</v>
      </c>
      <c r="P6278" t="s">
        <v>655</v>
      </c>
      <c r="Q6278">
        <v>1</v>
      </c>
      <c r="R6278" t="s">
        <v>669</v>
      </c>
      <c r="S6278">
        <v>1</v>
      </c>
      <c r="T6278" t="s">
        <v>661</v>
      </c>
      <c r="U6278">
        <v>8</v>
      </c>
      <c r="V6278">
        <v>4</v>
      </c>
      <c r="W6278">
        <v>240</v>
      </c>
      <c r="X6278">
        <v>2020</v>
      </c>
    </row>
    <row r="6279" spans="1:24" x14ac:dyDescent="0.25">
      <c r="A6279">
        <v>1386</v>
      </c>
      <c r="B6279" t="s">
        <v>189</v>
      </c>
      <c r="C6279">
        <v>30</v>
      </c>
      <c r="D6279" t="s">
        <v>329</v>
      </c>
      <c r="E6279">
        <v>233</v>
      </c>
      <c r="F6279" t="s">
        <v>651</v>
      </c>
      <c r="G6279">
        <v>160</v>
      </c>
      <c r="H6279" t="s">
        <v>719</v>
      </c>
      <c r="I6279">
        <v>7630</v>
      </c>
      <c r="J6279" t="s">
        <v>794</v>
      </c>
      <c r="K6279">
        <v>40</v>
      </c>
      <c r="L6279" t="s">
        <v>794</v>
      </c>
      <c r="M6279">
        <v>143</v>
      </c>
      <c r="N6279" t="s">
        <v>654</v>
      </c>
      <c r="O6279">
        <v>3</v>
      </c>
      <c r="P6279" t="s">
        <v>689</v>
      </c>
      <c r="Q6279">
        <v>4</v>
      </c>
      <c r="R6279" t="s">
        <v>669</v>
      </c>
      <c r="S6279">
        <v>1</v>
      </c>
      <c r="T6279" t="s">
        <v>661</v>
      </c>
      <c r="U6279">
        <v>8</v>
      </c>
      <c r="V6279">
        <v>4</v>
      </c>
      <c r="W6279">
        <v>240</v>
      </c>
      <c r="X6279">
        <v>2020</v>
      </c>
    </row>
    <row r="6280" spans="1:24" x14ac:dyDescent="0.25">
      <c r="A6280">
        <v>1385</v>
      </c>
      <c r="B6280" t="s">
        <v>189</v>
      </c>
      <c r="C6280">
        <v>30</v>
      </c>
      <c r="D6280" t="s">
        <v>329</v>
      </c>
      <c r="E6280">
        <v>233</v>
      </c>
      <c r="F6280" t="s">
        <v>651</v>
      </c>
      <c r="G6280">
        <v>160</v>
      </c>
      <c r="H6280" t="s">
        <v>719</v>
      </c>
      <c r="I6280">
        <v>7630</v>
      </c>
      <c r="J6280" t="s">
        <v>794</v>
      </c>
      <c r="K6280">
        <v>40</v>
      </c>
      <c r="L6280" t="s">
        <v>794</v>
      </c>
      <c r="M6280">
        <v>143</v>
      </c>
      <c r="N6280" t="s">
        <v>654</v>
      </c>
      <c r="O6280">
        <v>3</v>
      </c>
      <c r="P6280" t="s">
        <v>655</v>
      </c>
      <c r="Q6280">
        <v>1</v>
      </c>
      <c r="R6280" t="s">
        <v>669</v>
      </c>
      <c r="S6280">
        <v>1</v>
      </c>
      <c r="T6280" t="s">
        <v>661</v>
      </c>
      <c r="U6280">
        <v>8</v>
      </c>
      <c r="V6280">
        <v>4</v>
      </c>
      <c r="W6280">
        <v>240</v>
      </c>
      <c r="X6280">
        <v>2020</v>
      </c>
    </row>
    <row r="6281" spans="1:24" x14ac:dyDescent="0.25">
      <c r="A6281">
        <v>1384</v>
      </c>
      <c r="B6281" t="s">
        <v>189</v>
      </c>
      <c r="C6281">
        <v>30</v>
      </c>
      <c r="D6281" t="s">
        <v>463</v>
      </c>
      <c r="E6281">
        <v>232</v>
      </c>
      <c r="F6281" t="s">
        <v>651</v>
      </c>
      <c r="G6281">
        <v>160</v>
      </c>
      <c r="H6281" t="s">
        <v>719</v>
      </c>
      <c r="I6281">
        <v>7630</v>
      </c>
      <c r="J6281" t="s">
        <v>917</v>
      </c>
      <c r="K6281">
        <v>83</v>
      </c>
      <c r="L6281" t="s">
        <v>3925</v>
      </c>
      <c r="M6281">
        <v>286</v>
      </c>
      <c r="N6281" t="s">
        <v>654</v>
      </c>
      <c r="O6281">
        <v>3</v>
      </c>
      <c r="P6281" t="s">
        <v>689</v>
      </c>
      <c r="Q6281">
        <v>4</v>
      </c>
      <c r="R6281" t="s">
        <v>669</v>
      </c>
      <c r="S6281">
        <v>1</v>
      </c>
      <c r="T6281" t="s">
        <v>661</v>
      </c>
      <c r="U6281">
        <v>8</v>
      </c>
      <c r="V6281">
        <v>4</v>
      </c>
      <c r="W6281">
        <v>240</v>
      </c>
      <c r="X6281">
        <v>2020</v>
      </c>
    </row>
    <row r="6282" spans="1:24" x14ac:dyDescent="0.25">
      <c r="A6282">
        <v>1383</v>
      </c>
      <c r="B6282" t="s">
        <v>189</v>
      </c>
      <c r="C6282">
        <v>30</v>
      </c>
      <c r="D6282" t="s">
        <v>463</v>
      </c>
      <c r="E6282">
        <v>232</v>
      </c>
      <c r="F6282" t="s">
        <v>651</v>
      </c>
      <c r="G6282">
        <v>160</v>
      </c>
      <c r="H6282" t="s">
        <v>719</v>
      </c>
      <c r="I6282">
        <v>7630</v>
      </c>
      <c r="J6282" t="s">
        <v>917</v>
      </c>
      <c r="K6282">
        <v>83</v>
      </c>
      <c r="L6282" t="s">
        <v>3925</v>
      </c>
      <c r="M6282">
        <v>286</v>
      </c>
      <c r="N6282" t="s">
        <v>654</v>
      </c>
      <c r="O6282">
        <v>3</v>
      </c>
      <c r="P6282" t="s">
        <v>655</v>
      </c>
      <c r="Q6282">
        <v>1</v>
      </c>
      <c r="R6282" t="s">
        <v>669</v>
      </c>
      <c r="S6282">
        <v>1</v>
      </c>
      <c r="T6282" t="s">
        <v>661</v>
      </c>
      <c r="U6282">
        <v>8</v>
      </c>
      <c r="V6282">
        <v>4</v>
      </c>
      <c r="W6282">
        <v>240</v>
      </c>
      <c r="X6282">
        <v>2020</v>
      </c>
    </row>
    <row r="6283" spans="1:24" x14ac:dyDescent="0.25">
      <c r="A6283">
        <v>1382</v>
      </c>
      <c r="B6283" t="s">
        <v>189</v>
      </c>
      <c r="C6283">
        <v>30</v>
      </c>
      <c r="D6283" t="s">
        <v>463</v>
      </c>
      <c r="E6283">
        <v>232</v>
      </c>
      <c r="F6283" t="s">
        <v>651</v>
      </c>
      <c r="G6283">
        <v>160</v>
      </c>
      <c r="H6283" t="s">
        <v>719</v>
      </c>
      <c r="I6283">
        <v>7630</v>
      </c>
      <c r="J6283" t="s">
        <v>880</v>
      </c>
      <c r="K6283">
        <v>58</v>
      </c>
      <c r="L6283" t="s">
        <v>3937</v>
      </c>
      <c r="M6283">
        <v>237</v>
      </c>
      <c r="N6283" t="s">
        <v>654</v>
      </c>
      <c r="O6283">
        <v>3</v>
      </c>
      <c r="P6283" t="s">
        <v>655</v>
      </c>
      <c r="Q6283">
        <v>1</v>
      </c>
      <c r="R6283" t="s">
        <v>669</v>
      </c>
      <c r="S6283">
        <v>1</v>
      </c>
      <c r="T6283" t="s">
        <v>661</v>
      </c>
      <c r="U6283">
        <v>8</v>
      </c>
      <c r="V6283">
        <v>4</v>
      </c>
      <c r="W6283">
        <v>240</v>
      </c>
      <c r="X6283">
        <v>2020</v>
      </c>
    </row>
    <row r="6284" spans="1:24" x14ac:dyDescent="0.25">
      <c r="A6284">
        <v>1381</v>
      </c>
      <c r="B6284" t="s">
        <v>189</v>
      </c>
      <c r="C6284">
        <v>30</v>
      </c>
      <c r="D6284" t="s">
        <v>463</v>
      </c>
      <c r="E6284">
        <v>232</v>
      </c>
      <c r="F6284" t="s">
        <v>651</v>
      </c>
      <c r="G6284">
        <v>160</v>
      </c>
      <c r="H6284" t="s">
        <v>719</v>
      </c>
      <c r="I6284">
        <v>7630</v>
      </c>
      <c r="J6284" t="s">
        <v>909</v>
      </c>
      <c r="K6284">
        <v>39</v>
      </c>
      <c r="L6284" t="s">
        <v>3692</v>
      </c>
      <c r="M6284">
        <v>140</v>
      </c>
      <c r="N6284" t="s">
        <v>654</v>
      </c>
      <c r="O6284">
        <v>3</v>
      </c>
      <c r="P6284" t="s">
        <v>655</v>
      </c>
      <c r="Q6284">
        <v>1</v>
      </c>
      <c r="R6284" t="s">
        <v>669</v>
      </c>
      <c r="S6284">
        <v>1</v>
      </c>
      <c r="T6284" t="s">
        <v>661</v>
      </c>
      <c r="U6284">
        <v>8</v>
      </c>
      <c r="V6284">
        <v>4</v>
      </c>
      <c r="W6284">
        <v>240</v>
      </c>
      <c r="X6284">
        <v>2020</v>
      </c>
    </row>
    <row r="6285" spans="1:24" x14ac:dyDescent="0.25">
      <c r="A6285">
        <v>1380</v>
      </c>
      <c r="B6285" t="s">
        <v>189</v>
      </c>
      <c r="C6285">
        <v>30</v>
      </c>
      <c r="D6285" t="s">
        <v>463</v>
      </c>
      <c r="E6285">
        <v>232</v>
      </c>
      <c r="F6285" t="s">
        <v>651</v>
      </c>
      <c r="G6285">
        <v>160</v>
      </c>
      <c r="H6285" t="s">
        <v>719</v>
      </c>
      <c r="I6285">
        <v>7630</v>
      </c>
      <c r="J6285" t="s">
        <v>909</v>
      </c>
      <c r="K6285">
        <v>39</v>
      </c>
      <c r="L6285" t="s">
        <v>1925</v>
      </c>
      <c r="M6285">
        <v>138</v>
      </c>
      <c r="N6285" t="s">
        <v>654</v>
      </c>
      <c r="O6285">
        <v>3</v>
      </c>
      <c r="P6285" t="s">
        <v>689</v>
      </c>
      <c r="Q6285">
        <v>4</v>
      </c>
      <c r="R6285" t="s">
        <v>669</v>
      </c>
      <c r="S6285">
        <v>1</v>
      </c>
      <c r="T6285" t="s">
        <v>661</v>
      </c>
      <c r="U6285">
        <v>8</v>
      </c>
      <c r="V6285">
        <v>4</v>
      </c>
      <c r="W6285">
        <v>240</v>
      </c>
      <c r="X6285">
        <v>2020</v>
      </c>
    </row>
    <row r="6286" spans="1:24" x14ac:dyDescent="0.25">
      <c r="A6286">
        <v>1379</v>
      </c>
      <c r="B6286" t="s">
        <v>189</v>
      </c>
      <c r="C6286">
        <v>30</v>
      </c>
      <c r="D6286" t="s">
        <v>463</v>
      </c>
      <c r="E6286">
        <v>232</v>
      </c>
      <c r="F6286" t="s">
        <v>651</v>
      </c>
      <c r="G6286">
        <v>160</v>
      </c>
      <c r="H6286" t="s">
        <v>719</v>
      </c>
      <c r="I6286">
        <v>7630</v>
      </c>
      <c r="J6286" t="s">
        <v>909</v>
      </c>
      <c r="K6286">
        <v>39</v>
      </c>
      <c r="L6286" t="s">
        <v>1925</v>
      </c>
      <c r="M6286">
        <v>138</v>
      </c>
      <c r="N6286" t="s">
        <v>654</v>
      </c>
      <c r="O6286">
        <v>3</v>
      </c>
      <c r="P6286" t="s">
        <v>655</v>
      </c>
      <c r="Q6286">
        <v>1</v>
      </c>
      <c r="R6286" t="s">
        <v>669</v>
      </c>
      <c r="S6286">
        <v>1</v>
      </c>
      <c r="T6286" t="s">
        <v>661</v>
      </c>
      <c r="U6286">
        <v>8</v>
      </c>
      <c r="V6286">
        <v>4</v>
      </c>
      <c r="W6286">
        <v>240</v>
      </c>
      <c r="X6286">
        <v>2020</v>
      </c>
    </row>
    <row r="6287" spans="1:24" x14ac:dyDescent="0.25">
      <c r="A6287">
        <v>1378</v>
      </c>
      <c r="B6287" t="s">
        <v>189</v>
      </c>
      <c r="C6287">
        <v>30</v>
      </c>
      <c r="D6287" t="s">
        <v>463</v>
      </c>
      <c r="E6287">
        <v>232</v>
      </c>
      <c r="F6287" t="s">
        <v>651</v>
      </c>
      <c r="G6287">
        <v>160</v>
      </c>
      <c r="H6287" t="s">
        <v>719</v>
      </c>
      <c r="I6287">
        <v>7630</v>
      </c>
      <c r="J6287" t="s">
        <v>831</v>
      </c>
      <c r="K6287">
        <v>5</v>
      </c>
      <c r="L6287" t="s">
        <v>831</v>
      </c>
      <c r="M6287">
        <v>14</v>
      </c>
      <c r="N6287" t="s">
        <v>654</v>
      </c>
      <c r="O6287">
        <v>3</v>
      </c>
      <c r="P6287" t="s">
        <v>655</v>
      </c>
      <c r="Q6287">
        <v>1</v>
      </c>
      <c r="R6287" t="s">
        <v>669</v>
      </c>
      <c r="S6287">
        <v>1</v>
      </c>
      <c r="T6287" t="s">
        <v>661</v>
      </c>
      <c r="U6287">
        <v>8</v>
      </c>
      <c r="V6287">
        <v>3</v>
      </c>
      <c r="W6287">
        <v>180</v>
      </c>
      <c r="X6287">
        <v>2020</v>
      </c>
    </row>
    <row r="6288" spans="1:24" x14ac:dyDescent="0.25">
      <c r="A6288">
        <v>1377</v>
      </c>
      <c r="B6288" t="s">
        <v>112</v>
      </c>
      <c r="C6288">
        <v>29</v>
      </c>
      <c r="D6288" t="s">
        <v>517</v>
      </c>
      <c r="E6288">
        <v>231</v>
      </c>
      <c r="F6288" t="s">
        <v>651</v>
      </c>
      <c r="G6288">
        <v>160</v>
      </c>
      <c r="H6288" t="s">
        <v>719</v>
      </c>
      <c r="I6288">
        <v>7630</v>
      </c>
      <c r="J6288" t="s">
        <v>1538</v>
      </c>
      <c r="K6288">
        <v>36</v>
      </c>
      <c r="L6288" t="s">
        <v>1538</v>
      </c>
      <c r="M6288">
        <v>125</v>
      </c>
      <c r="N6288" t="s">
        <v>654</v>
      </c>
      <c r="O6288">
        <v>3</v>
      </c>
      <c r="P6288" t="s">
        <v>655</v>
      </c>
      <c r="Q6288">
        <v>1</v>
      </c>
      <c r="R6288" t="s">
        <v>669</v>
      </c>
      <c r="S6288">
        <v>1</v>
      </c>
      <c r="T6288" t="s">
        <v>661</v>
      </c>
      <c r="U6288">
        <v>8</v>
      </c>
      <c r="V6288">
        <v>6</v>
      </c>
      <c r="W6288">
        <v>360</v>
      </c>
      <c r="X6288">
        <v>2020</v>
      </c>
    </row>
    <row r="6289" spans="1:24" x14ac:dyDescent="0.25">
      <c r="A6289">
        <v>1376</v>
      </c>
      <c r="B6289" t="s">
        <v>112</v>
      </c>
      <c r="C6289">
        <v>29</v>
      </c>
      <c r="D6289" t="s">
        <v>518</v>
      </c>
      <c r="E6289">
        <v>230</v>
      </c>
      <c r="F6289" t="s">
        <v>651</v>
      </c>
      <c r="G6289">
        <v>160</v>
      </c>
      <c r="H6289" t="s">
        <v>719</v>
      </c>
      <c r="I6289">
        <v>7630</v>
      </c>
      <c r="J6289" t="s">
        <v>730</v>
      </c>
      <c r="K6289">
        <v>66</v>
      </c>
      <c r="L6289" t="s">
        <v>3789</v>
      </c>
      <c r="M6289">
        <v>279</v>
      </c>
      <c r="N6289" t="s">
        <v>654</v>
      </c>
      <c r="O6289">
        <v>3</v>
      </c>
      <c r="P6289" t="s">
        <v>655</v>
      </c>
      <c r="Q6289">
        <v>1</v>
      </c>
      <c r="R6289" t="s">
        <v>669</v>
      </c>
      <c r="S6289">
        <v>1</v>
      </c>
      <c r="T6289" t="s">
        <v>661</v>
      </c>
      <c r="U6289">
        <v>8</v>
      </c>
      <c r="V6289">
        <v>4</v>
      </c>
      <c r="W6289">
        <v>240</v>
      </c>
      <c r="X6289">
        <v>2020</v>
      </c>
    </row>
    <row r="6290" spans="1:24" x14ac:dyDescent="0.25">
      <c r="A6290">
        <v>1375</v>
      </c>
      <c r="B6290" t="s">
        <v>112</v>
      </c>
      <c r="C6290">
        <v>29</v>
      </c>
      <c r="D6290" t="s">
        <v>518</v>
      </c>
      <c r="E6290">
        <v>230</v>
      </c>
      <c r="F6290" t="s">
        <v>651</v>
      </c>
      <c r="G6290">
        <v>160</v>
      </c>
      <c r="H6290" t="s">
        <v>719</v>
      </c>
      <c r="I6290">
        <v>7630</v>
      </c>
      <c r="J6290" t="s">
        <v>693</v>
      </c>
      <c r="K6290">
        <v>56</v>
      </c>
      <c r="L6290" t="s">
        <v>3125</v>
      </c>
      <c r="M6290">
        <v>224</v>
      </c>
      <c r="N6290" t="s">
        <v>654</v>
      </c>
      <c r="O6290">
        <v>3</v>
      </c>
      <c r="P6290" t="s">
        <v>655</v>
      </c>
      <c r="Q6290">
        <v>1</v>
      </c>
      <c r="R6290" t="s">
        <v>669</v>
      </c>
      <c r="S6290">
        <v>1</v>
      </c>
      <c r="T6290" t="s">
        <v>661</v>
      </c>
      <c r="U6290">
        <v>8</v>
      </c>
      <c r="V6290">
        <v>4</v>
      </c>
      <c r="W6290">
        <v>240</v>
      </c>
      <c r="X6290">
        <v>2020</v>
      </c>
    </row>
    <row r="6291" spans="1:24" x14ac:dyDescent="0.25">
      <c r="A6291">
        <v>1374</v>
      </c>
      <c r="B6291" t="s">
        <v>112</v>
      </c>
      <c r="C6291">
        <v>29</v>
      </c>
      <c r="D6291" t="s">
        <v>518</v>
      </c>
      <c r="E6291">
        <v>230</v>
      </c>
      <c r="F6291" t="s">
        <v>651</v>
      </c>
      <c r="G6291">
        <v>160</v>
      </c>
      <c r="H6291" t="s">
        <v>719</v>
      </c>
      <c r="I6291">
        <v>7630</v>
      </c>
      <c r="J6291" t="s">
        <v>693</v>
      </c>
      <c r="K6291">
        <v>56</v>
      </c>
      <c r="L6291" t="s">
        <v>3786</v>
      </c>
      <c r="M6291">
        <v>231</v>
      </c>
      <c r="N6291" t="s">
        <v>654</v>
      </c>
      <c r="O6291">
        <v>3</v>
      </c>
      <c r="P6291" t="s">
        <v>655</v>
      </c>
      <c r="Q6291">
        <v>1</v>
      </c>
      <c r="R6291" t="s">
        <v>669</v>
      </c>
      <c r="S6291">
        <v>1</v>
      </c>
      <c r="T6291" t="s">
        <v>661</v>
      </c>
      <c r="U6291">
        <v>8</v>
      </c>
      <c r="V6291">
        <v>4</v>
      </c>
      <c r="W6291">
        <v>240</v>
      </c>
      <c r="X6291">
        <v>2020</v>
      </c>
    </row>
    <row r="6292" spans="1:24" x14ac:dyDescent="0.25">
      <c r="A6292">
        <v>1373</v>
      </c>
      <c r="B6292" t="s">
        <v>112</v>
      </c>
      <c r="C6292">
        <v>29</v>
      </c>
      <c r="D6292" t="s">
        <v>518</v>
      </c>
      <c r="E6292">
        <v>230</v>
      </c>
      <c r="F6292" t="s">
        <v>651</v>
      </c>
      <c r="G6292">
        <v>160</v>
      </c>
      <c r="H6292" t="s">
        <v>719</v>
      </c>
      <c r="I6292">
        <v>7630</v>
      </c>
      <c r="J6292" t="s">
        <v>693</v>
      </c>
      <c r="K6292">
        <v>56</v>
      </c>
      <c r="L6292" t="s">
        <v>3969</v>
      </c>
      <c r="M6292">
        <v>229</v>
      </c>
      <c r="N6292" t="s">
        <v>654</v>
      </c>
      <c r="O6292">
        <v>3</v>
      </c>
      <c r="P6292" t="s">
        <v>655</v>
      </c>
      <c r="Q6292">
        <v>1</v>
      </c>
      <c r="R6292" t="s">
        <v>669</v>
      </c>
      <c r="S6292">
        <v>1</v>
      </c>
      <c r="T6292" t="s">
        <v>661</v>
      </c>
      <c r="U6292">
        <v>8</v>
      </c>
      <c r="V6292">
        <v>4</v>
      </c>
      <c r="W6292">
        <v>240</v>
      </c>
      <c r="X6292">
        <v>2020</v>
      </c>
    </row>
    <row r="6293" spans="1:24" x14ac:dyDescent="0.25">
      <c r="A6293">
        <v>1372</v>
      </c>
      <c r="B6293" t="s">
        <v>112</v>
      </c>
      <c r="C6293">
        <v>29</v>
      </c>
      <c r="D6293" t="s">
        <v>518</v>
      </c>
      <c r="E6293">
        <v>230</v>
      </c>
      <c r="F6293" t="s">
        <v>651</v>
      </c>
      <c r="G6293">
        <v>160</v>
      </c>
      <c r="H6293" t="s">
        <v>719</v>
      </c>
      <c r="I6293">
        <v>7630</v>
      </c>
      <c r="J6293" t="s">
        <v>693</v>
      </c>
      <c r="K6293">
        <v>56</v>
      </c>
      <c r="L6293" t="s">
        <v>3970</v>
      </c>
      <c r="M6293">
        <v>228</v>
      </c>
      <c r="N6293" t="s">
        <v>654</v>
      </c>
      <c r="O6293">
        <v>3</v>
      </c>
      <c r="P6293" t="s">
        <v>655</v>
      </c>
      <c r="Q6293">
        <v>1</v>
      </c>
      <c r="R6293" t="s">
        <v>669</v>
      </c>
      <c r="S6293">
        <v>1</v>
      </c>
      <c r="T6293" t="s">
        <v>661</v>
      </c>
      <c r="U6293">
        <v>8</v>
      </c>
      <c r="V6293">
        <v>4</v>
      </c>
      <c r="W6293">
        <v>240</v>
      </c>
      <c r="X6293">
        <v>2020</v>
      </c>
    </row>
    <row r="6294" spans="1:24" x14ac:dyDescent="0.25">
      <c r="A6294">
        <v>1371</v>
      </c>
      <c r="B6294" t="s">
        <v>112</v>
      </c>
      <c r="C6294">
        <v>29</v>
      </c>
      <c r="D6294" t="s">
        <v>518</v>
      </c>
      <c r="E6294">
        <v>230</v>
      </c>
      <c r="F6294" t="s">
        <v>651</v>
      </c>
      <c r="G6294">
        <v>160</v>
      </c>
      <c r="H6294" t="s">
        <v>719</v>
      </c>
      <c r="I6294">
        <v>7630</v>
      </c>
      <c r="J6294" t="s">
        <v>742</v>
      </c>
      <c r="K6294">
        <v>48</v>
      </c>
      <c r="L6294" t="s">
        <v>3971</v>
      </c>
      <c r="M6294">
        <v>176</v>
      </c>
      <c r="N6294" t="s">
        <v>654</v>
      </c>
      <c r="O6294">
        <v>3</v>
      </c>
      <c r="P6294" t="s">
        <v>655</v>
      </c>
      <c r="Q6294">
        <v>1</v>
      </c>
      <c r="R6294" t="s">
        <v>669</v>
      </c>
      <c r="S6294">
        <v>1</v>
      </c>
      <c r="T6294" t="s">
        <v>661</v>
      </c>
      <c r="U6294">
        <v>8</v>
      </c>
      <c r="V6294">
        <v>4</v>
      </c>
      <c r="W6294">
        <v>240</v>
      </c>
      <c r="X6294">
        <v>2020</v>
      </c>
    </row>
    <row r="6295" spans="1:24" x14ac:dyDescent="0.25">
      <c r="A6295">
        <v>1370</v>
      </c>
      <c r="B6295" t="s">
        <v>112</v>
      </c>
      <c r="C6295">
        <v>29</v>
      </c>
      <c r="D6295" t="s">
        <v>518</v>
      </c>
      <c r="E6295">
        <v>230</v>
      </c>
      <c r="F6295" t="s">
        <v>651</v>
      </c>
      <c r="G6295">
        <v>160</v>
      </c>
      <c r="H6295" t="s">
        <v>719</v>
      </c>
      <c r="I6295">
        <v>7630</v>
      </c>
      <c r="J6295" t="s">
        <v>742</v>
      </c>
      <c r="K6295">
        <v>48</v>
      </c>
      <c r="L6295" t="s">
        <v>3972</v>
      </c>
      <c r="M6295">
        <v>175</v>
      </c>
      <c r="N6295" t="s">
        <v>654</v>
      </c>
      <c r="O6295">
        <v>3</v>
      </c>
      <c r="P6295" t="s">
        <v>655</v>
      </c>
      <c r="Q6295">
        <v>1</v>
      </c>
      <c r="R6295" t="s">
        <v>669</v>
      </c>
      <c r="S6295">
        <v>1</v>
      </c>
      <c r="T6295" t="s">
        <v>661</v>
      </c>
      <c r="U6295">
        <v>8</v>
      </c>
      <c r="V6295">
        <v>4</v>
      </c>
      <c r="W6295">
        <v>240</v>
      </c>
      <c r="X6295">
        <v>2020</v>
      </c>
    </row>
    <row r="6296" spans="1:24" x14ac:dyDescent="0.25">
      <c r="A6296">
        <v>1369</v>
      </c>
      <c r="B6296" t="s">
        <v>112</v>
      </c>
      <c r="C6296">
        <v>29</v>
      </c>
      <c r="D6296" t="s">
        <v>519</v>
      </c>
      <c r="E6296">
        <v>229</v>
      </c>
      <c r="F6296" t="s">
        <v>651</v>
      </c>
      <c r="G6296">
        <v>160</v>
      </c>
      <c r="H6296" t="s">
        <v>719</v>
      </c>
      <c r="I6296">
        <v>7630</v>
      </c>
      <c r="J6296" t="s">
        <v>738</v>
      </c>
      <c r="K6296">
        <v>61</v>
      </c>
      <c r="L6296" t="s">
        <v>3938</v>
      </c>
      <c r="M6296">
        <v>256</v>
      </c>
      <c r="N6296" t="s">
        <v>654</v>
      </c>
      <c r="O6296">
        <v>3</v>
      </c>
      <c r="P6296" t="s">
        <v>655</v>
      </c>
      <c r="Q6296">
        <v>1</v>
      </c>
      <c r="R6296" t="s">
        <v>669</v>
      </c>
      <c r="S6296">
        <v>1</v>
      </c>
      <c r="T6296" t="s">
        <v>661</v>
      </c>
      <c r="U6296">
        <v>8</v>
      </c>
      <c r="V6296">
        <v>4</v>
      </c>
      <c r="W6296">
        <v>240</v>
      </c>
      <c r="X6296">
        <v>2020</v>
      </c>
    </row>
    <row r="6297" spans="1:24" x14ac:dyDescent="0.25">
      <c r="A6297">
        <v>1368</v>
      </c>
      <c r="B6297" t="s">
        <v>112</v>
      </c>
      <c r="C6297">
        <v>29</v>
      </c>
      <c r="D6297" t="s">
        <v>519</v>
      </c>
      <c r="E6297">
        <v>229</v>
      </c>
      <c r="F6297" t="s">
        <v>651</v>
      </c>
      <c r="G6297">
        <v>160</v>
      </c>
      <c r="H6297" t="s">
        <v>719</v>
      </c>
      <c r="I6297">
        <v>7630</v>
      </c>
      <c r="J6297" t="s">
        <v>1236</v>
      </c>
      <c r="K6297">
        <v>60</v>
      </c>
      <c r="L6297" t="s">
        <v>3671</v>
      </c>
      <c r="M6297">
        <v>247</v>
      </c>
      <c r="N6297" t="s">
        <v>654</v>
      </c>
      <c r="O6297">
        <v>3</v>
      </c>
      <c r="P6297" t="s">
        <v>655</v>
      </c>
      <c r="Q6297">
        <v>1</v>
      </c>
      <c r="R6297" t="s">
        <v>669</v>
      </c>
      <c r="S6297">
        <v>1</v>
      </c>
      <c r="T6297" t="s">
        <v>661</v>
      </c>
      <c r="U6297">
        <v>8</v>
      </c>
      <c r="V6297">
        <v>4</v>
      </c>
      <c r="W6297">
        <v>240</v>
      </c>
      <c r="X6297">
        <v>2020</v>
      </c>
    </row>
    <row r="6298" spans="1:24" x14ac:dyDescent="0.25">
      <c r="A6298">
        <v>1367</v>
      </c>
      <c r="B6298" t="s">
        <v>112</v>
      </c>
      <c r="C6298">
        <v>29</v>
      </c>
      <c r="D6298" t="s">
        <v>519</v>
      </c>
      <c r="E6298">
        <v>229</v>
      </c>
      <c r="F6298" t="s">
        <v>651</v>
      </c>
      <c r="G6298">
        <v>160</v>
      </c>
      <c r="H6298" t="s">
        <v>719</v>
      </c>
      <c r="I6298">
        <v>7630</v>
      </c>
      <c r="J6298" t="s">
        <v>1236</v>
      </c>
      <c r="K6298">
        <v>60</v>
      </c>
      <c r="L6298" t="s">
        <v>3673</v>
      </c>
      <c r="M6298">
        <v>245</v>
      </c>
      <c r="N6298" t="s">
        <v>654</v>
      </c>
      <c r="O6298">
        <v>3</v>
      </c>
      <c r="P6298" t="s">
        <v>655</v>
      </c>
      <c r="Q6298">
        <v>1</v>
      </c>
      <c r="R6298" t="s">
        <v>669</v>
      </c>
      <c r="S6298">
        <v>1</v>
      </c>
      <c r="T6298" t="s">
        <v>661</v>
      </c>
      <c r="U6298">
        <v>8</v>
      </c>
      <c r="V6298">
        <v>4</v>
      </c>
      <c r="W6298">
        <v>240</v>
      </c>
      <c r="X6298">
        <v>2020</v>
      </c>
    </row>
    <row r="6299" spans="1:24" x14ac:dyDescent="0.25">
      <c r="A6299">
        <v>1366</v>
      </c>
      <c r="B6299" t="s">
        <v>112</v>
      </c>
      <c r="C6299">
        <v>29</v>
      </c>
      <c r="D6299" t="s">
        <v>465</v>
      </c>
      <c r="E6299">
        <v>228</v>
      </c>
      <c r="F6299" t="s">
        <v>651</v>
      </c>
      <c r="G6299">
        <v>160</v>
      </c>
      <c r="H6299" t="s">
        <v>719</v>
      </c>
      <c r="I6299">
        <v>7630</v>
      </c>
      <c r="J6299" t="s">
        <v>716</v>
      </c>
      <c r="K6299">
        <v>68</v>
      </c>
      <c r="L6299" t="s">
        <v>717</v>
      </c>
      <c r="M6299">
        <v>295</v>
      </c>
      <c r="N6299" t="s">
        <v>654</v>
      </c>
      <c r="O6299">
        <v>3</v>
      </c>
      <c r="P6299" t="s">
        <v>655</v>
      </c>
      <c r="Q6299">
        <v>1</v>
      </c>
      <c r="R6299" t="s">
        <v>669</v>
      </c>
      <c r="S6299">
        <v>1</v>
      </c>
      <c r="T6299" t="s">
        <v>661</v>
      </c>
      <c r="U6299">
        <v>8</v>
      </c>
      <c r="V6299">
        <v>4</v>
      </c>
      <c r="W6299">
        <v>240</v>
      </c>
      <c r="X6299">
        <v>2020</v>
      </c>
    </row>
    <row r="6300" spans="1:24" x14ac:dyDescent="0.25">
      <c r="A6300">
        <v>1365</v>
      </c>
      <c r="B6300" t="s">
        <v>112</v>
      </c>
      <c r="C6300">
        <v>29</v>
      </c>
      <c r="D6300" t="s">
        <v>465</v>
      </c>
      <c r="E6300">
        <v>228</v>
      </c>
      <c r="F6300" t="s">
        <v>651</v>
      </c>
      <c r="G6300">
        <v>160</v>
      </c>
      <c r="H6300" t="s">
        <v>719</v>
      </c>
      <c r="I6300">
        <v>7630</v>
      </c>
      <c r="J6300" t="s">
        <v>716</v>
      </c>
      <c r="K6300">
        <v>68</v>
      </c>
      <c r="L6300" t="s">
        <v>1915</v>
      </c>
      <c r="M6300">
        <v>294</v>
      </c>
      <c r="N6300" t="s">
        <v>654</v>
      </c>
      <c r="O6300">
        <v>3</v>
      </c>
      <c r="P6300" t="s">
        <v>655</v>
      </c>
      <c r="Q6300">
        <v>1</v>
      </c>
      <c r="R6300" t="s">
        <v>669</v>
      </c>
      <c r="S6300">
        <v>1</v>
      </c>
      <c r="T6300" t="s">
        <v>661</v>
      </c>
      <c r="U6300">
        <v>8</v>
      </c>
      <c r="V6300">
        <v>4</v>
      </c>
      <c r="W6300">
        <v>240</v>
      </c>
      <c r="X6300">
        <v>2020</v>
      </c>
    </row>
    <row r="6301" spans="1:24" x14ac:dyDescent="0.25">
      <c r="A6301">
        <v>1364</v>
      </c>
      <c r="B6301" t="s">
        <v>112</v>
      </c>
      <c r="C6301">
        <v>29</v>
      </c>
      <c r="D6301" t="s">
        <v>465</v>
      </c>
      <c r="E6301">
        <v>228</v>
      </c>
      <c r="F6301" t="s">
        <v>651</v>
      </c>
      <c r="G6301">
        <v>160</v>
      </c>
      <c r="H6301" t="s">
        <v>719</v>
      </c>
      <c r="I6301">
        <v>7630</v>
      </c>
      <c r="J6301" t="s">
        <v>738</v>
      </c>
      <c r="K6301">
        <v>61</v>
      </c>
      <c r="L6301" t="s">
        <v>1261</v>
      </c>
      <c r="M6301">
        <v>253</v>
      </c>
      <c r="N6301" t="s">
        <v>654</v>
      </c>
      <c r="O6301">
        <v>3</v>
      </c>
      <c r="P6301" t="s">
        <v>655</v>
      </c>
      <c r="Q6301">
        <v>1</v>
      </c>
      <c r="R6301" t="s">
        <v>669</v>
      </c>
      <c r="S6301">
        <v>1</v>
      </c>
      <c r="T6301" t="s">
        <v>661</v>
      </c>
      <c r="U6301">
        <v>8</v>
      </c>
      <c r="V6301">
        <v>4</v>
      </c>
      <c r="W6301">
        <v>240</v>
      </c>
      <c r="X6301">
        <v>2020</v>
      </c>
    </row>
    <row r="6302" spans="1:24" x14ac:dyDescent="0.25">
      <c r="A6302">
        <v>1363</v>
      </c>
      <c r="B6302" t="s">
        <v>112</v>
      </c>
      <c r="C6302">
        <v>29</v>
      </c>
      <c r="D6302" t="s">
        <v>465</v>
      </c>
      <c r="E6302">
        <v>228</v>
      </c>
      <c r="F6302" t="s">
        <v>651</v>
      </c>
      <c r="G6302">
        <v>160</v>
      </c>
      <c r="H6302" t="s">
        <v>719</v>
      </c>
      <c r="I6302">
        <v>7630</v>
      </c>
      <c r="J6302" t="s">
        <v>738</v>
      </c>
      <c r="K6302">
        <v>61</v>
      </c>
      <c r="L6302" t="s">
        <v>738</v>
      </c>
      <c r="M6302">
        <v>252</v>
      </c>
      <c r="N6302" t="s">
        <v>654</v>
      </c>
      <c r="O6302">
        <v>3</v>
      </c>
      <c r="P6302" t="s">
        <v>655</v>
      </c>
      <c r="Q6302">
        <v>1</v>
      </c>
      <c r="R6302" t="s">
        <v>669</v>
      </c>
      <c r="S6302">
        <v>1</v>
      </c>
      <c r="T6302" t="s">
        <v>661</v>
      </c>
      <c r="U6302">
        <v>8</v>
      </c>
      <c r="V6302">
        <v>4</v>
      </c>
      <c r="W6302">
        <v>240</v>
      </c>
      <c r="X6302">
        <v>2020</v>
      </c>
    </row>
    <row r="6303" spans="1:24" x14ac:dyDescent="0.25">
      <c r="A6303">
        <v>1362</v>
      </c>
      <c r="B6303" t="s">
        <v>112</v>
      </c>
      <c r="C6303">
        <v>29</v>
      </c>
      <c r="D6303" t="s">
        <v>465</v>
      </c>
      <c r="E6303">
        <v>228</v>
      </c>
      <c r="F6303" t="s">
        <v>651</v>
      </c>
      <c r="G6303">
        <v>160</v>
      </c>
      <c r="H6303" t="s">
        <v>719</v>
      </c>
      <c r="I6303">
        <v>7630</v>
      </c>
      <c r="J6303" t="s">
        <v>738</v>
      </c>
      <c r="K6303">
        <v>61</v>
      </c>
      <c r="L6303" t="s">
        <v>924</v>
      </c>
      <c r="M6303">
        <v>248</v>
      </c>
      <c r="N6303" t="s">
        <v>654</v>
      </c>
      <c r="O6303">
        <v>3</v>
      </c>
      <c r="P6303" t="s">
        <v>655</v>
      </c>
      <c r="Q6303">
        <v>1</v>
      </c>
      <c r="R6303" t="s">
        <v>669</v>
      </c>
      <c r="S6303">
        <v>1</v>
      </c>
      <c r="T6303" t="s">
        <v>661</v>
      </c>
      <c r="U6303">
        <v>8</v>
      </c>
      <c r="V6303">
        <v>4</v>
      </c>
      <c r="W6303">
        <v>240</v>
      </c>
      <c r="X6303">
        <v>2020</v>
      </c>
    </row>
    <row r="6304" spans="1:24" x14ac:dyDescent="0.25">
      <c r="A6304">
        <v>1361</v>
      </c>
      <c r="B6304" t="s">
        <v>112</v>
      </c>
      <c r="C6304">
        <v>29</v>
      </c>
      <c r="D6304" t="s">
        <v>465</v>
      </c>
      <c r="E6304">
        <v>228</v>
      </c>
      <c r="F6304" t="s">
        <v>651</v>
      </c>
      <c r="G6304">
        <v>160</v>
      </c>
      <c r="H6304" t="s">
        <v>719</v>
      </c>
      <c r="I6304">
        <v>7630</v>
      </c>
      <c r="J6304" t="s">
        <v>707</v>
      </c>
      <c r="K6304">
        <v>59</v>
      </c>
      <c r="L6304" t="s">
        <v>708</v>
      </c>
      <c r="M6304">
        <v>242</v>
      </c>
      <c r="N6304" t="s">
        <v>654</v>
      </c>
      <c r="O6304">
        <v>3</v>
      </c>
      <c r="P6304" t="s">
        <v>655</v>
      </c>
      <c r="Q6304">
        <v>1</v>
      </c>
      <c r="R6304" t="s">
        <v>669</v>
      </c>
      <c r="S6304">
        <v>1</v>
      </c>
      <c r="T6304" t="s">
        <v>661</v>
      </c>
      <c r="U6304">
        <v>8</v>
      </c>
      <c r="V6304">
        <v>4</v>
      </c>
      <c r="W6304">
        <v>240</v>
      </c>
      <c r="X6304">
        <v>2020</v>
      </c>
    </row>
    <row r="6305" spans="1:24" x14ac:dyDescent="0.25">
      <c r="A6305">
        <v>1360</v>
      </c>
      <c r="B6305" t="s">
        <v>112</v>
      </c>
      <c r="C6305">
        <v>29</v>
      </c>
      <c r="D6305" t="s">
        <v>465</v>
      </c>
      <c r="E6305">
        <v>228</v>
      </c>
      <c r="F6305" t="s">
        <v>651</v>
      </c>
      <c r="G6305">
        <v>160</v>
      </c>
      <c r="H6305" t="s">
        <v>719</v>
      </c>
      <c r="I6305">
        <v>7630</v>
      </c>
      <c r="J6305" t="s">
        <v>707</v>
      </c>
      <c r="K6305">
        <v>59</v>
      </c>
      <c r="L6305" t="s">
        <v>2292</v>
      </c>
      <c r="M6305">
        <v>241</v>
      </c>
      <c r="N6305" t="s">
        <v>654</v>
      </c>
      <c r="O6305">
        <v>3</v>
      </c>
      <c r="P6305" t="s">
        <v>655</v>
      </c>
      <c r="Q6305">
        <v>1</v>
      </c>
      <c r="R6305" t="s">
        <v>669</v>
      </c>
      <c r="S6305">
        <v>1</v>
      </c>
      <c r="T6305" t="s">
        <v>661</v>
      </c>
      <c r="U6305">
        <v>8</v>
      </c>
      <c r="V6305">
        <v>4</v>
      </c>
      <c r="W6305">
        <v>240</v>
      </c>
      <c r="X6305">
        <v>2020</v>
      </c>
    </row>
    <row r="6306" spans="1:24" x14ac:dyDescent="0.25">
      <c r="A6306">
        <v>1359</v>
      </c>
      <c r="B6306" t="s">
        <v>112</v>
      </c>
      <c r="C6306">
        <v>29</v>
      </c>
      <c r="D6306" t="s">
        <v>520</v>
      </c>
      <c r="E6306">
        <v>227</v>
      </c>
      <c r="F6306" t="s">
        <v>651</v>
      </c>
      <c r="G6306">
        <v>160</v>
      </c>
      <c r="H6306" t="s">
        <v>719</v>
      </c>
      <c r="I6306">
        <v>7630</v>
      </c>
      <c r="J6306" t="s">
        <v>848</v>
      </c>
      <c r="K6306">
        <v>62</v>
      </c>
      <c r="L6306" t="s">
        <v>937</v>
      </c>
      <c r="M6306">
        <v>266</v>
      </c>
      <c r="N6306" t="s">
        <v>654</v>
      </c>
      <c r="O6306">
        <v>3</v>
      </c>
      <c r="P6306" t="s">
        <v>655</v>
      </c>
      <c r="Q6306">
        <v>1</v>
      </c>
      <c r="R6306" t="s">
        <v>669</v>
      </c>
      <c r="S6306">
        <v>1</v>
      </c>
      <c r="T6306" t="s">
        <v>661</v>
      </c>
      <c r="U6306">
        <v>8</v>
      </c>
      <c r="V6306">
        <v>4</v>
      </c>
      <c r="W6306">
        <v>240</v>
      </c>
      <c r="X6306">
        <v>2020</v>
      </c>
    </row>
    <row r="6307" spans="1:24" x14ac:dyDescent="0.25">
      <c r="A6307">
        <v>1358</v>
      </c>
      <c r="B6307" t="s">
        <v>112</v>
      </c>
      <c r="C6307">
        <v>29</v>
      </c>
      <c r="D6307" t="s">
        <v>520</v>
      </c>
      <c r="E6307">
        <v>227</v>
      </c>
      <c r="F6307" t="s">
        <v>651</v>
      </c>
      <c r="G6307">
        <v>160</v>
      </c>
      <c r="H6307" t="s">
        <v>719</v>
      </c>
      <c r="I6307">
        <v>7630</v>
      </c>
      <c r="J6307" t="s">
        <v>1080</v>
      </c>
      <c r="K6307">
        <v>49</v>
      </c>
      <c r="L6307" t="s">
        <v>3973</v>
      </c>
      <c r="M6307">
        <v>187</v>
      </c>
      <c r="N6307" t="s">
        <v>654</v>
      </c>
      <c r="O6307">
        <v>3</v>
      </c>
      <c r="P6307" t="s">
        <v>655</v>
      </c>
      <c r="Q6307">
        <v>1</v>
      </c>
      <c r="R6307" t="s">
        <v>669</v>
      </c>
      <c r="S6307">
        <v>1</v>
      </c>
      <c r="T6307" t="s">
        <v>661</v>
      </c>
      <c r="U6307">
        <v>8</v>
      </c>
      <c r="V6307">
        <v>4</v>
      </c>
      <c r="W6307">
        <v>240</v>
      </c>
      <c r="X6307">
        <v>2020</v>
      </c>
    </row>
    <row r="6308" spans="1:24" x14ac:dyDescent="0.25">
      <c r="A6308">
        <v>1356</v>
      </c>
      <c r="B6308" t="s">
        <v>112</v>
      </c>
      <c r="C6308">
        <v>29</v>
      </c>
      <c r="D6308" t="s">
        <v>520</v>
      </c>
      <c r="E6308">
        <v>227</v>
      </c>
      <c r="F6308" t="s">
        <v>651</v>
      </c>
      <c r="G6308">
        <v>160</v>
      </c>
      <c r="H6308" t="s">
        <v>719</v>
      </c>
      <c r="I6308">
        <v>7630</v>
      </c>
      <c r="J6308" t="s">
        <v>1080</v>
      </c>
      <c r="K6308">
        <v>49</v>
      </c>
      <c r="L6308" t="s">
        <v>3780</v>
      </c>
      <c r="M6308">
        <v>184</v>
      </c>
      <c r="N6308" t="s">
        <v>654</v>
      </c>
      <c r="O6308">
        <v>3</v>
      </c>
      <c r="P6308" t="s">
        <v>655</v>
      </c>
      <c r="Q6308">
        <v>1</v>
      </c>
      <c r="R6308" t="s">
        <v>669</v>
      </c>
      <c r="S6308">
        <v>1</v>
      </c>
      <c r="T6308" t="s">
        <v>661</v>
      </c>
      <c r="U6308">
        <v>8</v>
      </c>
      <c r="V6308">
        <v>4</v>
      </c>
      <c r="W6308">
        <v>240</v>
      </c>
      <c r="X6308">
        <v>2020</v>
      </c>
    </row>
    <row r="6309" spans="1:24" x14ac:dyDescent="0.25">
      <c r="A6309">
        <v>1355</v>
      </c>
      <c r="B6309" t="s">
        <v>112</v>
      </c>
      <c r="C6309">
        <v>29</v>
      </c>
      <c r="D6309" t="s">
        <v>520</v>
      </c>
      <c r="E6309">
        <v>227</v>
      </c>
      <c r="F6309" t="s">
        <v>651</v>
      </c>
      <c r="G6309">
        <v>160</v>
      </c>
      <c r="H6309" t="s">
        <v>719</v>
      </c>
      <c r="I6309">
        <v>7630</v>
      </c>
      <c r="J6309" t="s">
        <v>1182</v>
      </c>
      <c r="K6309">
        <v>46</v>
      </c>
      <c r="L6309" t="s">
        <v>3689</v>
      </c>
      <c r="M6309">
        <v>158</v>
      </c>
      <c r="N6309" t="s">
        <v>654</v>
      </c>
      <c r="O6309">
        <v>3</v>
      </c>
      <c r="P6309" t="s">
        <v>655</v>
      </c>
      <c r="Q6309">
        <v>1</v>
      </c>
      <c r="R6309" t="s">
        <v>669</v>
      </c>
      <c r="S6309">
        <v>1</v>
      </c>
      <c r="T6309" t="s">
        <v>661</v>
      </c>
      <c r="U6309">
        <v>8</v>
      </c>
      <c r="V6309">
        <v>4</v>
      </c>
      <c r="W6309">
        <v>240</v>
      </c>
      <c r="X6309">
        <v>2020</v>
      </c>
    </row>
    <row r="6310" spans="1:24" x14ac:dyDescent="0.25">
      <c r="A6310">
        <v>1353</v>
      </c>
      <c r="B6310" t="s">
        <v>112</v>
      </c>
      <c r="C6310">
        <v>29</v>
      </c>
      <c r="D6310" t="s">
        <v>521</v>
      </c>
      <c r="E6310">
        <v>226</v>
      </c>
      <c r="F6310" t="s">
        <v>651</v>
      </c>
      <c r="G6310">
        <v>160</v>
      </c>
      <c r="H6310" t="s">
        <v>719</v>
      </c>
      <c r="I6310">
        <v>7630</v>
      </c>
      <c r="J6310" t="s">
        <v>730</v>
      </c>
      <c r="K6310">
        <v>66</v>
      </c>
      <c r="L6310" t="s">
        <v>3739</v>
      </c>
      <c r="M6310">
        <v>284</v>
      </c>
      <c r="N6310" t="s">
        <v>654</v>
      </c>
      <c r="O6310">
        <v>3</v>
      </c>
      <c r="P6310" t="s">
        <v>655</v>
      </c>
      <c r="Q6310">
        <v>1</v>
      </c>
      <c r="R6310" t="s">
        <v>669</v>
      </c>
      <c r="S6310">
        <v>1</v>
      </c>
      <c r="T6310" t="s">
        <v>661</v>
      </c>
      <c r="U6310">
        <v>8</v>
      </c>
      <c r="V6310">
        <v>4</v>
      </c>
      <c r="W6310">
        <v>240</v>
      </c>
      <c r="X6310">
        <v>2020</v>
      </c>
    </row>
    <row r="6311" spans="1:24" x14ac:dyDescent="0.25">
      <c r="A6311">
        <v>1352</v>
      </c>
      <c r="B6311" t="s">
        <v>112</v>
      </c>
      <c r="C6311">
        <v>29</v>
      </c>
      <c r="D6311" t="s">
        <v>521</v>
      </c>
      <c r="E6311">
        <v>226</v>
      </c>
      <c r="F6311" t="s">
        <v>651</v>
      </c>
      <c r="G6311">
        <v>160</v>
      </c>
      <c r="H6311" t="s">
        <v>719</v>
      </c>
      <c r="I6311">
        <v>7630</v>
      </c>
      <c r="J6311" t="s">
        <v>695</v>
      </c>
      <c r="K6311">
        <v>54</v>
      </c>
      <c r="L6311" t="s">
        <v>1934</v>
      </c>
      <c r="M6311">
        <v>216</v>
      </c>
      <c r="N6311" t="s">
        <v>654</v>
      </c>
      <c r="O6311">
        <v>3</v>
      </c>
      <c r="P6311" t="s">
        <v>655</v>
      </c>
      <c r="Q6311">
        <v>1</v>
      </c>
      <c r="R6311" t="s">
        <v>669</v>
      </c>
      <c r="S6311">
        <v>1</v>
      </c>
      <c r="T6311" t="s">
        <v>661</v>
      </c>
      <c r="U6311">
        <v>8</v>
      </c>
      <c r="V6311">
        <v>4</v>
      </c>
      <c r="W6311">
        <v>240</v>
      </c>
      <c r="X6311">
        <v>2020</v>
      </c>
    </row>
    <row r="6312" spans="1:24" x14ac:dyDescent="0.25">
      <c r="A6312">
        <v>1350</v>
      </c>
      <c r="B6312" t="s">
        <v>112</v>
      </c>
      <c r="C6312">
        <v>29</v>
      </c>
      <c r="D6312" t="s">
        <v>521</v>
      </c>
      <c r="E6312">
        <v>226</v>
      </c>
      <c r="F6312" t="s">
        <v>651</v>
      </c>
      <c r="G6312">
        <v>160</v>
      </c>
      <c r="H6312" t="s">
        <v>719</v>
      </c>
      <c r="I6312">
        <v>7630</v>
      </c>
      <c r="J6312" t="s">
        <v>695</v>
      </c>
      <c r="K6312">
        <v>54</v>
      </c>
      <c r="L6312" t="s">
        <v>748</v>
      </c>
      <c r="M6312">
        <v>211</v>
      </c>
      <c r="N6312" t="s">
        <v>654</v>
      </c>
      <c r="O6312">
        <v>3</v>
      </c>
      <c r="P6312" t="s">
        <v>655</v>
      </c>
      <c r="Q6312">
        <v>1</v>
      </c>
      <c r="R6312" t="s">
        <v>669</v>
      </c>
      <c r="S6312">
        <v>1</v>
      </c>
      <c r="T6312" t="s">
        <v>661</v>
      </c>
      <c r="U6312">
        <v>8</v>
      </c>
      <c r="V6312">
        <v>4</v>
      </c>
      <c r="W6312">
        <v>240</v>
      </c>
      <c r="X6312">
        <v>2020</v>
      </c>
    </row>
    <row r="6313" spans="1:24" x14ac:dyDescent="0.25">
      <c r="A6313">
        <v>1348</v>
      </c>
      <c r="B6313" t="s">
        <v>112</v>
      </c>
      <c r="C6313">
        <v>29</v>
      </c>
      <c r="D6313" t="s">
        <v>521</v>
      </c>
      <c r="E6313">
        <v>226</v>
      </c>
      <c r="F6313" t="s">
        <v>651</v>
      </c>
      <c r="G6313">
        <v>160</v>
      </c>
      <c r="H6313" t="s">
        <v>719</v>
      </c>
      <c r="I6313">
        <v>7630</v>
      </c>
      <c r="J6313" t="s">
        <v>714</v>
      </c>
      <c r="K6313">
        <v>52</v>
      </c>
      <c r="L6313" t="s">
        <v>3974</v>
      </c>
      <c r="M6313">
        <v>201</v>
      </c>
      <c r="N6313" t="s">
        <v>654</v>
      </c>
      <c r="O6313">
        <v>3</v>
      </c>
      <c r="P6313" t="s">
        <v>655</v>
      </c>
      <c r="Q6313">
        <v>1</v>
      </c>
      <c r="R6313" t="s">
        <v>669</v>
      </c>
      <c r="S6313">
        <v>1</v>
      </c>
      <c r="T6313" t="s">
        <v>661</v>
      </c>
      <c r="U6313">
        <v>8</v>
      </c>
      <c r="V6313">
        <v>4</v>
      </c>
      <c r="W6313">
        <v>240</v>
      </c>
      <c r="X6313">
        <v>2020</v>
      </c>
    </row>
    <row r="6314" spans="1:24" x14ac:dyDescent="0.25">
      <c r="A6314">
        <v>1347</v>
      </c>
      <c r="B6314" t="s">
        <v>112</v>
      </c>
      <c r="C6314">
        <v>29</v>
      </c>
      <c r="D6314" t="s">
        <v>521</v>
      </c>
      <c r="E6314">
        <v>226</v>
      </c>
      <c r="F6314" t="s">
        <v>651</v>
      </c>
      <c r="G6314">
        <v>160</v>
      </c>
      <c r="H6314" t="s">
        <v>719</v>
      </c>
      <c r="I6314">
        <v>7630</v>
      </c>
      <c r="J6314" t="s">
        <v>714</v>
      </c>
      <c r="K6314">
        <v>52</v>
      </c>
      <c r="L6314" t="s">
        <v>3975</v>
      </c>
      <c r="M6314">
        <v>199</v>
      </c>
      <c r="N6314" t="s">
        <v>654</v>
      </c>
      <c r="O6314">
        <v>3</v>
      </c>
      <c r="P6314" t="s">
        <v>655</v>
      </c>
      <c r="Q6314">
        <v>1</v>
      </c>
      <c r="R6314" t="s">
        <v>669</v>
      </c>
      <c r="S6314">
        <v>1</v>
      </c>
      <c r="T6314" t="s">
        <v>661</v>
      </c>
      <c r="U6314">
        <v>8</v>
      </c>
      <c r="V6314">
        <v>4</v>
      </c>
      <c r="W6314">
        <v>240</v>
      </c>
      <c r="X6314">
        <v>2020</v>
      </c>
    </row>
    <row r="6315" spans="1:24" x14ac:dyDescent="0.25">
      <c r="A6315">
        <v>1346</v>
      </c>
      <c r="B6315" t="s">
        <v>112</v>
      </c>
      <c r="C6315">
        <v>29</v>
      </c>
      <c r="D6315" t="s">
        <v>521</v>
      </c>
      <c r="E6315">
        <v>226</v>
      </c>
      <c r="F6315" t="s">
        <v>651</v>
      </c>
      <c r="G6315">
        <v>160</v>
      </c>
      <c r="H6315" t="s">
        <v>719</v>
      </c>
      <c r="I6315">
        <v>7630</v>
      </c>
      <c r="J6315" t="s">
        <v>714</v>
      </c>
      <c r="K6315">
        <v>52</v>
      </c>
      <c r="L6315" t="s">
        <v>3939</v>
      </c>
      <c r="M6315">
        <v>198</v>
      </c>
      <c r="N6315" t="s">
        <v>654</v>
      </c>
      <c r="O6315">
        <v>3</v>
      </c>
      <c r="P6315" t="s">
        <v>655</v>
      </c>
      <c r="Q6315">
        <v>1</v>
      </c>
      <c r="R6315" t="s">
        <v>669</v>
      </c>
      <c r="S6315">
        <v>1</v>
      </c>
      <c r="T6315" t="s">
        <v>661</v>
      </c>
      <c r="U6315">
        <v>8</v>
      </c>
      <c r="V6315">
        <v>4</v>
      </c>
      <c r="W6315">
        <v>240</v>
      </c>
      <c r="X6315">
        <v>2020</v>
      </c>
    </row>
    <row r="6316" spans="1:24" x14ac:dyDescent="0.25">
      <c r="A6316">
        <v>1345</v>
      </c>
      <c r="B6316" t="s">
        <v>112</v>
      </c>
      <c r="C6316">
        <v>29</v>
      </c>
      <c r="D6316" t="s">
        <v>522</v>
      </c>
      <c r="E6316">
        <v>225</v>
      </c>
      <c r="F6316" t="s">
        <v>651</v>
      </c>
      <c r="G6316">
        <v>160</v>
      </c>
      <c r="H6316" t="s">
        <v>719</v>
      </c>
      <c r="I6316">
        <v>7630</v>
      </c>
      <c r="J6316" t="s">
        <v>710</v>
      </c>
      <c r="K6316">
        <v>53</v>
      </c>
      <c r="L6316" t="s">
        <v>3976</v>
      </c>
      <c r="M6316">
        <v>207</v>
      </c>
      <c r="N6316" t="s">
        <v>654</v>
      </c>
      <c r="O6316">
        <v>3</v>
      </c>
      <c r="P6316" t="s">
        <v>655</v>
      </c>
      <c r="Q6316">
        <v>1</v>
      </c>
      <c r="R6316" t="s">
        <v>669</v>
      </c>
      <c r="S6316">
        <v>1</v>
      </c>
      <c r="T6316" t="s">
        <v>661</v>
      </c>
      <c r="U6316">
        <v>8</v>
      </c>
      <c r="V6316">
        <v>4</v>
      </c>
      <c r="W6316">
        <v>240</v>
      </c>
      <c r="X6316">
        <v>2020</v>
      </c>
    </row>
    <row r="6317" spans="1:24" x14ac:dyDescent="0.25">
      <c r="A6317">
        <v>1344</v>
      </c>
      <c r="B6317" t="s">
        <v>112</v>
      </c>
      <c r="C6317">
        <v>29</v>
      </c>
      <c r="D6317" t="s">
        <v>522</v>
      </c>
      <c r="E6317">
        <v>225</v>
      </c>
      <c r="F6317" t="s">
        <v>651</v>
      </c>
      <c r="G6317">
        <v>160</v>
      </c>
      <c r="H6317" t="s">
        <v>719</v>
      </c>
      <c r="I6317">
        <v>7630</v>
      </c>
      <c r="J6317" t="s">
        <v>710</v>
      </c>
      <c r="K6317">
        <v>53</v>
      </c>
      <c r="L6317" t="s">
        <v>3888</v>
      </c>
      <c r="M6317">
        <v>205</v>
      </c>
      <c r="N6317" t="s">
        <v>654</v>
      </c>
      <c r="O6317">
        <v>3</v>
      </c>
      <c r="P6317" t="s">
        <v>655</v>
      </c>
      <c r="Q6317">
        <v>1</v>
      </c>
      <c r="R6317" t="s">
        <v>669</v>
      </c>
      <c r="S6317">
        <v>1</v>
      </c>
      <c r="T6317" t="s">
        <v>718</v>
      </c>
      <c r="U6317">
        <v>2</v>
      </c>
      <c r="V6317">
        <v>4</v>
      </c>
      <c r="W6317">
        <v>240</v>
      </c>
      <c r="X6317">
        <v>2020</v>
      </c>
    </row>
    <row r="6318" spans="1:24" x14ac:dyDescent="0.25">
      <c r="A6318">
        <v>1343</v>
      </c>
      <c r="B6318" t="s">
        <v>112</v>
      </c>
      <c r="C6318">
        <v>29</v>
      </c>
      <c r="D6318" t="s">
        <v>522</v>
      </c>
      <c r="E6318">
        <v>225</v>
      </c>
      <c r="F6318" t="s">
        <v>651</v>
      </c>
      <c r="G6318">
        <v>160</v>
      </c>
      <c r="H6318" t="s">
        <v>719</v>
      </c>
      <c r="I6318">
        <v>7630</v>
      </c>
      <c r="J6318" t="s">
        <v>710</v>
      </c>
      <c r="K6318">
        <v>53</v>
      </c>
      <c r="L6318" t="s">
        <v>3888</v>
      </c>
      <c r="M6318">
        <v>205</v>
      </c>
      <c r="N6318" t="s">
        <v>654</v>
      </c>
      <c r="O6318">
        <v>3</v>
      </c>
      <c r="P6318" t="s">
        <v>655</v>
      </c>
      <c r="Q6318">
        <v>1</v>
      </c>
      <c r="R6318" t="s">
        <v>669</v>
      </c>
      <c r="S6318">
        <v>1</v>
      </c>
      <c r="T6318" t="s">
        <v>661</v>
      </c>
      <c r="U6318">
        <v>8</v>
      </c>
      <c r="V6318">
        <v>4</v>
      </c>
      <c r="W6318">
        <v>240</v>
      </c>
      <c r="X6318">
        <v>2020</v>
      </c>
    </row>
    <row r="6319" spans="1:24" x14ac:dyDescent="0.25">
      <c r="A6319">
        <v>1342</v>
      </c>
      <c r="B6319" t="s">
        <v>112</v>
      </c>
      <c r="C6319">
        <v>29</v>
      </c>
      <c r="D6319" t="s">
        <v>522</v>
      </c>
      <c r="E6319">
        <v>225</v>
      </c>
      <c r="F6319" t="s">
        <v>651</v>
      </c>
      <c r="G6319">
        <v>160</v>
      </c>
      <c r="H6319" t="s">
        <v>719</v>
      </c>
      <c r="I6319">
        <v>7630</v>
      </c>
      <c r="J6319" t="s">
        <v>710</v>
      </c>
      <c r="K6319">
        <v>53</v>
      </c>
      <c r="L6319" t="s">
        <v>3931</v>
      </c>
      <c r="M6319">
        <v>204</v>
      </c>
      <c r="N6319" t="s">
        <v>654</v>
      </c>
      <c r="O6319">
        <v>3</v>
      </c>
      <c r="P6319" t="s">
        <v>655</v>
      </c>
      <c r="Q6319">
        <v>1</v>
      </c>
      <c r="R6319" t="s">
        <v>669</v>
      </c>
      <c r="S6319">
        <v>1</v>
      </c>
      <c r="T6319" t="s">
        <v>661</v>
      </c>
      <c r="U6319">
        <v>8</v>
      </c>
      <c r="V6319">
        <v>4</v>
      </c>
      <c r="W6319">
        <v>240</v>
      </c>
      <c r="X6319">
        <v>2020</v>
      </c>
    </row>
    <row r="6320" spans="1:24" x14ac:dyDescent="0.25">
      <c r="A6320">
        <v>1341</v>
      </c>
      <c r="B6320" t="s">
        <v>112</v>
      </c>
      <c r="C6320">
        <v>29</v>
      </c>
      <c r="D6320" t="s">
        <v>523</v>
      </c>
      <c r="E6320">
        <v>224</v>
      </c>
      <c r="F6320" t="s">
        <v>651</v>
      </c>
      <c r="G6320">
        <v>160</v>
      </c>
      <c r="H6320" t="s">
        <v>719</v>
      </c>
      <c r="I6320">
        <v>7630</v>
      </c>
      <c r="J6320" t="s">
        <v>730</v>
      </c>
      <c r="K6320">
        <v>66</v>
      </c>
      <c r="L6320" t="s">
        <v>3926</v>
      </c>
      <c r="M6320">
        <v>280</v>
      </c>
      <c r="N6320" t="s">
        <v>654</v>
      </c>
      <c r="O6320">
        <v>3</v>
      </c>
      <c r="P6320" t="s">
        <v>655</v>
      </c>
      <c r="Q6320">
        <v>1</v>
      </c>
      <c r="R6320" t="s">
        <v>669</v>
      </c>
      <c r="S6320">
        <v>1</v>
      </c>
      <c r="T6320" t="s">
        <v>661</v>
      </c>
      <c r="U6320">
        <v>8</v>
      </c>
      <c r="V6320">
        <v>4</v>
      </c>
      <c r="W6320">
        <v>240</v>
      </c>
      <c r="X6320">
        <v>2020</v>
      </c>
    </row>
    <row r="6321" spans="1:24" x14ac:dyDescent="0.25">
      <c r="A6321">
        <v>1340</v>
      </c>
      <c r="B6321" t="s">
        <v>112</v>
      </c>
      <c r="C6321">
        <v>29</v>
      </c>
      <c r="D6321" t="s">
        <v>523</v>
      </c>
      <c r="E6321">
        <v>224</v>
      </c>
      <c r="F6321" t="s">
        <v>651</v>
      </c>
      <c r="G6321">
        <v>160</v>
      </c>
      <c r="H6321" t="s">
        <v>719</v>
      </c>
      <c r="I6321">
        <v>7630</v>
      </c>
      <c r="J6321" t="s">
        <v>738</v>
      </c>
      <c r="K6321">
        <v>61</v>
      </c>
      <c r="L6321" t="s">
        <v>3977</v>
      </c>
      <c r="M6321">
        <v>250</v>
      </c>
      <c r="N6321" t="s">
        <v>654</v>
      </c>
      <c r="O6321">
        <v>3</v>
      </c>
      <c r="P6321" t="s">
        <v>655</v>
      </c>
      <c r="Q6321">
        <v>1</v>
      </c>
      <c r="R6321" t="s">
        <v>669</v>
      </c>
      <c r="S6321">
        <v>1</v>
      </c>
      <c r="T6321" t="s">
        <v>661</v>
      </c>
      <c r="U6321">
        <v>8</v>
      </c>
      <c r="V6321">
        <v>4</v>
      </c>
      <c r="W6321">
        <v>240</v>
      </c>
      <c r="X6321">
        <v>2020</v>
      </c>
    </row>
    <row r="6322" spans="1:24" x14ac:dyDescent="0.25">
      <c r="A6322">
        <v>1339</v>
      </c>
      <c r="B6322" t="s">
        <v>112</v>
      </c>
      <c r="C6322">
        <v>29</v>
      </c>
      <c r="D6322" t="s">
        <v>523</v>
      </c>
      <c r="E6322">
        <v>224</v>
      </c>
      <c r="F6322" t="s">
        <v>651</v>
      </c>
      <c r="G6322">
        <v>160</v>
      </c>
      <c r="H6322" t="s">
        <v>719</v>
      </c>
      <c r="I6322">
        <v>7630</v>
      </c>
      <c r="J6322" t="s">
        <v>738</v>
      </c>
      <c r="K6322">
        <v>61</v>
      </c>
      <c r="L6322" t="s">
        <v>3928</v>
      </c>
      <c r="M6322">
        <v>249</v>
      </c>
      <c r="N6322" t="s">
        <v>654</v>
      </c>
      <c r="O6322">
        <v>3</v>
      </c>
      <c r="P6322" t="s">
        <v>655</v>
      </c>
      <c r="Q6322">
        <v>1</v>
      </c>
      <c r="R6322" t="s">
        <v>669</v>
      </c>
      <c r="S6322">
        <v>1</v>
      </c>
      <c r="T6322" t="s">
        <v>661</v>
      </c>
      <c r="U6322">
        <v>8</v>
      </c>
      <c r="V6322">
        <v>4</v>
      </c>
      <c r="W6322">
        <v>240</v>
      </c>
      <c r="X6322">
        <v>2020</v>
      </c>
    </row>
    <row r="6323" spans="1:24" x14ac:dyDescent="0.25">
      <c r="A6323">
        <v>1338</v>
      </c>
      <c r="B6323" t="s">
        <v>112</v>
      </c>
      <c r="C6323">
        <v>29</v>
      </c>
      <c r="D6323" t="s">
        <v>523</v>
      </c>
      <c r="E6323">
        <v>224</v>
      </c>
      <c r="F6323" t="s">
        <v>651</v>
      </c>
      <c r="G6323">
        <v>160</v>
      </c>
      <c r="H6323" t="s">
        <v>719</v>
      </c>
      <c r="I6323">
        <v>7630</v>
      </c>
      <c r="J6323" t="s">
        <v>693</v>
      </c>
      <c r="K6323">
        <v>56</v>
      </c>
      <c r="L6323" t="s">
        <v>3929</v>
      </c>
      <c r="M6323">
        <v>223</v>
      </c>
      <c r="N6323" t="s">
        <v>654</v>
      </c>
      <c r="O6323">
        <v>3</v>
      </c>
      <c r="P6323" t="s">
        <v>655</v>
      </c>
      <c r="Q6323">
        <v>1</v>
      </c>
      <c r="R6323" t="s">
        <v>669</v>
      </c>
      <c r="S6323">
        <v>1</v>
      </c>
      <c r="T6323" t="s">
        <v>661</v>
      </c>
      <c r="U6323">
        <v>8</v>
      </c>
      <c r="V6323">
        <v>4</v>
      </c>
      <c r="W6323">
        <v>240</v>
      </c>
      <c r="X6323">
        <v>2020</v>
      </c>
    </row>
    <row r="6324" spans="1:24" x14ac:dyDescent="0.25">
      <c r="A6324">
        <v>1337</v>
      </c>
      <c r="B6324" t="s">
        <v>112</v>
      </c>
      <c r="C6324">
        <v>29</v>
      </c>
      <c r="D6324" t="s">
        <v>523</v>
      </c>
      <c r="E6324">
        <v>224</v>
      </c>
      <c r="F6324" t="s">
        <v>651</v>
      </c>
      <c r="G6324">
        <v>160</v>
      </c>
      <c r="H6324" t="s">
        <v>719</v>
      </c>
      <c r="I6324">
        <v>7630</v>
      </c>
      <c r="J6324" t="s">
        <v>693</v>
      </c>
      <c r="K6324">
        <v>56</v>
      </c>
      <c r="L6324" t="s">
        <v>694</v>
      </c>
      <c r="M6324">
        <v>222</v>
      </c>
      <c r="N6324" t="s">
        <v>654</v>
      </c>
      <c r="O6324">
        <v>3</v>
      </c>
      <c r="P6324" t="s">
        <v>655</v>
      </c>
      <c r="Q6324">
        <v>1</v>
      </c>
      <c r="R6324" t="s">
        <v>669</v>
      </c>
      <c r="S6324">
        <v>1</v>
      </c>
      <c r="T6324" t="s">
        <v>661</v>
      </c>
      <c r="U6324">
        <v>8</v>
      </c>
      <c r="V6324">
        <v>4</v>
      </c>
      <c r="W6324">
        <v>240</v>
      </c>
      <c r="X6324">
        <v>2020</v>
      </c>
    </row>
    <row r="6325" spans="1:24" x14ac:dyDescent="0.25">
      <c r="A6325">
        <v>1336</v>
      </c>
      <c r="B6325" t="s">
        <v>112</v>
      </c>
      <c r="C6325">
        <v>29</v>
      </c>
      <c r="D6325" t="s">
        <v>523</v>
      </c>
      <c r="E6325">
        <v>224</v>
      </c>
      <c r="F6325" t="s">
        <v>651</v>
      </c>
      <c r="G6325">
        <v>160</v>
      </c>
      <c r="H6325" t="s">
        <v>719</v>
      </c>
      <c r="I6325">
        <v>7630</v>
      </c>
      <c r="J6325" t="s">
        <v>693</v>
      </c>
      <c r="K6325">
        <v>56</v>
      </c>
      <c r="L6325" t="s">
        <v>3669</v>
      </c>
      <c r="M6325">
        <v>221</v>
      </c>
      <c r="N6325" t="s">
        <v>654</v>
      </c>
      <c r="O6325">
        <v>3</v>
      </c>
      <c r="P6325" t="s">
        <v>655</v>
      </c>
      <c r="Q6325">
        <v>1</v>
      </c>
      <c r="R6325" t="s">
        <v>669</v>
      </c>
      <c r="S6325">
        <v>1</v>
      </c>
      <c r="T6325" t="s">
        <v>661</v>
      </c>
      <c r="U6325">
        <v>8</v>
      </c>
      <c r="V6325">
        <v>4</v>
      </c>
      <c r="W6325">
        <v>240</v>
      </c>
      <c r="X6325">
        <v>2020</v>
      </c>
    </row>
    <row r="6326" spans="1:24" x14ac:dyDescent="0.25">
      <c r="A6326">
        <v>1335</v>
      </c>
      <c r="B6326" t="s">
        <v>112</v>
      </c>
      <c r="C6326">
        <v>29</v>
      </c>
      <c r="D6326" t="s">
        <v>524</v>
      </c>
      <c r="E6326">
        <v>223</v>
      </c>
      <c r="F6326" t="s">
        <v>651</v>
      </c>
      <c r="G6326">
        <v>160</v>
      </c>
      <c r="H6326" t="s">
        <v>719</v>
      </c>
      <c r="I6326">
        <v>7630</v>
      </c>
      <c r="J6326" t="s">
        <v>3131</v>
      </c>
      <c r="K6326">
        <v>50</v>
      </c>
      <c r="L6326" t="s">
        <v>2728</v>
      </c>
      <c r="M6326">
        <v>191</v>
      </c>
      <c r="N6326" t="s">
        <v>654</v>
      </c>
      <c r="O6326">
        <v>3</v>
      </c>
      <c r="P6326" t="s">
        <v>655</v>
      </c>
      <c r="Q6326">
        <v>1</v>
      </c>
      <c r="R6326" t="s">
        <v>669</v>
      </c>
      <c r="S6326">
        <v>1</v>
      </c>
      <c r="T6326" t="s">
        <v>661</v>
      </c>
      <c r="U6326">
        <v>8</v>
      </c>
      <c r="V6326">
        <v>4</v>
      </c>
      <c r="W6326">
        <v>240</v>
      </c>
      <c r="X6326">
        <v>2020</v>
      </c>
    </row>
    <row r="6327" spans="1:24" x14ac:dyDescent="0.25">
      <c r="A6327">
        <v>1332</v>
      </c>
      <c r="B6327" t="s">
        <v>112</v>
      </c>
      <c r="C6327">
        <v>29</v>
      </c>
      <c r="D6327" t="s">
        <v>524</v>
      </c>
      <c r="E6327">
        <v>223</v>
      </c>
      <c r="F6327" t="s">
        <v>651</v>
      </c>
      <c r="G6327">
        <v>160</v>
      </c>
      <c r="H6327" t="s">
        <v>719</v>
      </c>
      <c r="I6327">
        <v>7630</v>
      </c>
      <c r="J6327" t="s">
        <v>1080</v>
      </c>
      <c r="K6327">
        <v>49</v>
      </c>
      <c r="L6327" t="s">
        <v>1080</v>
      </c>
      <c r="M6327">
        <v>188</v>
      </c>
      <c r="N6327" t="s">
        <v>654</v>
      </c>
      <c r="O6327">
        <v>3</v>
      </c>
      <c r="P6327" t="s">
        <v>655</v>
      </c>
      <c r="Q6327">
        <v>1</v>
      </c>
      <c r="R6327" t="s">
        <v>669</v>
      </c>
      <c r="S6327">
        <v>1</v>
      </c>
      <c r="T6327" t="s">
        <v>718</v>
      </c>
      <c r="U6327">
        <v>2</v>
      </c>
      <c r="V6327">
        <v>4</v>
      </c>
      <c r="W6327">
        <v>240</v>
      </c>
      <c r="X6327">
        <v>2020</v>
      </c>
    </row>
    <row r="6328" spans="1:24" x14ac:dyDescent="0.25">
      <c r="A6328">
        <v>1331</v>
      </c>
      <c r="B6328" t="s">
        <v>112</v>
      </c>
      <c r="C6328">
        <v>29</v>
      </c>
      <c r="D6328" t="s">
        <v>524</v>
      </c>
      <c r="E6328">
        <v>223</v>
      </c>
      <c r="F6328" t="s">
        <v>651</v>
      </c>
      <c r="G6328">
        <v>160</v>
      </c>
      <c r="H6328" t="s">
        <v>719</v>
      </c>
      <c r="I6328">
        <v>7630</v>
      </c>
      <c r="J6328" t="s">
        <v>1080</v>
      </c>
      <c r="K6328">
        <v>49</v>
      </c>
      <c r="L6328" t="s">
        <v>3933</v>
      </c>
      <c r="M6328">
        <v>182</v>
      </c>
      <c r="N6328" t="s">
        <v>654</v>
      </c>
      <c r="O6328">
        <v>3</v>
      </c>
      <c r="P6328" t="s">
        <v>655</v>
      </c>
      <c r="Q6328">
        <v>1</v>
      </c>
      <c r="R6328" t="s">
        <v>669</v>
      </c>
      <c r="S6328">
        <v>1</v>
      </c>
      <c r="T6328" t="s">
        <v>661</v>
      </c>
      <c r="U6328">
        <v>8</v>
      </c>
      <c r="V6328">
        <v>4</v>
      </c>
      <c r="W6328">
        <v>240</v>
      </c>
      <c r="X6328">
        <v>2020</v>
      </c>
    </row>
    <row r="6329" spans="1:24" x14ac:dyDescent="0.25">
      <c r="A6329">
        <v>1330</v>
      </c>
      <c r="B6329" t="s">
        <v>112</v>
      </c>
      <c r="C6329">
        <v>29</v>
      </c>
      <c r="D6329" t="s">
        <v>524</v>
      </c>
      <c r="E6329">
        <v>223</v>
      </c>
      <c r="F6329" t="s">
        <v>651</v>
      </c>
      <c r="G6329">
        <v>160</v>
      </c>
      <c r="H6329" t="s">
        <v>719</v>
      </c>
      <c r="I6329">
        <v>7630</v>
      </c>
      <c r="J6329" t="s">
        <v>1080</v>
      </c>
      <c r="K6329">
        <v>49</v>
      </c>
      <c r="L6329" t="s">
        <v>3687</v>
      </c>
      <c r="M6329">
        <v>181</v>
      </c>
      <c r="N6329" t="s">
        <v>654</v>
      </c>
      <c r="O6329">
        <v>3</v>
      </c>
      <c r="P6329" t="s">
        <v>655</v>
      </c>
      <c r="Q6329">
        <v>1</v>
      </c>
      <c r="R6329" t="s">
        <v>669</v>
      </c>
      <c r="S6329">
        <v>1</v>
      </c>
      <c r="T6329" t="s">
        <v>661</v>
      </c>
      <c r="U6329">
        <v>8</v>
      </c>
      <c r="V6329">
        <v>4</v>
      </c>
      <c r="W6329">
        <v>240</v>
      </c>
      <c r="X6329">
        <v>2020</v>
      </c>
    </row>
    <row r="6330" spans="1:24" x14ac:dyDescent="0.25">
      <c r="A6330">
        <v>1329</v>
      </c>
      <c r="B6330" t="s">
        <v>112</v>
      </c>
      <c r="C6330">
        <v>29</v>
      </c>
      <c r="D6330" t="s">
        <v>525</v>
      </c>
      <c r="E6330">
        <v>222</v>
      </c>
      <c r="F6330" t="s">
        <v>651</v>
      </c>
      <c r="G6330">
        <v>160</v>
      </c>
      <c r="H6330" t="s">
        <v>719</v>
      </c>
      <c r="I6330">
        <v>7630</v>
      </c>
      <c r="J6330" t="s">
        <v>730</v>
      </c>
      <c r="K6330">
        <v>66</v>
      </c>
      <c r="L6330" t="s">
        <v>3738</v>
      </c>
      <c r="M6330">
        <v>285</v>
      </c>
      <c r="N6330" t="s">
        <v>654</v>
      </c>
      <c r="O6330">
        <v>3</v>
      </c>
      <c r="P6330" t="s">
        <v>655</v>
      </c>
      <c r="Q6330">
        <v>1</v>
      </c>
      <c r="R6330" t="s">
        <v>669</v>
      </c>
      <c r="S6330">
        <v>1</v>
      </c>
      <c r="T6330" t="s">
        <v>661</v>
      </c>
      <c r="U6330">
        <v>8</v>
      </c>
      <c r="V6330">
        <v>4</v>
      </c>
      <c r="W6330">
        <v>240</v>
      </c>
      <c r="X6330">
        <v>2020</v>
      </c>
    </row>
    <row r="6331" spans="1:24" x14ac:dyDescent="0.25">
      <c r="A6331">
        <v>1328</v>
      </c>
      <c r="B6331" t="s">
        <v>112</v>
      </c>
      <c r="C6331">
        <v>29</v>
      </c>
      <c r="D6331" t="s">
        <v>525</v>
      </c>
      <c r="E6331">
        <v>222</v>
      </c>
      <c r="F6331" t="s">
        <v>651</v>
      </c>
      <c r="G6331">
        <v>160</v>
      </c>
      <c r="H6331" t="s">
        <v>719</v>
      </c>
      <c r="I6331">
        <v>7630</v>
      </c>
      <c r="J6331" t="s">
        <v>848</v>
      </c>
      <c r="K6331">
        <v>62</v>
      </c>
      <c r="L6331" t="s">
        <v>1924</v>
      </c>
      <c r="M6331">
        <v>263</v>
      </c>
      <c r="N6331" t="s">
        <v>654</v>
      </c>
      <c r="O6331">
        <v>3</v>
      </c>
      <c r="P6331" t="s">
        <v>655</v>
      </c>
      <c r="Q6331">
        <v>1</v>
      </c>
      <c r="R6331" t="s">
        <v>669</v>
      </c>
      <c r="S6331">
        <v>1</v>
      </c>
      <c r="T6331" t="s">
        <v>661</v>
      </c>
      <c r="U6331">
        <v>8</v>
      </c>
      <c r="V6331">
        <v>4</v>
      </c>
      <c r="W6331">
        <v>240</v>
      </c>
      <c r="X6331">
        <v>2020</v>
      </c>
    </row>
    <row r="6332" spans="1:24" x14ac:dyDescent="0.25">
      <c r="A6332">
        <v>1327</v>
      </c>
      <c r="B6332" t="s">
        <v>112</v>
      </c>
      <c r="C6332">
        <v>29</v>
      </c>
      <c r="D6332" t="s">
        <v>525</v>
      </c>
      <c r="E6332">
        <v>222</v>
      </c>
      <c r="F6332" t="s">
        <v>651</v>
      </c>
      <c r="G6332">
        <v>160</v>
      </c>
      <c r="H6332" t="s">
        <v>719</v>
      </c>
      <c r="I6332">
        <v>7630</v>
      </c>
      <c r="J6332" t="s">
        <v>742</v>
      </c>
      <c r="K6332">
        <v>48</v>
      </c>
      <c r="L6332" t="s">
        <v>3978</v>
      </c>
      <c r="M6332">
        <v>177</v>
      </c>
      <c r="N6332" t="s">
        <v>654</v>
      </c>
      <c r="O6332">
        <v>3</v>
      </c>
      <c r="P6332" t="s">
        <v>655</v>
      </c>
      <c r="Q6332">
        <v>1</v>
      </c>
      <c r="R6332" t="s">
        <v>669</v>
      </c>
      <c r="S6332">
        <v>1</v>
      </c>
      <c r="T6332" t="s">
        <v>661</v>
      </c>
      <c r="U6332">
        <v>8</v>
      </c>
      <c r="V6332">
        <v>4</v>
      </c>
      <c r="W6332">
        <v>240</v>
      </c>
      <c r="X6332">
        <v>2020</v>
      </c>
    </row>
    <row r="6333" spans="1:24" x14ac:dyDescent="0.25">
      <c r="A6333">
        <v>1326</v>
      </c>
      <c r="B6333" t="s">
        <v>112</v>
      </c>
      <c r="C6333">
        <v>29</v>
      </c>
      <c r="D6333" t="s">
        <v>525</v>
      </c>
      <c r="E6333">
        <v>222</v>
      </c>
      <c r="F6333" t="s">
        <v>651</v>
      </c>
      <c r="G6333">
        <v>160</v>
      </c>
      <c r="H6333" t="s">
        <v>719</v>
      </c>
      <c r="I6333">
        <v>7630</v>
      </c>
      <c r="J6333" t="s">
        <v>742</v>
      </c>
      <c r="K6333">
        <v>48</v>
      </c>
      <c r="L6333" t="s">
        <v>3979</v>
      </c>
      <c r="M6333">
        <v>174</v>
      </c>
      <c r="N6333" t="s">
        <v>654</v>
      </c>
      <c r="O6333">
        <v>3</v>
      </c>
      <c r="P6333" t="s">
        <v>655</v>
      </c>
      <c r="Q6333">
        <v>1</v>
      </c>
      <c r="R6333" t="s">
        <v>669</v>
      </c>
      <c r="S6333">
        <v>1</v>
      </c>
      <c r="T6333" t="s">
        <v>661</v>
      </c>
      <c r="U6333">
        <v>8</v>
      </c>
      <c r="V6333">
        <v>4</v>
      </c>
      <c r="W6333">
        <v>240</v>
      </c>
      <c r="X6333">
        <v>2020</v>
      </c>
    </row>
    <row r="6334" spans="1:24" x14ac:dyDescent="0.25">
      <c r="A6334">
        <v>1325</v>
      </c>
      <c r="B6334" t="s">
        <v>112</v>
      </c>
      <c r="C6334">
        <v>29</v>
      </c>
      <c r="D6334" t="s">
        <v>525</v>
      </c>
      <c r="E6334">
        <v>222</v>
      </c>
      <c r="F6334" t="s">
        <v>651</v>
      </c>
      <c r="G6334">
        <v>160</v>
      </c>
      <c r="H6334" t="s">
        <v>719</v>
      </c>
      <c r="I6334">
        <v>7630</v>
      </c>
      <c r="J6334" t="s">
        <v>742</v>
      </c>
      <c r="K6334">
        <v>48</v>
      </c>
      <c r="L6334" t="s">
        <v>3980</v>
      </c>
      <c r="M6334">
        <v>173</v>
      </c>
      <c r="N6334" t="s">
        <v>654</v>
      </c>
      <c r="O6334">
        <v>3</v>
      </c>
      <c r="P6334" t="s">
        <v>655</v>
      </c>
      <c r="Q6334">
        <v>1</v>
      </c>
      <c r="R6334" t="s">
        <v>669</v>
      </c>
      <c r="S6334">
        <v>1</v>
      </c>
      <c r="T6334" t="s">
        <v>661</v>
      </c>
      <c r="U6334">
        <v>8</v>
      </c>
      <c r="V6334">
        <v>4</v>
      </c>
      <c r="W6334">
        <v>240</v>
      </c>
      <c r="X6334">
        <v>2020</v>
      </c>
    </row>
    <row r="6335" spans="1:24" x14ac:dyDescent="0.25">
      <c r="A6335">
        <v>1324</v>
      </c>
      <c r="B6335" t="s">
        <v>112</v>
      </c>
      <c r="C6335">
        <v>29</v>
      </c>
      <c r="D6335" t="s">
        <v>525</v>
      </c>
      <c r="E6335">
        <v>222</v>
      </c>
      <c r="F6335" t="s">
        <v>651</v>
      </c>
      <c r="G6335">
        <v>160</v>
      </c>
      <c r="H6335" t="s">
        <v>719</v>
      </c>
      <c r="I6335">
        <v>7630</v>
      </c>
      <c r="J6335" t="s">
        <v>742</v>
      </c>
      <c r="K6335">
        <v>48</v>
      </c>
      <c r="L6335" t="s">
        <v>742</v>
      </c>
      <c r="M6335">
        <v>171</v>
      </c>
      <c r="N6335" t="s">
        <v>654</v>
      </c>
      <c r="O6335">
        <v>3</v>
      </c>
      <c r="P6335" t="s">
        <v>655</v>
      </c>
      <c r="Q6335">
        <v>1</v>
      </c>
      <c r="R6335" t="s">
        <v>669</v>
      </c>
      <c r="S6335">
        <v>1</v>
      </c>
      <c r="T6335" t="s">
        <v>661</v>
      </c>
      <c r="U6335">
        <v>8</v>
      </c>
      <c r="V6335">
        <v>4</v>
      </c>
      <c r="W6335">
        <v>240</v>
      </c>
      <c r="X6335">
        <v>2020</v>
      </c>
    </row>
    <row r="6336" spans="1:24" x14ac:dyDescent="0.25">
      <c r="A6336">
        <v>1323</v>
      </c>
      <c r="B6336" t="s">
        <v>112</v>
      </c>
      <c r="C6336">
        <v>29</v>
      </c>
      <c r="D6336" t="s">
        <v>525</v>
      </c>
      <c r="E6336">
        <v>222</v>
      </c>
      <c r="F6336" t="s">
        <v>651</v>
      </c>
      <c r="G6336">
        <v>160</v>
      </c>
      <c r="H6336" t="s">
        <v>719</v>
      </c>
      <c r="I6336">
        <v>7630</v>
      </c>
      <c r="J6336" t="s">
        <v>742</v>
      </c>
      <c r="K6336">
        <v>48</v>
      </c>
      <c r="L6336" t="s">
        <v>3981</v>
      </c>
      <c r="M6336">
        <v>169</v>
      </c>
      <c r="N6336" t="s">
        <v>654</v>
      </c>
      <c r="O6336">
        <v>3</v>
      </c>
      <c r="P6336" t="s">
        <v>655</v>
      </c>
      <c r="Q6336">
        <v>1</v>
      </c>
      <c r="R6336" t="s">
        <v>669</v>
      </c>
      <c r="S6336">
        <v>1</v>
      </c>
      <c r="T6336" t="s">
        <v>661</v>
      </c>
      <c r="U6336">
        <v>8</v>
      </c>
      <c r="V6336">
        <v>4</v>
      </c>
      <c r="W6336">
        <v>240</v>
      </c>
      <c r="X6336">
        <v>2020</v>
      </c>
    </row>
    <row r="6337" spans="1:24" x14ac:dyDescent="0.25">
      <c r="A6337">
        <v>1322</v>
      </c>
      <c r="B6337" t="s">
        <v>112</v>
      </c>
      <c r="C6337">
        <v>29</v>
      </c>
      <c r="D6337" t="s">
        <v>525</v>
      </c>
      <c r="E6337">
        <v>222</v>
      </c>
      <c r="F6337" t="s">
        <v>651</v>
      </c>
      <c r="G6337">
        <v>160</v>
      </c>
      <c r="H6337" t="s">
        <v>719</v>
      </c>
      <c r="I6337">
        <v>7630</v>
      </c>
      <c r="J6337" t="s">
        <v>742</v>
      </c>
      <c r="K6337">
        <v>48</v>
      </c>
      <c r="L6337" t="s">
        <v>3934</v>
      </c>
      <c r="M6337">
        <v>167</v>
      </c>
      <c r="N6337" t="s">
        <v>654</v>
      </c>
      <c r="O6337">
        <v>3</v>
      </c>
      <c r="P6337" t="s">
        <v>655</v>
      </c>
      <c r="Q6337">
        <v>1</v>
      </c>
      <c r="R6337" t="s">
        <v>669</v>
      </c>
      <c r="S6337">
        <v>1</v>
      </c>
      <c r="T6337" t="s">
        <v>661</v>
      </c>
      <c r="U6337">
        <v>8</v>
      </c>
      <c r="V6337">
        <v>4</v>
      </c>
      <c r="W6337">
        <v>240</v>
      </c>
      <c r="X6337">
        <v>2020</v>
      </c>
    </row>
    <row r="6338" spans="1:24" x14ac:dyDescent="0.25">
      <c r="A6338">
        <v>1321</v>
      </c>
      <c r="B6338" t="s">
        <v>112</v>
      </c>
      <c r="C6338">
        <v>29</v>
      </c>
      <c r="D6338" t="s">
        <v>525</v>
      </c>
      <c r="E6338">
        <v>222</v>
      </c>
      <c r="F6338" t="s">
        <v>651</v>
      </c>
      <c r="G6338">
        <v>160</v>
      </c>
      <c r="H6338" t="s">
        <v>719</v>
      </c>
      <c r="I6338">
        <v>7630</v>
      </c>
      <c r="J6338" t="s">
        <v>742</v>
      </c>
      <c r="K6338">
        <v>48</v>
      </c>
      <c r="L6338" t="s">
        <v>3935</v>
      </c>
      <c r="M6338">
        <v>166</v>
      </c>
      <c r="N6338" t="s">
        <v>654</v>
      </c>
      <c r="O6338">
        <v>3</v>
      </c>
      <c r="P6338" t="s">
        <v>655</v>
      </c>
      <c r="Q6338">
        <v>1</v>
      </c>
      <c r="R6338" t="s">
        <v>669</v>
      </c>
      <c r="S6338">
        <v>1</v>
      </c>
      <c r="T6338" t="s">
        <v>661</v>
      </c>
      <c r="U6338">
        <v>8</v>
      </c>
      <c r="V6338">
        <v>4</v>
      </c>
      <c r="W6338">
        <v>240</v>
      </c>
      <c r="X6338">
        <v>2020</v>
      </c>
    </row>
    <row r="6339" spans="1:24" x14ac:dyDescent="0.25">
      <c r="A6339">
        <v>1319</v>
      </c>
      <c r="B6339" t="s">
        <v>112</v>
      </c>
      <c r="C6339">
        <v>29</v>
      </c>
      <c r="D6339" t="s">
        <v>472</v>
      </c>
      <c r="E6339">
        <v>221</v>
      </c>
      <c r="F6339" t="s">
        <v>651</v>
      </c>
      <c r="G6339">
        <v>160</v>
      </c>
      <c r="H6339" t="s">
        <v>719</v>
      </c>
      <c r="I6339">
        <v>7630</v>
      </c>
      <c r="J6339" t="s">
        <v>797</v>
      </c>
      <c r="K6339">
        <v>65</v>
      </c>
      <c r="L6339" t="s">
        <v>3892</v>
      </c>
      <c r="M6339">
        <v>276</v>
      </c>
      <c r="N6339" t="s">
        <v>654</v>
      </c>
      <c r="O6339">
        <v>3</v>
      </c>
      <c r="P6339" t="s">
        <v>655</v>
      </c>
      <c r="Q6339">
        <v>1</v>
      </c>
      <c r="R6339" t="s">
        <v>669</v>
      </c>
      <c r="S6339">
        <v>1</v>
      </c>
      <c r="T6339" t="s">
        <v>661</v>
      </c>
      <c r="U6339">
        <v>8</v>
      </c>
      <c r="V6339">
        <v>4</v>
      </c>
      <c r="W6339">
        <v>240</v>
      </c>
      <c r="X6339">
        <v>2020</v>
      </c>
    </row>
    <row r="6340" spans="1:24" x14ac:dyDescent="0.25">
      <c r="A6340">
        <v>1318</v>
      </c>
      <c r="B6340" t="s">
        <v>112</v>
      </c>
      <c r="C6340">
        <v>29</v>
      </c>
      <c r="D6340" t="s">
        <v>472</v>
      </c>
      <c r="E6340">
        <v>221</v>
      </c>
      <c r="F6340" t="s">
        <v>651</v>
      </c>
      <c r="G6340">
        <v>160</v>
      </c>
      <c r="H6340" t="s">
        <v>719</v>
      </c>
      <c r="I6340">
        <v>7630</v>
      </c>
      <c r="J6340" t="s">
        <v>767</v>
      </c>
      <c r="K6340">
        <v>44</v>
      </c>
      <c r="L6340" t="s">
        <v>2347</v>
      </c>
      <c r="M6340">
        <v>153</v>
      </c>
      <c r="N6340" t="s">
        <v>654</v>
      </c>
      <c r="O6340">
        <v>3</v>
      </c>
      <c r="P6340" t="s">
        <v>655</v>
      </c>
      <c r="Q6340">
        <v>1</v>
      </c>
      <c r="R6340" t="s">
        <v>669</v>
      </c>
      <c r="S6340">
        <v>1</v>
      </c>
      <c r="T6340" t="s">
        <v>661</v>
      </c>
      <c r="U6340">
        <v>8</v>
      </c>
      <c r="V6340">
        <v>4</v>
      </c>
      <c r="W6340">
        <v>240</v>
      </c>
      <c r="X6340">
        <v>2020</v>
      </c>
    </row>
    <row r="6341" spans="1:24" x14ac:dyDescent="0.25">
      <c r="A6341">
        <v>1317</v>
      </c>
      <c r="B6341" t="s">
        <v>112</v>
      </c>
      <c r="C6341">
        <v>29</v>
      </c>
      <c r="D6341" t="s">
        <v>472</v>
      </c>
      <c r="E6341">
        <v>221</v>
      </c>
      <c r="F6341" t="s">
        <v>651</v>
      </c>
      <c r="G6341">
        <v>160</v>
      </c>
      <c r="H6341" t="s">
        <v>719</v>
      </c>
      <c r="I6341">
        <v>7630</v>
      </c>
      <c r="J6341" t="s">
        <v>767</v>
      </c>
      <c r="K6341">
        <v>44</v>
      </c>
      <c r="L6341" t="s">
        <v>3893</v>
      </c>
      <c r="M6341">
        <v>152</v>
      </c>
      <c r="N6341" t="s">
        <v>654</v>
      </c>
      <c r="O6341">
        <v>3</v>
      </c>
      <c r="P6341" t="s">
        <v>655</v>
      </c>
      <c r="Q6341">
        <v>1</v>
      </c>
      <c r="R6341" t="s">
        <v>669</v>
      </c>
      <c r="S6341">
        <v>1</v>
      </c>
      <c r="T6341" t="s">
        <v>661</v>
      </c>
      <c r="U6341">
        <v>8</v>
      </c>
      <c r="V6341">
        <v>4</v>
      </c>
      <c r="W6341">
        <v>240</v>
      </c>
      <c r="X6341">
        <v>2020</v>
      </c>
    </row>
    <row r="6342" spans="1:24" x14ac:dyDescent="0.25">
      <c r="A6342">
        <v>1311</v>
      </c>
      <c r="B6342" t="s">
        <v>22</v>
      </c>
      <c r="C6342">
        <v>28</v>
      </c>
      <c r="D6342" t="s">
        <v>526</v>
      </c>
      <c r="E6342">
        <v>220</v>
      </c>
      <c r="F6342" t="s">
        <v>734</v>
      </c>
      <c r="G6342">
        <v>122</v>
      </c>
      <c r="H6342" t="s">
        <v>735</v>
      </c>
      <c r="I6342">
        <v>13756</v>
      </c>
      <c r="J6342" t="s">
        <v>667</v>
      </c>
      <c r="K6342">
        <v>11</v>
      </c>
      <c r="L6342" t="s">
        <v>667</v>
      </c>
      <c r="M6342">
        <v>35</v>
      </c>
      <c r="N6342" t="s">
        <v>654</v>
      </c>
      <c r="O6342">
        <v>3</v>
      </c>
      <c r="P6342" t="s">
        <v>655</v>
      </c>
      <c r="Q6342">
        <v>1</v>
      </c>
      <c r="R6342" t="s">
        <v>669</v>
      </c>
      <c r="S6342">
        <v>1</v>
      </c>
      <c r="T6342" t="s">
        <v>661</v>
      </c>
      <c r="U6342">
        <v>8</v>
      </c>
      <c r="V6342">
        <v>3</v>
      </c>
      <c r="W6342">
        <v>180</v>
      </c>
      <c r="X6342">
        <v>2020</v>
      </c>
    </row>
    <row r="6343" spans="1:24" x14ac:dyDescent="0.25">
      <c r="A6343">
        <v>1310</v>
      </c>
      <c r="B6343" t="s">
        <v>22</v>
      </c>
      <c r="C6343">
        <v>28</v>
      </c>
      <c r="D6343" t="s">
        <v>526</v>
      </c>
      <c r="E6343">
        <v>220</v>
      </c>
      <c r="F6343" t="s">
        <v>734</v>
      </c>
      <c r="G6343">
        <v>122</v>
      </c>
      <c r="H6343" t="s">
        <v>735</v>
      </c>
      <c r="I6343">
        <v>13756</v>
      </c>
      <c r="J6343" t="s">
        <v>880</v>
      </c>
      <c r="K6343">
        <v>58</v>
      </c>
      <c r="L6343" t="s">
        <v>880</v>
      </c>
      <c r="M6343">
        <v>236</v>
      </c>
      <c r="N6343" t="s">
        <v>654</v>
      </c>
      <c r="O6343">
        <v>3</v>
      </c>
      <c r="P6343" t="s">
        <v>655</v>
      </c>
      <c r="Q6343">
        <v>1</v>
      </c>
      <c r="R6343" t="s">
        <v>669</v>
      </c>
      <c r="S6343">
        <v>1</v>
      </c>
      <c r="T6343" t="s">
        <v>661</v>
      </c>
      <c r="U6343">
        <v>8</v>
      </c>
      <c r="V6343">
        <v>4</v>
      </c>
      <c r="W6343">
        <v>240</v>
      </c>
      <c r="X6343">
        <v>2020</v>
      </c>
    </row>
    <row r="6344" spans="1:24" x14ac:dyDescent="0.25">
      <c r="A6344">
        <v>1303</v>
      </c>
      <c r="B6344" t="s">
        <v>22</v>
      </c>
      <c r="C6344">
        <v>28</v>
      </c>
      <c r="D6344" t="s">
        <v>402</v>
      </c>
      <c r="E6344">
        <v>219</v>
      </c>
      <c r="F6344" t="s">
        <v>651</v>
      </c>
      <c r="G6344">
        <v>160</v>
      </c>
      <c r="H6344" t="s">
        <v>675</v>
      </c>
      <c r="I6344">
        <v>5952</v>
      </c>
      <c r="J6344" t="s">
        <v>765</v>
      </c>
      <c r="K6344">
        <v>76</v>
      </c>
      <c r="L6344" t="s">
        <v>766</v>
      </c>
      <c r="M6344">
        <v>137</v>
      </c>
      <c r="N6344" t="s">
        <v>654</v>
      </c>
      <c r="O6344">
        <v>3</v>
      </c>
      <c r="P6344" t="s">
        <v>655</v>
      </c>
      <c r="Q6344">
        <v>1</v>
      </c>
      <c r="R6344" t="s">
        <v>669</v>
      </c>
      <c r="S6344">
        <v>1</v>
      </c>
      <c r="T6344" t="s">
        <v>661</v>
      </c>
      <c r="U6344">
        <v>8</v>
      </c>
      <c r="V6344">
        <v>3</v>
      </c>
      <c r="W6344">
        <v>180</v>
      </c>
      <c r="X6344">
        <v>2020</v>
      </c>
    </row>
    <row r="6345" spans="1:24" x14ac:dyDescent="0.25">
      <c r="A6345">
        <v>1302</v>
      </c>
      <c r="B6345" t="s">
        <v>22</v>
      </c>
      <c r="C6345">
        <v>28</v>
      </c>
      <c r="D6345" t="s">
        <v>402</v>
      </c>
      <c r="E6345">
        <v>219</v>
      </c>
      <c r="F6345" t="s">
        <v>651</v>
      </c>
      <c r="G6345">
        <v>160</v>
      </c>
      <c r="H6345" t="s">
        <v>675</v>
      </c>
      <c r="I6345">
        <v>5952</v>
      </c>
      <c r="J6345" t="s">
        <v>1088</v>
      </c>
      <c r="K6345">
        <v>38</v>
      </c>
      <c r="L6345" t="s">
        <v>1089</v>
      </c>
      <c r="M6345">
        <v>135</v>
      </c>
      <c r="N6345" t="s">
        <v>654</v>
      </c>
      <c r="O6345">
        <v>3</v>
      </c>
      <c r="P6345" t="s">
        <v>655</v>
      </c>
      <c r="Q6345">
        <v>1</v>
      </c>
      <c r="R6345" t="s">
        <v>669</v>
      </c>
      <c r="S6345">
        <v>1</v>
      </c>
      <c r="T6345" t="s">
        <v>661</v>
      </c>
      <c r="U6345">
        <v>8</v>
      </c>
      <c r="V6345">
        <v>3</v>
      </c>
      <c r="W6345">
        <v>180</v>
      </c>
      <c r="X6345">
        <v>2020</v>
      </c>
    </row>
    <row r="6346" spans="1:24" x14ac:dyDescent="0.25">
      <c r="A6346">
        <v>1300</v>
      </c>
      <c r="B6346" t="s">
        <v>22</v>
      </c>
      <c r="C6346">
        <v>28</v>
      </c>
      <c r="D6346" t="s">
        <v>527</v>
      </c>
      <c r="E6346">
        <v>218</v>
      </c>
      <c r="F6346" t="s">
        <v>651</v>
      </c>
      <c r="G6346">
        <v>160</v>
      </c>
      <c r="H6346" t="s">
        <v>675</v>
      </c>
      <c r="I6346">
        <v>5952</v>
      </c>
      <c r="J6346" t="s">
        <v>682</v>
      </c>
      <c r="K6346">
        <v>20</v>
      </c>
      <c r="L6346" t="s">
        <v>904</v>
      </c>
      <c r="M6346">
        <v>61</v>
      </c>
      <c r="N6346" t="s">
        <v>654</v>
      </c>
      <c r="O6346">
        <v>3</v>
      </c>
      <c r="P6346" t="s">
        <v>655</v>
      </c>
      <c r="Q6346">
        <v>1</v>
      </c>
      <c r="R6346" t="s">
        <v>669</v>
      </c>
      <c r="S6346">
        <v>1</v>
      </c>
      <c r="T6346" t="s">
        <v>661</v>
      </c>
      <c r="U6346">
        <v>8</v>
      </c>
      <c r="V6346">
        <v>3</v>
      </c>
      <c r="W6346">
        <v>180</v>
      </c>
      <c r="X6346">
        <v>2020</v>
      </c>
    </row>
    <row r="6347" spans="1:24" x14ac:dyDescent="0.25">
      <c r="A6347">
        <v>1299</v>
      </c>
      <c r="B6347" t="s">
        <v>22</v>
      </c>
      <c r="C6347">
        <v>28</v>
      </c>
      <c r="D6347" t="s">
        <v>527</v>
      </c>
      <c r="E6347">
        <v>218</v>
      </c>
      <c r="F6347" t="s">
        <v>651</v>
      </c>
      <c r="G6347">
        <v>160</v>
      </c>
      <c r="H6347" t="s">
        <v>675</v>
      </c>
      <c r="I6347">
        <v>5952</v>
      </c>
      <c r="J6347" t="s">
        <v>65</v>
      </c>
      <c r="K6347">
        <v>15</v>
      </c>
      <c r="L6347" t="s">
        <v>65</v>
      </c>
      <c r="M6347">
        <v>51</v>
      </c>
      <c r="N6347" t="s">
        <v>654</v>
      </c>
      <c r="O6347">
        <v>3</v>
      </c>
      <c r="P6347" t="s">
        <v>746</v>
      </c>
      <c r="Q6347">
        <v>2</v>
      </c>
      <c r="R6347" t="s">
        <v>669</v>
      </c>
      <c r="S6347">
        <v>1</v>
      </c>
      <c r="T6347" t="s">
        <v>661</v>
      </c>
      <c r="U6347">
        <v>8</v>
      </c>
      <c r="V6347">
        <v>4</v>
      </c>
      <c r="W6347">
        <v>240</v>
      </c>
      <c r="X6347">
        <v>2020</v>
      </c>
    </row>
    <row r="6348" spans="1:24" x14ac:dyDescent="0.25">
      <c r="A6348">
        <v>1298</v>
      </c>
      <c r="B6348" t="s">
        <v>22</v>
      </c>
      <c r="C6348">
        <v>28</v>
      </c>
      <c r="D6348" t="s">
        <v>527</v>
      </c>
      <c r="E6348">
        <v>218</v>
      </c>
      <c r="F6348" t="s">
        <v>651</v>
      </c>
      <c r="G6348">
        <v>160</v>
      </c>
      <c r="H6348" t="s">
        <v>675</v>
      </c>
      <c r="I6348">
        <v>5952</v>
      </c>
      <c r="J6348" t="s">
        <v>65</v>
      </c>
      <c r="K6348">
        <v>15</v>
      </c>
      <c r="L6348" t="s">
        <v>65</v>
      </c>
      <c r="M6348">
        <v>51</v>
      </c>
      <c r="N6348" t="s">
        <v>654</v>
      </c>
      <c r="O6348">
        <v>3</v>
      </c>
      <c r="P6348" t="s">
        <v>655</v>
      </c>
      <c r="Q6348">
        <v>1</v>
      </c>
      <c r="R6348" t="s">
        <v>669</v>
      </c>
      <c r="S6348">
        <v>1</v>
      </c>
      <c r="T6348" t="s">
        <v>661</v>
      </c>
      <c r="U6348">
        <v>8</v>
      </c>
      <c r="V6348">
        <v>4</v>
      </c>
      <c r="W6348">
        <v>240</v>
      </c>
      <c r="X6348">
        <v>2020</v>
      </c>
    </row>
    <row r="6349" spans="1:24" x14ac:dyDescent="0.25">
      <c r="A6349">
        <v>1295</v>
      </c>
      <c r="B6349" t="s">
        <v>22</v>
      </c>
      <c r="C6349">
        <v>28</v>
      </c>
      <c r="D6349" t="s">
        <v>513</v>
      </c>
      <c r="E6349">
        <v>217</v>
      </c>
      <c r="F6349" t="s">
        <v>651</v>
      </c>
      <c r="G6349">
        <v>160</v>
      </c>
      <c r="H6349" t="s">
        <v>675</v>
      </c>
      <c r="I6349">
        <v>5952</v>
      </c>
      <c r="J6349" t="s">
        <v>294</v>
      </c>
      <c r="K6349">
        <v>31</v>
      </c>
      <c r="L6349" t="s">
        <v>294</v>
      </c>
      <c r="M6349">
        <v>98</v>
      </c>
      <c r="N6349" t="s">
        <v>654</v>
      </c>
      <c r="O6349">
        <v>3</v>
      </c>
      <c r="P6349" t="s">
        <v>655</v>
      </c>
      <c r="Q6349">
        <v>1</v>
      </c>
      <c r="R6349" t="s">
        <v>669</v>
      </c>
      <c r="S6349">
        <v>1</v>
      </c>
      <c r="T6349" t="s">
        <v>661</v>
      </c>
      <c r="U6349">
        <v>8</v>
      </c>
      <c r="V6349">
        <v>3</v>
      </c>
      <c r="W6349">
        <v>180</v>
      </c>
      <c r="X6349">
        <v>2020</v>
      </c>
    </row>
    <row r="6350" spans="1:24" x14ac:dyDescent="0.25">
      <c r="A6350">
        <v>1292</v>
      </c>
      <c r="B6350" t="s">
        <v>22</v>
      </c>
      <c r="C6350">
        <v>28</v>
      </c>
      <c r="D6350" t="s">
        <v>513</v>
      </c>
      <c r="E6350">
        <v>217</v>
      </c>
      <c r="F6350" t="s">
        <v>651</v>
      </c>
      <c r="G6350">
        <v>160</v>
      </c>
      <c r="H6350" t="s">
        <v>675</v>
      </c>
      <c r="I6350">
        <v>5952</v>
      </c>
      <c r="J6350" t="s">
        <v>295</v>
      </c>
      <c r="K6350">
        <v>30</v>
      </c>
      <c r="L6350" t="s">
        <v>295</v>
      </c>
      <c r="M6350">
        <v>96</v>
      </c>
      <c r="N6350" t="s">
        <v>654</v>
      </c>
      <c r="O6350">
        <v>3</v>
      </c>
      <c r="P6350" t="s">
        <v>655</v>
      </c>
      <c r="Q6350">
        <v>1</v>
      </c>
      <c r="R6350" t="s">
        <v>669</v>
      </c>
      <c r="S6350">
        <v>1</v>
      </c>
      <c r="T6350" t="s">
        <v>661</v>
      </c>
      <c r="U6350">
        <v>8</v>
      </c>
      <c r="V6350">
        <v>3</v>
      </c>
      <c r="W6350">
        <v>180</v>
      </c>
      <c r="X6350">
        <v>2020</v>
      </c>
    </row>
    <row r="6351" spans="1:24" x14ac:dyDescent="0.25">
      <c r="A6351">
        <v>1291</v>
      </c>
      <c r="B6351" t="s">
        <v>22</v>
      </c>
      <c r="C6351">
        <v>28</v>
      </c>
      <c r="D6351" t="s">
        <v>513</v>
      </c>
      <c r="E6351">
        <v>217</v>
      </c>
      <c r="F6351" t="s">
        <v>651</v>
      </c>
      <c r="G6351">
        <v>160</v>
      </c>
      <c r="H6351" t="s">
        <v>675</v>
      </c>
      <c r="I6351">
        <v>5952</v>
      </c>
      <c r="J6351" t="s">
        <v>955</v>
      </c>
      <c r="K6351">
        <v>29</v>
      </c>
      <c r="L6351" t="s">
        <v>2089</v>
      </c>
      <c r="M6351">
        <v>94</v>
      </c>
      <c r="N6351" t="s">
        <v>654</v>
      </c>
      <c r="O6351">
        <v>3</v>
      </c>
      <c r="P6351" t="s">
        <v>655</v>
      </c>
      <c r="Q6351">
        <v>1</v>
      </c>
      <c r="R6351" t="s">
        <v>669</v>
      </c>
      <c r="S6351">
        <v>1</v>
      </c>
      <c r="T6351" t="s">
        <v>661</v>
      </c>
      <c r="U6351">
        <v>8</v>
      </c>
      <c r="V6351">
        <v>3</v>
      </c>
      <c r="W6351">
        <v>180</v>
      </c>
      <c r="X6351">
        <v>2020</v>
      </c>
    </row>
    <row r="6352" spans="1:24" x14ac:dyDescent="0.25">
      <c r="A6352">
        <v>1290</v>
      </c>
      <c r="B6352" t="s">
        <v>22</v>
      </c>
      <c r="C6352">
        <v>28</v>
      </c>
      <c r="D6352" t="s">
        <v>513</v>
      </c>
      <c r="E6352">
        <v>217</v>
      </c>
      <c r="F6352" t="s">
        <v>651</v>
      </c>
      <c r="G6352">
        <v>160</v>
      </c>
      <c r="H6352" t="s">
        <v>675</v>
      </c>
      <c r="I6352">
        <v>5952</v>
      </c>
      <c r="J6352" t="s">
        <v>1094</v>
      </c>
      <c r="K6352">
        <v>28</v>
      </c>
      <c r="L6352" t="s">
        <v>296</v>
      </c>
      <c r="M6352">
        <v>91</v>
      </c>
      <c r="N6352" t="s">
        <v>654</v>
      </c>
      <c r="O6352">
        <v>3</v>
      </c>
      <c r="P6352" t="s">
        <v>655</v>
      </c>
      <c r="Q6352">
        <v>1</v>
      </c>
      <c r="R6352" t="s">
        <v>669</v>
      </c>
      <c r="S6352">
        <v>1</v>
      </c>
      <c r="T6352" t="s">
        <v>661</v>
      </c>
      <c r="U6352">
        <v>8</v>
      </c>
      <c r="V6352">
        <v>3</v>
      </c>
      <c r="W6352">
        <v>180</v>
      </c>
      <c r="X6352">
        <v>2020</v>
      </c>
    </row>
    <row r="6353" spans="1:24" x14ac:dyDescent="0.25">
      <c r="A6353">
        <v>1288</v>
      </c>
      <c r="B6353" t="s">
        <v>22</v>
      </c>
      <c r="C6353">
        <v>28</v>
      </c>
      <c r="D6353" t="s">
        <v>513</v>
      </c>
      <c r="E6353">
        <v>217</v>
      </c>
      <c r="F6353" t="s">
        <v>651</v>
      </c>
      <c r="G6353">
        <v>160</v>
      </c>
      <c r="H6353" t="s">
        <v>675</v>
      </c>
      <c r="I6353">
        <v>5952</v>
      </c>
      <c r="J6353" t="s">
        <v>299</v>
      </c>
      <c r="K6353">
        <v>27</v>
      </c>
      <c r="L6353" t="s">
        <v>690</v>
      </c>
      <c r="M6353">
        <v>89</v>
      </c>
      <c r="N6353" t="s">
        <v>654</v>
      </c>
      <c r="O6353">
        <v>3</v>
      </c>
      <c r="P6353" t="s">
        <v>655</v>
      </c>
      <c r="Q6353">
        <v>1</v>
      </c>
      <c r="R6353" t="s">
        <v>669</v>
      </c>
      <c r="S6353">
        <v>1</v>
      </c>
      <c r="T6353" t="s">
        <v>661</v>
      </c>
      <c r="U6353">
        <v>8</v>
      </c>
      <c r="V6353">
        <v>3</v>
      </c>
      <c r="W6353">
        <v>180</v>
      </c>
      <c r="X6353">
        <v>2020</v>
      </c>
    </row>
    <row r="6354" spans="1:24" x14ac:dyDescent="0.25">
      <c r="A6354">
        <v>1287</v>
      </c>
      <c r="B6354" t="s">
        <v>22</v>
      </c>
      <c r="C6354">
        <v>28</v>
      </c>
      <c r="D6354" t="s">
        <v>513</v>
      </c>
      <c r="E6354">
        <v>217</v>
      </c>
      <c r="F6354" t="s">
        <v>651</v>
      </c>
      <c r="G6354">
        <v>160</v>
      </c>
      <c r="H6354" t="s">
        <v>675</v>
      </c>
      <c r="I6354">
        <v>5952</v>
      </c>
      <c r="J6354" t="s">
        <v>301</v>
      </c>
      <c r="K6354">
        <v>26</v>
      </c>
      <c r="L6354" t="s">
        <v>930</v>
      </c>
      <c r="M6354">
        <v>84</v>
      </c>
      <c r="N6354" t="s">
        <v>654</v>
      </c>
      <c r="O6354">
        <v>3</v>
      </c>
      <c r="P6354" t="s">
        <v>655</v>
      </c>
      <c r="Q6354">
        <v>1</v>
      </c>
      <c r="R6354" t="s">
        <v>669</v>
      </c>
      <c r="S6354">
        <v>1</v>
      </c>
      <c r="T6354" t="s">
        <v>661</v>
      </c>
      <c r="U6354">
        <v>8</v>
      </c>
      <c r="V6354">
        <v>3</v>
      </c>
      <c r="W6354">
        <v>180</v>
      </c>
      <c r="X6354">
        <v>2020</v>
      </c>
    </row>
    <row r="6355" spans="1:24" x14ac:dyDescent="0.25">
      <c r="A6355">
        <v>1285</v>
      </c>
      <c r="B6355" t="s">
        <v>22</v>
      </c>
      <c r="C6355">
        <v>28</v>
      </c>
      <c r="D6355" t="s">
        <v>513</v>
      </c>
      <c r="E6355">
        <v>217</v>
      </c>
      <c r="F6355" t="s">
        <v>651</v>
      </c>
      <c r="G6355">
        <v>160</v>
      </c>
      <c r="H6355" t="s">
        <v>675</v>
      </c>
      <c r="I6355">
        <v>5952</v>
      </c>
      <c r="J6355" t="s">
        <v>807</v>
      </c>
      <c r="K6355">
        <v>25</v>
      </c>
      <c r="L6355" t="s">
        <v>1603</v>
      </c>
      <c r="M6355">
        <v>81</v>
      </c>
      <c r="N6355" t="s">
        <v>654</v>
      </c>
      <c r="O6355">
        <v>3</v>
      </c>
      <c r="P6355" t="s">
        <v>655</v>
      </c>
      <c r="Q6355">
        <v>1</v>
      </c>
      <c r="R6355" t="s">
        <v>669</v>
      </c>
      <c r="S6355">
        <v>1</v>
      </c>
      <c r="T6355" t="s">
        <v>661</v>
      </c>
      <c r="U6355">
        <v>8</v>
      </c>
      <c r="V6355">
        <v>3</v>
      </c>
      <c r="W6355">
        <v>180</v>
      </c>
      <c r="X6355">
        <v>2020</v>
      </c>
    </row>
    <row r="6356" spans="1:24" x14ac:dyDescent="0.25">
      <c r="A6356">
        <v>1284</v>
      </c>
      <c r="B6356" t="s">
        <v>22</v>
      </c>
      <c r="C6356">
        <v>28</v>
      </c>
      <c r="D6356" t="s">
        <v>513</v>
      </c>
      <c r="E6356">
        <v>217</v>
      </c>
      <c r="F6356" t="s">
        <v>651</v>
      </c>
      <c r="G6356">
        <v>160</v>
      </c>
      <c r="H6356" t="s">
        <v>675</v>
      </c>
      <c r="I6356">
        <v>5952</v>
      </c>
      <c r="J6356" t="s">
        <v>813</v>
      </c>
      <c r="K6356">
        <v>24</v>
      </c>
      <c r="L6356" t="s">
        <v>1921</v>
      </c>
      <c r="M6356">
        <v>76</v>
      </c>
      <c r="N6356" t="s">
        <v>654</v>
      </c>
      <c r="O6356">
        <v>3</v>
      </c>
      <c r="P6356" t="s">
        <v>655</v>
      </c>
      <c r="Q6356">
        <v>1</v>
      </c>
      <c r="R6356" t="s">
        <v>669</v>
      </c>
      <c r="S6356">
        <v>1</v>
      </c>
      <c r="T6356" t="s">
        <v>661</v>
      </c>
      <c r="U6356">
        <v>8</v>
      </c>
      <c r="V6356">
        <v>3</v>
      </c>
      <c r="W6356">
        <v>180</v>
      </c>
      <c r="X6356">
        <v>2020</v>
      </c>
    </row>
    <row r="6357" spans="1:24" x14ac:dyDescent="0.25">
      <c r="A6357">
        <v>1283</v>
      </c>
      <c r="B6357" t="s">
        <v>22</v>
      </c>
      <c r="C6357">
        <v>28</v>
      </c>
      <c r="D6357" t="s">
        <v>360</v>
      </c>
      <c r="E6357">
        <v>216</v>
      </c>
      <c r="F6357" t="s">
        <v>651</v>
      </c>
      <c r="G6357">
        <v>160</v>
      </c>
      <c r="H6357" t="s">
        <v>675</v>
      </c>
      <c r="I6357">
        <v>5952</v>
      </c>
      <c r="J6357" t="s">
        <v>659</v>
      </c>
      <c r="K6357">
        <v>35</v>
      </c>
      <c r="L6357" t="s">
        <v>925</v>
      </c>
      <c r="M6357">
        <v>112</v>
      </c>
      <c r="N6357" t="s">
        <v>654</v>
      </c>
      <c r="O6357">
        <v>3</v>
      </c>
      <c r="P6357" t="s">
        <v>655</v>
      </c>
      <c r="Q6357">
        <v>1</v>
      </c>
      <c r="R6357" t="s">
        <v>669</v>
      </c>
      <c r="S6357">
        <v>1</v>
      </c>
      <c r="T6357" t="s">
        <v>661</v>
      </c>
      <c r="U6357">
        <v>8</v>
      </c>
      <c r="V6357">
        <v>3</v>
      </c>
      <c r="W6357">
        <v>180</v>
      </c>
      <c r="X6357">
        <v>2020</v>
      </c>
    </row>
    <row r="6358" spans="1:24" x14ac:dyDescent="0.25">
      <c r="A6358">
        <v>1282</v>
      </c>
      <c r="B6358" t="s">
        <v>22</v>
      </c>
      <c r="C6358">
        <v>28</v>
      </c>
      <c r="D6358" t="s">
        <v>360</v>
      </c>
      <c r="E6358">
        <v>216</v>
      </c>
      <c r="F6358" t="s">
        <v>651</v>
      </c>
      <c r="G6358">
        <v>160</v>
      </c>
      <c r="H6358" t="s">
        <v>675</v>
      </c>
      <c r="I6358">
        <v>5952</v>
      </c>
      <c r="J6358" t="s">
        <v>673</v>
      </c>
      <c r="K6358">
        <v>34</v>
      </c>
      <c r="L6358" t="s">
        <v>674</v>
      </c>
      <c r="M6358">
        <v>107</v>
      </c>
      <c r="N6358" t="s">
        <v>654</v>
      </c>
      <c r="O6358">
        <v>3</v>
      </c>
      <c r="P6358" t="s">
        <v>655</v>
      </c>
      <c r="Q6358">
        <v>1</v>
      </c>
      <c r="R6358" t="s">
        <v>669</v>
      </c>
      <c r="S6358">
        <v>1</v>
      </c>
      <c r="T6358" t="s">
        <v>661</v>
      </c>
      <c r="U6358">
        <v>8</v>
      </c>
      <c r="V6358">
        <v>4</v>
      </c>
      <c r="W6358">
        <v>240</v>
      </c>
      <c r="X6358">
        <v>2020</v>
      </c>
    </row>
    <row r="6359" spans="1:24" x14ac:dyDescent="0.25">
      <c r="A6359">
        <v>1281</v>
      </c>
      <c r="B6359" t="s">
        <v>22</v>
      </c>
      <c r="C6359">
        <v>28</v>
      </c>
      <c r="D6359" t="s">
        <v>360</v>
      </c>
      <c r="E6359">
        <v>216</v>
      </c>
      <c r="F6359" t="s">
        <v>651</v>
      </c>
      <c r="G6359">
        <v>160</v>
      </c>
      <c r="H6359" t="s">
        <v>675</v>
      </c>
      <c r="I6359">
        <v>5952</v>
      </c>
      <c r="J6359" t="s">
        <v>679</v>
      </c>
      <c r="K6359">
        <v>32</v>
      </c>
      <c r="L6359" t="s">
        <v>1612</v>
      </c>
      <c r="M6359">
        <v>463</v>
      </c>
      <c r="N6359" t="s">
        <v>654</v>
      </c>
      <c r="O6359">
        <v>3</v>
      </c>
      <c r="P6359" t="s">
        <v>655</v>
      </c>
      <c r="Q6359">
        <v>1</v>
      </c>
      <c r="R6359" t="s">
        <v>669</v>
      </c>
      <c r="S6359">
        <v>1</v>
      </c>
      <c r="T6359" t="s">
        <v>661</v>
      </c>
      <c r="U6359">
        <v>8</v>
      </c>
      <c r="V6359">
        <v>3</v>
      </c>
      <c r="W6359">
        <v>180</v>
      </c>
      <c r="X6359">
        <v>2020</v>
      </c>
    </row>
    <row r="6360" spans="1:24" x14ac:dyDescent="0.25">
      <c r="A6360">
        <v>1280</v>
      </c>
      <c r="B6360" t="s">
        <v>22</v>
      </c>
      <c r="C6360">
        <v>28</v>
      </c>
      <c r="D6360" t="s">
        <v>528</v>
      </c>
      <c r="E6360">
        <v>215</v>
      </c>
      <c r="F6360" t="s">
        <v>651</v>
      </c>
      <c r="G6360">
        <v>160</v>
      </c>
      <c r="H6360" t="s">
        <v>675</v>
      </c>
      <c r="I6360">
        <v>5952</v>
      </c>
      <c r="J6360" t="s">
        <v>703</v>
      </c>
      <c r="K6360">
        <v>16</v>
      </c>
      <c r="L6360" t="s">
        <v>703</v>
      </c>
      <c r="M6360">
        <v>54</v>
      </c>
      <c r="N6360" t="s">
        <v>654</v>
      </c>
      <c r="O6360">
        <v>3</v>
      </c>
      <c r="P6360" t="s">
        <v>655</v>
      </c>
      <c r="Q6360">
        <v>1</v>
      </c>
      <c r="R6360" t="s">
        <v>669</v>
      </c>
      <c r="S6360">
        <v>1</v>
      </c>
      <c r="T6360" t="s">
        <v>661</v>
      </c>
      <c r="U6360">
        <v>8</v>
      </c>
      <c r="V6360">
        <v>3</v>
      </c>
      <c r="W6360">
        <v>180</v>
      </c>
      <c r="X6360">
        <v>2020</v>
      </c>
    </row>
    <row r="6361" spans="1:24" x14ac:dyDescent="0.25">
      <c r="A6361">
        <v>1279</v>
      </c>
      <c r="B6361" t="s">
        <v>22</v>
      </c>
      <c r="C6361">
        <v>28</v>
      </c>
      <c r="D6361" t="s">
        <v>528</v>
      </c>
      <c r="E6361">
        <v>215</v>
      </c>
      <c r="F6361" t="s">
        <v>651</v>
      </c>
      <c r="G6361">
        <v>160</v>
      </c>
      <c r="H6361" t="s">
        <v>675</v>
      </c>
      <c r="I6361">
        <v>5952</v>
      </c>
      <c r="J6361" t="s">
        <v>864</v>
      </c>
      <c r="K6361">
        <v>14</v>
      </c>
      <c r="L6361" t="s">
        <v>1610</v>
      </c>
      <c r="M6361">
        <v>370</v>
      </c>
      <c r="N6361" t="s">
        <v>654</v>
      </c>
      <c r="O6361">
        <v>3</v>
      </c>
      <c r="P6361" t="s">
        <v>655</v>
      </c>
      <c r="Q6361">
        <v>1</v>
      </c>
      <c r="R6361" t="s">
        <v>669</v>
      </c>
      <c r="S6361">
        <v>1</v>
      </c>
      <c r="T6361" t="s">
        <v>661</v>
      </c>
      <c r="U6361">
        <v>8</v>
      </c>
      <c r="V6361">
        <v>3</v>
      </c>
      <c r="W6361">
        <v>180</v>
      </c>
      <c r="X6361">
        <v>2020</v>
      </c>
    </row>
    <row r="6362" spans="1:24" x14ac:dyDescent="0.25">
      <c r="A6362">
        <v>1278</v>
      </c>
      <c r="B6362" t="s">
        <v>22</v>
      </c>
      <c r="C6362">
        <v>28</v>
      </c>
      <c r="D6362" t="s">
        <v>528</v>
      </c>
      <c r="E6362">
        <v>215</v>
      </c>
      <c r="F6362" t="s">
        <v>651</v>
      </c>
      <c r="G6362">
        <v>160</v>
      </c>
      <c r="H6362" t="s">
        <v>675</v>
      </c>
      <c r="I6362">
        <v>5952</v>
      </c>
      <c r="J6362" t="s">
        <v>864</v>
      </c>
      <c r="K6362">
        <v>14</v>
      </c>
      <c r="L6362" t="s">
        <v>3783</v>
      </c>
      <c r="M6362">
        <v>362</v>
      </c>
      <c r="N6362" t="s">
        <v>654</v>
      </c>
      <c r="O6362">
        <v>3</v>
      </c>
      <c r="P6362" t="s">
        <v>655</v>
      </c>
      <c r="Q6362">
        <v>1</v>
      </c>
      <c r="R6362" t="s">
        <v>669</v>
      </c>
      <c r="S6362">
        <v>1</v>
      </c>
      <c r="T6362" t="s">
        <v>661</v>
      </c>
      <c r="U6362">
        <v>8</v>
      </c>
      <c r="V6362">
        <v>3</v>
      </c>
      <c r="W6362">
        <v>180</v>
      </c>
      <c r="X6362">
        <v>2020</v>
      </c>
    </row>
    <row r="6363" spans="1:24" x14ac:dyDescent="0.25">
      <c r="A6363">
        <v>1276</v>
      </c>
      <c r="B6363" t="s">
        <v>22</v>
      </c>
      <c r="C6363">
        <v>28</v>
      </c>
      <c r="D6363" t="s">
        <v>528</v>
      </c>
      <c r="E6363">
        <v>215</v>
      </c>
      <c r="F6363" t="s">
        <v>651</v>
      </c>
      <c r="G6363">
        <v>160</v>
      </c>
      <c r="H6363" t="s">
        <v>675</v>
      </c>
      <c r="I6363">
        <v>5952</v>
      </c>
      <c r="J6363" t="s">
        <v>802</v>
      </c>
      <c r="K6363">
        <v>12</v>
      </c>
      <c r="L6363" t="s">
        <v>802</v>
      </c>
      <c r="M6363">
        <v>36</v>
      </c>
      <c r="N6363" t="s">
        <v>654</v>
      </c>
      <c r="O6363">
        <v>3</v>
      </c>
      <c r="P6363" t="s">
        <v>655</v>
      </c>
      <c r="Q6363">
        <v>1</v>
      </c>
      <c r="R6363" t="s">
        <v>669</v>
      </c>
      <c r="S6363">
        <v>1</v>
      </c>
      <c r="T6363" t="s">
        <v>661</v>
      </c>
      <c r="U6363">
        <v>8</v>
      </c>
      <c r="V6363">
        <v>3</v>
      </c>
      <c r="W6363">
        <v>180</v>
      </c>
      <c r="X6363">
        <v>2020</v>
      </c>
    </row>
    <row r="6364" spans="1:24" x14ac:dyDescent="0.25">
      <c r="A6364">
        <v>1274</v>
      </c>
      <c r="B6364" t="s">
        <v>22</v>
      </c>
      <c r="C6364">
        <v>28</v>
      </c>
      <c r="D6364" t="s">
        <v>528</v>
      </c>
      <c r="E6364">
        <v>215</v>
      </c>
      <c r="F6364" t="s">
        <v>651</v>
      </c>
      <c r="G6364">
        <v>160</v>
      </c>
      <c r="H6364" t="s">
        <v>675</v>
      </c>
      <c r="I6364">
        <v>5952</v>
      </c>
      <c r="J6364" t="s">
        <v>866</v>
      </c>
      <c r="K6364">
        <v>9</v>
      </c>
      <c r="L6364" t="s">
        <v>866</v>
      </c>
      <c r="M6364">
        <v>28</v>
      </c>
      <c r="N6364" t="s">
        <v>654</v>
      </c>
      <c r="O6364">
        <v>3</v>
      </c>
      <c r="P6364" t="s">
        <v>655</v>
      </c>
      <c r="Q6364">
        <v>1</v>
      </c>
      <c r="R6364" t="s">
        <v>669</v>
      </c>
      <c r="S6364">
        <v>1</v>
      </c>
      <c r="T6364" t="s">
        <v>661</v>
      </c>
      <c r="U6364">
        <v>8</v>
      </c>
      <c r="V6364">
        <v>3</v>
      </c>
      <c r="W6364">
        <v>180</v>
      </c>
      <c r="X6364">
        <v>2020</v>
      </c>
    </row>
    <row r="6365" spans="1:24" x14ac:dyDescent="0.25">
      <c r="A6365">
        <v>1273</v>
      </c>
      <c r="B6365" t="s">
        <v>22</v>
      </c>
      <c r="C6365">
        <v>28</v>
      </c>
      <c r="D6365" t="s">
        <v>402</v>
      </c>
      <c r="E6365">
        <v>219</v>
      </c>
      <c r="F6365" t="s">
        <v>651</v>
      </c>
      <c r="G6365">
        <v>160</v>
      </c>
      <c r="H6365" t="s">
        <v>675</v>
      </c>
      <c r="I6365">
        <v>5952</v>
      </c>
      <c r="J6365" t="s">
        <v>684</v>
      </c>
      <c r="K6365">
        <v>22</v>
      </c>
      <c r="L6365" t="s">
        <v>685</v>
      </c>
      <c r="M6365">
        <v>72</v>
      </c>
      <c r="N6365" t="s">
        <v>654</v>
      </c>
      <c r="O6365">
        <v>3</v>
      </c>
      <c r="P6365" t="s">
        <v>655</v>
      </c>
      <c r="Q6365">
        <v>1</v>
      </c>
      <c r="R6365" t="s">
        <v>669</v>
      </c>
      <c r="S6365">
        <v>1</v>
      </c>
      <c r="T6365" t="s">
        <v>661</v>
      </c>
      <c r="U6365">
        <v>8</v>
      </c>
      <c r="V6365">
        <v>3</v>
      </c>
      <c r="W6365">
        <v>180</v>
      </c>
      <c r="X6365">
        <v>2020</v>
      </c>
    </row>
    <row r="6366" spans="1:24" x14ac:dyDescent="0.25">
      <c r="A6366">
        <v>1272</v>
      </c>
      <c r="B6366" t="s">
        <v>22</v>
      </c>
      <c r="C6366">
        <v>28</v>
      </c>
      <c r="D6366" t="s">
        <v>426</v>
      </c>
      <c r="E6366">
        <v>214</v>
      </c>
      <c r="F6366" t="s">
        <v>651</v>
      </c>
      <c r="G6366">
        <v>160</v>
      </c>
      <c r="H6366" t="s">
        <v>675</v>
      </c>
      <c r="I6366">
        <v>5952</v>
      </c>
      <c r="J6366" t="s">
        <v>691</v>
      </c>
      <c r="K6366">
        <v>21</v>
      </c>
      <c r="L6366" t="s">
        <v>1609</v>
      </c>
      <c r="M6366">
        <v>66</v>
      </c>
      <c r="N6366" t="s">
        <v>654</v>
      </c>
      <c r="O6366">
        <v>3</v>
      </c>
      <c r="P6366" t="s">
        <v>655</v>
      </c>
      <c r="Q6366">
        <v>1</v>
      </c>
      <c r="R6366" t="s">
        <v>669</v>
      </c>
      <c r="S6366">
        <v>1</v>
      </c>
      <c r="T6366" t="s">
        <v>661</v>
      </c>
      <c r="U6366">
        <v>8</v>
      </c>
      <c r="V6366">
        <v>3</v>
      </c>
      <c r="W6366">
        <v>180</v>
      </c>
      <c r="X6366">
        <v>2020</v>
      </c>
    </row>
    <row r="6367" spans="1:24" x14ac:dyDescent="0.25">
      <c r="A6367">
        <v>1267</v>
      </c>
      <c r="B6367" t="s">
        <v>22</v>
      </c>
      <c r="C6367">
        <v>28</v>
      </c>
      <c r="D6367" t="s">
        <v>426</v>
      </c>
      <c r="E6367">
        <v>214</v>
      </c>
      <c r="F6367" t="s">
        <v>651</v>
      </c>
      <c r="G6367">
        <v>160</v>
      </c>
      <c r="H6367" t="s">
        <v>675</v>
      </c>
      <c r="I6367">
        <v>5952</v>
      </c>
      <c r="J6367" t="s">
        <v>699</v>
      </c>
      <c r="K6367">
        <v>10</v>
      </c>
      <c r="L6367" t="s">
        <v>700</v>
      </c>
      <c r="M6367">
        <v>348</v>
      </c>
      <c r="N6367" t="s">
        <v>654</v>
      </c>
      <c r="O6367">
        <v>3</v>
      </c>
      <c r="P6367" t="s">
        <v>655</v>
      </c>
      <c r="Q6367">
        <v>1</v>
      </c>
      <c r="R6367" t="s">
        <v>669</v>
      </c>
      <c r="S6367">
        <v>1</v>
      </c>
      <c r="T6367" t="s">
        <v>1009</v>
      </c>
      <c r="U6367">
        <v>35</v>
      </c>
      <c r="V6367">
        <v>3</v>
      </c>
      <c r="W6367">
        <v>180</v>
      </c>
      <c r="X6367">
        <v>2020</v>
      </c>
    </row>
    <row r="6368" spans="1:24" x14ac:dyDescent="0.25">
      <c r="A6368">
        <v>1265</v>
      </c>
      <c r="B6368" t="s">
        <v>22</v>
      </c>
      <c r="C6368">
        <v>28</v>
      </c>
      <c r="D6368" t="s">
        <v>426</v>
      </c>
      <c r="E6368">
        <v>214</v>
      </c>
      <c r="F6368" t="s">
        <v>651</v>
      </c>
      <c r="G6368">
        <v>160</v>
      </c>
      <c r="H6368" t="s">
        <v>675</v>
      </c>
      <c r="I6368">
        <v>5952</v>
      </c>
      <c r="J6368" t="s">
        <v>699</v>
      </c>
      <c r="K6368">
        <v>10</v>
      </c>
      <c r="L6368" t="s">
        <v>1096</v>
      </c>
      <c r="M6368">
        <v>341</v>
      </c>
      <c r="N6368" t="s">
        <v>654</v>
      </c>
      <c r="O6368">
        <v>3</v>
      </c>
      <c r="P6368" t="s">
        <v>689</v>
      </c>
      <c r="Q6368">
        <v>4</v>
      </c>
      <c r="R6368" t="s">
        <v>669</v>
      </c>
      <c r="S6368">
        <v>1</v>
      </c>
      <c r="T6368" t="s">
        <v>1295</v>
      </c>
      <c r="U6368">
        <v>10</v>
      </c>
      <c r="V6368">
        <v>3</v>
      </c>
      <c r="W6368">
        <v>180</v>
      </c>
      <c r="X6368">
        <v>2020</v>
      </c>
    </row>
    <row r="6369" spans="1:24" x14ac:dyDescent="0.25">
      <c r="A6369">
        <v>1264</v>
      </c>
      <c r="B6369" t="s">
        <v>22</v>
      </c>
      <c r="C6369">
        <v>28</v>
      </c>
      <c r="D6369" t="s">
        <v>426</v>
      </c>
      <c r="E6369">
        <v>214</v>
      </c>
      <c r="F6369" t="s">
        <v>651</v>
      </c>
      <c r="G6369">
        <v>160</v>
      </c>
      <c r="H6369" t="s">
        <v>675</v>
      </c>
      <c r="I6369">
        <v>5952</v>
      </c>
      <c r="J6369" t="s">
        <v>699</v>
      </c>
      <c r="K6369">
        <v>10</v>
      </c>
      <c r="L6369" t="s">
        <v>1096</v>
      </c>
      <c r="M6369">
        <v>341</v>
      </c>
      <c r="N6369" t="s">
        <v>654</v>
      </c>
      <c r="O6369">
        <v>3</v>
      </c>
      <c r="P6369" t="s">
        <v>655</v>
      </c>
      <c r="Q6369">
        <v>1</v>
      </c>
      <c r="R6369" t="s">
        <v>669</v>
      </c>
      <c r="S6369">
        <v>1</v>
      </c>
      <c r="T6369" t="s">
        <v>1295</v>
      </c>
      <c r="U6369">
        <v>10</v>
      </c>
      <c r="V6369">
        <v>3</v>
      </c>
      <c r="W6369">
        <v>180</v>
      </c>
      <c r="X6369">
        <v>2020</v>
      </c>
    </row>
    <row r="6370" spans="1:24" x14ac:dyDescent="0.25">
      <c r="A6370">
        <v>1261</v>
      </c>
      <c r="B6370" t="s">
        <v>22</v>
      </c>
      <c r="C6370">
        <v>28</v>
      </c>
      <c r="D6370" t="s">
        <v>529</v>
      </c>
      <c r="E6370">
        <v>213</v>
      </c>
      <c r="F6370" t="s">
        <v>651</v>
      </c>
      <c r="G6370">
        <v>160</v>
      </c>
      <c r="H6370" t="s">
        <v>675</v>
      </c>
      <c r="I6370">
        <v>5952</v>
      </c>
      <c r="J6370" t="s">
        <v>736</v>
      </c>
      <c r="K6370">
        <v>8</v>
      </c>
      <c r="L6370" t="s">
        <v>736</v>
      </c>
      <c r="M6370">
        <v>27</v>
      </c>
      <c r="N6370" t="s">
        <v>654</v>
      </c>
      <c r="O6370">
        <v>3</v>
      </c>
      <c r="P6370" t="s">
        <v>655</v>
      </c>
      <c r="Q6370">
        <v>1</v>
      </c>
      <c r="R6370" t="s">
        <v>669</v>
      </c>
      <c r="S6370">
        <v>1</v>
      </c>
      <c r="T6370" t="s">
        <v>661</v>
      </c>
      <c r="U6370">
        <v>8</v>
      </c>
      <c r="V6370">
        <v>3</v>
      </c>
      <c r="W6370">
        <v>180</v>
      </c>
      <c r="X6370">
        <v>2020</v>
      </c>
    </row>
    <row r="6371" spans="1:24" x14ac:dyDescent="0.25">
      <c r="A6371">
        <v>1259</v>
      </c>
      <c r="B6371" t="s">
        <v>22</v>
      </c>
      <c r="C6371">
        <v>28</v>
      </c>
      <c r="D6371" t="s">
        <v>529</v>
      </c>
      <c r="E6371">
        <v>213</v>
      </c>
      <c r="F6371" t="s">
        <v>651</v>
      </c>
      <c r="G6371">
        <v>160</v>
      </c>
      <c r="H6371" t="s">
        <v>675</v>
      </c>
      <c r="I6371">
        <v>5952</v>
      </c>
      <c r="J6371" t="s">
        <v>897</v>
      </c>
      <c r="K6371">
        <v>3</v>
      </c>
      <c r="L6371" t="s">
        <v>897</v>
      </c>
      <c r="M6371">
        <v>8</v>
      </c>
      <c r="N6371" t="s">
        <v>654</v>
      </c>
      <c r="O6371">
        <v>3</v>
      </c>
      <c r="P6371" t="s">
        <v>655</v>
      </c>
      <c r="Q6371">
        <v>1</v>
      </c>
      <c r="R6371" t="s">
        <v>669</v>
      </c>
      <c r="S6371">
        <v>1</v>
      </c>
      <c r="T6371" t="s">
        <v>661</v>
      </c>
      <c r="U6371">
        <v>8</v>
      </c>
      <c r="V6371">
        <v>3</v>
      </c>
      <c r="W6371">
        <v>180</v>
      </c>
      <c r="X6371">
        <v>2020</v>
      </c>
    </row>
    <row r="6372" spans="1:24" x14ac:dyDescent="0.25">
      <c r="A6372">
        <v>1255</v>
      </c>
      <c r="B6372" t="s">
        <v>22</v>
      </c>
      <c r="C6372">
        <v>28</v>
      </c>
      <c r="D6372" t="s">
        <v>529</v>
      </c>
      <c r="E6372">
        <v>213</v>
      </c>
      <c r="F6372" t="s">
        <v>651</v>
      </c>
      <c r="G6372">
        <v>160</v>
      </c>
      <c r="H6372" t="s">
        <v>675</v>
      </c>
      <c r="I6372">
        <v>5952</v>
      </c>
      <c r="J6372" t="s">
        <v>885</v>
      </c>
      <c r="K6372">
        <v>1</v>
      </c>
      <c r="L6372" t="s">
        <v>1543</v>
      </c>
      <c r="M6372">
        <v>3</v>
      </c>
      <c r="N6372" t="s">
        <v>654</v>
      </c>
      <c r="O6372">
        <v>3</v>
      </c>
      <c r="P6372" t="s">
        <v>655</v>
      </c>
      <c r="Q6372">
        <v>1</v>
      </c>
      <c r="R6372" t="s">
        <v>669</v>
      </c>
      <c r="S6372">
        <v>1</v>
      </c>
      <c r="T6372" t="s">
        <v>661</v>
      </c>
      <c r="U6372">
        <v>8</v>
      </c>
      <c r="V6372">
        <v>3</v>
      </c>
      <c r="W6372">
        <v>180</v>
      </c>
      <c r="X6372">
        <v>2020</v>
      </c>
    </row>
    <row r="6373" spans="1:24" x14ac:dyDescent="0.25">
      <c r="A6373">
        <v>1254</v>
      </c>
      <c r="B6373" t="s">
        <v>22</v>
      </c>
      <c r="C6373">
        <v>28</v>
      </c>
      <c r="D6373" t="s">
        <v>502</v>
      </c>
      <c r="E6373">
        <v>212</v>
      </c>
      <c r="F6373" t="s">
        <v>651</v>
      </c>
      <c r="G6373">
        <v>160</v>
      </c>
      <c r="H6373" t="s">
        <v>675</v>
      </c>
      <c r="I6373">
        <v>5952</v>
      </c>
      <c r="J6373" t="s">
        <v>932</v>
      </c>
      <c r="K6373">
        <v>77</v>
      </c>
      <c r="L6373" t="s">
        <v>933</v>
      </c>
      <c r="M6373">
        <v>330</v>
      </c>
      <c r="N6373" t="s">
        <v>654</v>
      </c>
      <c r="O6373">
        <v>3</v>
      </c>
      <c r="P6373" t="s">
        <v>655</v>
      </c>
      <c r="Q6373">
        <v>1</v>
      </c>
      <c r="R6373" t="s">
        <v>669</v>
      </c>
      <c r="S6373">
        <v>1</v>
      </c>
      <c r="T6373" t="s">
        <v>661</v>
      </c>
      <c r="U6373">
        <v>8</v>
      </c>
      <c r="V6373">
        <v>4</v>
      </c>
      <c r="W6373">
        <v>240</v>
      </c>
      <c r="X6373">
        <v>2020</v>
      </c>
    </row>
    <row r="6374" spans="1:24" x14ac:dyDescent="0.25">
      <c r="A6374">
        <v>1253</v>
      </c>
      <c r="B6374" t="s">
        <v>22</v>
      </c>
      <c r="C6374">
        <v>28</v>
      </c>
      <c r="D6374" t="s">
        <v>502</v>
      </c>
      <c r="E6374">
        <v>212</v>
      </c>
      <c r="F6374" t="s">
        <v>651</v>
      </c>
      <c r="G6374">
        <v>160</v>
      </c>
      <c r="H6374" t="s">
        <v>675</v>
      </c>
      <c r="I6374">
        <v>5952</v>
      </c>
      <c r="J6374" t="s">
        <v>1931</v>
      </c>
      <c r="K6374">
        <v>80</v>
      </c>
      <c r="L6374" t="s">
        <v>878</v>
      </c>
      <c r="M6374">
        <v>329</v>
      </c>
      <c r="N6374" t="s">
        <v>654</v>
      </c>
      <c r="O6374">
        <v>3</v>
      </c>
      <c r="P6374" t="s">
        <v>655</v>
      </c>
      <c r="Q6374">
        <v>1</v>
      </c>
      <c r="R6374" t="s">
        <v>669</v>
      </c>
      <c r="S6374">
        <v>1</v>
      </c>
      <c r="T6374" t="s">
        <v>661</v>
      </c>
      <c r="U6374">
        <v>8</v>
      </c>
      <c r="V6374">
        <v>5</v>
      </c>
      <c r="W6374">
        <v>300</v>
      </c>
      <c r="X6374">
        <v>2020</v>
      </c>
    </row>
    <row r="6375" spans="1:24" x14ac:dyDescent="0.25">
      <c r="A6375">
        <v>1252</v>
      </c>
      <c r="B6375" t="s">
        <v>22</v>
      </c>
      <c r="C6375">
        <v>28</v>
      </c>
      <c r="D6375" t="s">
        <v>502</v>
      </c>
      <c r="E6375">
        <v>212</v>
      </c>
      <c r="F6375" t="s">
        <v>651</v>
      </c>
      <c r="G6375">
        <v>160</v>
      </c>
      <c r="H6375" t="s">
        <v>675</v>
      </c>
      <c r="I6375">
        <v>5952</v>
      </c>
      <c r="J6375" t="s">
        <v>751</v>
      </c>
      <c r="K6375">
        <v>79</v>
      </c>
      <c r="L6375" t="s">
        <v>752</v>
      </c>
      <c r="M6375">
        <v>328</v>
      </c>
      <c r="N6375" t="s">
        <v>654</v>
      </c>
      <c r="O6375">
        <v>3</v>
      </c>
      <c r="P6375" t="s">
        <v>655</v>
      </c>
      <c r="Q6375">
        <v>1</v>
      </c>
      <c r="R6375" t="s">
        <v>669</v>
      </c>
      <c r="S6375">
        <v>1</v>
      </c>
      <c r="T6375" t="s">
        <v>661</v>
      </c>
      <c r="U6375">
        <v>8</v>
      </c>
      <c r="V6375">
        <v>6</v>
      </c>
      <c r="W6375">
        <v>360</v>
      </c>
      <c r="X6375">
        <v>2020</v>
      </c>
    </row>
    <row r="6376" spans="1:24" x14ac:dyDescent="0.25">
      <c r="A6376">
        <v>1251</v>
      </c>
      <c r="B6376" t="s">
        <v>22</v>
      </c>
      <c r="C6376">
        <v>28</v>
      </c>
      <c r="D6376" t="s">
        <v>502</v>
      </c>
      <c r="E6376">
        <v>212</v>
      </c>
      <c r="F6376" t="s">
        <v>651</v>
      </c>
      <c r="G6376">
        <v>160</v>
      </c>
      <c r="H6376" t="s">
        <v>675</v>
      </c>
      <c r="I6376">
        <v>5952</v>
      </c>
      <c r="J6376" t="s">
        <v>932</v>
      </c>
      <c r="K6376">
        <v>77</v>
      </c>
      <c r="L6376" t="s">
        <v>839</v>
      </c>
      <c r="M6376">
        <v>327</v>
      </c>
      <c r="N6376" t="s">
        <v>654</v>
      </c>
      <c r="O6376">
        <v>3</v>
      </c>
      <c r="P6376" t="s">
        <v>655</v>
      </c>
      <c r="Q6376">
        <v>1</v>
      </c>
      <c r="R6376" t="s">
        <v>669</v>
      </c>
      <c r="S6376">
        <v>1</v>
      </c>
      <c r="T6376" t="s">
        <v>661</v>
      </c>
      <c r="U6376">
        <v>8</v>
      </c>
      <c r="V6376">
        <v>6</v>
      </c>
      <c r="W6376">
        <v>360</v>
      </c>
      <c r="X6376">
        <v>2020</v>
      </c>
    </row>
    <row r="6377" spans="1:24" x14ac:dyDescent="0.25">
      <c r="A6377">
        <v>1250</v>
      </c>
      <c r="B6377" t="s">
        <v>22</v>
      </c>
      <c r="C6377">
        <v>28</v>
      </c>
      <c r="D6377" t="s">
        <v>530</v>
      </c>
      <c r="E6377">
        <v>211</v>
      </c>
      <c r="F6377" t="s">
        <v>651</v>
      </c>
      <c r="G6377">
        <v>160</v>
      </c>
      <c r="H6377" t="s">
        <v>675</v>
      </c>
      <c r="I6377">
        <v>5952</v>
      </c>
      <c r="J6377" t="s">
        <v>851</v>
      </c>
      <c r="K6377">
        <v>43</v>
      </c>
      <c r="L6377" t="s">
        <v>3940</v>
      </c>
      <c r="M6377">
        <v>474</v>
      </c>
      <c r="N6377" t="s">
        <v>654</v>
      </c>
      <c r="O6377">
        <v>3</v>
      </c>
      <c r="P6377" t="s">
        <v>655</v>
      </c>
      <c r="Q6377">
        <v>1</v>
      </c>
      <c r="R6377" t="s">
        <v>669</v>
      </c>
      <c r="S6377">
        <v>1</v>
      </c>
      <c r="T6377" t="s">
        <v>661</v>
      </c>
      <c r="U6377">
        <v>8</v>
      </c>
      <c r="V6377">
        <v>4</v>
      </c>
      <c r="W6377">
        <v>240</v>
      </c>
      <c r="X6377">
        <v>2020</v>
      </c>
    </row>
    <row r="6378" spans="1:24" x14ac:dyDescent="0.25">
      <c r="A6378">
        <v>1248</v>
      </c>
      <c r="B6378" t="s">
        <v>22</v>
      </c>
      <c r="C6378">
        <v>28</v>
      </c>
      <c r="D6378" t="s">
        <v>530</v>
      </c>
      <c r="E6378">
        <v>211</v>
      </c>
      <c r="F6378" t="s">
        <v>651</v>
      </c>
      <c r="G6378">
        <v>160</v>
      </c>
      <c r="H6378" t="s">
        <v>675</v>
      </c>
      <c r="I6378">
        <v>5952</v>
      </c>
      <c r="J6378" t="s">
        <v>880</v>
      </c>
      <c r="K6378">
        <v>58</v>
      </c>
      <c r="L6378" t="s">
        <v>3982</v>
      </c>
      <c r="M6378">
        <v>239</v>
      </c>
      <c r="N6378" t="s">
        <v>654</v>
      </c>
      <c r="O6378">
        <v>3</v>
      </c>
      <c r="P6378" t="s">
        <v>655</v>
      </c>
      <c r="Q6378">
        <v>1</v>
      </c>
      <c r="R6378" t="s">
        <v>669</v>
      </c>
      <c r="S6378">
        <v>1</v>
      </c>
      <c r="T6378" t="s">
        <v>661</v>
      </c>
      <c r="U6378">
        <v>8</v>
      </c>
      <c r="V6378">
        <v>4</v>
      </c>
      <c r="W6378">
        <v>240</v>
      </c>
      <c r="X6378">
        <v>2020</v>
      </c>
    </row>
    <row r="6379" spans="1:24" x14ac:dyDescent="0.25">
      <c r="A6379">
        <v>1247</v>
      </c>
      <c r="B6379" t="s">
        <v>22</v>
      </c>
      <c r="C6379">
        <v>28</v>
      </c>
      <c r="D6379" t="s">
        <v>530</v>
      </c>
      <c r="E6379">
        <v>211</v>
      </c>
      <c r="F6379" t="s">
        <v>651</v>
      </c>
      <c r="G6379">
        <v>160</v>
      </c>
      <c r="H6379" t="s">
        <v>675</v>
      </c>
      <c r="I6379">
        <v>5952</v>
      </c>
      <c r="J6379" t="s">
        <v>880</v>
      </c>
      <c r="K6379">
        <v>58</v>
      </c>
      <c r="L6379" t="s">
        <v>1086</v>
      </c>
      <c r="M6379">
        <v>238</v>
      </c>
      <c r="N6379" t="s">
        <v>654</v>
      </c>
      <c r="O6379">
        <v>3</v>
      </c>
      <c r="P6379" t="s">
        <v>655</v>
      </c>
      <c r="Q6379">
        <v>1</v>
      </c>
      <c r="R6379" t="s">
        <v>669</v>
      </c>
      <c r="S6379">
        <v>1</v>
      </c>
      <c r="T6379" t="s">
        <v>661</v>
      </c>
      <c r="U6379">
        <v>8</v>
      </c>
      <c r="V6379">
        <v>4</v>
      </c>
      <c r="W6379">
        <v>240</v>
      </c>
      <c r="X6379">
        <v>2020</v>
      </c>
    </row>
    <row r="6380" spans="1:24" x14ac:dyDescent="0.25">
      <c r="A6380">
        <v>1245</v>
      </c>
      <c r="B6380" t="s">
        <v>22</v>
      </c>
      <c r="C6380">
        <v>28</v>
      </c>
      <c r="D6380" t="s">
        <v>530</v>
      </c>
      <c r="E6380">
        <v>211</v>
      </c>
      <c r="F6380" t="s">
        <v>651</v>
      </c>
      <c r="G6380">
        <v>160</v>
      </c>
      <c r="H6380" t="s">
        <v>675</v>
      </c>
      <c r="I6380">
        <v>5952</v>
      </c>
      <c r="J6380" t="s">
        <v>880</v>
      </c>
      <c r="K6380">
        <v>58</v>
      </c>
      <c r="L6380" t="s">
        <v>880</v>
      </c>
      <c r="M6380">
        <v>236</v>
      </c>
      <c r="N6380" t="s">
        <v>654</v>
      </c>
      <c r="O6380">
        <v>3</v>
      </c>
      <c r="P6380" t="s">
        <v>655</v>
      </c>
      <c r="Q6380">
        <v>1</v>
      </c>
      <c r="R6380" t="s">
        <v>669</v>
      </c>
      <c r="S6380">
        <v>1</v>
      </c>
      <c r="T6380" t="s">
        <v>661</v>
      </c>
      <c r="U6380">
        <v>8</v>
      </c>
      <c r="V6380">
        <v>4</v>
      </c>
      <c r="W6380">
        <v>240</v>
      </c>
      <c r="X6380">
        <v>2020</v>
      </c>
    </row>
    <row r="6381" spans="1:24" x14ac:dyDescent="0.25">
      <c r="A6381">
        <v>1243</v>
      </c>
      <c r="B6381" t="s">
        <v>22</v>
      </c>
      <c r="C6381">
        <v>28</v>
      </c>
      <c r="D6381" t="s">
        <v>530</v>
      </c>
      <c r="E6381">
        <v>211</v>
      </c>
      <c r="F6381" t="s">
        <v>651</v>
      </c>
      <c r="G6381">
        <v>160</v>
      </c>
      <c r="H6381" t="s">
        <v>675</v>
      </c>
      <c r="I6381">
        <v>5952</v>
      </c>
      <c r="J6381" t="s">
        <v>736</v>
      </c>
      <c r="K6381">
        <v>8</v>
      </c>
      <c r="L6381" t="s">
        <v>737</v>
      </c>
      <c r="M6381">
        <v>24</v>
      </c>
      <c r="N6381" t="s">
        <v>654</v>
      </c>
      <c r="O6381">
        <v>3</v>
      </c>
      <c r="P6381" t="s">
        <v>655</v>
      </c>
      <c r="Q6381">
        <v>1</v>
      </c>
      <c r="R6381" t="s">
        <v>669</v>
      </c>
      <c r="S6381">
        <v>1</v>
      </c>
      <c r="T6381" t="s">
        <v>661</v>
      </c>
      <c r="U6381">
        <v>8</v>
      </c>
      <c r="V6381">
        <v>3</v>
      </c>
      <c r="W6381">
        <v>180</v>
      </c>
      <c r="X6381">
        <v>2020</v>
      </c>
    </row>
    <row r="6382" spans="1:24" x14ac:dyDescent="0.25">
      <c r="A6382">
        <v>1242</v>
      </c>
      <c r="B6382" t="s">
        <v>22</v>
      </c>
      <c r="C6382">
        <v>28</v>
      </c>
      <c r="D6382" t="s">
        <v>531</v>
      </c>
      <c r="E6382">
        <v>210</v>
      </c>
      <c r="F6382" t="s">
        <v>651</v>
      </c>
      <c r="G6382">
        <v>160</v>
      </c>
      <c r="H6382" t="s">
        <v>1231</v>
      </c>
      <c r="I6382">
        <v>3308</v>
      </c>
      <c r="J6382" t="s">
        <v>730</v>
      </c>
      <c r="K6382">
        <v>66</v>
      </c>
      <c r="L6382" t="s">
        <v>3926</v>
      </c>
      <c r="M6382">
        <v>280</v>
      </c>
      <c r="N6382" t="s">
        <v>654</v>
      </c>
      <c r="O6382">
        <v>3</v>
      </c>
      <c r="P6382" t="s">
        <v>655</v>
      </c>
      <c r="Q6382">
        <v>1</v>
      </c>
      <c r="R6382" t="s">
        <v>669</v>
      </c>
      <c r="S6382">
        <v>1</v>
      </c>
      <c r="T6382" t="s">
        <v>661</v>
      </c>
      <c r="U6382">
        <v>8</v>
      </c>
      <c r="V6382">
        <v>4</v>
      </c>
      <c r="W6382">
        <v>240</v>
      </c>
      <c r="X6382">
        <v>2020</v>
      </c>
    </row>
    <row r="6383" spans="1:24" x14ac:dyDescent="0.25">
      <c r="A6383">
        <v>1241</v>
      </c>
      <c r="B6383" t="s">
        <v>22</v>
      </c>
      <c r="C6383">
        <v>28</v>
      </c>
      <c r="D6383" t="s">
        <v>531</v>
      </c>
      <c r="E6383">
        <v>210</v>
      </c>
      <c r="F6383" t="s">
        <v>651</v>
      </c>
      <c r="G6383">
        <v>160</v>
      </c>
      <c r="H6383" t="s">
        <v>1231</v>
      </c>
      <c r="I6383">
        <v>3308</v>
      </c>
      <c r="J6383" t="s">
        <v>848</v>
      </c>
      <c r="K6383">
        <v>62</v>
      </c>
      <c r="L6383" t="s">
        <v>3950</v>
      </c>
      <c r="M6383">
        <v>264</v>
      </c>
      <c r="N6383" t="s">
        <v>654</v>
      </c>
      <c r="O6383">
        <v>3</v>
      </c>
      <c r="P6383" t="s">
        <v>655</v>
      </c>
      <c r="Q6383">
        <v>1</v>
      </c>
      <c r="R6383" t="s">
        <v>669</v>
      </c>
      <c r="S6383">
        <v>1</v>
      </c>
      <c r="T6383" t="s">
        <v>661</v>
      </c>
      <c r="U6383">
        <v>8</v>
      </c>
      <c r="V6383">
        <v>4</v>
      </c>
      <c r="W6383">
        <v>240</v>
      </c>
      <c r="X6383">
        <v>2020</v>
      </c>
    </row>
    <row r="6384" spans="1:24" x14ac:dyDescent="0.25">
      <c r="A6384">
        <v>1240</v>
      </c>
      <c r="B6384" t="s">
        <v>22</v>
      </c>
      <c r="C6384">
        <v>28</v>
      </c>
      <c r="D6384" t="s">
        <v>531</v>
      </c>
      <c r="E6384">
        <v>210</v>
      </c>
      <c r="F6384" t="s">
        <v>651</v>
      </c>
      <c r="G6384">
        <v>160</v>
      </c>
      <c r="H6384" t="s">
        <v>1231</v>
      </c>
      <c r="I6384">
        <v>3308</v>
      </c>
      <c r="J6384" t="s">
        <v>738</v>
      </c>
      <c r="K6384">
        <v>61</v>
      </c>
      <c r="L6384" t="s">
        <v>3983</v>
      </c>
      <c r="M6384">
        <v>258</v>
      </c>
      <c r="N6384" t="s">
        <v>654</v>
      </c>
      <c r="O6384">
        <v>3</v>
      </c>
      <c r="P6384" t="s">
        <v>655</v>
      </c>
      <c r="Q6384">
        <v>1</v>
      </c>
      <c r="R6384" t="s">
        <v>669</v>
      </c>
      <c r="S6384">
        <v>1</v>
      </c>
      <c r="T6384" t="s">
        <v>661</v>
      </c>
      <c r="U6384">
        <v>8</v>
      </c>
      <c r="V6384">
        <v>4</v>
      </c>
      <c r="W6384">
        <v>240</v>
      </c>
      <c r="X6384">
        <v>2020</v>
      </c>
    </row>
    <row r="6385" spans="1:24" x14ac:dyDescent="0.25">
      <c r="A6385">
        <v>1239</v>
      </c>
      <c r="B6385" t="s">
        <v>22</v>
      </c>
      <c r="C6385">
        <v>28</v>
      </c>
      <c r="D6385" t="s">
        <v>531</v>
      </c>
      <c r="E6385">
        <v>210</v>
      </c>
      <c r="F6385" t="s">
        <v>651</v>
      </c>
      <c r="G6385">
        <v>160</v>
      </c>
      <c r="H6385" t="s">
        <v>1231</v>
      </c>
      <c r="I6385">
        <v>3308</v>
      </c>
      <c r="J6385" t="s">
        <v>738</v>
      </c>
      <c r="K6385">
        <v>61</v>
      </c>
      <c r="L6385" t="s">
        <v>3984</v>
      </c>
      <c r="M6385">
        <v>257</v>
      </c>
      <c r="N6385" t="s">
        <v>654</v>
      </c>
      <c r="O6385">
        <v>3</v>
      </c>
      <c r="P6385" t="s">
        <v>655</v>
      </c>
      <c r="Q6385">
        <v>1</v>
      </c>
      <c r="R6385" t="s">
        <v>669</v>
      </c>
      <c r="S6385">
        <v>1</v>
      </c>
      <c r="T6385" t="s">
        <v>661</v>
      </c>
      <c r="U6385">
        <v>8</v>
      </c>
      <c r="V6385">
        <v>4</v>
      </c>
      <c r="W6385">
        <v>240</v>
      </c>
      <c r="X6385">
        <v>2020</v>
      </c>
    </row>
    <row r="6386" spans="1:24" x14ac:dyDescent="0.25">
      <c r="A6386">
        <v>1238</v>
      </c>
      <c r="B6386" t="s">
        <v>22</v>
      </c>
      <c r="C6386">
        <v>28</v>
      </c>
      <c r="D6386" t="s">
        <v>531</v>
      </c>
      <c r="E6386">
        <v>210</v>
      </c>
      <c r="F6386" t="s">
        <v>651</v>
      </c>
      <c r="G6386">
        <v>160</v>
      </c>
      <c r="H6386" t="s">
        <v>1231</v>
      </c>
      <c r="I6386">
        <v>3308</v>
      </c>
      <c r="J6386" t="s">
        <v>909</v>
      </c>
      <c r="K6386">
        <v>39</v>
      </c>
      <c r="L6386" t="s">
        <v>1925</v>
      </c>
      <c r="M6386">
        <v>138</v>
      </c>
      <c r="N6386" t="s">
        <v>654</v>
      </c>
      <c r="O6386">
        <v>3</v>
      </c>
      <c r="P6386" t="s">
        <v>655</v>
      </c>
      <c r="Q6386">
        <v>1</v>
      </c>
      <c r="R6386" t="s">
        <v>669</v>
      </c>
      <c r="S6386">
        <v>1</v>
      </c>
      <c r="T6386" t="s">
        <v>661</v>
      </c>
      <c r="U6386">
        <v>8</v>
      </c>
      <c r="V6386">
        <v>4</v>
      </c>
      <c r="W6386">
        <v>240</v>
      </c>
      <c r="X6386">
        <v>2020</v>
      </c>
    </row>
    <row r="6387" spans="1:24" x14ac:dyDescent="0.25">
      <c r="A6387">
        <v>1233</v>
      </c>
      <c r="B6387" t="s">
        <v>22</v>
      </c>
      <c r="C6387">
        <v>28</v>
      </c>
      <c r="D6387" t="s">
        <v>532</v>
      </c>
      <c r="E6387">
        <v>208</v>
      </c>
      <c r="F6387" t="s">
        <v>651</v>
      </c>
      <c r="G6387">
        <v>160</v>
      </c>
      <c r="H6387" t="s">
        <v>675</v>
      </c>
      <c r="I6387">
        <v>5952</v>
      </c>
      <c r="J6387" t="s">
        <v>797</v>
      </c>
      <c r="K6387">
        <v>65</v>
      </c>
      <c r="L6387" t="s">
        <v>3892</v>
      </c>
      <c r="M6387">
        <v>276</v>
      </c>
      <c r="N6387" t="s">
        <v>654</v>
      </c>
      <c r="O6387">
        <v>3</v>
      </c>
      <c r="P6387" t="s">
        <v>655</v>
      </c>
      <c r="Q6387">
        <v>1</v>
      </c>
      <c r="R6387" t="s">
        <v>669</v>
      </c>
      <c r="S6387">
        <v>1</v>
      </c>
      <c r="T6387" t="s">
        <v>661</v>
      </c>
      <c r="U6387">
        <v>8</v>
      </c>
      <c r="V6387">
        <v>4</v>
      </c>
      <c r="W6387">
        <v>240</v>
      </c>
      <c r="X6387">
        <v>2020</v>
      </c>
    </row>
    <row r="6388" spans="1:24" x14ac:dyDescent="0.25">
      <c r="A6388">
        <v>1232</v>
      </c>
      <c r="B6388" t="s">
        <v>22</v>
      </c>
      <c r="C6388">
        <v>28</v>
      </c>
      <c r="D6388" t="s">
        <v>532</v>
      </c>
      <c r="E6388">
        <v>208</v>
      </c>
      <c r="F6388" t="s">
        <v>651</v>
      </c>
      <c r="G6388">
        <v>160</v>
      </c>
      <c r="H6388" t="s">
        <v>675</v>
      </c>
      <c r="I6388">
        <v>5952</v>
      </c>
      <c r="J6388" t="s">
        <v>767</v>
      </c>
      <c r="K6388">
        <v>44</v>
      </c>
      <c r="L6388" t="s">
        <v>3893</v>
      </c>
      <c r="M6388">
        <v>152</v>
      </c>
      <c r="N6388" t="s">
        <v>654</v>
      </c>
      <c r="O6388">
        <v>3</v>
      </c>
      <c r="P6388" t="s">
        <v>655</v>
      </c>
      <c r="Q6388">
        <v>1</v>
      </c>
      <c r="R6388" t="s">
        <v>669</v>
      </c>
      <c r="S6388">
        <v>1</v>
      </c>
      <c r="T6388" t="s">
        <v>661</v>
      </c>
      <c r="U6388">
        <v>8</v>
      </c>
      <c r="V6388">
        <v>4</v>
      </c>
      <c r="W6388">
        <v>240</v>
      </c>
      <c r="X6388">
        <v>2020</v>
      </c>
    </row>
    <row r="6389" spans="1:24" x14ac:dyDescent="0.25">
      <c r="A6389">
        <v>1230</v>
      </c>
      <c r="B6389" t="s">
        <v>22</v>
      </c>
      <c r="C6389">
        <v>28</v>
      </c>
      <c r="D6389" t="s">
        <v>532</v>
      </c>
      <c r="E6389">
        <v>208</v>
      </c>
      <c r="F6389" t="s">
        <v>651</v>
      </c>
      <c r="G6389">
        <v>160</v>
      </c>
      <c r="H6389" t="s">
        <v>675</v>
      </c>
      <c r="I6389">
        <v>5952</v>
      </c>
      <c r="J6389" t="s">
        <v>710</v>
      </c>
      <c r="K6389">
        <v>53</v>
      </c>
      <c r="L6389" t="s">
        <v>3931</v>
      </c>
      <c r="M6389">
        <v>204</v>
      </c>
      <c r="N6389" t="s">
        <v>654</v>
      </c>
      <c r="O6389">
        <v>3</v>
      </c>
      <c r="P6389" t="s">
        <v>655</v>
      </c>
      <c r="Q6389">
        <v>1</v>
      </c>
      <c r="R6389" t="s">
        <v>669</v>
      </c>
      <c r="S6389">
        <v>1</v>
      </c>
      <c r="T6389" t="s">
        <v>661</v>
      </c>
      <c r="U6389">
        <v>8</v>
      </c>
      <c r="V6389">
        <v>4</v>
      </c>
      <c r="W6389">
        <v>240</v>
      </c>
      <c r="X6389">
        <v>2020</v>
      </c>
    </row>
    <row r="6390" spans="1:24" x14ac:dyDescent="0.25">
      <c r="A6390">
        <v>1229</v>
      </c>
      <c r="B6390" t="s">
        <v>22</v>
      </c>
      <c r="C6390">
        <v>28</v>
      </c>
      <c r="D6390" t="s">
        <v>532</v>
      </c>
      <c r="E6390">
        <v>208</v>
      </c>
      <c r="F6390" t="s">
        <v>651</v>
      </c>
      <c r="G6390">
        <v>160</v>
      </c>
      <c r="H6390" t="s">
        <v>675</v>
      </c>
      <c r="I6390">
        <v>5952</v>
      </c>
      <c r="J6390" t="s">
        <v>714</v>
      </c>
      <c r="K6390">
        <v>52</v>
      </c>
      <c r="L6390" t="s">
        <v>928</v>
      </c>
      <c r="M6390">
        <v>202</v>
      </c>
      <c r="N6390" t="s">
        <v>654</v>
      </c>
      <c r="O6390">
        <v>3</v>
      </c>
      <c r="P6390" t="s">
        <v>655</v>
      </c>
      <c r="Q6390">
        <v>1</v>
      </c>
      <c r="R6390" t="s">
        <v>669</v>
      </c>
      <c r="S6390">
        <v>1</v>
      </c>
      <c r="T6390" t="s">
        <v>661</v>
      </c>
      <c r="U6390">
        <v>8</v>
      </c>
      <c r="V6390">
        <v>4</v>
      </c>
      <c r="W6390">
        <v>240</v>
      </c>
      <c r="X6390">
        <v>2020</v>
      </c>
    </row>
    <row r="6391" spans="1:24" x14ac:dyDescent="0.25">
      <c r="A6391">
        <v>1227</v>
      </c>
      <c r="B6391" t="s">
        <v>22</v>
      </c>
      <c r="C6391">
        <v>28</v>
      </c>
      <c r="D6391" t="s">
        <v>532</v>
      </c>
      <c r="E6391">
        <v>208</v>
      </c>
      <c r="F6391" t="s">
        <v>651</v>
      </c>
      <c r="G6391">
        <v>160</v>
      </c>
      <c r="H6391" t="s">
        <v>675</v>
      </c>
      <c r="I6391">
        <v>5952</v>
      </c>
      <c r="J6391" t="s">
        <v>714</v>
      </c>
      <c r="K6391">
        <v>52</v>
      </c>
      <c r="L6391" t="s">
        <v>3975</v>
      </c>
      <c r="M6391">
        <v>199</v>
      </c>
      <c r="N6391" t="s">
        <v>654</v>
      </c>
      <c r="O6391">
        <v>3</v>
      </c>
      <c r="P6391" t="s">
        <v>655</v>
      </c>
      <c r="Q6391">
        <v>1</v>
      </c>
      <c r="R6391" t="s">
        <v>669</v>
      </c>
      <c r="S6391">
        <v>1</v>
      </c>
      <c r="T6391" t="s">
        <v>661</v>
      </c>
      <c r="U6391">
        <v>8</v>
      </c>
      <c r="V6391">
        <v>4</v>
      </c>
      <c r="W6391">
        <v>240</v>
      </c>
      <c r="X6391">
        <v>2020</v>
      </c>
    </row>
    <row r="6392" spans="1:24" x14ac:dyDescent="0.25">
      <c r="A6392">
        <v>1226</v>
      </c>
      <c r="B6392" t="s">
        <v>22</v>
      </c>
      <c r="C6392">
        <v>28</v>
      </c>
      <c r="D6392" t="s">
        <v>533</v>
      </c>
      <c r="E6392">
        <v>207</v>
      </c>
      <c r="F6392" t="s">
        <v>651</v>
      </c>
      <c r="G6392">
        <v>160</v>
      </c>
      <c r="H6392" t="s">
        <v>675</v>
      </c>
      <c r="I6392">
        <v>5952</v>
      </c>
      <c r="J6392" t="s">
        <v>749</v>
      </c>
      <c r="K6392">
        <v>63</v>
      </c>
      <c r="L6392" t="s">
        <v>3985</v>
      </c>
      <c r="M6392">
        <v>272</v>
      </c>
      <c r="N6392" t="s">
        <v>654</v>
      </c>
      <c r="O6392">
        <v>3</v>
      </c>
      <c r="P6392" t="s">
        <v>655</v>
      </c>
      <c r="Q6392">
        <v>1</v>
      </c>
      <c r="R6392" t="s">
        <v>669</v>
      </c>
      <c r="S6392">
        <v>1</v>
      </c>
      <c r="T6392" t="s">
        <v>661</v>
      </c>
      <c r="U6392">
        <v>8</v>
      </c>
      <c r="V6392">
        <v>4</v>
      </c>
      <c r="W6392">
        <v>240</v>
      </c>
      <c r="X6392">
        <v>2020</v>
      </c>
    </row>
    <row r="6393" spans="1:24" x14ac:dyDescent="0.25">
      <c r="A6393">
        <v>1225</v>
      </c>
      <c r="B6393" t="s">
        <v>22</v>
      </c>
      <c r="C6393">
        <v>28</v>
      </c>
      <c r="D6393" t="s">
        <v>533</v>
      </c>
      <c r="E6393">
        <v>207</v>
      </c>
      <c r="F6393" t="s">
        <v>651</v>
      </c>
      <c r="G6393">
        <v>160</v>
      </c>
      <c r="H6393" t="s">
        <v>675</v>
      </c>
      <c r="I6393">
        <v>5952</v>
      </c>
      <c r="J6393" t="s">
        <v>749</v>
      </c>
      <c r="K6393">
        <v>63</v>
      </c>
      <c r="L6393" t="s">
        <v>749</v>
      </c>
      <c r="M6393">
        <v>271</v>
      </c>
      <c r="N6393" t="s">
        <v>654</v>
      </c>
      <c r="O6393">
        <v>3</v>
      </c>
      <c r="P6393" t="s">
        <v>655</v>
      </c>
      <c r="Q6393">
        <v>1</v>
      </c>
      <c r="R6393" t="s">
        <v>669</v>
      </c>
      <c r="S6393">
        <v>1</v>
      </c>
      <c r="T6393" t="s">
        <v>661</v>
      </c>
      <c r="U6393">
        <v>8</v>
      </c>
      <c r="V6393">
        <v>4</v>
      </c>
      <c r="W6393">
        <v>240</v>
      </c>
      <c r="X6393">
        <v>2020</v>
      </c>
    </row>
    <row r="6394" spans="1:24" x14ac:dyDescent="0.25">
      <c r="A6394">
        <v>1221</v>
      </c>
      <c r="B6394" t="s">
        <v>22</v>
      </c>
      <c r="C6394">
        <v>28</v>
      </c>
      <c r="D6394" t="s">
        <v>477</v>
      </c>
      <c r="E6394">
        <v>206</v>
      </c>
      <c r="F6394" t="s">
        <v>651</v>
      </c>
      <c r="G6394">
        <v>160</v>
      </c>
      <c r="H6394" t="s">
        <v>675</v>
      </c>
      <c r="I6394">
        <v>5952</v>
      </c>
      <c r="J6394" t="s">
        <v>730</v>
      </c>
      <c r="K6394">
        <v>66</v>
      </c>
      <c r="L6394" t="s">
        <v>3789</v>
      </c>
      <c r="M6394">
        <v>279</v>
      </c>
      <c r="N6394" t="s">
        <v>654</v>
      </c>
      <c r="O6394">
        <v>3</v>
      </c>
      <c r="P6394" t="s">
        <v>655</v>
      </c>
      <c r="Q6394">
        <v>1</v>
      </c>
      <c r="R6394" t="s">
        <v>669</v>
      </c>
      <c r="S6394">
        <v>1</v>
      </c>
      <c r="T6394" t="s">
        <v>661</v>
      </c>
      <c r="U6394">
        <v>8</v>
      </c>
      <c r="V6394">
        <v>4</v>
      </c>
      <c r="W6394">
        <v>240</v>
      </c>
      <c r="X6394">
        <v>2020</v>
      </c>
    </row>
    <row r="6395" spans="1:24" x14ac:dyDescent="0.25">
      <c r="A6395">
        <v>1219</v>
      </c>
      <c r="B6395" t="s">
        <v>22</v>
      </c>
      <c r="C6395">
        <v>28</v>
      </c>
      <c r="D6395" t="s">
        <v>477</v>
      </c>
      <c r="E6395">
        <v>206</v>
      </c>
      <c r="F6395" t="s">
        <v>651</v>
      </c>
      <c r="G6395">
        <v>160</v>
      </c>
      <c r="H6395" t="s">
        <v>675</v>
      </c>
      <c r="I6395">
        <v>5952</v>
      </c>
      <c r="J6395" t="s">
        <v>848</v>
      </c>
      <c r="K6395">
        <v>62</v>
      </c>
      <c r="L6395" t="s">
        <v>1924</v>
      </c>
      <c r="M6395">
        <v>263</v>
      </c>
      <c r="N6395" t="s">
        <v>654</v>
      </c>
      <c r="O6395">
        <v>3</v>
      </c>
      <c r="P6395" t="s">
        <v>655</v>
      </c>
      <c r="Q6395">
        <v>1</v>
      </c>
      <c r="R6395" t="s">
        <v>669</v>
      </c>
      <c r="S6395">
        <v>1</v>
      </c>
      <c r="T6395" t="s">
        <v>661</v>
      </c>
      <c r="U6395">
        <v>8</v>
      </c>
      <c r="V6395">
        <v>4</v>
      </c>
      <c r="W6395">
        <v>240</v>
      </c>
      <c r="X6395">
        <v>2020</v>
      </c>
    </row>
    <row r="6396" spans="1:24" x14ac:dyDescent="0.25">
      <c r="A6396">
        <v>1217</v>
      </c>
      <c r="B6396" t="s">
        <v>22</v>
      </c>
      <c r="C6396">
        <v>28</v>
      </c>
      <c r="D6396" t="s">
        <v>477</v>
      </c>
      <c r="E6396">
        <v>206</v>
      </c>
      <c r="F6396" t="s">
        <v>651</v>
      </c>
      <c r="G6396">
        <v>160</v>
      </c>
      <c r="H6396" t="s">
        <v>675</v>
      </c>
      <c r="I6396">
        <v>5952</v>
      </c>
      <c r="J6396" t="s">
        <v>738</v>
      </c>
      <c r="K6396">
        <v>61</v>
      </c>
      <c r="L6396" t="s">
        <v>738</v>
      </c>
      <c r="M6396">
        <v>252</v>
      </c>
      <c r="N6396" t="s">
        <v>654</v>
      </c>
      <c r="O6396">
        <v>3</v>
      </c>
      <c r="P6396" t="s">
        <v>655</v>
      </c>
      <c r="Q6396">
        <v>1</v>
      </c>
      <c r="R6396" t="s">
        <v>669</v>
      </c>
      <c r="S6396">
        <v>1</v>
      </c>
      <c r="T6396" t="s">
        <v>661</v>
      </c>
      <c r="U6396">
        <v>8</v>
      </c>
      <c r="V6396">
        <v>4</v>
      </c>
      <c r="W6396">
        <v>240</v>
      </c>
      <c r="X6396">
        <v>2020</v>
      </c>
    </row>
    <row r="6397" spans="1:24" x14ac:dyDescent="0.25">
      <c r="A6397">
        <v>1215</v>
      </c>
      <c r="B6397" t="s">
        <v>22</v>
      </c>
      <c r="C6397">
        <v>28</v>
      </c>
      <c r="D6397" t="s">
        <v>477</v>
      </c>
      <c r="E6397">
        <v>206</v>
      </c>
      <c r="F6397" t="s">
        <v>651</v>
      </c>
      <c r="G6397">
        <v>160</v>
      </c>
      <c r="H6397" t="s">
        <v>675</v>
      </c>
      <c r="I6397">
        <v>5952</v>
      </c>
      <c r="J6397" t="s">
        <v>738</v>
      </c>
      <c r="K6397">
        <v>61</v>
      </c>
      <c r="L6397" t="s">
        <v>924</v>
      </c>
      <c r="M6397">
        <v>248</v>
      </c>
      <c r="N6397" t="s">
        <v>654</v>
      </c>
      <c r="O6397">
        <v>3</v>
      </c>
      <c r="P6397" t="s">
        <v>655</v>
      </c>
      <c r="Q6397">
        <v>1</v>
      </c>
      <c r="R6397" t="s">
        <v>669</v>
      </c>
      <c r="S6397">
        <v>1</v>
      </c>
      <c r="T6397" t="s">
        <v>661</v>
      </c>
      <c r="U6397">
        <v>8</v>
      </c>
      <c r="V6397">
        <v>4</v>
      </c>
      <c r="W6397">
        <v>240</v>
      </c>
      <c r="X6397">
        <v>2020</v>
      </c>
    </row>
    <row r="6398" spans="1:24" x14ac:dyDescent="0.25">
      <c r="A6398">
        <v>1213</v>
      </c>
      <c r="B6398" t="s">
        <v>22</v>
      </c>
      <c r="C6398">
        <v>28</v>
      </c>
      <c r="D6398" t="s">
        <v>477</v>
      </c>
      <c r="E6398">
        <v>206</v>
      </c>
      <c r="F6398" t="s">
        <v>651</v>
      </c>
      <c r="G6398">
        <v>160</v>
      </c>
      <c r="H6398" t="s">
        <v>675</v>
      </c>
      <c r="I6398">
        <v>5952</v>
      </c>
      <c r="J6398" t="s">
        <v>693</v>
      </c>
      <c r="K6398">
        <v>56</v>
      </c>
      <c r="L6398" t="s">
        <v>3669</v>
      </c>
      <c r="M6398">
        <v>221</v>
      </c>
      <c r="N6398" t="s">
        <v>654</v>
      </c>
      <c r="O6398">
        <v>3</v>
      </c>
      <c r="P6398" t="s">
        <v>655</v>
      </c>
      <c r="Q6398">
        <v>1</v>
      </c>
      <c r="R6398" t="s">
        <v>669</v>
      </c>
      <c r="S6398">
        <v>1</v>
      </c>
      <c r="T6398" t="s">
        <v>661</v>
      </c>
      <c r="U6398">
        <v>8</v>
      </c>
      <c r="V6398">
        <v>4</v>
      </c>
      <c r="W6398">
        <v>240</v>
      </c>
      <c r="X6398">
        <v>2020</v>
      </c>
    </row>
    <row r="6399" spans="1:24" x14ac:dyDescent="0.25">
      <c r="A6399">
        <v>1212</v>
      </c>
      <c r="B6399" t="s">
        <v>195</v>
      </c>
      <c r="C6399">
        <v>27</v>
      </c>
      <c r="D6399" t="s">
        <v>321</v>
      </c>
      <c r="E6399">
        <v>205</v>
      </c>
      <c r="F6399" t="s">
        <v>651</v>
      </c>
      <c r="G6399">
        <v>160</v>
      </c>
      <c r="H6399" t="s">
        <v>833</v>
      </c>
      <c r="I6399">
        <v>5562</v>
      </c>
      <c r="J6399" t="s">
        <v>1931</v>
      </c>
      <c r="K6399">
        <v>80</v>
      </c>
      <c r="L6399" t="s">
        <v>878</v>
      </c>
      <c r="M6399">
        <v>329</v>
      </c>
      <c r="N6399" t="s">
        <v>654</v>
      </c>
      <c r="O6399">
        <v>3</v>
      </c>
      <c r="P6399" t="s">
        <v>655</v>
      </c>
      <c r="Q6399">
        <v>1</v>
      </c>
      <c r="R6399" t="s">
        <v>669</v>
      </c>
      <c r="S6399">
        <v>1</v>
      </c>
      <c r="T6399" t="s">
        <v>661</v>
      </c>
      <c r="U6399">
        <v>8</v>
      </c>
      <c r="V6399">
        <v>5</v>
      </c>
      <c r="W6399">
        <v>300</v>
      </c>
      <c r="X6399">
        <v>2020</v>
      </c>
    </row>
    <row r="6400" spans="1:24" x14ac:dyDescent="0.25">
      <c r="A6400">
        <v>1211</v>
      </c>
      <c r="B6400" t="s">
        <v>195</v>
      </c>
      <c r="C6400">
        <v>27</v>
      </c>
      <c r="D6400" t="s">
        <v>54</v>
      </c>
      <c r="E6400">
        <v>204</v>
      </c>
      <c r="F6400" t="s">
        <v>651</v>
      </c>
      <c r="G6400">
        <v>160</v>
      </c>
      <c r="H6400" t="s">
        <v>833</v>
      </c>
      <c r="I6400">
        <v>5562</v>
      </c>
      <c r="J6400" t="s">
        <v>671</v>
      </c>
      <c r="K6400">
        <v>81</v>
      </c>
      <c r="L6400" t="s">
        <v>920</v>
      </c>
      <c r="M6400">
        <v>335</v>
      </c>
      <c r="N6400" t="s">
        <v>654</v>
      </c>
      <c r="O6400">
        <v>3</v>
      </c>
      <c r="P6400" t="s">
        <v>655</v>
      </c>
      <c r="Q6400">
        <v>1</v>
      </c>
      <c r="R6400" t="s">
        <v>669</v>
      </c>
      <c r="S6400">
        <v>1</v>
      </c>
      <c r="T6400" t="s">
        <v>661</v>
      </c>
      <c r="U6400">
        <v>8</v>
      </c>
      <c r="V6400">
        <v>3</v>
      </c>
      <c r="W6400">
        <v>180</v>
      </c>
      <c r="X6400">
        <v>2020</v>
      </c>
    </row>
    <row r="6401" spans="1:24" x14ac:dyDescent="0.25">
      <c r="A6401">
        <v>1210</v>
      </c>
      <c r="B6401" t="s">
        <v>195</v>
      </c>
      <c r="C6401">
        <v>27</v>
      </c>
      <c r="D6401" t="s">
        <v>54</v>
      </c>
      <c r="E6401">
        <v>204</v>
      </c>
      <c r="F6401" t="s">
        <v>651</v>
      </c>
      <c r="G6401">
        <v>160</v>
      </c>
      <c r="H6401" t="s">
        <v>833</v>
      </c>
      <c r="I6401">
        <v>5562</v>
      </c>
      <c r="J6401" t="s">
        <v>751</v>
      </c>
      <c r="K6401">
        <v>79</v>
      </c>
      <c r="L6401" t="s">
        <v>752</v>
      </c>
      <c r="M6401">
        <v>328</v>
      </c>
      <c r="N6401" t="s">
        <v>654</v>
      </c>
      <c r="O6401">
        <v>3</v>
      </c>
      <c r="P6401" t="s">
        <v>655</v>
      </c>
      <c r="Q6401">
        <v>1</v>
      </c>
      <c r="R6401" t="s">
        <v>669</v>
      </c>
      <c r="S6401">
        <v>1</v>
      </c>
      <c r="T6401" t="s">
        <v>661</v>
      </c>
      <c r="U6401">
        <v>8</v>
      </c>
      <c r="V6401">
        <v>6</v>
      </c>
      <c r="W6401">
        <v>360</v>
      </c>
      <c r="X6401">
        <v>2020</v>
      </c>
    </row>
    <row r="6402" spans="1:24" x14ac:dyDescent="0.25">
      <c r="A6402">
        <v>1209</v>
      </c>
      <c r="B6402" t="s">
        <v>195</v>
      </c>
      <c r="C6402">
        <v>27</v>
      </c>
      <c r="D6402" t="s">
        <v>534</v>
      </c>
      <c r="E6402">
        <v>203</v>
      </c>
      <c r="F6402" t="s">
        <v>651</v>
      </c>
      <c r="G6402">
        <v>160</v>
      </c>
      <c r="H6402" t="s">
        <v>833</v>
      </c>
      <c r="I6402">
        <v>5562</v>
      </c>
      <c r="J6402" t="s">
        <v>915</v>
      </c>
      <c r="K6402">
        <v>78</v>
      </c>
      <c r="L6402" t="s">
        <v>1266</v>
      </c>
      <c r="M6402">
        <v>334</v>
      </c>
      <c r="N6402" t="s">
        <v>654</v>
      </c>
      <c r="O6402">
        <v>3</v>
      </c>
      <c r="P6402" t="s">
        <v>655</v>
      </c>
      <c r="Q6402">
        <v>1</v>
      </c>
      <c r="R6402" t="s">
        <v>669</v>
      </c>
      <c r="S6402">
        <v>1</v>
      </c>
      <c r="T6402" t="s">
        <v>661</v>
      </c>
      <c r="U6402">
        <v>8</v>
      </c>
      <c r="V6402">
        <v>3</v>
      </c>
      <c r="W6402">
        <v>180</v>
      </c>
      <c r="X6402">
        <v>2020</v>
      </c>
    </row>
    <row r="6403" spans="1:24" x14ac:dyDescent="0.25">
      <c r="A6403">
        <v>1208</v>
      </c>
      <c r="B6403" t="s">
        <v>195</v>
      </c>
      <c r="C6403">
        <v>27</v>
      </c>
      <c r="D6403" t="s">
        <v>534</v>
      </c>
      <c r="E6403">
        <v>203</v>
      </c>
      <c r="F6403" t="s">
        <v>651</v>
      </c>
      <c r="G6403">
        <v>160</v>
      </c>
      <c r="H6403" t="s">
        <v>833</v>
      </c>
      <c r="I6403">
        <v>5562</v>
      </c>
      <c r="J6403" t="s">
        <v>932</v>
      </c>
      <c r="K6403">
        <v>77</v>
      </c>
      <c r="L6403" t="s">
        <v>1926</v>
      </c>
      <c r="M6403">
        <v>331</v>
      </c>
      <c r="N6403" t="s">
        <v>654</v>
      </c>
      <c r="O6403">
        <v>3</v>
      </c>
      <c r="P6403" t="s">
        <v>655</v>
      </c>
      <c r="Q6403">
        <v>1</v>
      </c>
      <c r="R6403" t="s">
        <v>669</v>
      </c>
      <c r="S6403">
        <v>1</v>
      </c>
      <c r="T6403" t="s">
        <v>661</v>
      </c>
      <c r="U6403">
        <v>8</v>
      </c>
      <c r="V6403">
        <v>4</v>
      </c>
      <c r="W6403">
        <v>240</v>
      </c>
      <c r="X6403">
        <v>2020</v>
      </c>
    </row>
    <row r="6404" spans="1:24" x14ac:dyDescent="0.25">
      <c r="A6404">
        <v>1206</v>
      </c>
      <c r="B6404" t="s">
        <v>195</v>
      </c>
      <c r="C6404">
        <v>27</v>
      </c>
      <c r="D6404" t="s">
        <v>534</v>
      </c>
      <c r="E6404">
        <v>203</v>
      </c>
      <c r="F6404" t="s">
        <v>651</v>
      </c>
      <c r="G6404">
        <v>160</v>
      </c>
      <c r="H6404" t="s">
        <v>833</v>
      </c>
      <c r="I6404">
        <v>5562</v>
      </c>
      <c r="J6404" t="s">
        <v>932</v>
      </c>
      <c r="K6404">
        <v>77</v>
      </c>
      <c r="L6404" t="s">
        <v>933</v>
      </c>
      <c r="M6404">
        <v>330</v>
      </c>
      <c r="N6404" t="s">
        <v>654</v>
      </c>
      <c r="O6404">
        <v>3</v>
      </c>
      <c r="P6404" t="s">
        <v>655</v>
      </c>
      <c r="Q6404">
        <v>1</v>
      </c>
      <c r="R6404" t="s">
        <v>669</v>
      </c>
      <c r="S6404">
        <v>1</v>
      </c>
      <c r="T6404" t="s">
        <v>661</v>
      </c>
      <c r="U6404">
        <v>8</v>
      </c>
      <c r="V6404">
        <v>4</v>
      </c>
      <c r="W6404">
        <v>240</v>
      </c>
      <c r="X6404">
        <v>2020</v>
      </c>
    </row>
    <row r="6405" spans="1:24" x14ac:dyDescent="0.25">
      <c r="A6405">
        <v>1205</v>
      </c>
      <c r="B6405" t="s">
        <v>195</v>
      </c>
      <c r="C6405">
        <v>27</v>
      </c>
      <c r="D6405" t="s">
        <v>322</v>
      </c>
      <c r="E6405">
        <v>202</v>
      </c>
      <c r="F6405" t="s">
        <v>651</v>
      </c>
      <c r="G6405">
        <v>160</v>
      </c>
      <c r="H6405" t="s">
        <v>833</v>
      </c>
      <c r="I6405">
        <v>5562</v>
      </c>
      <c r="J6405" t="s">
        <v>932</v>
      </c>
      <c r="K6405">
        <v>77</v>
      </c>
      <c r="L6405" t="s">
        <v>839</v>
      </c>
      <c r="M6405">
        <v>327</v>
      </c>
      <c r="N6405" t="s">
        <v>654</v>
      </c>
      <c r="O6405">
        <v>3</v>
      </c>
      <c r="P6405" t="s">
        <v>655</v>
      </c>
      <c r="Q6405">
        <v>1</v>
      </c>
      <c r="R6405" t="s">
        <v>669</v>
      </c>
      <c r="S6405">
        <v>1</v>
      </c>
      <c r="T6405" t="s">
        <v>661</v>
      </c>
      <c r="U6405">
        <v>8</v>
      </c>
      <c r="V6405">
        <v>6</v>
      </c>
      <c r="W6405">
        <v>360</v>
      </c>
      <c r="X6405">
        <v>2020</v>
      </c>
    </row>
    <row r="6406" spans="1:24" x14ac:dyDescent="0.25">
      <c r="A6406">
        <v>1204</v>
      </c>
      <c r="B6406" t="s">
        <v>95</v>
      </c>
      <c r="C6406">
        <v>26</v>
      </c>
      <c r="D6406" t="s">
        <v>465</v>
      </c>
      <c r="E6406">
        <v>195</v>
      </c>
      <c r="F6406" t="s">
        <v>651</v>
      </c>
      <c r="G6406">
        <v>160</v>
      </c>
      <c r="H6406" t="s">
        <v>1859</v>
      </c>
      <c r="I6406">
        <v>8409</v>
      </c>
      <c r="J6406" t="s">
        <v>730</v>
      </c>
      <c r="K6406">
        <v>66</v>
      </c>
      <c r="L6406" t="s">
        <v>3789</v>
      </c>
      <c r="M6406">
        <v>279</v>
      </c>
      <c r="N6406" t="s">
        <v>654</v>
      </c>
      <c r="O6406">
        <v>3</v>
      </c>
      <c r="P6406" t="s">
        <v>655</v>
      </c>
      <c r="Q6406">
        <v>1</v>
      </c>
      <c r="R6406" t="s">
        <v>669</v>
      </c>
      <c r="S6406">
        <v>1</v>
      </c>
      <c r="T6406" t="s">
        <v>661</v>
      </c>
      <c r="U6406">
        <v>8</v>
      </c>
      <c r="V6406">
        <v>4</v>
      </c>
      <c r="W6406">
        <v>240</v>
      </c>
      <c r="X6406">
        <v>2020</v>
      </c>
    </row>
    <row r="6407" spans="1:24" x14ac:dyDescent="0.25">
      <c r="A6407">
        <v>1201</v>
      </c>
      <c r="B6407" t="s">
        <v>95</v>
      </c>
      <c r="C6407">
        <v>26</v>
      </c>
      <c r="D6407" t="s">
        <v>465</v>
      </c>
      <c r="E6407">
        <v>195</v>
      </c>
      <c r="F6407" t="s">
        <v>651</v>
      </c>
      <c r="G6407">
        <v>160</v>
      </c>
      <c r="H6407" t="s">
        <v>1859</v>
      </c>
      <c r="I6407">
        <v>8409</v>
      </c>
      <c r="J6407" t="s">
        <v>3795</v>
      </c>
      <c r="K6407">
        <v>64</v>
      </c>
      <c r="L6407" t="s">
        <v>3797</v>
      </c>
      <c r="M6407">
        <v>273</v>
      </c>
      <c r="N6407" t="s">
        <v>654</v>
      </c>
      <c r="O6407">
        <v>3</v>
      </c>
      <c r="P6407" t="s">
        <v>655</v>
      </c>
      <c r="Q6407">
        <v>1</v>
      </c>
      <c r="R6407" t="s">
        <v>669</v>
      </c>
      <c r="S6407">
        <v>1</v>
      </c>
      <c r="T6407" t="s">
        <v>661</v>
      </c>
      <c r="U6407">
        <v>8</v>
      </c>
      <c r="V6407">
        <v>4</v>
      </c>
      <c r="W6407">
        <v>240</v>
      </c>
      <c r="X6407">
        <v>2020</v>
      </c>
    </row>
    <row r="6408" spans="1:24" x14ac:dyDescent="0.25">
      <c r="A6408">
        <v>1200</v>
      </c>
      <c r="B6408" t="s">
        <v>95</v>
      </c>
      <c r="C6408">
        <v>26</v>
      </c>
      <c r="D6408" t="s">
        <v>465</v>
      </c>
      <c r="E6408">
        <v>195</v>
      </c>
      <c r="F6408" t="s">
        <v>651</v>
      </c>
      <c r="G6408">
        <v>160</v>
      </c>
      <c r="H6408" t="s">
        <v>1859</v>
      </c>
      <c r="I6408">
        <v>8409</v>
      </c>
      <c r="J6408" t="s">
        <v>848</v>
      </c>
      <c r="K6408">
        <v>62</v>
      </c>
      <c r="L6408" t="s">
        <v>1924</v>
      </c>
      <c r="M6408">
        <v>263</v>
      </c>
      <c r="N6408" t="s">
        <v>654</v>
      </c>
      <c r="O6408">
        <v>3</v>
      </c>
      <c r="P6408" t="s">
        <v>655</v>
      </c>
      <c r="Q6408">
        <v>1</v>
      </c>
      <c r="R6408" t="s">
        <v>669</v>
      </c>
      <c r="S6408">
        <v>1</v>
      </c>
      <c r="T6408" t="s">
        <v>661</v>
      </c>
      <c r="U6408">
        <v>8</v>
      </c>
      <c r="V6408">
        <v>4</v>
      </c>
      <c r="W6408">
        <v>240</v>
      </c>
      <c r="X6408">
        <v>2020</v>
      </c>
    </row>
    <row r="6409" spans="1:24" x14ac:dyDescent="0.25">
      <c r="A6409">
        <v>1199</v>
      </c>
      <c r="B6409" t="s">
        <v>95</v>
      </c>
      <c r="C6409">
        <v>26</v>
      </c>
      <c r="D6409" t="s">
        <v>465</v>
      </c>
      <c r="E6409">
        <v>195</v>
      </c>
      <c r="F6409" t="s">
        <v>651</v>
      </c>
      <c r="G6409">
        <v>160</v>
      </c>
      <c r="H6409" t="s">
        <v>1859</v>
      </c>
      <c r="I6409">
        <v>8409</v>
      </c>
      <c r="J6409" t="s">
        <v>1236</v>
      </c>
      <c r="K6409">
        <v>60</v>
      </c>
      <c r="L6409" t="s">
        <v>3673</v>
      </c>
      <c r="M6409">
        <v>245</v>
      </c>
      <c r="N6409" t="s">
        <v>654</v>
      </c>
      <c r="O6409">
        <v>3</v>
      </c>
      <c r="P6409" t="s">
        <v>655</v>
      </c>
      <c r="Q6409">
        <v>1</v>
      </c>
      <c r="R6409" t="s">
        <v>669</v>
      </c>
      <c r="S6409">
        <v>1</v>
      </c>
      <c r="T6409" t="s">
        <v>661</v>
      </c>
      <c r="U6409">
        <v>8</v>
      </c>
      <c r="V6409">
        <v>4</v>
      </c>
      <c r="W6409">
        <v>240</v>
      </c>
      <c r="X6409">
        <v>2020</v>
      </c>
    </row>
    <row r="6410" spans="1:24" x14ac:dyDescent="0.25">
      <c r="A6410">
        <v>1197</v>
      </c>
      <c r="B6410" t="s">
        <v>95</v>
      </c>
      <c r="C6410">
        <v>26</v>
      </c>
      <c r="D6410" t="s">
        <v>331</v>
      </c>
      <c r="E6410">
        <v>650</v>
      </c>
      <c r="F6410" t="s">
        <v>651</v>
      </c>
      <c r="G6410">
        <v>160</v>
      </c>
      <c r="H6410" t="s">
        <v>833</v>
      </c>
      <c r="I6410">
        <v>5562</v>
      </c>
      <c r="J6410" t="s">
        <v>880</v>
      </c>
      <c r="K6410">
        <v>58</v>
      </c>
      <c r="L6410" t="s">
        <v>1086</v>
      </c>
      <c r="M6410">
        <v>238</v>
      </c>
      <c r="N6410" t="s">
        <v>654</v>
      </c>
      <c r="O6410">
        <v>3</v>
      </c>
      <c r="P6410" t="s">
        <v>655</v>
      </c>
      <c r="Q6410">
        <v>1</v>
      </c>
      <c r="R6410" t="s">
        <v>669</v>
      </c>
      <c r="S6410">
        <v>1</v>
      </c>
      <c r="T6410" t="s">
        <v>661</v>
      </c>
      <c r="U6410">
        <v>8</v>
      </c>
      <c r="V6410">
        <v>4</v>
      </c>
      <c r="W6410">
        <v>240</v>
      </c>
      <c r="X6410">
        <v>2020</v>
      </c>
    </row>
    <row r="6411" spans="1:24" x14ac:dyDescent="0.25">
      <c r="A6411">
        <v>1196</v>
      </c>
      <c r="B6411" t="s">
        <v>95</v>
      </c>
      <c r="C6411">
        <v>26</v>
      </c>
      <c r="D6411" t="s">
        <v>331</v>
      </c>
      <c r="E6411">
        <v>650</v>
      </c>
      <c r="F6411" t="s">
        <v>651</v>
      </c>
      <c r="G6411">
        <v>160</v>
      </c>
      <c r="H6411" t="s">
        <v>833</v>
      </c>
      <c r="I6411">
        <v>5562</v>
      </c>
      <c r="J6411" t="s">
        <v>1182</v>
      </c>
      <c r="K6411">
        <v>46</v>
      </c>
      <c r="L6411" t="s">
        <v>3689</v>
      </c>
      <c r="M6411">
        <v>158</v>
      </c>
      <c r="N6411" t="s">
        <v>654</v>
      </c>
      <c r="O6411">
        <v>3</v>
      </c>
      <c r="P6411" t="s">
        <v>655</v>
      </c>
      <c r="Q6411">
        <v>1</v>
      </c>
      <c r="R6411" t="s">
        <v>669</v>
      </c>
      <c r="S6411">
        <v>1</v>
      </c>
      <c r="T6411" t="s">
        <v>661</v>
      </c>
      <c r="U6411">
        <v>8</v>
      </c>
      <c r="V6411">
        <v>4</v>
      </c>
      <c r="W6411">
        <v>240</v>
      </c>
      <c r="X6411">
        <v>2020</v>
      </c>
    </row>
    <row r="6412" spans="1:24" x14ac:dyDescent="0.25">
      <c r="A6412">
        <v>1194</v>
      </c>
      <c r="B6412" t="s">
        <v>95</v>
      </c>
      <c r="C6412">
        <v>26</v>
      </c>
      <c r="D6412" t="s">
        <v>331</v>
      </c>
      <c r="E6412">
        <v>650</v>
      </c>
      <c r="F6412" t="s">
        <v>651</v>
      </c>
      <c r="G6412">
        <v>160</v>
      </c>
      <c r="H6412" t="s">
        <v>833</v>
      </c>
      <c r="I6412">
        <v>5562</v>
      </c>
      <c r="J6412" t="s">
        <v>678</v>
      </c>
      <c r="K6412">
        <v>41</v>
      </c>
      <c r="L6412" t="s">
        <v>678</v>
      </c>
      <c r="M6412">
        <v>145</v>
      </c>
      <c r="N6412" t="s">
        <v>668</v>
      </c>
      <c r="O6412">
        <v>4</v>
      </c>
      <c r="P6412" t="s">
        <v>655</v>
      </c>
      <c r="Q6412">
        <v>1</v>
      </c>
      <c r="R6412" t="s">
        <v>669</v>
      </c>
      <c r="S6412">
        <v>1</v>
      </c>
      <c r="T6412" t="s">
        <v>661</v>
      </c>
      <c r="U6412">
        <v>8</v>
      </c>
      <c r="V6412">
        <v>4</v>
      </c>
      <c r="W6412">
        <v>240</v>
      </c>
      <c r="X6412">
        <v>2020</v>
      </c>
    </row>
    <row r="6413" spans="1:24" x14ac:dyDescent="0.25">
      <c r="A6413">
        <v>1192</v>
      </c>
      <c r="B6413" t="s">
        <v>95</v>
      </c>
      <c r="C6413">
        <v>26</v>
      </c>
      <c r="D6413" t="s">
        <v>331</v>
      </c>
      <c r="E6413">
        <v>650</v>
      </c>
      <c r="F6413" t="s">
        <v>651</v>
      </c>
      <c r="G6413">
        <v>160</v>
      </c>
      <c r="H6413" t="s">
        <v>833</v>
      </c>
      <c r="I6413">
        <v>5562</v>
      </c>
      <c r="J6413" t="s">
        <v>909</v>
      </c>
      <c r="K6413">
        <v>39</v>
      </c>
      <c r="L6413" t="s">
        <v>3692</v>
      </c>
      <c r="M6413">
        <v>140</v>
      </c>
      <c r="N6413" t="s">
        <v>654</v>
      </c>
      <c r="O6413">
        <v>3</v>
      </c>
      <c r="P6413" t="s">
        <v>655</v>
      </c>
      <c r="Q6413">
        <v>1</v>
      </c>
      <c r="R6413" t="s">
        <v>669</v>
      </c>
      <c r="S6413">
        <v>1</v>
      </c>
      <c r="T6413" t="s">
        <v>661</v>
      </c>
      <c r="U6413">
        <v>8</v>
      </c>
      <c r="V6413">
        <v>4</v>
      </c>
      <c r="W6413">
        <v>240</v>
      </c>
      <c r="X6413">
        <v>2020</v>
      </c>
    </row>
    <row r="6414" spans="1:24" x14ac:dyDescent="0.25">
      <c r="A6414">
        <v>1190</v>
      </c>
      <c r="B6414" t="s">
        <v>95</v>
      </c>
      <c r="C6414">
        <v>26</v>
      </c>
      <c r="D6414" t="s">
        <v>331</v>
      </c>
      <c r="E6414">
        <v>650</v>
      </c>
      <c r="F6414" t="s">
        <v>651</v>
      </c>
      <c r="G6414">
        <v>160</v>
      </c>
      <c r="H6414" t="s">
        <v>833</v>
      </c>
      <c r="I6414">
        <v>5562</v>
      </c>
      <c r="J6414" t="s">
        <v>909</v>
      </c>
      <c r="K6414">
        <v>39</v>
      </c>
      <c r="L6414" t="s">
        <v>1925</v>
      </c>
      <c r="M6414">
        <v>138</v>
      </c>
      <c r="N6414" t="s">
        <v>654</v>
      </c>
      <c r="O6414">
        <v>3</v>
      </c>
      <c r="P6414" t="s">
        <v>655</v>
      </c>
      <c r="Q6414">
        <v>1</v>
      </c>
      <c r="R6414" t="s">
        <v>669</v>
      </c>
      <c r="S6414">
        <v>1</v>
      </c>
      <c r="T6414" t="s">
        <v>661</v>
      </c>
      <c r="U6414">
        <v>8</v>
      </c>
      <c r="V6414">
        <v>4</v>
      </c>
      <c r="W6414">
        <v>240</v>
      </c>
      <c r="X6414">
        <v>2020</v>
      </c>
    </row>
    <row r="6415" spans="1:24" x14ac:dyDescent="0.25">
      <c r="A6415">
        <v>1188</v>
      </c>
      <c r="B6415" t="s">
        <v>95</v>
      </c>
      <c r="C6415">
        <v>26</v>
      </c>
      <c r="D6415" t="s">
        <v>329</v>
      </c>
      <c r="E6415">
        <v>652</v>
      </c>
      <c r="F6415" t="s">
        <v>651</v>
      </c>
      <c r="G6415">
        <v>160</v>
      </c>
      <c r="H6415" t="s">
        <v>833</v>
      </c>
      <c r="I6415">
        <v>5562</v>
      </c>
      <c r="J6415" t="s">
        <v>848</v>
      </c>
      <c r="K6415">
        <v>62</v>
      </c>
      <c r="L6415" t="s">
        <v>937</v>
      </c>
      <c r="M6415">
        <v>266</v>
      </c>
      <c r="N6415" t="s">
        <v>654</v>
      </c>
      <c r="O6415">
        <v>3</v>
      </c>
      <c r="P6415" t="s">
        <v>655</v>
      </c>
      <c r="Q6415">
        <v>1</v>
      </c>
      <c r="R6415" t="s">
        <v>669</v>
      </c>
      <c r="S6415">
        <v>1</v>
      </c>
      <c r="T6415" t="s">
        <v>661</v>
      </c>
      <c r="U6415">
        <v>8</v>
      </c>
      <c r="V6415">
        <v>4</v>
      </c>
      <c r="W6415">
        <v>240</v>
      </c>
      <c r="X6415">
        <v>2020</v>
      </c>
    </row>
    <row r="6416" spans="1:24" x14ac:dyDescent="0.25">
      <c r="A6416">
        <v>1186</v>
      </c>
      <c r="B6416" t="s">
        <v>95</v>
      </c>
      <c r="C6416">
        <v>26</v>
      </c>
      <c r="D6416" t="s">
        <v>329</v>
      </c>
      <c r="E6416">
        <v>652</v>
      </c>
      <c r="F6416" t="s">
        <v>651</v>
      </c>
      <c r="G6416">
        <v>160</v>
      </c>
      <c r="H6416" t="s">
        <v>833</v>
      </c>
      <c r="I6416">
        <v>5562</v>
      </c>
      <c r="J6416" t="s">
        <v>880</v>
      </c>
      <c r="K6416">
        <v>58</v>
      </c>
      <c r="L6416" t="s">
        <v>3937</v>
      </c>
      <c r="M6416">
        <v>237</v>
      </c>
      <c r="N6416" t="s">
        <v>654</v>
      </c>
      <c r="O6416">
        <v>3</v>
      </c>
      <c r="P6416" t="s">
        <v>655</v>
      </c>
      <c r="Q6416">
        <v>1</v>
      </c>
      <c r="R6416" t="s">
        <v>669</v>
      </c>
      <c r="S6416">
        <v>1</v>
      </c>
      <c r="T6416" t="s">
        <v>661</v>
      </c>
      <c r="U6416">
        <v>8</v>
      </c>
      <c r="V6416">
        <v>4</v>
      </c>
      <c r="W6416">
        <v>240</v>
      </c>
      <c r="X6416">
        <v>2020</v>
      </c>
    </row>
    <row r="6417" spans="1:24" x14ac:dyDescent="0.25">
      <c r="A6417">
        <v>1185</v>
      </c>
      <c r="B6417" t="s">
        <v>95</v>
      </c>
      <c r="C6417">
        <v>26</v>
      </c>
      <c r="D6417" t="s">
        <v>329</v>
      </c>
      <c r="E6417">
        <v>652</v>
      </c>
      <c r="F6417" t="s">
        <v>651</v>
      </c>
      <c r="G6417">
        <v>160</v>
      </c>
      <c r="H6417" t="s">
        <v>833</v>
      </c>
      <c r="I6417">
        <v>5562</v>
      </c>
      <c r="J6417" t="s">
        <v>794</v>
      </c>
      <c r="K6417">
        <v>40</v>
      </c>
      <c r="L6417" t="s">
        <v>3710</v>
      </c>
      <c r="M6417">
        <v>144</v>
      </c>
      <c r="N6417" t="s">
        <v>654</v>
      </c>
      <c r="O6417">
        <v>3</v>
      </c>
      <c r="P6417" t="s">
        <v>655</v>
      </c>
      <c r="Q6417">
        <v>1</v>
      </c>
      <c r="R6417" t="s">
        <v>669</v>
      </c>
      <c r="S6417">
        <v>1</v>
      </c>
      <c r="T6417" t="s">
        <v>661</v>
      </c>
      <c r="U6417">
        <v>8</v>
      </c>
      <c r="V6417">
        <v>4</v>
      </c>
      <c r="W6417">
        <v>240</v>
      </c>
      <c r="X6417">
        <v>2020</v>
      </c>
    </row>
    <row r="6418" spans="1:24" x14ac:dyDescent="0.25">
      <c r="A6418">
        <v>1183</v>
      </c>
      <c r="B6418" t="s">
        <v>95</v>
      </c>
      <c r="C6418">
        <v>26</v>
      </c>
      <c r="D6418" t="s">
        <v>329</v>
      </c>
      <c r="E6418">
        <v>652</v>
      </c>
      <c r="F6418" t="s">
        <v>651</v>
      </c>
      <c r="G6418">
        <v>160</v>
      </c>
      <c r="H6418" t="s">
        <v>833</v>
      </c>
      <c r="I6418">
        <v>5562</v>
      </c>
      <c r="J6418" t="s">
        <v>794</v>
      </c>
      <c r="K6418">
        <v>40</v>
      </c>
      <c r="L6418" t="s">
        <v>794</v>
      </c>
      <c r="M6418">
        <v>143</v>
      </c>
      <c r="N6418" t="s">
        <v>654</v>
      </c>
      <c r="O6418">
        <v>3</v>
      </c>
      <c r="P6418" t="s">
        <v>655</v>
      </c>
      <c r="Q6418">
        <v>1</v>
      </c>
      <c r="R6418" t="s">
        <v>669</v>
      </c>
      <c r="S6418">
        <v>1</v>
      </c>
      <c r="T6418" t="s">
        <v>661</v>
      </c>
      <c r="U6418">
        <v>8</v>
      </c>
      <c r="V6418">
        <v>4</v>
      </c>
      <c r="W6418">
        <v>240</v>
      </c>
      <c r="X6418">
        <v>2020</v>
      </c>
    </row>
    <row r="6419" spans="1:24" x14ac:dyDescent="0.25">
      <c r="A6419">
        <v>1182</v>
      </c>
      <c r="B6419" t="s">
        <v>95</v>
      </c>
      <c r="C6419">
        <v>26</v>
      </c>
      <c r="D6419" t="s">
        <v>329</v>
      </c>
      <c r="E6419">
        <v>652</v>
      </c>
      <c r="F6419" t="s">
        <v>651</v>
      </c>
      <c r="G6419">
        <v>160</v>
      </c>
      <c r="H6419" t="s">
        <v>833</v>
      </c>
      <c r="I6419">
        <v>5562</v>
      </c>
      <c r="J6419" t="s">
        <v>831</v>
      </c>
      <c r="K6419">
        <v>5</v>
      </c>
      <c r="L6419" t="s">
        <v>831</v>
      </c>
      <c r="M6419">
        <v>14</v>
      </c>
      <c r="N6419" t="s">
        <v>654</v>
      </c>
      <c r="O6419">
        <v>3</v>
      </c>
      <c r="P6419" t="s">
        <v>655</v>
      </c>
      <c r="Q6419">
        <v>1</v>
      </c>
      <c r="R6419" t="s">
        <v>669</v>
      </c>
      <c r="S6419">
        <v>1</v>
      </c>
      <c r="T6419" t="s">
        <v>661</v>
      </c>
      <c r="U6419">
        <v>8</v>
      </c>
      <c r="V6419">
        <v>3</v>
      </c>
      <c r="W6419">
        <v>180</v>
      </c>
      <c r="X6419">
        <v>2020</v>
      </c>
    </row>
    <row r="6420" spans="1:24" x14ac:dyDescent="0.25">
      <c r="A6420">
        <v>1181</v>
      </c>
      <c r="B6420" t="s">
        <v>95</v>
      </c>
      <c r="C6420">
        <v>26</v>
      </c>
      <c r="D6420" t="s">
        <v>535</v>
      </c>
      <c r="E6420">
        <v>198</v>
      </c>
      <c r="F6420" t="s">
        <v>651</v>
      </c>
      <c r="G6420">
        <v>160</v>
      </c>
      <c r="H6420" t="s">
        <v>833</v>
      </c>
      <c r="I6420">
        <v>5562</v>
      </c>
      <c r="J6420" t="s">
        <v>716</v>
      </c>
      <c r="K6420">
        <v>68</v>
      </c>
      <c r="L6420" t="s">
        <v>717</v>
      </c>
      <c r="M6420">
        <v>295</v>
      </c>
      <c r="N6420" t="s">
        <v>654</v>
      </c>
      <c r="O6420">
        <v>3</v>
      </c>
      <c r="P6420" t="s">
        <v>655</v>
      </c>
      <c r="Q6420">
        <v>1</v>
      </c>
      <c r="R6420" t="s">
        <v>669</v>
      </c>
      <c r="S6420">
        <v>1</v>
      </c>
      <c r="T6420" t="s">
        <v>661</v>
      </c>
      <c r="U6420">
        <v>8</v>
      </c>
      <c r="V6420">
        <v>4</v>
      </c>
      <c r="W6420">
        <v>240</v>
      </c>
      <c r="X6420">
        <v>2020</v>
      </c>
    </row>
    <row r="6421" spans="1:24" x14ac:dyDescent="0.25">
      <c r="A6421">
        <v>1180</v>
      </c>
      <c r="B6421" t="s">
        <v>95</v>
      </c>
      <c r="C6421">
        <v>26</v>
      </c>
      <c r="D6421" t="s">
        <v>535</v>
      </c>
      <c r="E6421">
        <v>198</v>
      </c>
      <c r="F6421" t="s">
        <v>651</v>
      </c>
      <c r="G6421">
        <v>160</v>
      </c>
      <c r="H6421" t="s">
        <v>833</v>
      </c>
      <c r="I6421">
        <v>5562</v>
      </c>
      <c r="J6421" t="s">
        <v>716</v>
      </c>
      <c r="K6421">
        <v>68</v>
      </c>
      <c r="L6421" t="s">
        <v>1915</v>
      </c>
      <c r="M6421">
        <v>294</v>
      </c>
      <c r="N6421" t="s">
        <v>654</v>
      </c>
      <c r="O6421">
        <v>3</v>
      </c>
      <c r="P6421" t="s">
        <v>655</v>
      </c>
      <c r="Q6421">
        <v>1</v>
      </c>
      <c r="R6421" t="s">
        <v>669</v>
      </c>
      <c r="S6421">
        <v>1</v>
      </c>
      <c r="T6421" t="s">
        <v>661</v>
      </c>
      <c r="U6421">
        <v>8</v>
      </c>
      <c r="V6421">
        <v>4</v>
      </c>
      <c r="W6421">
        <v>240</v>
      </c>
      <c r="X6421">
        <v>2020</v>
      </c>
    </row>
    <row r="6422" spans="1:24" x14ac:dyDescent="0.25">
      <c r="A6422">
        <v>1179</v>
      </c>
      <c r="B6422" t="s">
        <v>95</v>
      </c>
      <c r="C6422">
        <v>26</v>
      </c>
      <c r="D6422" t="s">
        <v>535</v>
      </c>
      <c r="E6422">
        <v>198</v>
      </c>
      <c r="F6422" t="s">
        <v>651</v>
      </c>
      <c r="G6422">
        <v>160</v>
      </c>
      <c r="H6422" t="s">
        <v>833</v>
      </c>
      <c r="I6422">
        <v>5562</v>
      </c>
      <c r="J6422" t="s">
        <v>797</v>
      </c>
      <c r="K6422">
        <v>65</v>
      </c>
      <c r="L6422" t="s">
        <v>1526</v>
      </c>
      <c r="M6422">
        <v>278</v>
      </c>
      <c r="N6422" t="s">
        <v>654</v>
      </c>
      <c r="O6422">
        <v>3</v>
      </c>
      <c r="P6422" t="s">
        <v>655</v>
      </c>
      <c r="Q6422">
        <v>1</v>
      </c>
      <c r="R6422" t="s">
        <v>669</v>
      </c>
      <c r="S6422">
        <v>1</v>
      </c>
      <c r="T6422" t="s">
        <v>661</v>
      </c>
      <c r="U6422">
        <v>8</v>
      </c>
      <c r="V6422">
        <v>4</v>
      </c>
      <c r="W6422">
        <v>240</v>
      </c>
      <c r="X6422">
        <v>2020</v>
      </c>
    </row>
    <row r="6423" spans="1:24" x14ac:dyDescent="0.25">
      <c r="A6423">
        <v>1178</v>
      </c>
      <c r="B6423" t="s">
        <v>95</v>
      </c>
      <c r="C6423">
        <v>26</v>
      </c>
      <c r="D6423" t="s">
        <v>535</v>
      </c>
      <c r="E6423">
        <v>198</v>
      </c>
      <c r="F6423" t="s">
        <v>651</v>
      </c>
      <c r="G6423">
        <v>160</v>
      </c>
      <c r="H6423" t="s">
        <v>833</v>
      </c>
      <c r="I6423">
        <v>5562</v>
      </c>
      <c r="J6423" t="s">
        <v>797</v>
      </c>
      <c r="K6423">
        <v>65</v>
      </c>
      <c r="L6423" t="s">
        <v>3892</v>
      </c>
      <c r="M6423">
        <v>276</v>
      </c>
      <c r="N6423" t="s">
        <v>654</v>
      </c>
      <c r="O6423">
        <v>3</v>
      </c>
      <c r="P6423" t="s">
        <v>655</v>
      </c>
      <c r="Q6423">
        <v>1</v>
      </c>
      <c r="R6423" t="s">
        <v>669</v>
      </c>
      <c r="S6423">
        <v>1</v>
      </c>
      <c r="T6423" t="s">
        <v>661</v>
      </c>
      <c r="U6423">
        <v>8</v>
      </c>
      <c r="V6423">
        <v>4</v>
      </c>
      <c r="W6423">
        <v>240</v>
      </c>
      <c r="X6423">
        <v>2020</v>
      </c>
    </row>
    <row r="6424" spans="1:24" x14ac:dyDescent="0.25">
      <c r="A6424">
        <v>1177</v>
      </c>
      <c r="B6424" t="s">
        <v>95</v>
      </c>
      <c r="C6424">
        <v>26</v>
      </c>
      <c r="D6424" t="s">
        <v>535</v>
      </c>
      <c r="E6424">
        <v>198</v>
      </c>
      <c r="F6424" t="s">
        <v>651</v>
      </c>
      <c r="G6424">
        <v>160</v>
      </c>
      <c r="H6424" t="s">
        <v>833</v>
      </c>
      <c r="I6424">
        <v>5562</v>
      </c>
      <c r="J6424" t="s">
        <v>710</v>
      </c>
      <c r="K6424">
        <v>53</v>
      </c>
      <c r="L6424" t="s">
        <v>3931</v>
      </c>
      <c r="M6424">
        <v>204</v>
      </c>
      <c r="N6424" t="s">
        <v>654</v>
      </c>
      <c r="O6424">
        <v>3</v>
      </c>
      <c r="P6424" t="s">
        <v>655</v>
      </c>
      <c r="Q6424">
        <v>1</v>
      </c>
      <c r="R6424" t="s">
        <v>669</v>
      </c>
      <c r="S6424">
        <v>1</v>
      </c>
      <c r="T6424" t="s">
        <v>661</v>
      </c>
      <c r="U6424">
        <v>8</v>
      </c>
      <c r="V6424">
        <v>4</v>
      </c>
      <c r="W6424">
        <v>240</v>
      </c>
      <c r="X6424">
        <v>2020</v>
      </c>
    </row>
    <row r="6425" spans="1:24" x14ac:dyDescent="0.25">
      <c r="A6425">
        <v>1176</v>
      </c>
      <c r="B6425" t="s">
        <v>95</v>
      </c>
      <c r="C6425">
        <v>26</v>
      </c>
      <c r="D6425" t="s">
        <v>535</v>
      </c>
      <c r="E6425">
        <v>198</v>
      </c>
      <c r="F6425" t="s">
        <v>651</v>
      </c>
      <c r="G6425">
        <v>160</v>
      </c>
      <c r="H6425" t="s">
        <v>833</v>
      </c>
      <c r="I6425">
        <v>5562</v>
      </c>
      <c r="J6425" t="s">
        <v>767</v>
      </c>
      <c r="K6425">
        <v>44</v>
      </c>
      <c r="L6425" t="s">
        <v>3893</v>
      </c>
      <c r="M6425">
        <v>152</v>
      </c>
      <c r="N6425" t="s">
        <v>654</v>
      </c>
      <c r="O6425">
        <v>3</v>
      </c>
      <c r="P6425" t="s">
        <v>655</v>
      </c>
      <c r="Q6425">
        <v>1</v>
      </c>
      <c r="R6425" t="s">
        <v>669</v>
      </c>
      <c r="S6425">
        <v>1</v>
      </c>
      <c r="T6425" t="s">
        <v>718</v>
      </c>
      <c r="U6425">
        <v>2</v>
      </c>
      <c r="V6425">
        <v>4</v>
      </c>
      <c r="W6425">
        <v>240</v>
      </c>
      <c r="X6425">
        <v>2020</v>
      </c>
    </row>
    <row r="6426" spans="1:24" x14ac:dyDescent="0.25">
      <c r="A6426">
        <v>1175</v>
      </c>
      <c r="B6426" t="s">
        <v>95</v>
      </c>
      <c r="C6426">
        <v>26</v>
      </c>
      <c r="D6426" t="s">
        <v>535</v>
      </c>
      <c r="E6426">
        <v>198</v>
      </c>
      <c r="F6426" t="s">
        <v>651</v>
      </c>
      <c r="G6426">
        <v>160</v>
      </c>
      <c r="H6426" t="s">
        <v>833</v>
      </c>
      <c r="I6426">
        <v>5562</v>
      </c>
      <c r="J6426" t="s">
        <v>767</v>
      </c>
      <c r="K6426">
        <v>44</v>
      </c>
      <c r="L6426" t="s">
        <v>3893</v>
      </c>
      <c r="M6426">
        <v>152</v>
      </c>
      <c r="N6426" t="s">
        <v>654</v>
      </c>
      <c r="O6426">
        <v>3</v>
      </c>
      <c r="P6426" t="s">
        <v>655</v>
      </c>
      <c r="Q6426">
        <v>1</v>
      </c>
      <c r="R6426" t="s">
        <v>669</v>
      </c>
      <c r="S6426">
        <v>1</v>
      </c>
      <c r="T6426" t="s">
        <v>661</v>
      </c>
      <c r="U6426">
        <v>8</v>
      </c>
      <c r="V6426">
        <v>4</v>
      </c>
      <c r="W6426">
        <v>240</v>
      </c>
      <c r="X6426">
        <v>2020</v>
      </c>
    </row>
    <row r="6427" spans="1:24" x14ac:dyDescent="0.25">
      <c r="A6427">
        <v>1173</v>
      </c>
      <c r="B6427" t="s">
        <v>95</v>
      </c>
      <c r="C6427">
        <v>26</v>
      </c>
      <c r="D6427" t="s">
        <v>361</v>
      </c>
      <c r="E6427">
        <v>590</v>
      </c>
      <c r="F6427" t="s">
        <v>651</v>
      </c>
      <c r="G6427">
        <v>160</v>
      </c>
      <c r="H6427" t="s">
        <v>833</v>
      </c>
      <c r="I6427">
        <v>5562</v>
      </c>
      <c r="J6427" t="s">
        <v>848</v>
      </c>
      <c r="K6427">
        <v>62</v>
      </c>
      <c r="L6427" t="s">
        <v>1924</v>
      </c>
      <c r="M6427">
        <v>263</v>
      </c>
      <c r="N6427" t="s">
        <v>668</v>
      </c>
      <c r="O6427">
        <v>4</v>
      </c>
      <c r="P6427" t="s">
        <v>655</v>
      </c>
      <c r="Q6427">
        <v>1</v>
      </c>
      <c r="R6427" t="s">
        <v>669</v>
      </c>
      <c r="S6427">
        <v>1</v>
      </c>
      <c r="T6427" t="s">
        <v>661</v>
      </c>
      <c r="U6427">
        <v>8</v>
      </c>
      <c r="V6427">
        <v>4</v>
      </c>
      <c r="W6427">
        <v>240</v>
      </c>
      <c r="X6427">
        <v>2020</v>
      </c>
    </row>
    <row r="6428" spans="1:24" x14ac:dyDescent="0.25">
      <c r="A6428">
        <v>1172</v>
      </c>
      <c r="B6428" t="s">
        <v>95</v>
      </c>
      <c r="C6428">
        <v>26</v>
      </c>
      <c r="D6428" t="s">
        <v>361</v>
      </c>
      <c r="E6428">
        <v>590</v>
      </c>
      <c r="F6428" t="s">
        <v>651</v>
      </c>
      <c r="G6428">
        <v>160</v>
      </c>
      <c r="H6428" t="s">
        <v>833</v>
      </c>
      <c r="I6428">
        <v>5562</v>
      </c>
      <c r="J6428" t="s">
        <v>714</v>
      </c>
      <c r="K6428">
        <v>52</v>
      </c>
      <c r="L6428" t="s">
        <v>928</v>
      </c>
      <c r="M6428">
        <v>202</v>
      </c>
      <c r="N6428" t="s">
        <v>668</v>
      </c>
      <c r="O6428">
        <v>4</v>
      </c>
      <c r="P6428" t="s">
        <v>746</v>
      </c>
      <c r="Q6428">
        <v>2</v>
      </c>
      <c r="R6428" t="s">
        <v>669</v>
      </c>
      <c r="S6428">
        <v>1</v>
      </c>
      <c r="T6428" t="s">
        <v>661</v>
      </c>
      <c r="U6428">
        <v>8</v>
      </c>
      <c r="V6428">
        <v>4</v>
      </c>
      <c r="W6428">
        <v>240</v>
      </c>
      <c r="X6428">
        <v>2020</v>
      </c>
    </row>
    <row r="6429" spans="1:24" x14ac:dyDescent="0.25">
      <c r="A6429">
        <v>1171</v>
      </c>
      <c r="B6429" t="s">
        <v>95</v>
      </c>
      <c r="C6429">
        <v>26</v>
      </c>
      <c r="D6429" t="s">
        <v>361</v>
      </c>
      <c r="E6429">
        <v>590</v>
      </c>
      <c r="F6429" t="s">
        <v>651</v>
      </c>
      <c r="G6429">
        <v>160</v>
      </c>
      <c r="H6429" t="s">
        <v>833</v>
      </c>
      <c r="I6429">
        <v>5562</v>
      </c>
      <c r="J6429" t="s">
        <v>714</v>
      </c>
      <c r="K6429">
        <v>52</v>
      </c>
      <c r="L6429" t="s">
        <v>928</v>
      </c>
      <c r="M6429">
        <v>202</v>
      </c>
      <c r="N6429" t="s">
        <v>654</v>
      </c>
      <c r="O6429">
        <v>3</v>
      </c>
      <c r="P6429" t="s">
        <v>655</v>
      </c>
      <c r="Q6429">
        <v>1</v>
      </c>
      <c r="R6429" t="s">
        <v>669</v>
      </c>
      <c r="S6429">
        <v>1</v>
      </c>
      <c r="T6429" t="s">
        <v>661</v>
      </c>
      <c r="U6429">
        <v>8</v>
      </c>
      <c r="V6429">
        <v>4</v>
      </c>
      <c r="W6429">
        <v>240</v>
      </c>
      <c r="X6429">
        <v>2020</v>
      </c>
    </row>
    <row r="6430" spans="1:24" x14ac:dyDescent="0.25">
      <c r="A6430">
        <v>1170</v>
      </c>
      <c r="B6430" t="s">
        <v>95</v>
      </c>
      <c r="C6430">
        <v>26</v>
      </c>
      <c r="D6430" t="s">
        <v>361</v>
      </c>
      <c r="E6430">
        <v>590</v>
      </c>
      <c r="F6430" t="s">
        <v>651</v>
      </c>
      <c r="G6430">
        <v>160</v>
      </c>
      <c r="H6430" t="s">
        <v>833</v>
      </c>
      <c r="I6430">
        <v>5562</v>
      </c>
      <c r="J6430" t="s">
        <v>730</v>
      </c>
      <c r="K6430">
        <v>66</v>
      </c>
      <c r="L6430" t="s">
        <v>3739</v>
      </c>
      <c r="M6430">
        <v>284</v>
      </c>
      <c r="N6430" t="s">
        <v>654</v>
      </c>
      <c r="O6430">
        <v>3</v>
      </c>
      <c r="P6430" t="s">
        <v>655</v>
      </c>
      <c r="Q6430">
        <v>1</v>
      </c>
      <c r="R6430" t="s">
        <v>669</v>
      </c>
      <c r="S6430">
        <v>1</v>
      </c>
      <c r="T6430" t="s">
        <v>661</v>
      </c>
      <c r="U6430">
        <v>8</v>
      </c>
      <c r="V6430">
        <v>4</v>
      </c>
      <c r="W6430">
        <v>240</v>
      </c>
      <c r="X6430">
        <v>2020</v>
      </c>
    </row>
    <row r="6431" spans="1:24" x14ac:dyDescent="0.25">
      <c r="A6431">
        <v>1167</v>
      </c>
      <c r="B6431" t="s">
        <v>95</v>
      </c>
      <c r="C6431">
        <v>26</v>
      </c>
      <c r="D6431" t="s">
        <v>361</v>
      </c>
      <c r="E6431">
        <v>590</v>
      </c>
      <c r="F6431" t="s">
        <v>651</v>
      </c>
      <c r="G6431">
        <v>160</v>
      </c>
      <c r="H6431" t="s">
        <v>833</v>
      </c>
      <c r="I6431">
        <v>5562</v>
      </c>
      <c r="J6431" t="s">
        <v>695</v>
      </c>
      <c r="K6431">
        <v>54</v>
      </c>
      <c r="L6431" t="s">
        <v>748</v>
      </c>
      <c r="M6431">
        <v>211</v>
      </c>
      <c r="N6431" t="s">
        <v>654</v>
      </c>
      <c r="O6431">
        <v>3</v>
      </c>
      <c r="P6431" t="s">
        <v>655</v>
      </c>
      <c r="Q6431">
        <v>1</v>
      </c>
      <c r="R6431" t="s">
        <v>669</v>
      </c>
      <c r="S6431">
        <v>1</v>
      </c>
      <c r="T6431" t="s">
        <v>661</v>
      </c>
      <c r="U6431">
        <v>8</v>
      </c>
      <c r="V6431">
        <v>4</v>
      </c>
      <c r="W6431">
        <v>240</v>
      </c>
      <c r="X6431">
        <v>2020</v>
      </c>
    </row>
    <row r="6432" spans="1:24" x14ac:dyDescent="0.25">
      <c r="A6432">
        <v>1165</v>
      </c>
      <c r="B6432" t="s">
        <v>95</v>
      </c>
      <c r="C6432">
        <v>26</v>
      </c>
      <c r="D6432" t="s">
        <v>361</v>
      </c>
      <c r="E6432">
        <v>590</v>
      </c>
      <c r="F6432" t="s">
        <v>651</v>
      </c>
      <c r="G6432">
        <v>160</v>
      </c>
      <c r="H6432" t="s">
        <v>833</v>
      </c>
      <c r="I6432">
        <v>5562</v>
      </c>
      <c r="J6432" t="s">
        <v>714</v>
      </c>
      <c r="K6432">
        <v>52</v>
      </c>
      <c r="L6432" t="s">
        <v>926</v>
      </c>
      <c r="M6432">
        <v>203</v>
      </c>
      <c r="N6432" t="s">
        <v>654</v>
      </c>
      <c r="O6432">
        <v>3</v>
      </c>
      <c r="P6432" t="s">
        <v>655</v>
      </c>
      <c r="Q6432">
        <v>1</v>
      </c>
      <c r="R6432" t="s">
        <v>669</v>
      </c>
      <c r="S6432">
        <v>1</v>
      </c>
      <c r="T6432" t="s">
        <v>661</v>
      </c>
      <c r="U6432">
        <v>8</v>
      </c>
      <c r="V6432">
        <v>4</v>
      </c>
      <c r="W6432">
        <v>240</v>
      </c>
      <c r="X6432">
        <v>2020</v>
      </c>
    </row>
    <row r="6433" spans="1:24" x14ac:dyDescent="0.25">
      <c r="A6433">
        <v>1162</v>
      </c>
      <c r="B6433" t="s">
        <v>95</v>
      </c>
      <c r="C6433">
        <v>26</v>
      </c>
      <c r="D6433" t="s">
        <v>361</v>
      </c>
      <c r="E6433">
        <v>590</v>
      </c>
      <c r="F6433" t="s">
        <v>651</v>
      </c>
      <c r="G6433">
        <v>160</v>
      </c>
      <c r="H6433" t="s">
        <v>833</v>
      </c>
      <c r="I6433">
        <v>5562</v>
      </c>
      <c r="J6433" t="s">
        <v>1514</v>
      </c>
      <c r="K6433">
        <v>47</v>
      </c>
      <c r="L6433" t="s">
        <v>3917</v>
      </c>
      <c r="M6433">
        <v>162</v>
      </c>
      <c r="N6433" t="s">
        <v>654</v>
      </c>
      <c r="O6433">
        <v>3</v>
      </c>
      <c r="P6433" t="s">
        <v>655</v>
      </c>
      <c r="Q6433">
        <v>1</v>
      </c>
      <c r="R6433" t="s">
        <v>669</v>
      </c>
      <c r="S6433">
        <v>1</v>
      </c>
      <c r="T6433" t="s">
        <v>661</v>
      </c>
      <c r="U6433">
        <v>8</v>
      </c>
      <c r="V6433">
        <v>4</v>
      </c>
      <c r="W6433">
        <v>240</v>
      </c>
      <c r="X6433">
        <v>2020</v>
      </c>
    </row>
    <row r="6434" spans="1:24" x14ac:dyDescent="0.25">
      <c r="A6434">
        <v>1161</v>
      </c>
      <c r="B6434" t="s">
        <v>95</v>
      </c>
      <c r="C6434">
        <v>26</v>
      </c>
      <c r="D6434" t="s">
        <v>465</v>
      </c>
      <c r="E6434">
        <v>195</v>
      </c>
      <c r="F6434" t="s">
        <v>651</v>
      </c>
      <c r="G6434">
        <v>160</v>
      </c>
      <c r="H6434" t="s">
        <v>833</v>
      </c>
      <c r="I6434">
        <v>5562</v>
      </c>
      <c r="J6434" t="s">
        <v>980</v>
      </c>
      <c r="K6434">
        <v>67</v>
      </c>
      <c r="L6434" t="s">
        <v>3800</v>
      </c>
      <c r="M6434">
        <v>291</v>
      </c>
      <c r="N6434" t="s">
        <v>654</v>
      </c>
      <c r="O6434">
        <v>3</v>
      </c>
      <c r="P6434" t="s">
        <v>655</v>
      </c>
      <c r="Q6434">
        <v>1</v>
      </c>
      <c r="R6434" t="s">
        <v>669</v>
      </c>
      <c r="S6434">
        <v>1</v>
      </c>
      <c r="T6434" t="s">
        <v>661</v>
      </c>
      <c r="U6434">
        <v>8</v>
      </c>
      <c r="V6434">
        <v>4</v>
      </c>
      <c r="W6434">
        <v>240</v>
      </c>
      <c r="X6434">
        <v>2020</v>
      </c>
    </row>
    <row r="6435" spans="1:24" x14ac:dyDescent="0.25">
      <c r="A6435">
        <v>1160</v>
      </c>
      <c r="B6435" t="s">
        <v>95</v>
      </c>
      <c r="C6435">
        <v>26</v>
      </c>
      <c r="D6435" t="s">
        <v>465</v>
      </c>
      <c r="E6435">
        <v>195</v>
      </c>
      <c r="F6435" t="s">
        <v>651</v>
      </c>
      <c r="G6435">
        <v>160</v>
      </c>
      <c r="H6435" t="s">
        <v>833</v>
      </c>
      <c r="I6435">
        <v>5562</v>
      </c>
      <c r="J6435" t="s">
        <v>730</v>
      </c>
      <c r="K6435">
        <v>66</v>
      </c>
      <c r="L6435" t="s">
        <v>3926</v>
      </c>
      <c r="M6435">
        <v>280</v>
      </c>
      <c r="N6435" t="s">
        <v>654</v>
      </c>
      <c r="O6435">
        <v>3</v>
      </c>
      <c r="P6435" t="s">
        <v>655</v>
      </c>
      <c r="Q6435">
        <v>1</v>
      </c>
      <c r="R6435" t="s">
        <v>669</v>
      </c>
      <c r="S6435">
        <v>1</v>
      </c>
      <c r="T6435" t="s">
        <v>661</v>
      </c>
      <c r="U6435">
        <v>8</v>
      </c>
      <c r="V6435">
        <v>4</v>
      </c>
      <c r="W6435">
        <v>240</v>
      </c>
      <c r="X6435">
        <v>2020</v>
      </c>
    </row>
    <row r="6436" spans="1:24" x14ac:dyDescent="0.25">
      <c r="A6436">
        <v>1159</v>
      </c>
      <c r="B6436" t="s">
        <v>95</v>
      </c>
      <c r="C6436">
        <v>26</v>
      </c>
      <c r="D6436" t="s">
        <v>465</v>
      </c>
      <c r="E6436">
        <v>195</v>
      </c>
      <c r="F6436" t="s">
        <v>651</v>
      </c>
      <c r="G6436">
        <v>160</v>
      </c>
      <c r="H6436" t="s">
        <v>833</v>
      </c>
      <c r="I6436">
        <v>5562</v>
      </c>
      <c r="J6436" t="s">
        <v>707</v>
      </c>
      <c r="K6436">
        <v>59</v>
      </c>
      <c r="L6436" t="s">
        <v>708</v>
      </c>
      <c r="M6436">
        <v>242</v>
      </c>
      <c r="N6436" t="s">
        <v>654</v>
      </c>
      <c r="O6436">
        <v>3</v>
      </c>
      <c r="P6436" t="s">
        <v>655</v>
      </c>
      <c r="Q6436">
        <v>1</v>
      </c>
      <c r="R6436" t="s">
        <v>669</v>
      </c>
      <c r="S6436">
        <v>1</v>
      </c>
      <c r="T6436" t="s">
        <v>661</v>
      </c>
      <c r="U6436">
        <v>8</v>
      </c>
      <c r="V6436">
        <v>4</v>
      </c>
      <c r="W6436">
        <v>240</v>
      </c>
      <c r="X6436">
        <v>2020</v>
      </c>
    </row>
    <row r="6437" spans="1:24" x14ac:dyDescent="0.25">
      <c r="A6437">
        <v>1158</v>
      </c>
      <c r="B6437" t="s">
        <v>95</v>
      </c>
      <c r="C6437">
        <v>26</v>
      </c>
      <c r="D6437" t="s">
        <v>465</v>
      </c>
      <c r="E6437">
        <v>195</v>
      </c>
      <c r="F6437" t="s">
        <v>651</v>
      </c>
      <c r="G6437">
        <v>160</v>
      </c>
      <c r="H6437" t="s">
        <v>833</v>
      </c>
      <c r="I6437">
        <v>5562</v>
      </c>
      <c r="J6437" t="s">
        <v>693</v>
      </c>
      <c r="K6437">
        <v>56</v>
      </c>
      <c r="L6437" t="s">
        <v>3669</v>
      </c>
      <c r="M6437">
        <v>221</v>
      </c>
      <c r="N6437" t="s">
        <v>654</v>
      </c>
      <c r="O6437">
        <v>3</v>
      </c>
      <c r="P6437" t="s">
        <v>655</v>
      </c>
      <c r="Q6437">
        <v>1</v>
      </c>
      <c r="R6437" t="s">
        <v>669</v>
      </c>
      <c r="S6437">
        <v>1</v>
      </c>
      <c r="T6437" t="s">
        <v>661</v>
      </c>
      <c r="U6437">
        <v>8</v>
      </c>
      <c r="V6437">
        <v>4</v>
      </c>
      <c r="W6437">
        <v>240</v>
      </c>
      <c r="X6437">
        <v>2020</v>
      </c>
    </row>
    <row r="6438" spans="1:24" x14ac:dyDescent="0.25">
      <c r="A6438">
        <v>1157</v>
      </c>
      <c r="B6438" t="s">
        <v>95</v>
      </c>
      <c r="C6438">
        <v>26</v>
      </c>
      <c r="D6438" t="s">
        <v>465</v>
      </c>
      <c r="E6438">
        <v>195</v>
      </c>
      <c r="F6438" t="s">
        <v>651</v>
      </c>
      <c r="G6438">
        <v>160</v>
      </c>
      <c r="H6438" t="s">
        <v>833</v>
      </c>
      <c r="I6438">
        <v>5562</v>
      </c>
      <c r="J6438" t="s">
        <v>1080</v>
      </c>
      <c r="K6438">
        <v>49</v>
      </c>
      <c r="L6438" t="s">
        <v>3687</v>
      </c>
      <c r="M6438">
        <v>181</v>
      </c>
      <c r="N6438" t="s">
        <v>654</v>
      </c>
      <c r="O6438">
        <v>3</v>
      </c>
      <c r="P6438" t="s">
        <v>655</v>
      </c>
      <c r="Q6438">
        <v>1</v>
      </c>
      <c r="R6438" t="s">
        <v>669</v>
      </c>
      <c r="S6438">
        <v>1</v>
      </c>
      <c r="T6438" t="s">
        <v>661</v>
      </c>
      <c r="U6438">
        <v>8</v>
      </c>
      <c r="V6438">
        <v>4</v>
      </c>
      <c r="W6438">
        <v>240</v>
      </c>
      <c r="X6438">
        <v>2020</v>
      </c>
    </row>
    <row r="6439" spans="1:24" x14ac:dyDescent="0.25">
      <c r="A6439">
        <v>1156</v>
      </c>
      <c r="B6439" t="s">
        <v>95</v>
      </c>
      <c r="C6439">
        <v>26</v>
      </c>
      <c r="D6439" t="s">
        <v>513</v>
      </c>
      <c r="E6439">
        <v>194</v>
      </c>
      <c r="F6439" t="s">
        <v>651</v>
      </c>
      <c r="G6439">
        <v>160</v>
      </c>
      <c r="H6439" t="s">
        <v>833</v>
      </c>
      <c r="I6439">
        <v>5562</v>
      </c>
      <c r="J6439" t="s">
        <v>294</v>
      </c>
      <c r="K6439">
        <v>31</v>
      </c>
      <c r="L6439" t="s">
        <v>294</v>
      </c>
      <c r="M6439">
        <v>98</v>
      </c>
      <c r="N6439" t="s">
        <v>654</v>
      </c>
      <c r="O6439">
        <v>3</v>
      </c>
      <c r="P6439" t="s">
        <v>655</v>
      </c>
      <c r="Q6439">
        <v>1</v>
      </c>
      <c r="R6439" t="s">
        <v>669</v>
      </c>
      <c r="S6439">
        <v>1</v>
      </c>
      <c r="T6439" t="s">
        <v>661</v>
      </c>
      <c r="U6439">
        <v>8</v>
      </c>
      <c r="V6439">
        <v>3</v>
      </c>
      <c r="W6439">
        <v>180</v>
      </c>
      <c r="X6439">
        <v>2020</v>
      </c>
    </row>
    <row r="6440" spans="1:24" x14ac:dyDescent="0.25">
      <c r="A6440">
        <v>1153</v>
      </c>
      <c r="B6440" t="s">
        <v>95</v>
      </c>
      <c r="C6440">
        <v>26</v>
      </c>
      <c r="D6440" t="s">
        <v>513</v>
      </c>
      <c r="E6440">
        <v>194</v>
      </c>
      <c r="F6440" t="s">
        <v>651</v>
      </c>
      <c r="G6440">
        <v>160</v>
      </c>
      <c r="H6440" t="s">
        <v>1859</v>
      </c>
      <c r="I6440">
        <v>8409</v>
      </c>
      <c r="J6440" t="s">
        <v>295</v>
      </c>
      <c r="K6440">
        <v>30</v>
      </c>
      <c r="L6440" t="s">
        <v>295</v>
      </c>
      <c r="M6440">
        <v>96</v>
      </c>
      <c r="N6440" t="s">
        <v>654</v>
      </c>
      <c r="O6440">
        <v>3</v>
      </c>
      <c r="P6440" t="s">
        <v>655</v>
      </c>
      <c r="Q6440">
        <v>1</v>
      </c>
      <c r="R6440" t="s">
        <v>669</v>
      </c>
      <c r="S6440">
        <v>1</v>
      </c>
      <c r="T6440" t="s">
        <v>661</v>
      </c>
      <c r="U6440">
        <v>8</v>
      </c>
      <c r="V6440">
        <v>3</v>
      </c>
      <c r="W6440">
        <v>180</v>
      </c>
      <c r="X6440">
        <v>2020</v>
      </c>
    </row>
    <row r="6441" spans="1:24" x14ac:dyDescent="0.25">
      <c r="A6441">
        <v>1152</v>
      </c>
      <c r="B6441" t="s">
        <v>95</v>
      </c>
      <c r="C6441">
        <v>26</v>
      </c>
      <c r="D6441" t="s">
        <v>513</v>
      </c>
      <c r="E6441">
        <v>194</v>
      </c>
      <c r="F6441" t="s">
        <v>651</v>
      </c>
      <c r="G6441">
        <v>160</v>
      </c>
      <c r="H6441" t="s">
        <v>833</v>
      </c>
      <c r="I6441">
        <v>5562</v>
      </c>
      <c r="J6441" t="s">
        <v>295</v>
      </c>
      <c r="K6441">
        <v>30</v>
      </c>
      <c r="L6441" t="s">
        <v>295</v>
      </c>
      <c r="M6441">
        <v>96</v>
      </c>
      <c r="N6441" t="s">
        <v>654</v>
      </c>
      <c r="O6441">
        <v>3</v>
      </c>
      <c r="P6441" t="s">
        <v>689</v>
      </c>
      <c r="Q6441">
        <v>4</v>
      </c>
      <c r="R6441" t="s">
        <v>669</v>
      </c>
      <c r="S6441">
        <v>1</v>
      </c>
      <c r="T6441" t="s">
        <v>661</v>
      </c>
      <c r="U6441">
        <v>8</v>
      </c>
      <c r="V6441">
        <v>3</v>
      </c>
      <c r="W6441">
        <v>180</v>
      </c>
      <c r="X6441">
        <v>2020</v>
      </c>
    </row>
    <row r="6442" spans="1:24" x14ac:dyDescent="0.25">
      <c r="A6442">
        <v>1151</v>
      </c>
      <c r="B6442" t="s">
        <v>95</v>
      </c>
      <c r="C6442">
        <v>26</v>
      </c>
      <c r="D6442" t="s">
        <v>513</v>
      </c>
      <c r="E6442">
        <v>194</v>
      </c>
      <c r="F6442" t="s">
        <v>651</v>
      </c>
      <c r="G6442">
        <v>160</v>
      </c>
      <c r="H6442" t="s">
        <v>833</v>
      </c>
      <c r="I6442">
        <v>5562</v>
      </c>
      <c r="J6442" t="s">
        <v>295</v>
      </c>
      <c r="K6442">
        <v>30</v>
      </c>
      <c r="L6442" t="s">
        <v>295</v>
      </c>
      <c r="M6442">
        <v>96</v>
      </c>
      <c r="N6442" t="s">
        <v>654</v>
      </c>
      <c r="O6442">
        <v>3</v>
      </c>
      <c r="P6442" t="s">
        <v>655</v>
      </c>
      <c r="Q6442">
        <v>1</v>
      </c>
      <c r="R6442" t="s">
        <v>669</v>
      </c>
      <c r="S6442">
        <v>1</v>
      </c>
      <c r="T6442" t="s">
        <v>661</v>
      </c>
      <c r="U6442">
        <v>8</v>
      </c>
      <c r="V6442">
        <v>3</v>
      </c>
      <c r="W6442">
        <v>180</v>
      </c>
      <c r="X6442">
        <v>2020</v>
      </c>
    </row>
    <row r="6443" spans="1:24" x14ac:dyDescent="0.25">
      <c r="A6443">
        <v>1149</v>
      </c>
      <c r="B6443" t="s">
        <v>95</v>
      </c>
      <c r="C6443">
        <v>26</v>
      </c>
      <c r="D6443" t="s">
        <v>513</v>
      </c>
      <c r="E6443">
        <v>194</v>
      </c>
      <c r="F6443" t="s">
        <v>651</v>
      </c>
      <c r="G6443">
        <v>160</v>
      </c>
      <c r="H6443" t="s">
        <v>833</v>
      </c>
      <c r="I6443">
        <v>5562</v>
      </c>
      <c r="J6443" t="s">
        <v>955</v>
      </c>
      <c r="K6443">
        <v>29</v>
      </c>
      <c r="L6443" t="s">
        <v>955</v>
      </c>
      <c r="M6443">
        <v>95</v>
      </c>
      <c r="N6443" t="s">
        <v>654</v>
      </c>
      <c r="O6443">
        <v>3</v>
      </c>
      <c r="P6443" t="s">
        <v>655</v>
      </c>
      <c r="Q6443">
        <v>1</v>
      </c>
      <c r="R6443" t="s">
        <v>669</v>
      </c>
      <c r="S6443">
        <v>1</v>
      </c>
      <c r="T6443" t="s">
        <v>661</v>
      </c>
      <c r="U6443">
        <v>8</v>
      </c>
      <c r="V6443">
        <v>3</v>
      </c>
      <c r="W6443">
        <v>180</v>
      </c>
      <c r="X6443">
        <v>2020</v>
      </c>
    </row>
    <row r="6444" spans="1:24" x14ac:dyDescent="0.25">
      <c r="A6444">
        <v>1148</v>
      </c>
      <c r="B6444" t="s">
        <v>95</v>
      </c>
      <c r="C6444">
        <v>26</v>
      </c>
      <c r="D6444" t="s">
        <v>513</v>
      </c>
      <c r="E6444">
        <v>194</v>
      </c>
      <c r="F6444" t="s">
        <v>651</v>
      </c>
      <c r="G6444">
        <v>160</v>
      </c>
      <c r="H6444" t="s">
        <v>833</v>
      </c>
      <c r="I6444">
        <v>5562</v>
      </c>
      <c r="J6444" t="s">
        <v>1094</v>
      </c>
      <c r="K6444">
        <v>28</v>
      </c>
      <c r="L6444" t="s">
        <v>3967</v>
      </c>
      <c r="M6444">
        <v>92</v>
      </c>
      <c r="N6444" t="s">
        <v>654</v>
      </c>
      <c r="O6444">
        <v>3</v>
      </c>
      <c r="P6444" t="s">
        <v>655</v>
      </c>
      <c r="Q6444">
        <v>1</v>
      </c>
      <c r="R6444" t="s">
        <v>669</v>
      </c>
      <c r="S6444">
        <v>1</v>
      </c>
      <c r="T6444" t="s">
        <v>661</v>
      </c>
      <c r="U6444">
        <v>8</v>
      </c>
      <c r="V6444">
        <v>3</v>
      </c>
      <c r="W6444">
        <v>180</v>
      </c>
      <c r="X6444">
        <v>2020</v>
      </c>
    </row>
    <row r="6445" spans="1:24" x14ac:dyDescent="0.25">
      <c r="A6445">
        <v>1147</v>
      </c>
      <c r="B6445" t="s">
        <v>95</v>
      </c>
      <c r="C6445">
        <v>26</v>
      </c>
      <c r="D6445" t="s">
        <v>513</v>
      </c>
      <c r="E6445">
        <v>194</v>
      </c>
      <c r="F6445" t="s">
        <v>651</v>
      </c>
      <c r="G6445">
        <v>160</v>
      </c>
      <c r="H6445" t="s">
        <v>833</v>
      </c>
      <c r="I6445">
        <v>5562</v>
      </c>
      <c r="J6445" t="s">
        <v>1094</v>
      </c>
      <c r="K6445">
        <v>28</v>
      </c>
      <c r="L6445" t="s">
        <v>296</v>
      </c>
      <c r="M6445">
        <v>91</v>
      </c>
      <c r="N6445" t="s">
        <v>654</v>
      </c>
      <c r="O6445">
        <v>3</v>
      </c>
      <c r="P6445" t="s">
        <v>655</v>
      </c>
      <c r="Q6445">
        <v>1</v>
      </c>
      <c r="R6445" t="s">
        <v>669</v>
      </c>
      <c r="S6445">
        <v>1</v>
      </c>
      <c r="T6445" t="s">
        <v>661</v>
      </c>
      <c r="U6445">
        <v>8</v>
      </c>
      <c r="V6445">
        <v>3</v>
      </c>
      <c r="W6445">
        <v>180</v>
      </c>
      <c r="X6445">
        <v>2020</v>
      </c>
    </row>
    <row r="6446" spans="1:24" x14ac:dyDescent="0.25">
      <c r="A6446">
        <v>1145</v>
      </c>
      <c r="B6446" t="s">
        <v>95</v>
      </c>
      <c r="C6446">
        <v>26</v>
      </c>
      <c r="D6446" t="s">
        <v>513</v>
      </c>
      <c r="E6446">
        <v>194</v>
      </c>
      <c r="F6446" t="s">
        <v>651</v>
      </c>
      <c r="G6446">
        <v>160</v>
      </c>
      <c r="H6446" t="s">
        <v>1859</v>
      </c>
      <c r="I6446">
        <v>8409</v>
      </c>
      <c r="J6446" t="s">
        <v>299</v>
      </c>
      <c r="K6446">
        <v>27</v>
      </c>
      <c r="L6446" t="s">
        <v>690</v>
      </c>
      <c r="M6446">
        <v>89</v>
      </c>
      <c r="N6446" t="s">
        <v>654</v>
      </c>
      <c r="O6446">
        <v>3</v>
      </c>
      <c r="P6446" t="s">
        <v>655</v>
      </c>
      <c r="Q6446">
        <v>1</v>
      </c>
      <c r="R6446" t="s">
        <v>669</v>
      </c>
      <c r="S6446">
        <v>1</v>
      </c>
      <c r="T6446" t="s">
        <v>661</v>
      </c>
      <c r="U6446">
        <v>8</v>
      </c>
      <c r="V6446">
        <v>3</v>
      </c>
      <c r="W6446">
        <v>180</v>
      </c>
      <c r="X6446">
        <v>2020</v>
      </c>
    </row>
    <row r="6447" spans="1:24" x14ac:dyDescent="0.25">
      <c r="A6447">
        <v>1144</v>
      </c>
      <c r="B6447" t="s">
        <v>95</v>
      </c>
      <c r="C6447">
        <v>26</v>
      </c>
      <c r="D6447" t="s">
        <v>513</v>
      </c>
      <c r="E6447">
        <v>194</v>
      </c>
      <c r="F6447" t="s">
        <v>651</v>
      </c>
      <c r="G6447">
        <v>160</v>
      </c>
      <c r="H6447" t="s">
        <v>833</v>
      </c>
      <c r="I6447">
        <v>5562</v>
      </c>
      <c r="J6447" t="s">
        <v>299</v>
      </c>
      <c r="K6447">
        <v>27</v>
      </c>
      <c r="L6447" t="s">
        <v>690</v>
      </c>
      <c r="M6447">
        <v>89</v>
      </c>
      <c r="N6447" t="s">
        <v>654</v>
      </c>
      <c r="O6447">
        <v>3</v>
      </c>
      <c r="P6447" t="s">
        <v>689</v>
      </c>
      <c r="Q6447">
        <v>4</v>
      </c>
      <c r="R6447" t="s">
        <v>669</v>
      </c>
      <c r="S6447">
        <v>1</v>
      </c>
      <c r="T6447" t="s">
        <v>661</v>
      </c>
      <c r="U6447">
        <v>8</v>
      </c>
      <c r="V6447">
        <v>3</v>
      </c>
      <c r="W6447">
        <v>180</v>
      </c>
      <c r="X6447">
        <v>2020</v>
      </c>
    </row>
    <row r="6448" spans="1:24" x14ac:dyDescent="0.25">
      <c r="A6448">
        <v>1143</v>
      </c>
      <c r="B6448" t="s">
        <v>95</v>
      </c>
      <c r="C6448">
        <v>26</v>
      </c>
      <c r="D6448" t="s">
        <v>513</v>
      </c>
      <c r="E6448">
        <v>194</v>
      </c>
      <c r="F6448" t="s">
        <v>651</v>
      </c>
      <c r="G6448">
        <v>160</v>
      </c>
      <c r="H6448" t="s">
        <v>833</v>
      </c>
      <c r="I6448">
        <v>5562</v>
      </c>
      <c r="J6448" t="s">
        <v>299</v>
      </c>
      <c r="K6448">
        <v>27</v>
      </c>
      <c r="L6448" t="s">
        <v>690</v>
      </c>
      <c r="M6448">
        <v>89</v>
      </c>
      <c r="N6448" t="s">
        <v>654</v>
      </c>
      <c r="O6448">
        <v>3</v>
      </c>
      <c r="P6448" t="s">
        <v>655</v>
      </c>
      <c r="Q6448">
        <v>1</v>
      </c>
      <c r="R6448" t="s">
        <v>669</v>
      </c>
      <c r="S6448">
        <v>1</v>
      </c>
      <c r="T6448" t="s">
        <v>661</v>
      </c>
      <c r="U6448">
        <v>8</v>
      </c>
      <c r="V6448">
        <v>3</v>
      </c>
      <c r="W6448">
        <v>180</v>
      </c>
      <c r="X6448">
        <v>2020</v>
      </c>
    </row>
    <row r="6449" spans="1:24" x14ac:dyDescent="0.25">
      <c r="A6449">
        <v>1141</v>
      </c>
      <c r="B6449" t="s">
        <v>95</v>
      </c>
      <c r="C6449">
        <v>26</v>
      </c>
      <c r="D6449" t="s">
        <v>513</v>
      </c>
      <c r="E6449">
        <v>194</v>
      </c>
      <c r="F6449" t="s">
        <v>651</v>
      </c>
      <c r="G6449">
        <v>160</v>
      </c>
      <c r="H6449" t="s">
        <v>833</v>
      </c>
      <c r="I6449">
        <v>5562</v>
      </c>
      <c r="J6449" t="s">
        <v>301</v>
      </c>
      <c r="K6449">
        <v>26</v>
      </c>
      <c r="L6449" t="s">
        <v>930</v>
      </c>
      <c r="M6449">
        <v>84</v>
      </c>
      <c r="N6449" t="s">
        <v>654</v>
      </c>
      <c r="O6449">
        <v>3</v>
      </c>
      <c r="P6449" t="s">
        <v>655</v>
      </c>
      <c r="Q6449">
        <v>1</v>
      </c>
      <c r="R6449" t="s">
        <v>669</v>
      </c>
      <c r="S6449">
        <v>1</v>
      </c>
      <c r="T6449" t="s">
        <v>661</v>
      </c>
      <c r="U6449">
        <v>8</v>
      </c>
      <c r="V6449">
        <v>3</v>
      </c>
      <c r="W6449">
        <v>180</v>
      </c>
      <c r="X6449">
        <v>2020</v>
      </c>
    </row>
    <row r="6450" spans="1:24" x14ac:dyDescent="0.25">
      <c r="A6450">
        <v>1140</v>
      </c>
      <c r="B6450" t="s">
        <v>95</v>
      </c>
      <c r="C6450">
        <v>26</v>
      </c>
      <c r="D6450" t="s">
        <v>513</v>
      </c>
      <c r="E6450">
        <v>194</v>
      </c>
      <c r="F6450" t="s">
        <v>651</v>
      </c>
      <c r="G6450">
        <v>160</v>
      </c>
      <c r="H6450" t="s">
        <v>1859</v>
      </c>
      <c r="I6450">
        <v>8409</v>
      </c>
      <c r="J6450" t="s">
        <v>301</v>
      </c>
      <c r="K6450">
        <v>26</v>
      </c>
      <c r="L6450" t="s">
        <v>301</v>
      </c>
      <c r="M6450">
        <v>82</v>
      </c>
      <c r="N6450" t="s">
        <v>654</v>
      </c>
      <c r="O6450">
        <v>3</v>
      </c>
      <c r="P6450" t="s">
        <v>655</v>
      </c>
      <c r="Q6450">
        <v>1</v>
      </c>
      <c r="R6450" t="s">
        <v>669</v>
      </c>
      <c r="S6450">
        <v>1</v>
      </c>
      <c r="T6450" t="s">
        <v>661</v>
      </c>
      <c r="U6450">
        <v>8</v>
      </c>
      <c r="V6450">
        <v>3</v>
      </c>
      <c r="W6450">
        <v>180</v>
      </c>
      <c r="X6450">
        <v>2020</v>
      </c>
    </row>
    <row r="6451" spans="1:24" x14ac:dyDescent="0.25">
      <c r="A6451">
        <v>1137</v>
      </c>
      <c r="B6451" t="s">
        <v>95</v>
      </c>
      <c r="C6451">
        <v>26</v>
      </c>
      <c r="D6451" t="s">
        <v>513</v>
      </c>
      <c r="E6451">
        <v>194</v>
      </c>
      <c r="F6451" t="s">
        <v>651</v>
      </c>
      <c r="G6451">
        <v>160</v>
      </c>
      <c r="H6451" t="s">
        <v>1859</v>
      </c>
      <c r="I6451">
        <v>8409</v>
      </c>
      <c r="J6451" t="s">
        <v>807</v>
      </c>
      <c r="K6451">
        <v>25</v>
      </c>
      <c r="L6451" t="s">
        <v>1603</v>
      </c>
      <c r="M6451">
        <v>81</v>
      </c>
      <c r="N6451" t="s">
        <v>654</v>
      </c>
      <c r="O6451">
        <v>3</v>
      </c>
      <c r="P6451" t="s">
        <v>655</v>
      </c>
      <c r="Q6451">
        <v>1</v>
      </c>
      <c r="R6451" t="s">
        <v>669</v>
      </c>
      <c r="S6451">
        <v>1</v>
      </c>
      <c r="T6451" t="s">
        <v>661</v>
      </c>
      <c r="U6451">
        <v>8</v>
      </c>
      <c r="V6451">
        <v>3</v>
      </c>
      <c r="W6451">
        <v>180</v>
      </c>
      <c r="X6451">
        <v>2020</v>
      </c>
    </row>
    <row r="6452" spans="1:24" x14ac:dyDescent="0.25">
      <c r="A6452">
        <v>1136</v>
      </c>
      <c r="B6452" t="s">
        <v>95</v>
      </c>
      <c r="C6452">
        <v>26</v>
      </c>
      <c r="D6452" t="s">
        <v>513</v>
      </c>
      <c r="E6452">
        <v>194</v>
      </c>
      <c r="F6452" t="s">
        <v>651</v>
      </c>
      <c r="G6452">
        <v>160</v>
      </c>
      <c r="H6452" t="s">
        <v>833</v>
      </c>
      <c r="I6452">
        <v>5562</v>
      </c>
      <c r="J6452" t="s">
        <v>807</v>
      </c>
      <c r="K6452">
        <v>25</v>
      </c>
      <c r="L6452" t="s">
        <v>1603</v>
      </c>
      <c r="M6452">
        <v>81</v>
      </c>
      <c r="N6452" t="s">
        <v>654</v>
      </c>
      <c r="O6452">
        <v>3</v>
      </c>
      <c r="P6452" t="s">
        <v>689</v>
      </c>
      <c r="Q6452">
        <v>4</v>
      </c>
      <c r="R6452" t="s">
        <v>669</v>
      </c>
      <c r="S6452">
        <v>1</v>
      </c>
      <c r="T6452" t="s">
        <v>661</v>
      </c>
      <c r="U6452">
        <v>8</v>
      </c>
      <c r="V6452">
        <v>3</v>
      </c>
      <c r="W6452">
        <v>180</v>
      </c>
      <c r="X6452">
        <v>2020</v>
      </c>
    </row>
    <row r="6453" spans="1:24" x14ac:dyDescent="0.25">
      <c r="A6453">
        <v>1135</v>
      </c>
      <c r="B6453" t="s">
        <v>95</v>
      </c>
      <c r="C6453">
        <v>26</v>
      </c>
      <c r="D6453" t="s">
        <v>513</v>
      </c>
      <c r="E6453">
        <v>194</v>
      </c>
      <c r="F6453" t="s">
        <v>651</v>
      </c>
      <c r="G6453">
        <v>160</v>
      </c>
      <c r="H6453" t="s">
        <v>833</v>
      </c>
      <c r="I6453">
        <v>5562</v>
      </c>
      <c r="J6453" t="s">
        <v>807</v>
      </c>
      <c r="K6453">
        <v>25</v>
      </c>
      <c r="L6453" t="s">
        <v>1603</v>
      </c>
      <c r="M6453">
        <v>81</v>
      </c>
      <c r="N6453" t="s">
        <v>654</v>
      </c>
      <c r="O6453">
        <v>3</v>
      </c>
      <c r="P6453" t="s">
        <v>655</v>
      </c>
      <c r="Q6453">
        <v>1</v>
      </c>
      <c r="R6453" t="s">
        <v>669</v>
      </c>
      <c r="S6453">
        <v>1</v>
      </c>
      <c r="T6453" t="s">
        <v>661</v>
      </c>
      <c r="U6453">
        <v>8</v>
      </c>
      <c r="V6453">
        <v>3</v>
      </c>
      <c r="W6453">
        <v>180</v>
      </c>
      <c r="X6453">
        <v>2020</v>
      </c>
    </row>
    <row r="6454" spans="1:24" x14ac:dyDescent="0.25">
      <c r="A6454">
        <v>1129</v>
      </c>
      <c r="B6454" t="s">
        <v>95</v>
      </c>
      <c r="C6454">
        <v>26</v>
      </c>
      <c r="D6454" t="s">
        <v>11</v>
      </c>
      <c r="E6454">
        <v>649</v>
      </c>
      <c r="F6454" t="s">
        <v>651</v>
      </c>
      <c r="G6454">
        <v>160</v>
      </c>
      <c r="H6454" t="s">
        <v>1859</v>
      </c>
      <c r="I6454">
        <v>8409</v>
      </c>
      <c r="J6454" t="s">
        <v>682</v>
      </c>
      <c r="K6454">
        <v>20</v>
      </c>
      <c r="L6454" t="s">
        <v>904</v>
      </c>
      <c r="M6454">
        <v>61</v>
      </c>
      <c r="N6454" t="s">
        <v>654</v>
      </c>
      <c r="O6454">
        <v>3</v>
      </c>
      <c r="P6454" t="s">
        <v>655</v>
      </c>
      <c r="Q6454">
        <v>1</v>
      </c>
      <c r="R6454" t="s">
        <v>669</v>
      </c>
      <c r="S6454">
        <v>1</v>
      </c>
      <c r="T6454" t="s">
        <v>661</v>
      </c>
      <c r="U6454">
        <v>8</v>
      </c>
      <c r="V6454">
        <v>3</v>
      </c>
      <c r="W6454">
        <v>180</v>
      </c>
      <c r="X6454">
        <v>2020</v>
      </c>
    </row>
    <row r="6455" spans="1:24" x14ac:dyDescent="0.25">
      <c r="A6455">
        <v>1127</v>
      </c>
      <c r="B6455" t="s">
        <v>95</v>
      </c>
      <c r="C6455">
        <v>26</v>
      </c>
      <c r="D6455" t="s">
        <v>11</v>
      </c>
      <c r="E6455">
        <v>649</v>
      </c>
      <c r="F6455" t="s">
        <v>651</v>
      </c>
      <c r="G6455">
        <v>160</v>
      </c>
      <c r="H6455" t="s">
        <v>833</v>
      </c>
      <c r="I6455">
        <v>5562</v>
      </c>
      <c r="J6455" t="s">
        <v>682</v>
      </c>
      <c r="K6455">
        <v>20</v>
      </c>
      <c r="L6455" t="s">
        <v>904</v>
      </c>
      <c r="M6455">
        <v>61</v>
      </c>
      <c r="N6455" t="s">
        <v>654</v>
      </c>
      <c r="O6455">
        <v>3</v>
      </c>
      <c r="P6455" t="s">
        <v>655</v>
      </c>
      <c r="Q6455">
        <v>1</v>
      </c>
      <c r="R6455" t="s">
        <v>669</v>
      </c>
      <c r="S6455">
        <v>1</v>
      </c>
      <c r="T6455" t="s">
        <v>661</v>
      </c>
      <c r="U6455">
        <v>8</v>
      </c>
      <c r="V6455">
        <v>3</v>
      </c>
      <c r="W6455">
        <v>180</v>
      </c>
      <c r="X6455">
        <v>2020</v>
      </c>
    </row>
    <row r="6456" spans="1:24" x14ac:dyDescent="0.25">
      <c r="A6456">
        <v>1126</v>
      </c>
      <c r="B6456" t="s">
        <v>95</v>
      </c>
      <c r="C6456">
        <v>26</v>
      </c>
      <c r="D6456" t="s">
        <v>11</v>
      </c>
      <c r="E6456">
        <v>649</v>
      </c>
      <c r="F6456" t="s">
        <v>651</v>
      </c>
      <c r="G6456">
        <v>160</v>
      </c>
      <c r="H6456" t="s">
        <v>833</v>
      </c>
      <c r="I6456">
        <v>5562</v>
      </c>
      <c r="J6456" t="s">
        <v>65</v>
      </c>
      <c r="K6456">
        <v>15</v>
      </c>
      <c r="L6456" t="s">
        <v>65</v>
      </c>
      <c r="M6456">
        <v>51</v>
      </c>
      <c r="N6456" t="s">
        <v>654</v>
      </c>
      <c r="O6456">
        <v>3</v>
      </c>
      <c r="P6456" t="s">
        <v>746</v>
      </c>
      <c r="Q6456">
        <v>2</v>
      </c>
      <c r="R6456" t="s">
        <v>669</v>
      </c>
      <c r="S6456">
        <v>1</v>
      </c>
      <c r="T6456" t="s">
        <v>661</v>
      </c>
      <c r="U6456">
        <v>8</v>
      </c>
      <c r="V6456">
        <v>4</v>
      </c>
      <c r="W6456">
        <v>240</v>
      </c>
      <c r="X6456">
        <v>2020</v>
      </c>
    </row>
    <row r="6457" spans="1:24" x14ac:dyDescent="0.25">
      <c r="A6457">
        <v>1125</v>
      </c>
      <c r="B6457" t="s">
        <v>95</v>
      </c>
      <c r="C6457">
        <v>26</v>
      </c>
      <c r="D6457" t="s">
        <v>11</v>
      </c>
      <c r="E6457">
        <v>649</v>
      </c>
      <c r="F6457" t="s">
        <v>651</v>
      </c>
      <c r="G6457">
        <v>160</v>
      </c>
      <c r="H6457" t="s">
        <v>833</v>
      </c>
      <c r="I6457">
        <v>5562</v>
      </c>
      <c r="J6457" t="s">
        <v>65</v>
      </c>
      <c r="K6457">
        <v>15</v>
      </c>
      <c r="L6457" t="s">
        <v>65</v>
      </c>
      <c r="M6457">
        <v>51</v>
      </c>
      <c r="N6457" t="s">
        <v>654</v>
      </c>
      <c r="O6457">
        <v>3</v>
      </c>
      <c r="P6457" t="s">
        <v>655</v>
      </c>
      <c r="Q6457">
        <v>1</v>
      </c>
      <c r="R6457" t="s">
        <v>669</v>
      </c>
      <c r="S6457">
        <v>1</v>
      </c>
      <c r="T6457" t="s">
        <v>661</v>
      </c>
      <c r="U6457">
        <v>8</v>
      </c>
      <c r="V6457">
        <v>4</v>
      </c>
      <c r="W6457">
        <v>240</v>
      </c>
      <c r="X6457">
        <v>2020</v>
      </c>
    </row>
    <row r="6458" spans="1:24" x14ac:dyDescent="0.25">
      <c r="A6458">
        <v>1124</v>
      </c>
      <c r="B6458" t="s">
        <v>95</v>
      </c>
      <c r="C6458">
        <v>26</v>
      </c>
      <c r="D6458" t="s">
        <v>330</v>
      </c>
      <c r="E6458">
        <v>651</v>
      </c>
      <c r="F6458" t="s">
        <v>651</v>
      </c>
      <c r="G6458">
        <v>160</v>
      </c>
      <c r="H6458" t="s">
        <v>833</v>
      </c>
      <c r="I6458">
        <v>5562</v>
      </c>
      <c r="J6458" t="s">
        <v>1011</v>
      </c>
      <c r="K6458">
        <v>17</v>
      </c>
      <c r="L6458" t="s">
        <v>1011</v>
      </c>
      <c r="M6458">
        <v>57</v>
      </c>
      <c r="N6458" t="s">
        <v>654</v>
      </c>
      <c r="O6458">
        <v>3</v>
      </c>
      <c r="P6458" t="s">
        <v>655</v>
      </c>
      <c r="Q6458">
        <v>1</v>
      </c>
      <c r="R6458" t="s">
        <v>669</v>
      </c>
      <c r="S6458">
        <v>1</v>
      </c>
      <c r="T6458" t="s">
        <v>661</v>
      </c>
      <c r="U6458">
        <v>8</v>
      </c>
      <c r="V6458">
        <v>3</v>
      </c>
      <c r="W6458">
        <v>180</v>
      </c>
      <c r="X6458">
        <v>2020</v>
      </c>
    </row>
    <row r="6459" spans="1:24" x14ac:dyDescent="0.25">
      <c r="A6459">
        <v>1120</v>
      </c>
      <c r="B6459" t="s">
        <v>95</v>
      </c>
      <c r="C6459">
        <v>26</v>
      </c>
      <c r="D6459" t="s">
        <v>426</v>
      </c>
      <c r="E6459">
        <v>190</v>
      </c>
      <c r="F6459" t="s">
        <v>651</v>
      </c>
      <c r="G6459">
        <v>160</v>
      </c>
      <c r="H6459" t="s">
        <v>833</v>
      </c>
      <c r="I6459">
        <v>5562</v>
      </c>
      <c r="J6459" t="s">
        <v>691</v>
      </c>
      <c r="K6459">
        <v>21</v>
      </c>
      <c r="L6459" t="s">
        <v>1609</v>
      </c>
      <c r="M6459">
        <v>66</v>
      </c>
      <c r="N6459" t="s">
        <v>654</v>
      </c>
      <c r="O6459">
        <v>3</v>
      </c>
      <c r="P6459" t="s">
        <v>655</v>
      </c>
      <c r="Q6459">
        <v>1</v>
      </c>
      <c r="R6459" t="s">
        <v>669</v>
      </c>
      <c r="S6459">
        <v>1</v>
      </c>
      <c r="T6459" t="s">
        <v>661</v>
      </c>
      <c r="U6459">
        <v>8</v>
      </c>
      <c r="V6459">
        <v>3</v>
      </c>
      <c r="W6459">
        <v>180</v>
      </c>
      <c r="X6459">
        <v>2020</v>
      </c>
    </row>
    <row r="6460" spans="1:24" x14ac:dyDescent="0.25">
      <c r="A6460">
        <v>1119</v>
      </c>
      <c r="B6460" t="s">
        <v>95</v>
      </c>
      <c r="C6460">
        <v>26</v>
      </c>
      <c r="D6460" t="s">
        <v>330</v>
      </c>
      <c r="E6460">
        <v>651</v>
      </c>
      <c r="F6460" t="s">
        <v>651</v>
      </c>
      <c r="G6460">
        <v>160</v>
      </c>
      <c r="H6460" t="s">
        <v>833</v>
      </c>
      <c r="I6460">
        <v>5562</v>
      </c>
      <c r="J6460" t="s">
        <v>756</v>
      </c>
      <c r="K6460">
        <v>19</v>
      </c>
      <c r="L6460" t="s">
        <v>756</v>
      </c>
      <c r="M6460">
        <v>60</v>
      </c>
      <c r="N6460" t="s">
        <v>654</v>
      </c>
      <c r="O6460">
        <v>3</v>
      </c>
      <c r="P6460" t="s">
        <v>655</v>
      </c>
      <c r="Q6460">
        <v>1</v>
      </c>
      <c r="R6460" t="s">
        <v>669</v>
      </c>
      <c r="S6460">
        <v>1</v>
      </c>
      <c r="T6460" t="s">
        <v>661</v>
      </c>
      <c r="U6460">
        <v>8</v>
      </c>
      <c r="V6460">
        <v>3</v>
      </c>
      <c r="W6460">
        <v>180</v>
      </c>
      <c r="X6460">
        <v>2020</v>
      </c>
    </row>
    <row r="6461" spans="1:24" x14ac:dyDescent="0.25">
      <c r="A6461">
        <v>1118</v>
      </c>
      <c r="B6461" t="s">
        <v>95</v>
      </c>
      <c r="C6461">
        <v>26</v>
      </c>
      <c r="D6461" t="s">
        <v>330</v>
      </c>
      <c r="E6461">
        <v>651</v>
      </c>
      <c r="F6461" t="s">
        <v>651</v>
      </c>
      <c r="G6461">
        <v>160</v>
      </c>
      <c r="H6461" t="s">
        <v>833</v>
      </c>
      <c r="I6461">
        <v>5562</v>
      </c>
      <c r="J6461" t="s">
        <v>894</v>
      </c>
      <c r="K6461">
        <v>18</v>
      </c>
      <c r="L6461" t="s">
        <v>894</v>
      </c>
      <c r="M6461">
        <v>58</v>
      </c>
      <c r="N6461" t="s">
        <v>654</v>
      </c>
      <c r="O6461">
        <v>3</v>
      </c>
      <c r="P6461" t="s">
        <v>655</v>
      </c>
      <c r="Q6461">
        <v>1</v>
      </c>
      <c r="R6461" t="s">
        <v>669</v>
      </c>
      <c r="S6461">
        <v>1</v>
      </c>
      <c r="T6461" t="s">
        <v>661</v>
      </c>
      <c r="U6461">
        <v>8</v>
      </c>
      <c r="V6461">
        <v>3</v>
      </c>
      <c r="W6461">
        <v>180</v>
      </c>
      <c r="X6461">
        <v>2020</v>
      </c>
    </row>
    <row r="6462" spans="1:24" x14ac:dyDescent="0.25">
      <c r="A6462">
        <v>1116</v>
      </c>
      <c r="B6462" t="s">
        <v>95</v>
      </c>
      <c r="C6462">
        <v>26</v>
      </c>
      <c r="D6462" t="s">
        <v>330</v>
      </c>
      <c r="E6462">
        <v>651</v>
      </c>
      <c r="F6462" t="s">
        <v>651</v>
      </c>
      <c r="G6462">
        <v>160</v>
      </c>
      <c r="H6462" t="s">
        <v>833</v>
      </c>
      <c r="I6462">
        <v>5562</v>
      </c>
      <c r="J6462" t="s">
        <v>703</v>
      </c>
      <c r="K6462">
        <v>16</v>
      </c>
      <c r="L6462" t="s">
        <v>703</v>
      </c>
      <c r="M6462">
        <v>54</v>
      </c>
      <c r="N6462" t="s">
        <v>654</v>
      </c>
      <c r="O6462">
        <v>3</v>
      </c>
      <c r="P6462" t="s">
        <v>655</v>
      </c>
      <c r="Q6462">
        <v>1</v>
      </c>
      <c r="R6462" t="s">
        <v>669</v>
      </c>
      <c r="S6462">
        <v>1</v>
      </c>
      <c r="T6462" t="s">
        <v>661</v>
      </c>
      <c r="U6462">
        <v>8</v>
      </c>
      <c r="V6462">
        <v>3</v>
      </c>
      <c r="W6462">
        <v>180</v>
      </c>
      <c r="X6462">
        <v>2020</v>
      </c>
    </row>
    <row r="6463" spans="1:24" x14ac:dyDescent="0.25">
      <c r="A6463">
        <v>1114</v>
      </c>
      <c r="B6463" t="s">
        <v>95</v>
      </c>
      <c r="C6463">
        <v>26</v>
      </c>
      <c r="D6463" t="s">
        <v>330</v>
      </c>
      <c r="E6463">
        <v>651</v>
      </c>
      <c r="F6463" t="s">
        <v>651</v>
      </c>
      <c r="G6463">
        <v>160</v>
      </c>
      <c r="H6463" t="s">
        <v>833</v>
      </c>
      <c r="I6463">
        <v>5562</v>
      </c>
      <c r="J6463" t="s">
        <v>802</v>
      </c>
      <c r="K6463">
        <v>12</v>
      </c>
      <c r="L6463" t="s">
        <v>802</v>
      </c>
      <c r="M6463">
        <v>36</v>
      </c>
      <c r="N6463" t="s">
        <v>654</v>
      </c>
      <c r="O6463">
        <v>3</v>
      </c>
      <c r="P6463" t="s">
        <v>655</v>
      </c>
      <c r="Q6463">
        <v>1</v>
      </c>
      <c r="R6463" t="s">
        <v>669</v>
      </c>
      <c r="S6463">
        <v>1</v>
      </c>
      <c r="T6463" t="s">
        <v>661</v>
      </c>
      <c r="U6463">
        <v>8</v>
      </c>
      <c r="V6463">
        <v>3</v>
      </c>
      <c r="W6463">
        <v>180</v>
      </c>
      <c r="X6463">
        <v>2020</v>
      </c>
    </row>
    <row r="6464" spans="1:24" x14ac:dyDescent="0.25">
      <c r="A6464">
        <v>1112</v>
      </c>
      <c r="B6464" t="s">
        <v>95</v>
      </c>
      <c r="C6464">
        <v>26</v>
      </c>
      <c r="D6464" t="s">
        <v>330</v>
      </c>
      <c r="E6464">
        <v>651</v>
      </c>
      <c r="F6464" t="s">
        <v>651</v>
      </c>
      <c r="G6464">
        <v>160</v>
      </c>
      <c r="H6464" t="s">
        <v>833</v>
      </c>
      <c r="I6464">
        <v>5562</v>
      </c>
      <c r="J6464" t="s">
        <v>866</v>
      </c>
      <c r="K6464">
        <v>9</v>
      </c>
      <c r="L6464" t="s">
        <v>866</v>
      </c>
      <c r="M6464">
        <v>28</v>
      </c>
      <c r="N6464" t="s">
        <v>654</v>
      </c>
      <c r="O6464">
        <v>3</v>
      </c>
      <c r="P6464" t="s">
        <v>655</v>
      </c>
      <c r="Q6464">
        <v>1</v>
      </c>
      <c r="R6464" t="s">
        <v>669</v>
      </c>
      <c r="S6464">
        <v>1</v>
      </c>
      <c r="T6464" t="s">
        <v>661</v>
      </c>
      <c r="U6464">
        <v>8</v>
      </c>
      <c r="V6464">
        <v>3</v>
      </c>
      <c r="W6464">
        <v>180</v>
      </c>
      <c r="X6464">
        <v>2020</v>
      </c>
    </row>
    <row r="6465" spans="1:24" x14ac:dyDescent="0.25">
      <c r="A6465">
        <v>1110</v>
      </c>
      <c r="B6465" t="s">
        <v>95</v>
      </c>
      <c r="C6465">
        <v>26</v>
      </c>
      <c r="D6465" t="s">
        <v>362</v>
      </c>
      <c r="E6465">
        <v>588</v>
      </c>
      <c r="F6465" t="s">
        <v>651</v>
      </c>
      <c r="G6465">
        <v>160</v>
      </c>
      <c r="H6465" t="s">
        <v>833</v>
      </c>
      <c r="I6465">
        <v>5562</v>
      </c>
      <c r="J6465" t="s">
        <v>792</v>
      </c>
      <c r="K6465">
        <v>6</v>
      </c>
      <c r="L6465" t="s">
        <v>792</v>
      </c>
      <c r="M6465">
        <v>16</v>
      </c>
      <c r="N6465" t="s">
        <v>654</v>
      </c>
      <c r="O6465">
        <v>3</v>
      </c>
      <c r="P6465" t="s">
        <v>655</v>
      </c>
      <c r="Q6465">
        <v>1</v>
      </c>
      <c r="R6465" t="s">
        <v>669</v>
      </c>
      <c r="S6465">
        <v>1</v>
      </c>
      <c r="T6465" t="s">
        <v>661</v>
      </c>
      <c r="U6465">
        <v>8</v>
      </c>
      <c r="V6465">
        <v>3</v>
      </c>
      <c r="W6465">
        <v>180</v>
      </c>
      <c r="X6465">
        <v>2020</v>
      </c>
    </row>
    <row r="6466" spans="1:24" x14ac:dyDescent="0.25">
      <c r="A6466">
        <v>1109</v>
      </c>
      <c r="B6466" t="s">
        <v>95</v>
      </c>
      <c r="C6466">
        <v>26</v>
      </c>
      <c r="D6466" t="s">
        <v>426</v>
      </c>
      <c r="E6466">
        <v>190</v>
      </c>
      <c r="F6466" t="s">
        <v>651</v>
      </c>
      <c r="G6466">
        <v>160</v>
      </c>
      <c r="H6466" t="s">
        <v>833</v>
      </c>
      <c r="I6466">
        <v>5562</v>
      </c>
      <c r="J6466" t="s">
        <v>673</v>
      </c>
      <c r="K6466">
        <v>34</v>
      </c>
      <c r="L6466" t="s">
        <v>3792</v>
      </c>
      <c r="M6466">
        <v>108</v>
      </c>
      <c r="N6466" t="s">
        <v>654</v>
      </c>
      <c r="O6466">
        <v>3</v>
      </c>
      <c r="P6466" t="s">
        <v>655</v>
      </c>
      <c r="Q6466">
        <v>1</v>
      </c>
      <c r="R6466" t="s">
        <v>669</v>
      </c>
      <c r="S6466">
        <v>1</v>
      </c>
      <c r="T6466" t="s">
        <v>661</v>
      </c>
      <c r="U6466">
        <v>8</v>
      </c>
      <c r="V6466">
        <v>4</v>
      </c>
      <c r="W6466">
        <v>240</v>
      </c>
      <c r="X6466">
        <v>2020</v>
      </c>
    </row>
    <row r="6467" spans="1:24" x14ac:dyDescent="0.25">
      <c r="A6467">
        <v>1108</v>
      </c>
      <c r="B6467" t="s">
        <v>95</v>
      </c>
      <c r="C6467">
        <v>26</v>
      </c>
      <c r="D6467" t="s">
        <v>426</v>
      </c>
      <c r="E6467">
        <v>190</v>
      </c>
      <c r="F6467" t="s">
        <v>651</v>
      </c>
      <c r="G6467">
        <v>160</v>
      </c>
      <c r="H6467" t="s">
        <v>833</v>
      </c>
      <c r="I6467">
        <v>5562</v>
      </c>
      <c r="J6467" t="s">
        <v>673</v>
      </c>
      <c r="K6467">
        <v>34</v>
      </c>
      <c r="L6467" t="s">
        <v>674</v>
      </c>
      <c r="M6467">
        <v>107</v>
      </c>
      <c r="N6467" t="s">
        <v>654</v>
      </c>
      <c r="O6467">
        <v>3</v>
      </c>
      <c r="P6467" t="s">
        <v>655</v>
      </c>
      <c r="Q6467">
        <v>1</v>
      </c>
      <c r="R6467" t="s">
        <v>669</v>
      </c>
      <c r="S6467">
        <v>1</v>
      </c>
      <c r="T6467" t="s">
        <v>661</v>
      </c>
      <c r="U6467">
        <v>8</v>
      </c>
      <c r="V6467">
        <v>4</v>
      </c>
      <c r="W6467">
        <v>240</v>
      </c>
      <c r="X6467">
        <v>2020</v>
      </c>
    </row>
    <row r="6468" spans="1:24" x14ac:dyDescent="0.25">
      <c r="A6468">
        <v>1107</v>
      </c>
      <c r="B6468" t="s">
        <v>95</v>
      </c>
      <c r="C6468">
        <v>26</v>
      </c>
      <c r="D6468" t="s">
        <v>426</v>
      </c>
      <c r="E6468">
        <v>190</v>
      </c>
      <c r="F6468" t="s">
        <v>651</v>
      </c>
      <c r="G6468">
        <v>160</v>
      </c>
      <c r="H6468" t="s">
        <v>833</v>
      </c>
      <c r="I6468">
        <v>5562</v>
      </c>
      <c r="J6468" t="s">
        <v>673</v>
      </c>
      <c r="K6468">
        <v>34</v>
      </c>
      <c r="L6468" t="s">
        <v>673</v>
      </c>
      <c r="M6468">
        <v>104</v>
      </c>
      <c r="N6468" t="s">
        <v>654</v>
      </c>
      <c r="O6468">
        <v>3</v>
      </c>
      <c r="P6468" t="s">
        <v>655</v>
      </c>
      <c r="Q6468">
        <v>1</v>
      </c>
      <c r="R6468" t="s">
        <v>669</v>
      </c>
      <c r="S6468">
        <v>1</v>
      </c>
      <c r="T6468" t="s">
        <v>661</v>
      </c>
      <c r="U6468">
        <v>8</v>
      </c>
      <c r="V6468">
        <v>3</v>
      </c>
      <c r="W6468">
        <v>180</v>
      </c>
      <c r="X6468">
        <v>2020</v>
      </c>
    </row>
    <row r="6469" spans="1:24" x14ac:dyDescent="0.25">
      <c r="A6469">
        <v>1106</v>
      </c>
      <c r="B6469" t="s">
        <v>95</v>
      </c>
      <c r="C6469">
        <v>26</v>
      </c>
      <c r="D6469" t="s">
        <v>426</v>
      </c>
      <c r="E6469">
        <v>190</v>
      </c>
      <c r="F6469" t="s">
        <v>651</v>
      </c>
      <c r="G6469">
        <v>160</v>
      </c>
      <c r="H6469" t="s">
        <v>833</v>
      </c>
      <c r="I6469">
        <v>5562</v>
      </c>
      <c r="J6469" t="s">
        <v>679</v>
      </c>
      <c r="K6469">
        <v>32</v>
      </c>
      <c r="L6469" t="s">
        <v>1612</v>
      </c>
      <c r="M6469">
        <v>463</v>
      </c>
      <c r="N6469" t="s">
        <v>654</v>
      </c>
      <c r="O6469">
        <v>3</v>
      </c>
      <c r="P6469" t="s">
        <v>655</v>
      </c>
      <c r="Q6469">
        <v>1</v>
      </c>
      <c r="R6469" t="s">
        <v>669</v>
      </c>
      <c r="S6469">
        <v>1</v>
      </c>
      <c r="T6469" t="s">
        <v>661</v>
      </c>
      <c r="U6469">
        <v>8</v>
      </c>
      <c r="V6469">
        <v>3</v>
      </c>
      <c r="W6469">
        <v>180</v>
      </c>
      <c r="X6469">
        <v>2020</v>
      </c>
    </row>
    <row r="6470" spans="1:24" x14ac:dyDescent="0.25">
      <c r="A6470">
        <v>1105</v>
      </c>
      <c r="B6470" t="s">
        <v>95</v>
      </c>
      <c r="C6470">
        <v>26</v>
      </c>
      <c r="D6470" t="s">
        <v>426</v>
      </c>
      <c r="E6470">
        <v>190</v>
      </c>
      <c r="F6470" t="s">
        <v>651</v>
      </c>
      <c r="G6470">
        <v>160</v>
      </c>
      <c r="H6470" t="s">
        <v>1859</v>
      </c>
      <c r="I6470">
        <v>8409</v>
      </c>
      <c r="J6470" t="s">
        <v>684</v>
      </c>
      <c r="K6470">
        <v>22</v>
      </c>
      <c r="L6470" t="s">
        <v>685</v>
      </c>
      <c r="M6470">
        <v>72</v>
      </c>
      <c r="N6470" t="s">
        <v>654</v>
      </c>
      <c r="O6470">
        <v>3</v>
      </c>
      <c r="P6470" t="s">
        <v>655</v>
      </c>
      <c r="Q6470">
        <v>1</v>
      </c>
      <c r="R6470" t="s">
        <v>669</v>
      </c>
      <c r="S6470">
        <v>1</v>
      </c>
      <c r="T6470" t="s">
        <v>661</v>
      </c>
      <c r="U6470">
        <v>8</v>
      </c>
      <c r="V6470">
        <v>3</v>
      </c>
      <c r="W6470">
        <v>180</v>
      </c>
      <c r="X6470">
        <v>2020</v>
      </c>
    </row>
    <row r="6471" spans="1:24" x14ac:dyDescent="0.25">
      <c r="A6471">
        <v>1104</v>
      </c>
      <c r="B6471" t="s">
        <v>95</v>
      </c>
      <c r="C6471">
        <v>26</v>
      </c>
      <c r="D6471" t="s">
        <v>426</v>
      </c>
      <c r="E6471">
        <v>190</v>
      </c>
      <c r="F6471" t="s">
        <v>651</v>
      </c>
      <c r="G6471">
        <v>160</v>
      </c>
      <c r="H6471" t="s">
        <v>833</v>
      </c>
      <c r="I6471">
        <v>5562</v>
      </c>
      <c r="J6471" t="s">
        <v>684</v>
      </c>
      <c r="K6471">
        <v>22</v>
      </c>
      <c r="L6471" t="s">
        <v>685</v>
      </c>
      <c r="M6471">
        <v>72</v>
      </c>
      <c r="N6471" t="s">
        <v>668</v>
      </c>
      <c r="O6471">
        <v>4</v>
      </c>
      <c r="P6471" t="s">
        <v>655</v>
      </c>
      <c r="Q6471">
        <v>1</v>
      </c>
      <c r="R6471" t="s">
        <v>669</v>
      </c>
      <c r="S6471">
        <v>1</v>
      </c>
      <c r="T6471" t="s">
        <v>661</v>
      </c>
      <c r="U6471">
        <v>8</v>
      </c>
      <c r="V6471">
        <v>3</v>
      </c>
      <c r="W6471">
        <v>180</v>
      </c>
      <c r="X6471">
        <v>2020</v>
      </c>
    </row>
    <row r="6472" spans="1:24" x14ac:dyDescent="0.25">
      <c r="A6472">
        <v>1102</v>
      </c>
      <c r="B6472" t="s">
        <v>95</v>
      </c>
      <c r="C6472">
        <v>26</v>
      </c>
      <c r="D6472" t="s">
        <v>426</v>
      </c>
      <c r="E6472">
        <v>190</v>
      </c>
      <c r="F6472" t="s">
        <v>651</v>
      </c>
      <c r="G6472">
        <v>160</v>
      </c>
      <c r="H6472" t="s">
        <v>833</v>
      </c>
      <c r="I6472">
        <v>5562</v>
      </c>
      <c r="J6472" t="s">
        <v>691</v>
      </c>
      <c r="K6472">
        <v>21</v>
      </c>
      <c r="L6472" t="s">
        <v>1923</v>
      </c>
      <c r="M6472">
        <v>67</v>
      </c>
      <c r="N6472" t="s">
        <v>654</v>
      </c>
      <c r="O6472">
        <v>3</v>
      </c>
      <c r="P6472" t="s">
        <v>655</v>
      </c>
      <c r="Q6472">
        <v>1</v>
      </c>
      <c r="R6472" t="s">
        <v>669</v>
      </c>
      <c r="S6472">
        <v>1</v>
      </c>
      <c r="T6472" t="s">
        <v>661</v>
      </c>
      <c r="U6472">
        <v>8</v>
      </c>
      <c r="V6472">
        <v>3</v>
      </c>
      <c r="W6472">
        <v>180</v>
      </c>
      <c r="X6472">
        <v>2020</v>
      </c>
    </row>
    <row r="6473" spans="1:24" x14ac:dyDescent="0.25">
      <c r="A6473">
        <v>1101</v>
      </c>
      <c r="B6473" t="s">
        <v>95</v>
      </c>
      <c r="C6473">
        <v>26</v>
      </c>
      <c r="D6473" t="s">
        <v>426</v>
      </c>
      <c r="E6473">
        <v>190</v>
      </c>
      <c r="F6473" t="s">
        <v>651</v>
      </c>
      <c r="G6473">
        <v>160</v>
      </c>
      <c r="H6473" t="s">
        <v>833</v>
      </c>
      <c r="I6473">
        <v>5562</v>
      </c>
      <c r="J6473" t="s">
        <v>667</v>
      </c>
      <c r="K6473">
        <v>11</v>
      </c>
      <c r="L6473" t="s">
        <v>1420</v>
      </c>
      <c r="M6473">
        <v>34</v>
      </c>
      <c r="N6473" t="s">
        <v>654</v>
      </c>
      <c r="O6473">
        <v>3</v>
      </c>
      <c r="P6473" t="s">
        <v>655</v>
      </c>
      <c r="Q6473">
        <v>1</v>
      </c>
      <c r="R6473" t="s">
        <v>669</v>
      </c>
      <c r="S6473">
        <v>1</v>
      </c>
      <c r="T6473" t="s">
        <v>661</v>
      </c>
      <c r="U6473">
        <v>8</v>
      </c>
      <c r="V6473">
        <v>3</v>
      </c>
      <c r="W6473">
        <v>180</v>
      </c>
      <c r="X6473">
        <v>2020</v>
      </c>
    </row>
    <row r="6474" spans="1:24" x14ac:dyDescent="0.25">
      <c r="A6474">
        <v>1095</v>
      </c>
      <c r="B6474" t="s">
        <v>95</v>
      </c>
      <c r="C6474">
        <v>26</v>
      </c>
      <c r="D6474" t="s">
        <v>402</v>
      </c>
      <c r="E6474">
        <v>189</v>
      </c>
      <c r="F6474" t="s">
        <v>651</v>
      </c>
      <c r="G6474">
        <v>160</v>
      </c>
      <c r="H6474" t="s">
        <v>1859</v>
      </c>
      <c r="I6474">
        <v>8409</v>
      </c>
      <c r="J6474" t="s">
        <v>765</v>
      </c>
      <c r="K6474">
        <v>76</v>
      </c>
      <c r="L6474" t="s">
        <v>766</v>
      </c>
      <c r="M6474">
        <v>137</v>
      </c>
      <c r="N6474" t="s">
        <v>654</v>
      </c>
      <c r="O6474">
        <v>3</v>
      </c>
      <c r="P6474" t="s">
        <v>655</v>
      </c>
      <c r="Q6474">
        <v>1</v>
      </c>
      <c r="R6474" t="s">
        <v>669</v>
      </c>
      <c r="S6474">
        <v>1</v>
      </c>
      <c r="T6474" t="s">
        <v>661</v>
      </c>
      <c r="U6474">
        <v>8</v>
      </c>
      <c r="V6474">
        <v>3</v>
      </c>
      <c r="W6474">
        <v>180</v>
      </c>
      <c r="X6474">
        <v>2020</v>
      </c>
    </row>
    <row r="6475" spans="1:24" x14ac:dyDescent="0.25">
      <c r="A6475">
        <v>1094</v>
      </c>
      <c r="B6475" t="s">
        <v>95</v>
      </c>
      <c r="C6475">
        <v>26</v>
      </c>
      <c r="D6475" t="s">
        <v>402</v>
      </c>
      <c r="E6475">
        <v>189</v>
      </c>
      <c r="F6475" t="s">
        <v>651</v>
      </c>
      <c r="G6475">
        <v>160</v>
      </c>
      <c r="H6475" t="s">
        <v>833</v>
      </c>
      <c r="I6475">
        <v>5562</v>
      </c>
      <c r="J6475" t="s">
        <v>765</v>
      </c>
      <c r="K6475">
        <v>76</v>
      </c>
      <c r="L6475" t="s">
        <v>766</v>
      </c>
      <c r="M6475">
        <v>137</v>
      </c>
      <c r="N6475" t="s">
        <v>654</v>
      </c>
      <c r="O6475">
        <v>3</v>
      </c>
      <c r="P6475" t="s">
        <v>655</v>
      </c>
      <c r="Q6475">
        <v>1</v>
      </c>
      <c r="R6475" t="s">
        <v>669</v>
      </c>
      <c r="S6475">
        <v>1</v>
      </c>
      <c r="T6475" t="s">
        <v>661</v>
      </c>
      <c r="U6475">
        <v>8</v>
      </c>
      <c r="V6475">
        <v>3</v>
      </c>
      <c r="W6475">
        <v>180</v>
      </c>
      <c r="X6475">
        <v>2020</v>
      </c>
    </row>
    <row r="6476" spans="1:24" x14ac:dyDescent="0.25">
      <c r="A6476">
        <v>1093</v>
      </c>
      <c r="B6476" t="s">
        <v>95</v>
      </c>
      <c r="C6476">
        <v>26</v>
      </c>
      <c r="D6476" t="s">
        <v>402</v>
      </c>
      <c r="E6476">
        <v>189</v>
      </c>
      <c r="F6476" t="s">
        <v>651</v>
      </c>
      <c r="G6476">
        <v>160</v>
      </c>
      <c r="H6476" t="s">
        <v>1859</v>
      </c>
      <c r="I6476">
        <v>8409</v>
      </c>
      <c r="J6476" t="s">
        <v>1088</v>
      </c>
      <c r="K6476">
        <v>38</v>
      </c>
      <c r="L6476" t="s">
        <v>1089</v>
      </c>
      <c r="M6476">
        <v>135</v>
      </c>
      <c r="N6476" t="s">
        <v>654</v>
      </c>
      <c r="O6476">
        <v>3</v>
      </c>
      <c r="P6476" t="s">
        <v>655</v>
      </c>
      <c r="Q6476">
        <v>1</v>
      </c>
      <c r="R6476" t="s">
        <v>669</v>
      </c>
      <c r="S6476">
        <v>1</v>
      </c>
      <c r="T6476" t="s">
        <v>661</v>
      </c>
      <c r="U6476">
        <v>8</v>
      </c>
      <c r="V6476">
        <v>3</v>
      </c>
      <c r="W6476">
        <v>180</v>
      </c>
      <c r="X6476">
        <v>2020</v>
      </c>
    </row>
    <row r="6477" spans="1:24" x14ac:dyDescent="0.25">
      <c r="A6477">
        <v>1092</v>
      </c>
      <c r="B6477" t="s">
        <v>95</v>
      </c>
      <c r="C6477">
        <v>26</v>
      </c>
      <c r="D6477" t="s">
        <v>402</v>
      </c>
      <c r="E6477">
        <v>189</v>
      </c>
      <c r="F6477" t="s">
        <v>651</v>
      </c>
      <c r="G6477">
        <v>160</v>
      </c>
      <c r="H6477" t="s">
        <v>833</v>
      </c>
      <c r="I6477">
        <v>5562</v>
      </c>
      <c r="J6477" t="s">
        <v>1088</v>
      </c>
      <c r="K6477">
        <v>38</v>
      </c>
      <c r="L6477" t="s">
        <v>1089</v>
      </c>
      <c r="M6477">
        <v>135</v>
      </c>
      <c r="N6477" t="s">
        <v>654</v>
      </c>
      <c r="O6477">
        <v>3</v>
      </c>
      <c r="P6477" t="s">
        <v>655</v>
      </c>
      <c r="Q6477">
        <v>1</v>
      </c>
      <c r="R6477" t="s">
        <v>669</v>
      </c>
      <c r="S6477">
        <v>1</v>
      </c>
      <c r="T6477" t="s">
        <v>661</v>
      </c>
      <c r="U6477">
        <v>8</v>
      </c>
      <c r="V6477">
        <v>3</v>
      </c>
      <c r="W6477">
        <v>180</v>
      </c>
      <c r="X6477">
        <v>2020</v>
      </c>
    </row>
    <row r="6478" spans="1:24" x14ac:dyDescent="0.25">
      <c r="A6478">
        <v>1091</v>
      </c>
      <c r="B6478" t="s">
        <v>95</v>
      </c>
      <c r="C6478">
        <v>26</v>
      </c>
      <c r="D6478" t="s">
        <v>362</v>
      </c>
      <c r="E6478">
        <v>588</v>
      </c>
      <c r="F6478" t="s">
        <v>651</v>
      </c>
      <c r="G6478">
        <v>160</v>
      </c>
      <c r="H6478" t="s">
        <v>833</v>
      </c>
      <c r="I6478">
        <v>5562</v>
      </c>
      <c r="J6478" t="s">
        <v>736</v>
      </c>
      <c r="K6478">
        <v>8</v>
      </c>
      <c r="L6478" t="s">
        <v>3986</v>
      </c>
      <c r="M6478">
        <v>23</v>
      </c>
      <c r="N6478" t="s">
        <v>654</v>
      </c>
      <c r="O6478">
        <v>3</v>
      </c>
      <c r="P6478" t="s">
        <v>655</v>
      </c>
      <c r="Q6478">
        <v>1</v>
      </c>
      <c r="R6478" t="s">
        <v>669</v>
      </c>
      <c r="S6478">
        <v>1</v>
      </c>
      <c r="T6478" t="s">
        <v>661</v>
      </c>
      <c r="U6478">
        <v>8</v>
      </c>
      <c r="V6478">
        <v>3</v>
      </c>
      <c r="W6478">
        <v>180</v>
      </c>
      <c r="X6478">
        <v>2020</v>
      </c>
    </row>
    <row r="6479" spans="1:24" x14ac:dyDescent="0.25">
      <c r="A6479">
        <v>1090</v>
      </c>
      <c r="B6479" t="s">
        <v>95</v>
      </c>
      <c r="C6479">
        <v>26</v>
      </c>
      <c r="D6479" t="s">
        <v>362</v>
      </c>
      <c r="E6479">
        <v>588</v>
      </c>
      <c r="F6479" t="s">
        <v>651</v>
      </c>
      <c r="G6479">
        <v>160</v>
      </c>
      <c r="H6479" t="s">
        <v>833</v>
      </c>
      <c r="I6479">
        <v>5562</v>
      </c>
      <c r="J6479" t="s">
        <v>897</v>
      </c>
      <c r="K6479">
        <v>3</v>
      </c>
      <c r="L6479" t="s">
        <v>3968</v>
      </c>
      <c r="M6479">
        <v>9</v>
      </c>
      <c r="N6479" t="s">
        <v>654</v>
      </c>
      <c r="O6479">
        <v>3</v>
      </c>
      <c r="P6479" t="s">
        <v>655</v>
      </c>
      <c r="Q6479">
        <v>1</v>
      </c>
      <c r="R6479" t="s">
        <v>669</v>
      </c>
      <c r="S6479">
        <v>1</v>
      </c>
      <c r="T6479" t="s">
        <v>661</v>
      </c>
      <c r="U6479">
        <v>8</v>
      </c>
      <c r="V6479">
        <v>3</v>
      </c>
      <c r="W6479">
        <v>180</v>
      </c>
      <c r="X6479">
        <v>2020</v>
      </c>
    </row>
    <row r="6480" spans="1:24" x14ac:dyDescent="0.25">
      <c r="A6480">
        <v>1089</v>
      </c>
      <c r="B6480" t="s">
        <v>95</v>
      </c>
      <c r="C6480">
        <v>26</v>
      </c>
      <c r="D6480" t="s">
        <v>362</v>
      </c>
      <c r="E6480">
        <v>588</v>
      </c>
      <c r="F6480" t="s">
        <v>651</v>
      </c>
      <c r="G6480">
        <v>160</v>
      </c>
      <c r="H6480" t="s">
        <v>833</v>
      </c>
      <c r="I6480">
        <v>5562</v>
      </c>
      <c r="J6480" t="s">
        <v>897</v>
      </c>
      <c r="K6480">
        <v>3</v>
      </c>
      <c r="L6480" t="s">
        <v>897</v>
      </c>
      <c r="M6480">
        <v>8</v>
      </c>
      <c r="N6480" t="s">
        <v>654</v>
      </c>
      <c r="O6480">
        <v>3</v>
      </c>
      <c r="P6480" t="s">
        <v>655</v>
      </c>
      <c r="Q6480">
        <v>1</v>
      </c>
      <c r="R6480" t="s">
        <v>669</v>
      </c>
      <c r="S6480">
        <v>1</v>
      </c>
      <c r="T6480" t="s">
        <v>661</v>
      </c>
      <c r="U6480">
        <v>8</v>
      </c>
      <c r="V6480">
        <v>3</v>
      </c>
      <c r="W6480">
        <v>180</v>
      </c>
      <c r="X6480">
        <v>2020</v>
      </c>
    </row>
    <row r="6481" spans="1:24" x14ac:dyDescent="0.25">
      <c r="A6481">
        <v>1087</v>
      </c>
      <c r="B6481" t="s">
        <v>95</v>
      </c>
      <c r="C6481">
        <v>26</v>
      </c>
      <c r="D6481" t="s">
        <v>362</v>
      </c>
      <c r="E6481">
        <v>588</v>
      </c>
      <c r="F6481" t="s">
        <v>651</v>
      </c>
      <c r="G6481">
        <v>160</v>
      </c>
      <c r="H6481" t="s">
        <v>833</v>
      </c>
      <c r="I6481">
        <v>5562</v>
      </c>
      <c r="J6481" t="s">
        <v>726</v>
      </c>
      <c r="K6481">
        <v>2</v>
      </c>
      <c r="L6481" t="s">
        <v>1258</v>
      </c>
      <c r="M6481">
        <v>7</v>
      </c>
      <c r="N6481" t="s">
        <v>654</v>
      </c>
      <c r="O6481">
        <v>3</v>
      </c>
      <c r="P6481" t="s">
        <v>655</v>
      </c>
      <c r="Q6481">
        <v>1</v>
      </c>
      <c r="R6481" t="s">
        <v>669</v>
      </c>
      <c r="S6481">
        <v>1</v>
      </c>
      <c r="T6481" t="s">
        <v>661</v>
      </c>
      <c r="U6481">
        <v>8</v>
      </c>
      <c r="V6481">
        <v>3</v>
      </c>
      <c r="W6481">
        <v>180</v>
      </c>
      <c r="X6481">
        <v>2020</v>
      </c>
    </row>
    <row r="6482" spans="1:24" x14ac:dyDescent="0.25">
      <c r="A6482">
        <v>1086</v>
      </c>
      <c r="B6482" t="s">
        <v>95</v>
      </c>
      <c r="C6482">
        <v>26</v>
      </c>
      <c r="D6482" t="s">
        <v>362</v>
      </c>
      <c r="E6482">
        <v>588</v>
      </c>
      <c r="F6482" t="s">
        <v>651</v>
      </c>
      <c r="G6482">
        <v>160</v>
      </c>
      <c r="H6482" t="s">
        <v>833</v>
      </c>
      <c r="I6482">
        <v>5562</v>
      </c>
      <c r="J6482" t="s">
        <v>726</v>
      </c>
      <c r="K6482">
        <v>2</v>
      </c>
      <c r="L6482" t="s">
        <v>1087</v>
      </c>
      <c r="M6482">
        <v>5</v>
      </c>
      <c r="N6482" t="s">
        <v>654</v>
      </c>
      <c r="O6482">
        <v>3</v>
      </c>
      <c r="P6482" t="s">
        <v>655</v>
      </c>
      <c r="Q6482">
        <v>1</v>
      </c>
      <c r="R6482" t="s">
        <v>669</v>
      </c>
      <c r="S6482">
        <v>1</v>
      </c>
      <c r="T6482" t="s">
        <v>661</v>
      </c>
      <c r="U6482">
        <v>8</v>
      </c>
      <c r="V6482">
        <v>3</v>
      </c>
      <c r="W6482">
        <v>180</v>
      </c>
      <c r="X6482">
        <v>2020</v>
      </c>
    </row>
    <row r="6483" spans="1:24" x14ac:dyDescent="0.25">
      <c r="A6483">
        <v>1085</v>
      </c>
      <c r="B6483" t="s">
        <v>95</v>
      </c>
      <c r="C6483">
        <v>26</v>
      </c>
      <c r="D6483" t="s">
        <v>362</v>
      </c>
      <c r="E6483">
        <v>588</v>
      </c>
      <c r="F6483" t="s">
        <v>651</v>
      </c>
      <c r="G6483">
        <v>160</v>
      </c>
      <c r="H6483" t="s">
        <v>833</v>
      </c>
      <c r="I6483">
        <v>5562</v>
      </c>
      <c r="J6483" t="s">
        <v>726</v>
      </c>
      <c r="K6483">
        <v>2</v>
      </c>
      <c r="L6483" t="s">
        <v>726</v>
      </c>
      <c r="M6483">
        <v>4</v>
      </c>
      <c r="N6483" t="s">
        <v>654</v>
      </c>
      <c r="O6483">
        <v>3</v>
      </c>
      <c r="P6483" t="s">
        <v>655</v>
      </c>
      <c r="Q6483">
        <v>1</v>
      </c>
      <c r="R6483" t="s">
        <v>669</v>
      </c>
      <c r="S6483">
        <v>1</v>
      </c>
      <c r="T6483" t="s">
        <v>661</v>
      </c>
      <c r="U6483">
        <v>8</v>
      </c>
      <c r="V6483">
        <v>3</v>
      </c>
      <c r="W6483">
        <v>180</v>
      </c>
      <c r="X6483">
        <v>2020</v>
      </c>
    </row>
    <row r="6484" spans="1:24" x14ac:dyDescent="0.25">
      <c r="A6484">
        <v>1083</v>
      </c>
      <c r="B6484" t="s">
        <v>95</v>
      </c>
      <c r="C6484">
        <v>26</v>
      </c>
      <c r="D6484" t="s">
        <v>362</v>
      </c>
      <c r="E6484">
        <v>588</v>
      </c>
      <c r="F6484" t="s">
        <v>651</v>
      </c>
      <c r="G6484">
        <v>160</v>
      </c>
      <c r="H6484" t="s">
        <v>833</v>
      </c>
      <c r="I6484">
        <v>5562</v>
      </c>
      <c r="J6484" t="s">
        <v>676</v>
      </c>
      <c r="K6484">
        <v>4</v>
      </c>
      <c r="L6484" t="s">
        <v>676</v>
      </c>
      <c r="M6484">
        <v>12</v>
      </c>
      <c r="N6484" t="s">
        <v>654</v>
      </c>
      <c r="O6484">
        <v>3</v>
      </c>
      <c r="P6484" t="s">
        <v>655</v>
      </c>
      <c r="Q6484">
        <v>1</v>
      </c>
      <c r="R6484" t="s">
        <v>669</v>
      </c>
      <c r="S6484">
        <v>1</v>
      </c>
      <c r="T6484" t="s">
        <v>661</v>
      </c>
      <c r="U6484">
        <v>8</v>
      </c>
      <c r="V6484">
        <v>3</v>
      </c>
      <c r="W6484">
        <v>180</v>
      </c>
      <c r="X6484">
        <v>2020</v>
      </c>
    </row>
    <row r="6485" spans="1:24" x14ac:dyDescent="0.25">
      <c r="A6485">
        <v>1082</v>
      </c>
      <c r="B6485" t="s">
        <v>95</v>
      </c>
      <c r="C6485">
        <v>26</v>
      </c>
      <c r="D6485" t="s">
        <v>362</v>
      </c>
      <c r="E6485">
        <v>588</v>
      </c>
      <c r="F6485" t="s">
        <v>651</v>
      </c>
      <c r="G6485">
        <v>160</v>
      </c>
      <c r="H6485" t="s">
        <v>833</v>
      </c>
      <c r="I6485">
        <v>5562</v>
      </c>
      <c r="J6485" t="s">
        <v>885</v>
      </c>
      <c r="K6485">
        <v>1</v>
      </c>
      <c r="L6485" t="s">
        <v>1543</v>
      </c>
      <c r="M6485">
        <v>3</v>
      </c>
      <c r="N6485" t="s">
        <v>654</v>
      </c>
      <c r="O6485">
        <v>3</v>
      </c>
      <c r="P6485" t="s">
        <v>655</v>
      </c>
      <c r="Q6485">
        <v>1</v>
      </c>
      <c r="R6485" t="s">
        <v>669</v>
      </c>
      <c r="S6485">
        <v>1</v>
      </c>
      <c r="T6485" t="s">
        <v>661</v>
      </c>
      <c r="U6485">
        <v>8</v>
      </c>
      <c r="V6485">
        <v>3</v>
      </c>
      <c r="W6485">
        <v>180</v>
      </c>
      <c r="X6485">
        <v>2020</v>
      </c>
    </row>
    <row r="6486" spans="1:24" x14ac:dyDescent="0.25">
      <c r="A6486">
        <v>1081</v>
      </c>
      <c r="B6486" t="s">
        <v>95</v>
      </c>
      <c r="C6486">
        <v>26</v>
      </c>
      <c r="D6486" t="s">
        <v>362</v>
      </c>
      <c r="E6486">
        <v>588</v>
      </c>
      <c r="F6486" t="s">
        <v>651</v>
      </c>
      <c r="G6486">
        <v>160</v>
      </c>
      <c r="H6486" t="s">
        <v>833</v>
      </c>
      <c r="I6486">
        <v>5562</v>
      </c>
      <c r="J6486" t="s">
        <v>885</v>
      </c>
      <c r="K6486">
        <v>1</v>
      </c>
      <c r="L6486" t="s">
        <v>885</v>
      </c>
      <c r="M6486">
        <v>1</v>
      </c>
      <c r="N6486" t="s">
        <v>654</v>
      </c>
      <c r="O6486">
        <v>3</v>
      </c>
      <c r="P6486" t="s">
        <v>655</v>
      </c>
      <c r="Q6486">
        <v>1</v>
      </c>
      <c r="R6486" t="s">
        <v>669</v>
      </c>
      <c r="S6486">
        <v>1</v>
      </c>
      <c r="T6486" t="s">
        <v>661</v>
      </c>
      <c r="U6486">
        <v>8</v>
      </c>
      <c r="V6486">
        <v>3</v>
      </c>
      <c r="W6486">
        <v>180</v>
      </c>
      <c r="X6486">
        <v>2020</v>
      </c>
    </row>
    <row r="6487" spans="1:24" x14ac:dyDescent="0.25">
      <c r="A6487">
        <v>1080</v>
      </c>
      <c r="B6487" t="s">
        <v>104</v>
      </c>
      <c r="C6487">
        <v>25</v>
      </c>
      <c r="D6487" t="s">
        <v>536</v>
      </c>
      <c r="E6487">
        <v>185</v>
      </c>
      <c r="F6487" t="s">
        <v>651</v>
      </c>
      <c r="G6487">
        <v>160</v>
      </c>
      <c r="H6487" t="s">
        <v>747</v>
      </c>
      <c r="I6487">
        <v>4847</v>
      </c>
      <c r="J6487" t="s">
        <v>3795</v>
      </c>
      <c r="K6487">
        <v>64</v>
      </c>
      <c r="L6487" t="s">
        <v>3796</v>
      </c>
      <c r="M6487">
        <v>275</v>
      </c>
      <c r="N6487" t="s">
        <v>654</v>
      </c>
      <c r="O6487">
        <v>3</v>
      </c>
      <c r="P6487" t="s">
        <v>746</v>
      </c>
      <c r="Q6487">
        <v>2</v>
      </c>
      <c r="R6487" t="s">
        <v>669</v>
      </c>
      <c r="S6487">
        <v>1</v>
      </c>
      <c r="T6487" t="s">
        <v>661</v>
      </c>
      <c r="U6487">
        <v>8</v>
      </c>
      <c r="V6487">
        <v>4</v>
      </c>
      <c r="W6487">
        <v>240</v>
      </c>
      <c r="X6487">
        <v>2020</v>
      </c>
    </row>
    <row r="6488" spans="1:24" x14ac:dyDescent="0.25">
      <c r="A6488">
        <v>1079</v>
      </c>
      <c r="B6488" t="s">
        <v>104</v>
      </c>
      <c r="C6488">
        <v>25</v>
      </c>
      <c r="D6488" t="s">
        <v>536</v>
      </c>
      <c r="E6488">
        <v>185</v>
      </c>
      <c r="F6488" t="s">
        <v>651</v>
      </c>
      <c r="G6488">
        <v>160</v>
      </c>
      <c r="H6488" t="s">
        <v>747</v>
      </c>
      <c r="I6488">
        <v>4847</v>
      </c>
      <c r="J6488" t="s">
        <v>3795</v>
      </c>
      <c r="K6488">
        <v>64</v>
      </c>
      <c r="L6488" t="s">
        <v>3796</v>
      </c>
      <c r="M6488">
        <v>275</v>
      </c>
      <c r="N6488" t="s">
        <v>654</v>
      </c>
      <c r="O6488">
        <v>3</v>
      </c>
      <c r="P6488" t="s">
        <v>655</v>
      </c>
      <c r="Q6488">
        <v>1</v>
      </c>
      <c r="R6488" t="s">
        <v>669</v>
      </c>
      <c r="S6488">
        <v>1</v>
      </c>
      <c r="T6488" t="s">
        <v>661</v>
      </c>
      <c r="U6488">
        <v>8</v>
      </c>
      <c r="V6488">
        <v>4</v>
      </c>
      <c r="W6488">
        <v>240</v>
      </c>
      <c r="X6488">
        <v>2020</v>
      </c>
    </row>
    <row r="6489" spans="1:24" x14ac:dyDescent="0.25">
      <c r="A6489">
        <v>1078</v>
      </c>
      <c r="B6489" t="s">
        <v>104</v>
      </c>
      <c r="C6489">
        <v>25</v>
      </c>
      <c r="D6489" t="s">
        <v>536</v>
      </c>
      <c r="E6489">
        <v>185</v>
      </c>
      <c r="F6489" t="s">
        <v>651</v>
      </c>
      <c r="G6489">
        <v>160</v>
      </c>
      <c r="H6489" t="s">
        <v>747</v>
      </c>
      <c r="I6489">
        <v>4847</v>
      </c>
      <c r="J6489" t="s">
        <v>848</v>
      </c>
      <c r="K6489">
        <v>62</v>
      </c>
      <c r="L6489" t="s">
        <v>1924</v>
      </c>
      <c r="M6489">
        <v>263</v>
      </c>
      <c r="N6489" t="s">
        <v>654</v>
      </c>
      <c r="O6489">
        <v>3</v>
      </c>
      <c r="P6489" t="s">
        <v>655</v>
      </c>
      <c r="Q6489">
        <v>1</v>
      </c>
      <c r="R6489" t="s">
        <v>669</v>
      </c>
      <c r="S6489">
        <v>1</v>
      </c>
      <c r="T6489" t="s">
        <v>661</v>
      </c>
      <c r="U6489">
        <v>8</v>
      </c>
      <c r="V6489">
        <v>4</v>
      </c>
      <c r="W6489">
        <v>240</v>
      </c>
      <c r="X6489">
        <v>2020</v>
      </c>
    </row>
    <row r="6490" spans="1:24" x14ac:dyDescent="0.25">
      <c r="A6490">
        <v>1077</v>
      </c>
      <c r="B6490" t="s">
        <v>104</v>
      </c>
      <c r="C6490">
        <v>25</v>
      </c>
      <c r="D6490" t="s">
        <v>536</v>
      </c>
      <c r="E6490">
        <v>185</v>
      </c>
      <c r="F6490" t="s">
        <v>651</v>
      </c>
      <c r="G6490">
        <v>160</v>
      </c>
      <c r="H6490" t="s">
        <v>747</v>
      </c>
      <c r="I6490">
        <v>4847</v>
      </c>
      <c r="J6490" t="s">
        <v>710</v>
      </c>
      <c r="K6490">
        <v>53</v>
      </c>
      <c r="L6490" t="s">
        <v>3888</v>
      </c>
      <c r="M6490">
        <v>205</v>
      </c>
      <c r="N6490" t="s">
        <v>654</v>
      </c>
      <c r="O6490">
        <v>3</v>
      </c>
      <c r="P6490" t="s">
        <v>655</v>
      </c>
      <c r="Q6490">
        <v>1</v>
      </c>
      <c r="R6490" t="s">
        <v>669</v>
      </c>
      <c r="S6490">
        <v>1</v>
      </c>
      <c r="T6490" t="s">
        <v>661</v>
      </c>
      <c r="U6490">
        <v>8</v>
      </c>
      <c r="V6490">
        <v>4</v>
      </c>
      <c r="W6490">
        <v>240</v>
      </c>
      <c r="X6490">
        <v>2020</v>
      </c>
    </row>
    <row r="6491" spans="1:24" x14ac:dyDescent="0.25">
      <c r="A6491">
        <v>1076</v>
      </c>
      <c r="B6491" t="s">
        <v>104</v>
      </c>
      <c r="C6491">
        <v>25</v>
      </c>
      <c r="D6491" t="s">
        <v>536</v>
      </c>
      <c r="E6491">
        <v>185</v>
      </c>
      <c r="F6491" t="s">
        <v>651</v>
      </c>
      <c r="G6491">
        <v>160</v>
      </c>
      <c r="H6491" t="s">
        <v>747</v>
      </c>
      <c r="I6491">
        <v>4847</v>
      </c>
      <c r="J6491" t="s">
        <v>714</v>
      </c>
      <c r="K6491">
        <v>52</v>
      </c>
      <c r="L6491" t="s">
        <v>3801</v>
      </c>
      <c r="M6491">
        <v>200</v>
      </c>
      <c r="N6491" t="s">
        <v>654</v>
      </c>
      <c r="O6491">
        <v>3</v>
      </c>
      <c r="P6491" t="s">
        <v>746</v>
      </c>
      <c r="Q6491">
        <v>2</v>
      </c>
      <c r="R6491" t="s">
        <v>669</v>
      </c>
      <c r="S6491">
        <v>1</v>
      </c>
      <c r="T6491" t="s">
        <v>661</v>
      </c>
      <c r="U6491">
        <v>8</v>
      </c>
      <c r="V6491">
        <v>4</v>
      </c>
      <c r="W6491">
        <v>240</v>
      </c>
      <c r="X6491">
        <v>2020</v>
      </c>
    </row>
    <row r="6492" spans="1:24" x14ac:dyDescent="0.25">
      <c r="A6492">
        <v>1075</v>
      </c>
      <c r="B6492" t="s">
        <v>104</v>
      </c>
      <c r="C6492">
        <v>25</v>
      </c>
      <c r="D6492" t="s">
        <v>536</v>
      </c>
      <c r="E6492">
        <v>185</v>
      </c>
      <c r="F6492" t="s">
        <v>651</v>
      </c>
      <c r="G6492">
        <v>160</v>
      </c>
      <c r="H6492" t="s">
        <v>747</v>
      </c>
      <c r="I6492">
        <v>4847</v>
      </c>
      <c r="J6492" t="s">
        <v>714</v>
      </c>
      <c r="K6492">
        <v>52</v>
      </c>
      <c r="L6492" t="s">
        <v>3801</v>
      </c>
      <c r="M6492">
        <v>200</v>
      </c>
      <c r="N6492" t="s">
        <v>654</v>
      </c>
      <c r="O6492">
        <v>3</v>
      </c>
      <c r="P6492" t="s">
        <v>655</v>
      </c>
      <c r="Q6492">
        <v>1</v>
      </c>
      <c r="R6492" t="s">
        <v>669</v>
      </c>
      <c r="S6492">
        <v>1</v>
      </c>
      <c r="T6492" t="s">
        <v>661</v>
      </c>
      <c r="U6492">
        <v>8</v>
      </c>
      <c r="V6492">
        <v>4</v>
      </c>
      <c r="W6492">
        <v>240</v>
      </c>
      <c r="X6492">
        <v>2020</v>
      </c>
    </row>
    <row r="6493" spans="1:24" x14ac:dyDescent="0.25">
      <c r="A6493">
        <v>1074</v>
      </c>
      <c r="B6493" t="s">
        <v>104</v>
      </c>
      <c r="C6493">
        <v>25</v>
      </c>
      <c r="D6493" t="s">
        <v>537</v>
      </c>
      <c r="E6493">
        <v>184</v>
      </c>
      <c r="F6493" t="s">
        <v>651</v>
      </c>
      <c r="G6493">
        <v>160</v>
      </c>
      <c r="H6493" t="s">
        <v>747</v>
      </c>
      <c r="I6493">
        <v>4847</v>
      </c>
      <c r="J6493" t="s">
        <v>730</v>
      </c>
      <c r="K6493">
        <v>66</v>
      </c>
      <c r="L6493" t="s">
        <v>3987</v>
      </c>
      <c r="M6493">
        <v>283</v>
      </c>
      <c r="N6493" t="s">
        <v>654</v>
      </c>
      <c r="O6493">
        <v>3</v>
      </c>
      <c r="P6493" t="s">
        <v>655</v>
      </c>
      <c r="Q6493">
        <v>1</v>
      </c>
      <c r="R6493" t="s">
        <v>669</v>
      </c>
      <c r="S6493">
        <v>1</v>
      </c>
      <c r="T6493" t="s">
        <v>661</v>
      </c>
      <c r="U6493">
        <v>8</v>
      </c>
      <c r="V6493">
        <v>4</v>
      </c>
      <c r="W6493">
        <v>240</v>
      </c>
      <c r="X6493">
        <v>2020</v>
      </c>
    </row>
    <row r="6494" spans="1:24" x14ac:dyDescent="0.25">
      <c r="A6494">
        <v>1073</v>
      </c>
      <c r="B6494" t="s">
        <v>104</v>
      </c>
      <c r="C6494">
        <v>25</v>
      </c>
      <c r="D6494" t="s">
        <v>537</v>
      </c>
      <c r="E6494">
        <v>184</v>
      </c>
      <c r="F6494" t="s">
        <v>651</v>
      </c>
      <c r="G6494">
        <v>160</v>
      </c>
      <c r="H6494" t="s">
        <v>747</v>
      </c>
      <c r="I6494">
        <v>4847</v>
      </c>
      <c r="J6494" t="s">
        <v>3795</v>
      </c>
      <c r="K6494">
        <v>64</v>
      </c>
      <c r="L6494" t="s">
        <v>3797</v>
      </c>
      <c r="M6494">
        <v>273</v>
      </c>
      <c r="N6494" t="s">
        <v>654</v>
      </c>
      <c r="O6494">
        <v>3</v>
      </c>
      <c r="P6494" t="s">
        <v>746</v>
      </c>
      <c r="Q6494">
        <v>2</v>
      </c>
      <c r="R6494" t="s">
        <v>669</v>
      </c>
      <c r="S6494">
        <v>1</v>
      </c>
      <c r="T6494" t="s">
        <v>661</v>
      </c>
      <c r="U6494">
        <v>8</v>
      </c>
      <c r="V6494">
        <v>4</v>
      </c>
      <c r="W6494">
        <v>240</v>
      </c>
      <c r="X6494">
        <v>2020</v>
      </c>
    </row>
    <row r="6495" spans="1:24" x14ac:dyDescent="0.25">
      <c r="A6495">
        <v>1072</v>
      </c>
      <c r="B6495" t="s">
        <v>104</v>
      </c>
      <c r="C6495">
        <v>25</v>
      </c>
      <c r="D6495" t="s">
        <v>537</v>
      </c>
      <c r="E6495">
        <v>184</v>
      </c>
      <c r="F6495" t="s">
        <v>651</v>
      </c>
      <c r="G6495">
        <v>160</v>
      </c>
      <c r="H6495" t="s">
        <v>747</v>
      </c>
      <c r="I6495">
        <v>4847</v>
      </c>
      <c r="J6495" t="s">
        <v>3795</v>
      </c>
      <c r="K6495">
        <v>64</v>
      </c>
      <c r="L6495" t="s">
        <v>3797</v>
      </c>
      <c r="M6495">
        <v>273</v>
      </c>
      <c r="N6495" t="s">
        <v>654</v>
      </c>
      <c r="O6495">
        <v>3</v>
      </c>
      <c r="P6495" t="s">
        <v>655</v>
      </c>
      <c r="Q6495">
        <v>1</v>
      </c>
      <c r="R6495" t="s">
        <v>669</v>
      </c>
      <c r="S6495">
        <v>1</v>
      </c>
      <c r="T6495" t="s">
        <v>661</v>
      </c>
      <c r="U6495">
        <v>8</v>
      </c>
      <c r="V6495">
        <v>4</v>
      </c>
      <c r="W6495">
        <v>240</v>
      </c>
      <c r="X6495">
        <v>2020</v>
      </c>
    </row>
    <row r="6496" spans="1:24" x14ac:dyDescent="0.25">
      <c r="A6496">
        <v>1071</v>
      </c>
      <c r="B6496" t="s">
        <v>32</v>
      </c>
      <c r="C6496">
        <v>24</v>
      </c>
      <c r="D6496" t="s">
        <v>425</v>
      </c>
      <c r="E6496">
        <v>183</v>
      </c>
      <c r="F6496" t="s">
        <v>651</v>
      </c>
      <c r="G6496">
        <v>160</v>
      </c>
      <c r="H6496" t="s">
        <v>747</v>
      </c>
      <c r="I6496">
        <v>4847</v>
      </c>
      <c r="J6496" t="s">
        <v>868</v>
      </c>
      <c r="K6496">
        <v>23</v>
      </c>
      <c r="L6496" t="s">
        <v>868</v>
      </c>
      <c r="M6496">
        <v>73</v>
      </c>
      <c r="N6496" t="s">
        <v>654</v>
      </c>
      <c r="O6496">
        <v>3</v>
      </c>
      <c r="P6496" t="s">
        <v>655</v>
      </c>
      <c r="Q6496">
        <v>1</v>
      </c>
      <c r="R6496" t="s">
        <v>669</v>
      </c>
      <c r="S6496">
        <v>1</v>
      </c>
      <c r="T6496" t="s">
        <v>661</v>
      </c>
      <c r="U6496">
        <v>8</v>
      </c>
      <c r="V6496">
        <v>3</v>
      </c>
      <c r="W6496">
        <v>180</v>
      </c>
      <c r="X6496">
        <v>2020</v>
      </c>
    </row>
    <row r="6497" spans="1:24" x14ac:dyDescent="0.25">
      <c r="A6497">
        <v>1070</v>
      </c>
      <c r="B6497" t="s">
        <v>32</v>
      </c>
      <c r="C6497">
        <v>24</v>
      </c>
      <c r="D6497" t="s">
        <v>425</v>
      </c>
      <c r="E6497">
        <v>183</v>
      </c>
      <c r="F6497" t="s">
        <v>651</v>
      </c>
      <c r="G6497">
        <v>160</v>
      </c>
      <c r="H6497" t="s">
        <v>747</v>
      </c>
      <c r="I6497">
        <v>4847</v>
      </c>
      <c r="J6497" t="s">
        <v>684</v>
      </c>
      <c r="K6497">
        <v>22</v>
      </c>
      <c r="L6497" t="s">
        <v>685</v>
      </c>
      <c r="M6497">
        <v>72</v>
      </c>
      <c r="N6497" t="s">
        <v>654</v>
      </c>
      <c r="O6497">
        <v>3</v>
      </c>
      <c r="P6497" t="s">
        <v>655</v>
      </c>
      <c r="Q6497">
        <v>1</v>
      </c>
      <c r="R6497" t="s">
        <v>669</v>
      </c>
      <c r="S6497">
        <v>1</v>
      </c>
      <c r="T6497" t="s">
        <v>661</v>
      </c>
      <c r="U6497">
        <v>8</v>
      </c>
      <c r="V6497">
        <v>3</v>
      </c>
      <c r="W6497">
        <v>180</v>
      </c>
      <c r="X6497">
        <v>2020</v>
      </c>
    </row>
    <row r="6498" spans="1:24" x14ac:dyDescent="0.25">
      <c r="A6498">
        <v>1068</v>
      </c>
      <c r="B6498" t="s">
        <v>32</v>
      </c>
      <c r="C6498">
        <v>24</v>
      </c>
      <c r="D6498" t="s">
        <v>425</v>
      </c>
      <c r="E6498">
        <v>183</v>
      </c>
      <c r="F6498" t="s">
        <v>651</v>
      </c>
      <c r="G6498">
        <v>160</v>
      </c>
      <c r="H6498" t="s">
        <v>747</v>
      </c>
      <c r="I6498">
        <v>4847</v>
      </c>
      <c r="J6498" t="s">
        <v>684</v>
      </c>
      <c r="K6498">
        <v>22</v>
      </c>
      <c r="L6498" t="s">
        <v>3802</v>
      </c>
      <c r="M6498">
        <v>71</v>
      </c>
      <c r="N6498" t="s">
        <v>654</v>
      </c>
      <c r="O6498">
        <v>3</v>
      </c>
      <c r="P6498" t="s">
        <v>655</v>
      </c>
      <c r="Q6498">
        <v>1</v>
      </c>
      <c r="R6498" t="s">
        <v>669</v>
      </c>
      <c r="S6498">
        <v>1</v>
      </c>
      <c r="T6498" t="s">
        <v>661</v>
      </c>
      <c r="U6498">
        <v>8</v>
      </c>
      <c r="V6498">
        <v>3</v>
      </c>
      <c r="W6498">
        <v>180</v>
      </c>
      <c r="X6498">
        <v>2020</v>
      </c>
    </row>
    <row r="6499" spans="1:24" x14ac:dyDescent="0.25">
      <c r="A6499">
        <v>1067</v>
      </c>
      <c r="B6499" t="s">
        <v>32</v>
      </c>
      <c r="C6499">
        <v>24</v>
      </c>
      <c r="D6499" t="s">
        <v>425</v>
      </c>
      <c r="E6499">
        <v>183</v>
      </c>
      <c r="F6499" t="s">
        <v>651</v>
      </c>
      <c r="G6499">
        <v>160</v>
      </c>
      <c r="H6499" t="s">
        <v>747</v>
      </c>
      <c r="I6499">
        <v>4847</v>
      </c>
      <c r="J6499" t="s">
        <v>1011</v>
      </c>
      <c r="K6499">
        <v>17</v>
      </c>
      <c r="L6499" t="s">
        <v>1011</v>
      </c>
      <c r="M6499">
        <v>57</v>
      </c>
      <c r="N6499" t="s">
        <v>654</v>
      </c>
      <c r="O6499">
        <v>3</v>
      </c>
      <c r="P6499" t="s">
        <v>655</v>
      </c>
      <c r="Q6499">
        <v>1</v>
      </c>
      <c r="R6499" t="s">
        <v>669</v>
      </c>
      <c r="S6499">
        <v>1</v>
      </c>
      <c r="T6499" t="s">
        <v>661</v>
      </c>
      <c r="U6499">
        <v>8</v>
      </c>
      <c r="V6499">
        <v>3</v>
      </c>
      <c r="W6499">
        <v>180</v>
      </c>
      <c r="X6499">
        <v>2020</v>
      </c>
    </row>
    <row r="6500" spans="1:24" x14ac:dyDescent="0.25">
      <c r="A6500">
        <v>1066</v>
      </c>
      <c r="B6500" t="s">
        <v>32</v>
      </c>
      <c r="C6500">
        <v>24</v>
      </c>
      <c r="D6500" t="s">
        <v>360</v>
      </c>
      <c r="E6500">
        <v>182</v>
      </c>
      <c r="F6500" t="s">
        <v>651</v>
      </c>
      <c r="G6500">
        <v>160</v>
      </c>
      <c r="H6500" t="s">
        <v>747</v>
      </c>
      <c r="I6500">
        <v>4847</v>
      </c>
      <c r="J6500" t="s">
        <v>659</v>
      </c>
      <c r="K6500">
        <v>35</v>
      </c>
      <c r="L6500" t="s">
        <v>3954</v>
      </c>
      <c r="M6500">
        <v>117</v>
      </c>
      <c r="N6500" t="s">
        <v>654</v>
      </c>
      <c r="O6500">
        <v>3</v>
      </c>
      <c r="P6500" t="s">
        <v>655</v>
      </c>
      <c r="Q6500">
        <v>1</v>
      </c>
      <c r="R6500" t="s">
        <v>669</v>
      </c>
      <c r="S6500">
        <v>1</v>
      </c>
      <c r="T6500" t="s">
        <v>661</v>
      </c>
      <c r="U6500">
        <v>8</v>
      </c>
      <c r="V6500">
        <v>3</v>
      </c>
      <c r="W6500">
        <v>180</v>
      </c>
      <c r="X6500">
        <v>2020</v>
      </c>
    </row>
    <row r="6501" spans="1:24" x14ac:dyDescent="0.25">
      <c r="A6501">
        <v>1065</v>
      </c>
      <c r="B6501" t="s">
        <v>32</v>
      </c>
      <c r="C6501">
        <v>24</v>
      </c>
      <c r="D6501" t="s">
        <v>360</v>
      </c>
      <c r="E6501">
        <v>182</v>
      </c>
      <c r="F6501" t="s">
        <v>651</v>
      </c>
      <c r="G6501">
        <v>160</v>
      </c>
      <c r="H6501" t="s">
        <v>747</v>
      </c>
      <c r="I6501">
        <v>4847</v>
      </c>
      <c r="J6501" t="s">
        <v>673</v>
      </c>
      <c r="K6501">
        <v>34</v>
      </c>
      <c r="L6501" t="s">
        <v>674</v>
      </c>
      <c r="M6501">
        <v>107</v>
      </c>
      <c r="N6501" t="s">
        <v>654</v>
      </c>
      <c r="O6501">
        <v>3</v>
      </c>
      <c r="P6501" t="s">
        <v>655</v>
      </c>
      <c r="Q6501">
        <v>1</v>
      </c>
      <c r="R6501" t="s">
        <v>669</v>
      </c>
      <c r="S6501">
        <v>1</v>
      </c>
      <c r="T6501" t="s">
        <v>661</v>
      </c>
      <c r="U6501">
        <v>8</v>
      </c>
      <c r="V6501">
        <v>4</v>
      </c>
      <c r="W6501">
        <v>240</v>
      </c>
      <c r="X6501">
        <v>2020</v>
      </c>
    </row>
    <row r="6502" spans="1:24" x14ac:dyDescent="0.25">
      <c r="A6502">
        <v>1064</v>
      </c>
      <c r="B6502" t="s">
        <v>32</v>
      </c>
      <c r="C6502">
        <v>24</v>
      </c>
      <c r="D6502" t="s">
        <v>360</v>
      </c>
      <c r="E6502">
        <v>182</v>
      </c>
      <c r="F6502" t="s">
        <v>651</v>
      </c>
      <c r="G6502">
        <v>160</v>
      </c>
      <c r="H6502" t="s">
        <v>747</v>
      </c>
      <c r="I6502">
        <v>4847</v>
      </c>
      <c r="J6502" t="s">
        <v>673</v>
      </c>
      <c r="K6502">
        <v>34</v>
      </c>
      <c r="L6502" t="s">
        <v>673</v>
      </c>
      <c r="M6502">
        <v>104</v>
      </c>
      <c r="N6502" t="s">
        <v>654</v>
      </c>
      <c r="O6502">
        <v>3</v>
      </c>
      <c r="P6502" t="s">
        <v>655</v>
      </c>
      <c r="Q6502">
        <v>1</v>
      </c>
      <c r="R6502" t="s">
        <v>669</v>
      </c>
      <c r="S6502">
        <v>1</v>
      </c>
      <c r="T6502" t="s">
        <v>661</v>
      </c>
      <c r="U6502">
        <v>8</v>
      </c>
      <c r="V6502">
        <v>3</v>
      </c>
      <c r="W6502">
        <v>180</v>
      </c>
      <c r="X6502">
        <v>2020</v>
      </c>
    </row>
    <row r="6503" spans="1:24" x14ac:dyDescent="0.25">
      <c r="A6503">
        <v>1063</v>
      </c>
      <c r="B6503" t="s">
        <v>32</v>
      </c>
      <c r="C6503">
        <v>24</v>
      </c>
      <c r="D6503" t="s">
        <v>360</v>
      </c>
      <c r="E6503">
        <v>182</v>
      </c>
      <c r="F6503" t="s">
        <v>651</v>
      </c>
      <c r="G6503">
        <v>160</v>
      </c>
      <c r="H6503" t="s">
        <v>747</v>
      </c>
      <c r="I6503">
        <v>4847</v>
      </c>
      <c r="J6503" t="s">
        <v>679</v>
      </c>
      <c r="K6503">
        <v>32</v>
      </c>
      <c r="L6503" t="s">
        <v>680</v>
      </c>
      <c r="M6503">
        <v>466</v>
      </c>
      <c r="N6503" t="s">
        <v>654</v>
      </c>
      <c r="O6503">
        <v>3</v>
      </c>
      <c r="P6503" t="s">
        <v>655</v>
      </c>
      <c r="Q6503">
        <v>1</v>
      </c>
      <c r="R6503" t="s">
        <v>669</v>
      </c>
      <c r="S6503">
        <v>1</v>
      </c>
      <c r="T6503" t="s">
        <v>661</v>
      </c>
      <c r="U6503">
        <v>8</v>
      </c>
      <c r="V6503">
        <v>3</v>
      </c>
      <c r="W6503">
        <v>180</v>
      </c>
      <c r="X6503">
        <v>2020</v>
      </c>
    </row>
    <row r="6504" spans="1:24" x14ac:dyDescent="0.25">
      <c r="A6504">
        <v>1062</v>
      </c>
      <c r="B6504" t="s">
        <v>32</v>
      </c>
      <c r="C6504">
        <v>24</v>
      </c>
      <c r="D6504" t="s">
        <v>360</v>
      </c>
      <c r="E6504">
        <v>182</v>
      </c>
      <c r="F6504" t="s">
        <v>651</v>
      </c>
      <c r="G6504">
        <v>160</v>
      </c>
      <c r="H6504" t="s">
        <v>747</v>
      </c>
      <c r="I6504">
        <v>4847</v>
      </c>
      <c r="J6504" t="s">
        <v>679</v>
      </c>
      <c r="K6504">
        <v>32</v>
      </c>
      <c r="L6504" t="s">
        <v>1612</v>
      </c>
      <c r="M6504">
        <v>463</v>
      </c>
      <c r="N6504" t="s">
        <v>654</v>
      </c>
      <c r="O6504">
        <v>3</v>
      </c>
      <c r="P6504" t="s">
        <v>655</v>
      </c>
      <c r="Q6504">
        <v>1</v>
      </c>
      <c r="R6504" t="s">
        <v>669</v>
      </c>
      <c r="S6504">
        <v>1</v>
      </c>
      <c r="T6504" t="s">
        <v>661</v>
      </c>
      <c r="U6504">
        <v>8</v>
      </c>
      <c r="V6504">
        <v>3</v>
      </c>
      <c r="W6504">
        <v>180</v>
      </c>
      <c r="X6504">
        <v>2020</v>
      </c>
    </row>
    <row r="6505" spans="1:24" x14ac:dyDescent="0.25">
      <c r="A6505">
        <v>1057</v>
      </c>
      <c r="B6505" t="s">
        <v>32</v>
      </c>
      <c r="C6505">
        <v>24</v>
      </c>
      <c r="D6505" t="s">
        <v>470</v>
      </c>
      <c r="E6505">
        <v>181</v>
      </c>
      <c r="F6505" t="s">
        <v>651</v>
      </c>
      <c r="G6505">
        <v>160</v>
      </c>
      <c r="H6505" t="s">
        <v>747</v>
      </c>
      <c r="I6505">
        <v>4847</v>
      </c>
      <c r="J6505" t="s">
        <v>1080</v>
      </c>
      <c r="K6505">
        <v>49</v>
      </c>
      <c r="L6505" t="s">
        <v>3973</v>
      </c>
      <c r="M6505">
        <v>187</v>
      </c>
      <c r="N6505" t="s">
        <v>654</v>
      </c>
      <c r="O6505">
        <v>3</v>
      </c>
      <c r="P6505" t="s">
        <v>655</v>
      </c>
      <c r="Q6505">
        <v>1</v>
      </c>
      <c r="R6505" t="s">
        <v>669</v>
      </c>
      <c r="S6505">
        <v>1</v>
      </c>
      <c r="T6505" t="s">
        <v>661</v>
      </c>
      <c r="U6505">
        <v>8</v>
      </c>
      <c r="V6505">
        <v>4</v>
      </c>
      <c r="W6505">
        <v>240</v>
      </c>
      <c r="X6505">
        <v>2020</v>
      </c>
    </row>
    <row r="6506" spans="1:24" x14ac:dyDescent="0.25">
      <c r="A6506">
        <v>1056</v>
      </c>
      <c r="B6506" t="s">
        <v>32</v>
      </c>
      <c r="C6506">
        <v>24</v>
      </c>
      <c r="D6506" t="s">
        <v>470</v>
      </c>
      <c r="E6506">
        <v>181</v>
      </c>
      <c r="F6506" t="s">
        <v>651</v>
      </c>
      <c r="G6506">
        <v>160</v>
      </c>
      <c r="H6506" t="s">
        <v>747</v>
      </c>
      <c r="I6506">
        <v>4847</v>
      </c>
      <c r="J6506" t="s">
        <v>1080</v>
      </c>
      <c r="K6506">
        <v>49</v>
      </c>
      <c r="L6506" t="s">
        <v>3780</v>
      </c>
      <c r="M6506">
        <v>184</v>
      </c>
      <c r="N6506" t="s">
        <v>654</v>
      </c>
      <c r="O6506">
        <v>3</v>
      </c>
      <c r="P6506" t="s">
        <v>655</v>
      </c>
      <c r="Q6506">
        <v>1</v>
      </c>
      <c r="R6506" t="s">
        <v>669</v>
      </c>
      <c r="S6506">
        <v>1</v>
      </c>
      <c r="T6506" t="s">
        <v>661</v>
      </c>
      <c r="U6506">
        <v>8</v>
      </c>
      <c r="V6506">
        <v>4</v>
      </c>
      <c r="W6506">
        <v>240</v>
      </c>
      <c r="X6506">
        <v>2020</v>
      </c>
    </row>
    <row r="6507" spans="1:24" x14ac:dyDescent="0.25">
      <c r="A6507">
        <v>1055</v>
      </c>
      <c r="B6507" t="s">
        <v>32</v>
      </c>
      <c r="C6507">
        <v>24</v>
      </c>
      <c r="D6507" t="s">
        <v>470</v>
      </c>
      <c r="E6507">
        <v>181</v>
      </c>
      <c r="F6507" t="s">
        <v>651</v>
      </c>
      <c r="G6507">
        <v>160</v>
      </c>
      <c r="H6507" t="s">
        <v>747</v>
      </c>
      <c r="I6507">
        <v>4847</v>
      </c>
      <c r="J6507" t="s">
        <v>1080</v>
      </c>
      <c r="K6507">
        <v>49</v>
      </c>
      <c r="L6507" t="s">
        <v>3687</v>
      </c>
      <c r="M6507">
        <v>181</v>
      </c>
      <c r="N6507" t="s">
        <v>654</v>
      </c>
      <c r="O6507">
        <v>3</v>
      </c>
      <c r="P6507" t="s">
        <v>655</v>
      </c>
      <c r="Q6507">
        <v>1</v>
      </c>
      <c r="R6507" t="s">
        <v>669</v>
      </c>
      <c r="S6507">
        <v>1</v>
      </c>
      <c r="T6507" t="s">
        <v>661</v>
      </c>
      <c r="U6507">
        <v>8</v>
      </c>
      <c r="V6507">
        <v>4</v>
      </c>
      <c r="W6507">
        <v>240</v>
      </c>
      <c r="X6507">
        <v>2020</v>
      </c>
    </row>
    <row r="6508" spans="1:24" x14ac:dyDescent="0.25">
      <c r="A6508">
        <v>1054</v>
      </c>
      <c r="B6508" t="s">
        <v>32</v>
      </c>
      <c r="C6508">
        <v>24</v>
      </c>
      <c r="D6508" t="s">
        <v>538</v>
      </c>
      <c r="E6508">
        <v>180</v>
      </c>
      <c r="F6508" t="s">
        <v>651</v>
      </c>
      <c r="G6508">
        <v>160</v>
      </c>
      <c r="H6508" t="s">
        <v>747</v>
      </c>
      <c r="I6508">
        <v>4847</v>
      </c>
      <c r="J6508" t="s">
        <v>730</v>
      </c>
      <c r="K6508">
        <v>66</v>
      </c>
      <c r="L6508" t="s">
        <v>3926</v>
      </c>
      <c r="M6508">
        <v>280</v>
      </c>
      <c r="N6508" t="s">
        <v>654</v>
      </c>
      <c r="O6508">
        <v>3</v>
      </c>
      <c r="P6508" t="s">
        <v>746</v>
      </c>
      <c r="Q6508">
        <v>2</v>
      </c>
      <c r="R6508" t="s">
        <v>669</v>
      </c>
      <c r="S6508">
        <v>1</v>
      </c>
      <c r="T6508" t="s">
        <v>661</v>
      </c>
      <c r="U6508">
        <v>8</v>
      </c>
      <c r="V6508">
        <v>4</v>
      </c>
      <c r="W6508">
        <v>240</v>
      </c>
      <c r="X6508">
        <v>2020</v>
      </c>
    </row>
    <row r="6509" spans="1:24" x14ac:dyDescent="0.25">
      <c r="A6509">
        <v>1053</v>
      </c>
      <c r="B6509" t="s">
        <v>32</v>
      </c>
      <c r="C6509">
        <v>24</v>
      </c>
      <c r="D6509" t="s">
        <v>538</v>
      </c>
      <c r="E6509">
        <v>180</v>
      </c>
      <c r="F6509" t="s">
        <v>651</v>
      </c>
      <c r="G6509">
        <v>160</v>
      </c>
      <c r="H6509" t="s">
        <v>747</v>
      </c>
      <c r="I6509">
        <v>4847</v>
      </c>
      <c r="J6509" t="s">
        <v>730</v>
      </c>
      <c r="K6509">
        <v>66</v>
      </c>
      <c r="L6509" t="s">
        <v>3926</v>
      </c>
      <c r="M6509">
        <v>280</v>
      </c>
      <c r="N6509" t="s">
        <v>654</v>
      </c>
      <c r="O6509">
        <v>3</v>
      </c>
      <c r="P6509" t="s">
        <v>655</v>
      </c>
      <c r="Q6509">
        <v>1</v>
      </c>
      <c r="R6509" t="s">
        <v>669</v>
      </c>
      <c r="S6509">
        <v>1</v>
      </c>
      <c r="T6509" t="s">
        <v>661</v>
      </c>
      <c r="U6509">
        <v>8</v>
      </c>
      <c r="V6509">
        <v>4</v>
      </c>
      <c r="W6509">
        <v>240</v>
      </c>
      <c r="X6509">
        <v>2020</v>
      </c>
    </row>
    <row r="6510" spans="1:24" x14ac:dyDescent="0.25">
      <c r="A6510">
        <v>1052</v>
      </c>
      <c r="B6510" t="s">
        <v>32</v>
      </c>
      <c r="C6510">
        <v>24</v>
      </c>
      <c r="D6510" t="s">
        <v>538</v>
      </c>
      <c r="E6510">
        <v>180</v>
      </c>
      <c r="F6510" t="s">
        <v>651</v>
      </c>
      <c r="G6510">
        <v>160</v>
      </c>
      <c r="H6510" t="s">
        <v>747</v>
      </c>
      <c r="I6510">
        <v>4847</v>
      </c>
      <c r="J6510" t="s">
        <v>749</v>
      </c>
      <c r="K6510">
        <v>63</v>
      </c>
      <c r="L6510" t="s">
        <v>3985</v>
      </c>
      <c r="M6510">
        <v>272</v>
      </c>
      <c r="N6510" t="s">
        <v>654</v>
      </c>
      <c r="O6510">
        <v>3</v>
      </c>
      <c r="P6510" t="s">
        <v>655</v>
      </c>
      <c r="Q6510">
        <v>1</v>
      </c>
      <c r="R6510" t="s">
        <v>669</v>
      </c>
      <c r="S6510">
        <v>1</v>
      </c>
      <c r="T6510" t="s">
        <v>661</v>
      </c>
      <c r="U6510">
        <v>8</v>
      </c>
      <c r="V6510">
        <v>4</v>
      </c>
      <c r="W6510">
        <v>240</v>
      </c>
      <c r="X6510">
        <v>2020</v>
      </c>
    </row>
    <row r="6511" spans="1:24" x14ac:dyDescent="0.25">
      <c r="A6511">
        <v>1051</v>
      </c>
      <c r="B6511" t="s">
        <v>32</v>
      </c>
      <c r="C6511">
        <v>24</v>
      </c>
      <c r="D6511" t="s">
        <v>538</v>
      </c>
      <c r="E6511">
        <v>180</v>
      </c>
      <c r="F6511" t="s">
        <v>651</v>
      </c>
      <c r="G6511">
        <v>160</v>
      </c>
      <c r="H6511" t="s">
        <v>747</v>
      </c>
      <c r="I6511">
        <v>4847</v>
      </c>
      <c r="J6511" t="s">
        <v>738</v>
      </c>
      <c r="K6511">
        <v>61</v>
      </c>
      <c r="L6511" t="s">
        <v>3988</v>
      </c>
      <c r="M6511">
        <v>261</v>
      </c>
      <c r="N6511" t="s">
        <v>654</v>
      </c>
      <c r="O6511">
        <v>3</v>
      </c>
      <c r="P6511" t="s">
        <v>655</v>
      </c>
      <c r="Q6511">
        <v>1</v>
      </c>
      <c r="R6511" t="s">
        <v>669</v>
      </c>
      <c r="S6511">
        <v>1</v>
      </c>
      <c r="T6511" t="s">
        <v>661</v>
      </c>
      <c r="U6511">
        <v>8</v>
      </c>
      <c r="V6511">
        <v>4</v>
      </c>
      <c r="W6511">
        <v>240</v>
      </c>
      <c r="X6511">
        <v>2020</v>
      </c>
    </row>
    <row r="6512" spans="1:24" x14ac:dyDescent="0.25">
      <c r="A6512">
        <v>1050</v>
      </c>
      <c r="B6512" t="s">
        <v>32</v>
      </c>
      <c r="C6512">
        <v>24</v>
      </c>
      <c r="D6512" t="s">
        <v>538</v>
      </c>
      <c r="E6512">
        <v>180</v>
      </c>
      <c r="F6512" t="s">
        <v>651</v>
      </c>
      <c r="G6512">
        <v>160</v>
      </c>
      <c r="H6512" t="s">
        <v>747</v>
      </c>
      <c r="I6512">
        <v>4847</v>
      </c>
      <c r="J6512" t="s">
        <v>707</v>
      </c>
      <c r="K6512">
        <v>59</v>
      </c>
      <c r="L6512" t="s">
        <v>708</v>
      </c>
      <c r="M6512">
        <v>242</v>
      </c>
      <c r="N6512" t="s">
        <v>654</v>
      </c>
      <c r="O6512">
        <v>3</v>
      </c>
      <c r="P6512" t="s">
        <v>746</v>
      </c>
      <c r="Q6512">
        <v>2</v>
      </c>
      <c r="R6512" t="s">
        <v>669</v>
      </c>
      <c r="S6512">
        <v>1</v>
      </c>
      <c r="T6512" t="s">
        <v>661</v>
      </c>
      <c r="U6512">
        <v>8</v>
      </c>
      <c r="V6512">
        <v>4</v>
      </c>
      <c r="W6512">
        <v>240</v>
      </c>
      <c r="X6512">
        <v>2020</v>
      </c>
    </row>
    <row r="6513" spans="1:24" x14ac:dyDescent="0.25">
      <c r="A6513">
        <v>1049</v>
      </c>
      <c r="B6513" t="s">
        <v>32</v>
      </c>
      <c r="C6513">
        <v>24</v>
      </c>
      <c r="D6513" t="s">
        <v>538</v>
      </c>
      <c r="E6513">
        <v>180</v>
      </c>
      <c r="F6513" t="s">
        <v>651</v>
      </c>
      <c r="G6513">
        <v>160</v>
      </c>
      <c r="H6513" t="s">
        <v>747</v>
      </c>
      <c r="I6513">
        <v>4847</v>
      </c>
      <c r="J6513" t="s">
        <v>707</v>
      </c>
      <c r="K6513">
        <v>59</v>
      </c>
      <c r="L6513" t="s">
        <v>708</v>
      </c>
      <c r="M6513">
        <v>242</v>
      </c>
      <c r="N6513" t="s">
        <v>654</v>
      </c>
      <c r="O6513">
        <v>3</v>
      </c>
      <c r="P6513" t="s">
        <v>655</v>
      </c>
      <c r="Q6513">
        <v>1</v>
      </c>
      <c r="R6513" t="s">
        <v>669</v>
      </c>
      <c r="S6513">
        <v>1</v>
      </c>
      <c r="T6513" t="s">
        <v>661</v>
      </c>
      <c r="U6513">
        <v>8</v>
      </c>
      <c r="V6513">
        <v>4</v>
      </c>
      <c r="W6513">
        <v>240</v>
      </c>
      <c r="X6513">
        <v>2020</v>
      </c>
    </row>
    <row r="6514" spans="1:24" x14ac:dyDescent="0.25">
      <c r="A6514">
        <v>1048</v>
      </c>
      <c r="B6514" t="s">
        <v>32</v>
      </c>
      <c r="C6514">
        <v>24</v>
      </c>
      <c r="D6514" t="s">
        <v>538</v>
      </c>
      <c r="E6514">
        <v>180</v>
      </c>
      <c r="F6514" t="s">
        <v>651</v>
      </c>
      <c r="G6514">
        <v>160</v>
      </c>
      <c r="H6514" t="s">
        <v>747</v>
      </c>
      <c r="I6514">
        <v>4847</v>
      </c>
      <c r="J6514" t="s">
        <v>693</v>
      </c>
      <c r="K6514">
        <v>56</v>
      </c>
      <c r="L6514" t="s">
        <v>3929</v>
      </c>
      <c r="M6514">
        <v>223</v>
      </c>
      <c r="N6514" t="s">
        <v>654</v>
      </c>
      <c r="O6514">
        <v>3</v>
      </c>
      <c r="P6514" t="s">
        <v>655</v>
      </c>
      <c r="Q6514">
        <v>1</v>
      </c>
      <c r="R6514" t="s">
        <v>669</v>
      </c>
      <c r="S6514">
        <v>1</v>
      </c>
      <c r="T6514" t="s">
        <v>661</v>
      </c>
      <c r="U6514">
        <v>8</v>
      </c>
      <c r="V6514">
        <v>4</v>
      </c>
      <c r="W6514">
        <v>240</v>
      </c>
      <c r="X6514">
        <v>2020</v>
      </c>
    </row>
    <row r="6515" spans="1:24" x14ac:dyDescent="0.25">
      <c r="A6515">
        <v>1047</v>
      </c>
      <c r="B6515" t="s">
        <v>32</v>
      </c>
      <c r="C6515">
        <v>24</v>
      </c>
      <c r="D6515" t="s">
        <v>538</v>
      </c>
      <c r="E6515">
        <v>180</v>
      </c>
      <c r="F6515" t="s">
        <v>651</v>
      </c>
      <c r="G6515">
        <v>160</v>
      </c>
      <c r="H6515" t="s">
        <v>747</v>
      </c>
      <c r="I6515">
        <v>4847</v>
      </c>
      <c r="J6515" t="s">
        <v>695</v>
      </c>
      <c r="K6515">
        <v>54</v>
      </c>
      <c r="L6515" t="s">
        <v>3787</v>
      </c>
      <c r="M6515">
        <v>214</v>
      </c>
      <c r="N6515" t="s">
        <v>654</v>
      </c>
      <c r="O6515">
        <v>3</v>
      </c>
      <c r="P6515" t="s">
        <v>655</v>
      </c>
      <c r="Q6515">
        <v>1</v>
      </c>
      <c r="R6515" t="s">
        <v>669</v>
      </c>
      <c r="S6515">
        <v>1</v>
      </c>
      <c r="T6515" t="s">
        <v>661</v>
      </c>
      <c r="U6515">
        <v>8</v>
      </c>
      <c r="V6515">
        <v>4</v>
      </c>
      <c r="W6515">
        <v>240</v>
      </c>
      <c r="X6515">
        <v>2020</v>
      </c>
    </row>
    <row r="6516" spans="1:24" x14ac:dyDescent="0.25">
      <c r="A6516">
        <v>1046</v>
      </c>
      <c r="B6516" t="s">
        <v>32</v>
      </c>
      <c r="C6516">
        <v>24</v>
      </c>
      <c r="D6516" t="s">
        <v>321</v>
      </c>
      <c r="E6516">
        <v>179</v>
      </c>
      <c r="F6516" t="s">
        <v>651</v>
      </c>
      <c r="G6516">
        <v>160</v>
      </c>
      <c r="H6516" t="s">
        <v>747</v>
      </c>
      <c r="I6516">
        <v>4847</v>
      </c>
      <c r="J6516" t="s">
        <v>687</v>
      </c>
      <c r="K6516">
        <v>82</v>
      </c>
      <c r="L6516" t="s">
        <v>1914</v>
      </c>
      <c r="M6516">
        <v>337</v>
      </c>
      <c r="N6516" t="s">
        <v>654</v>
      </c>
      <c r="O6516">
        <v>3</v>
      </c>
      <c r="P6516" t="s">
        <v>655</v>
      </c>
      <c r="Q6516">
        <v>1</v>
      </c>
      <c r="R6516" t="s">
        <v>669</v>
      </c>
      <c r="S6516">
        <v>1</v>
      </c>
      <c r="T6516" t="s">
        <v>661</v>
      </c>
      <c r="U6516">
        <v>8</v>
      </c>
      <c r="V6516">
        <v>3</v>
      </c>
      <c r="W6516">
        <v>180</v>
      </c>
      <c r="X6516">
        <v>2020</v>
      </c>
    </row>
    <row r="6517" spans="1:24" x14ac:dyDescent="0.25">
      <c r="A6517">
        <v>1045</v>
      </c>
      <c r="B6517" t="s">
        <v>32</v>
      </c>
      <c r="C6517">
        <v>24</v>
      </c>
      <c r="D6517" t="s">
        <v>321</v>
      </c>
      <c r="E6517">
        <v>179</v>
      </c>
      <c r="F6517" t="s">
        <v>651</v>
      </c>
      <c r="G6517">
        <v>160</v>
      </c>
      <c r="H6517" t="s">
        <v>747</v>
      </c>
      <c r="I6517">
        <v>4847</v>
      </c>
      <c r="J6517" t="s">
        <v>1931</v>
      </c>
      <c r="K6517">
        <v>80</v>
      </c>
      <c r="L6517" t="s">
        <v>878</v>
      </c>
      <c r="M6517">
        <v>329</v>
      </c>
      <c r="N6517" t="s">
        <v>654</v>
      </c>
      <c r="O6517">
        <v>3</v>
      </c>
      <c r="P6517" t="s">
        <v>655</v>
      </c>
      <c r="Q6517">
        <v>1</v>
      </c>
      <c r="R6517" t="s">
        <v>669</v>
      </c>
      <c r="S6517">
        <v>1</v>
      </c>
      <c r="T6517" t="s">
        <v>661</v>
      </c>
      <c r="U6517">
        <v>8</v>
      </c>
      <c r="V6517">
        <v>5</v>
      </c>
      <c r="W6517">
        <v>300</v>
      </c>
      <c r="X6517">
        <v>2020</v>
      </c>
    </row>
    <row r="6518" spans="1:24" x14ac:dyDescent="0.25">
      <c r="A6518">
        <v>1043</v>
      </c>
      <c r="B6518" t="s">
        <v>32</v>
      </c>
      <c r="C6518">
        <v>24</v>
      </c>
      <c r="D6518" t="s">
        <v>54</v>
      </c>
      <c r="E6518">
        <v>178</v>
      </c>
      <c r="F6518" t="s">
        <v>651</v>
      </c>
      <c r="G6518">
        <v>160</v>
      </c>
      <c r="H6518" t="s">
        <v>747</v>
      </c>
      <c r="I6518">
        <v>4847</v>
      </c>
      <c r="J6518" t="s">
        <v>671</v>
      </c>
      <c r="K6518">
        <v>81</v>
      </c>
      <c r="L6518" t="s">
        <v>920</v>
      </c>
      <c r="M6518">
        <v>335</v>
      </c>
      <c r="N6518" t="s">
        <v>654</v>
      </c>
      <c r="O6518">
        <v>3</v>
      </c>
      <c r="P6518" t="s">
        <v>655</v>
      </c>
      <c r="Q6518">
        <v>1</v>
      </c>
      <c r="R6518" t="s">
        <v>669</v>
      </c>
      <c r="S6518">
        <v>1</v>
      </c>
      <c r="T6518" t="s">
        <v>661</v>
      </c>
      <c r="U6518">
        <v>8</v>
      </c>
      <c r="V6518">
        <v>3</v>
      </c>
      <c r="W6518">
        <v>180</v>
      </c>
      <c r="X6518">
        <v>2020</v>
      </c>
    </row>
    <row r="6519" spans="1:24" x14ac:dyDescent="0.25">
      <c r="A6519">
        <v>1042</v>
      </c>
      <c r="B6519" t="s">
        <v>32</v>
      </c>
      <c r="C6519">
        <v>24</v>
      </c>
      <c r="D6519" t="s">
        <v>54</v>
      </c>
      <c r="E6519">
        <v>178</v>
      </c>
      <c r="F6519" t="s">
        <v>651</v>
      </c>
      <c r="G6519">
        <v>160</v>
      </c>
      <c r="H6519" t="s">
        <v>747</v>
      </c>
      <c r="I6519">
        <v>4847</v>
      </c>
      <c r="J6519" t="s">
        <v>751</v>
      </c>
      <c r="K6519">
        <v>79</v>
      </c>
      <c r="L6519" t="s">
        <v>752</v>
      </c>
      <c r="M6519">
        <v>328</v>
      </c>
      <c r="N6519" t="s">
        <v>654</v>
      </c>
      <c r="O6519">
        <v>3</v>
      </c>
      <c r="P6519" t="s">
        <v>655</v>
      </c>
      <c r="Q6519">
        <v>1</v>
      </c>
      <c r="R6519" t="s">
        <v>669</v>
      </c>
      <c r="S6519">
        <v>1</v>
      </c>
      <c r="T6519" t="s">
        <v>661</v>
      </c>
      <c r="U6519">
        <v>8</v>
      </c>
      <c r="V6519">
        <v>6</v>
      </c>
      <c r="W6519">
        <v>360</v>
      </c>
      <c r="X6519">
        <v>2020</v>
      </c>
    </row>
    <row r="6520" spans="1:24" x14ac:dyDescent="0.25">
      <c r="A6520">
        <v>1041</v>
      </c>
      <c r="B6520" t="s">
        <v>32</v>
      </c>
      <c r="C6520">
        <v>24</v>
      </c>
      <c r="D6520" t="s">
        <v>322</v>
      </c>
      <c r="E6520">
        <v>177</v>
      </c>
      <c r="F6520" t="s">
        <v>651</v>
      </c>
      <c r="G6520">
        <v>160</v>
      </c>
      <c r="H6520" t="s">
        <v>747</v>
      </c>
      <c r="I6520">
        <v>4847</v>
      </c>
      <c r="J6520" t="s">
        <v>915</v>
      </c>
      <c r="K6520">
        <v>78</v>
      </c>
      <c r="L6520" t="s">
        <v>1266</v>
      </c>
      <c r="M6520">
        <v>334</v>
      </c>
      <c r="N6520" t="s">
        <v>654</v>
      </c>
      <c r="O6520">
        <v>3</v>
      </c>
      <c r="P6520" t="s">
        <v>655</v>
      </c>
      <c r="Q6520">
        <v>1</v>
      </c>
      <c r="R6520" t="s">
        <v>669</v>
      </c>
      <c r="S6520">
        <v>1</v>
      </c>
      <c r="T6520" t="s">
        <v>661</v>
      </c>
      <c r="U6520">
        <v>8</v>
      </c>
      <c r="V6520">
        <v>3</v>
      </c>
      <c r="W6520">
        <v>180</v>
      </c>
      <c r="X6520">
        <v>2020</v>
      </c>
    </row>
    <row r="6521" spans="1:24" x14ac:dyDescent="0.25">
      <c r="A6521">
        <v>1038</v>
      </c>
      <c r="B6521" t="s">
        <v>32</v>
      </c>
      <c r="C6521">
        <v>24</v>
      </c>
      <c r="D6521" t="s">
        <v>322</v>
      </c>
      <c r="E6521">
        <v>177</v>
      </c>
      <c r="F6521" t="s">
        <v>651</v>
      </c>
      <c r="G6521">
        <v>160</v>
      </c>
      <c r="H6521" t="s">
        <v>747</v>
      </c>
      <c r="I6521">
        <v>4847</v>
      </c>
      <c r="J6521" t="s">
        <v>932</v>
      </c>
      <c r="K6521">
        <v>77</v>
      </c>
      <c r="L6521" t="s">
        <v>933</v>
      </c>
      <c r="M6521">
        <v>330</v>
      </c>
      <c r="N6521" t="s">
        <v>654</v>
      </c>
      <c r="O6521">
        <v>3</v>
      </c>
      <c r="P6521" t="s">
        <v>655</v>
      </c>
      <c r="Q6521">
        <v>1</v>
      </c>
      <c r="R6521" t="s">
        <v>669</v>
      </c>
      <c r="S6521">
        <v>1</v>
      </c>
      <c r="T6521" t="s">
        <v>661</v>
      </c>
      <c r="U6521">
        <v>8</v>
      </c>
      <c r="V6521">
        <v>4</v>
      </c>
      <c r="W6521">
        <v>240</v>
      </c>
      <c r="X6521">
        <v>2020</v>
      </c>
    </row>
    <row r="6522" spans="1:24" x14ac:dyDescent="0.25">
      <c r="A6522">
        <v>1037</v>
      </c>
      <c r="B6522" t="s">
        <v>32</v>
      </c>
      <c r="C6522">
        <v>24</v>
      </c>
      <c r="D6522" t="s">
        <v>322</v>
      </c>
      <c r="E6522">
        <v>177</v>
      </c>
      <c r="F6522" t="s">
        <v>651</v>
      </c>
      <c r="G6522">
        <v>160</v>
      </c>
      <c r="H6522" t="s">
        <v>747</v>
      </c>
      <c r="I6522">
        <v>4847</v>
      </c>
      <c r="J6522" t="s">
        <v>932</v>
      </c>
      <c r="K6522">
        <v>77</v>
      </c>
      <c r="L6522" t="s">
        <v>839</v>
      </c>
      <c r="M6522">
        <v>327</v>
      </c>
      <c r="N6522" t="s">
        <v>654</v>
      </c>
      <c r="O6522">
        <v>3</v>
      </c>
      <c r="P6522" t="s">
        <v>655</v>
      </c>
      <c r="Q6522">
        <v>1</v>
      </c>
      <c r="R6522" t="s">
        <v>669</v>
      </c>
      <c r="S6522">
        <v>1</v>
      </c>
      <c r="T6522" t="s">
        <v>718</v>
      </c>
      <c r="U6522">
        <v>2</v>
      </c>
      <c r="V6522">
        <v>6</v>
      </c>
      <c r="W6522">
        <v>360</v>
      </c>
      <c r="X6522">
        <v>2020</v>
      </c>
    </row>
    <row r="6523" spans="1:24" x14ac:dyDescent="0.25">
      <c r="A6523">
        <v>1036</v>
      </c>
      <c r="B6523" t="s">
        <v>32</v>
      </c>
      <c r="C6523">
        <v>24</v>
      </c>
      <c r="D6523" t="s">
        <v>322</v>
      </c>
      <c r="E6523">
        <v>177</v>
      </c>
      <c r="F6523" t="s">
        <v>651</v>
      </c>
      <c r="G6523">
        <v>160</v>
      </c>
      <c r="H6523" t="s">
        <v>747</v>
      </c>
      <c r="I6523">
        <v>4847</v>
      </c>
      <c r="J6523" t="s">
        <v>932</v>
      </c>
      <c r="K6523">
        <v>77</v>
      </c>
      <c r="L6523" t="s">
        <v>839</v>
      </c>
      <c r="M6523">
        <v>327</v>
      </c>
      <c r="N6523" t="s">
        <v>654</v>
      </c>
      <c r="O6523">
        <v>3</v>
      </c>
      <c r="P6523" t="s">
        <v>655</v>
      </c>
      <c r="Q6523">
        <v>1</v>
      </c>
      <c r="R6523" t="s">
        <v>669</v>
      </c>
      <c r="S6523">
        <v>1</v>
      </c>
      <c r="T6523" t="s">
        <v>661</v>
      </c>
      <c r="U6523">
        <v>8</v>
      </c>
      <c r="V6523">
        <v>6</v>
      </c>
      <c r="W6523">
        <v>360</v>
      </c>
      <c r="X6523">
        <v>2020</v>
      </c>
    </row>
    <row r="6524" spans="1:24" x14ac:dyDescent="0.25">
      <c r="A6524">
        <v>1035</v>
      </c>
      <c r="B6524" t="s">
        <v>32</v>
      </c>
      <c r="C6524">
        <v>24</v>
      </c>
      <c r="D6524" t="s">
        <v>316</v>
      </c>
      <c r="E6524">
        <v>176</v>
      </c>
      <c r="F6524" t="s">
        <v>651</v>
      </c>
      <c r="G6524">
        <v>160</v>
      </c>
      <c r="H6524" t="s">
        <v>747</v>
      </c>
      <c r="I6524">
        <v>4847</v>
      </c>
      <c r="J6524" t="s">
        <v>294</v>
      </c>
      <c r="K6524">
        <v>31</v>
      </c>
      <c r="L6524" t="s">
        <v>294</v>
      </c>
      <c r="M6524">
        <v>98</v>
      </c>
      <c r="N6524" t="s">
        <v>654</v>
      </c>
      <c r="O6524">
        <v>3</v>
      </c>
      <c r="P6524" t="s">
        <v>655</v>
      </c>
      <c r="Q6524">
        <v>1</v>
      </c>
      <c r="R6524" t="s">
        <v>669</v>
      </c>
      <c r="S6524">
        <v>1</v>
      </c>
      <c r="T6524" t="s">
        <v>661</v>
      </c>
      <c r="U6524">
        <v>8</v>
      </c>
      <c r="V6524">
        <v>3</v>
      </c>
      <c r="W6524">
        <v>180</v>
      </c>
      <c r="X6524">
        <v>2020</v>
      </c>
    </row>
    <row r="6525" spans="1:24" x14ac:dyDescent="0.25">
      <c r="A6525">
        <v>1034</v>
      </c>
      <c r="B6525" t="s">
        <v>32</v>
      </c>
      <c r="C6525">
        <v>24</v>
      </c>
      <c r="D6525" t="s">
        <v>316</v>
      </c>
      <c r="E6525">
        <v>176</v>
      </c>
      <c r="F6525" t="s">
        <v>651</v>
      </c>
      <c r="G6525">
        <v>160</v>
      </c>
      <c r="H6525" t="s">
        <v>747</v>
      </c>
      <c r="I6525">
        <v>4847</v>
      </c>
      <c r="J6525" t="s">
        <v>295</v>
      </c>
      <c r="K6525">
        <v>30</v>
      </c>
      <c r="L6525" t="s">
        <v>295</v>
      </c>
      <c r="M6525">
        <v>96</v>
      </c>
      <c r="N6525" t="s">
        <v>654</v>
      </c>
      <c r="O6525">
        <v>3</v>
      </c>
      <c r="P6525" t="s">
        <v>655</v>
      </c>
      <c r="Q6525">
        <v>1</v>
      </c>
      <c r="R6525" t="s">
        <v>669</v>
      </c>
      <c r="S6525">
        <v>1</v>
      </c>
      <c r="T6525" t="s">
        <v>661</v>
      </c>
      <c r="U6525">
        <v>8</v>
      </c>
      <c r="V6525">
        <v>3</v>
      </c>
      <c r="W6525">
        <v>180</v>
      </c>
      <c r="X6525">
        <v>2020</v>
      </c>
    </row>
    <row r="6526" spans="1:24" x14ac:dyDescent="0.25">
      <c r="A6526">
        <v>1033</v>
      </c>
      <c r="B6526" t="s">
        <v>32</v>
      </c>
      <c r="C6526">
        <v>24</v>
      </c>
      <c r="D6526" t="s">
        <v>316</v>
      </c>
      <c r="E6526">
        <v>176</v>
      </c>
      <c r="F6526" t="s">
        <v>651</v>
      </c>
      <c r="G6526">
        <v>160</v>
      </c>
      <c r="H6526" t="s">
        <v>747</v>
      </c>
      <c r="I6526">
        <v>4847</v>
      </c>
      <c r="J6526" t="s">
        <v>955</v>
      </c>
      <c r="K6526">
        <v>29</v>
      </c>
      <c r="L6526" t="s">
        <v>2089</v>
      </c>
      <c r="M6526">
        <v>94</v>
      </c>
      <c r="N6526" t="s">
        <v>654</v>
      </c>
      <c r="O6526">
        <v>3</v>
      </c>
      <c r="P6526" t="s">
        <v>689</v>
      </c>
      <c r="Q6526">
        <v>4</v>
      </c>
      <c r="R6526" t="s">
        <v>669</v>
      </c>
      <c r="S6526">
        <v>1</v>
      </c>
      <c r="T6526" t="s">
        <v>661</v>
      </c>
      <c r="U6526">
        <v>8</v>
      </c>
      <c r="V6526">
        <v>3</v>
      </c>
      <c r="W6526">
        <v>180</v>
      </c>
      <c r="X6526">
        <v>2020</v>
      </c>
    </row>
    <row r="6527" spans="1:24" x14ac:dyDescent="0.25">
      <c r="A6527">
        <v>1032</v>
      </c>
      <c r="B6527" t="s">
        <v>32</v>
      </c>
      <c r="C6527">
        <v>24</v>
      </c>
      <c r="D6527" t="s">
        <v>316</v>
      </c>
      <c r="E6527">
        <v>176</v>
      </c>
      <c r="F6527" t="s">
        <v>651</v>
      </c>
      <c r="G6527">
        <v>160</v>
      </c>
      <c r="H6527" t="s">
        <v>747</v>
      </c>
      <c r="I6527">
        <v>4847</v>
      </c>
      <c r="J6527" t="s">
        <v>955</v>
      </c>
      <c r="K6527">
        <v>29</v>
      </c>
      <c r="L6527" t="s">
        <v>2089</v>
      </c>
      <c r="M6527">
        <v>94</v>
      </c>
      <c r="N6527" t="s">
        <v>654</v>
      </c>
      <c r="O6527">
        <v>3</v>
      </c>
      <c r="P6527" t="s">
        <v>655</v>
      </c>
      <c r="Q6527">
        <v>1</v>
      </c>
      <c r="R6527" t="s">
        <v>669</v>
      </c>
      <c r="S6527">
        <v>1</v>
      </c>
      <c r="T6527" t="s">
        <v>661</v>
      </c>
      <c r="U6527">
        <v>8</v>
      </c>
      <c r="V6527">
        <v>3</v>
      </c>
      <c r="W6527">
        <v>180</v>
      </c>
      <c r="X6527">
        <v>2020</v>
      </c>
    </row>
    <row r="6528" spans="1:24" x14ac:dyDescent="0.25">
      <c r="A6528">
        <v>1031</v>
      </c>
      <c r="B6528" t="s">
        <v>32</v>
      </c>
      <c r="C6528">
        <v>24</v>
      </c>
      <c r="D6528" t="s">
        <v>316</v>
      </c>
      <c r="E6528">
        <v>176</v>
      </c>
      <c r="F6528" t="s">
        <v>651</v>
      </c>
      <c r="G6528">
        <v>160</v>
      </c>
      <c r="H6528" t="s">
        <v>747</v>
      </c>
      <c r="I6528">
        <v>4847</v>
      </c>
      <c r="J6528" t="s">
        <v>299</v>
      </c>
      <c r="K6528">
        <v>27</v>
      </c>
      <c r="L6528" t="s">
        <v>690</v>
      </c>
      <c r="M6528">
        <v>89</v>
      </c>
      <c r="N6528" t="s">
        <v>654</v>
      </c>
      <c r="O6528">
        <v>3</v>
      </c>
      <c r="P6528" t="s">
        <v>689</v>
      </c>
      <c r="Q6528">
        <v>4</v>
      </c>
      <c r="R6528" t="s">
        <v>669</v>
      </c>
      <c r="S6528">
        <v>1</v>
      </c>
      <c r="T6528" t="s">
        <v>661</v>
      </c>
      <c r="U6528">
        <v>8</v>
      </c>
      <c r="V6528">
        <v>3</v>
      </c>
      <c r="W6528">
        <v>180</v>
      </c>
      <c r="X6528">
        <v>2020</v>
      </c>
    </row>
    <row r="6529" spans="1:24" x14ac:dyDescent="0.25">
      <c r="A6529">
        <v>1030</v>
      </c>
      <c r="B6529" t="s">
        <v>32</v>
      </c>
      <c r="C6529">
        <v>24</v>
      </c>
      <c r="D6529" t="s">
        <v>316</v>
      </c>
      <c r="E6529">
        <v>176</v>
      </c>
      <c r="F6529" t="s">
        <v>651</v>
      </c>
      <c r="G6529">
        <v>160</v>
      </c>
      <c r="H6529" t="s">
        <v>747</v>
      </c>
      <c r="I6529">
        <v>4847</v>
      </c>
      <c r="J6529" t="s">
        <v>299</v>
      </c>
      <c r="K6529">
        <v>27</v>
      </c>
      <c r="L6529" t="s">
        <v>690</v>
      </c>
      <c r="M6529">
        <v>89</v>
      </c>
      <c r="N6529" t="s">
        <v>654</v>
      </c>
      <c r="O6529">
        <v>3</v>
      </c>
      <c r="P6529" t="s">
        <v>655</v>
      </c>
      <c r="Q6529">
        <v>1</v>
      </c>
      <c r="R6529" t="s">
        <v>669</v>
      </c>
      <c r="S6529">
        <v>1</v>
      </c>
      <c r="T6529" t="s">
        <v>661</v>
      </c>
      <c r="U6529">
        <v>8</v>
      </c>
      <c r="V6529">
        <v>3</v>
      </c>
      <c r="W6529">
        <v>180</v>
      </c>
      <c r="X6529">
        <v>2020</v>
      </c>
    </row>
    <row r="6530" spans="1:24" x14ac:dyDescent="0.25">
      <c r="A6530">
        <v>1029</v>
      </c>
      <c r="B6530" t="s">
        <v>32</v>
      </c>
      <c r="C6530">
        <v>24</v>
      </c>
      <c r="D6530" t="s">
        <v>316</v>
      </c>
      <c r="E6530">
        <v>176</v>
      </c>
      <c r="F6530" t="s">
        <v>651</v>
      </c>
      <c r="G6530">
        <v>160</v>
      </c>
      <c r="H6530" t="s">
        <v>747</v>
      </c>
      <c r="I6530">
        <v>4847</v>
      </c>
      <c r="J6530" t="s">
        <v>301</v>
      </c>
      <c r="K6530">
        <v>26</v>
      </c>
      <c r="L6530" t="s">
        <v>930</v>
      </c>
      <c r="M6530">
        <v>84</v>
      </c>
      <c r="N6530" t="s">
        <v>654</v>
      </c>
      <c r="O6530">
        <v>3</v>
      </c>
      <c r="P6530" t="s">
        <v>689</v>
      </c>
      <c r="Q6530">
        <v>4</v>
      </c>
      <c r="R6530" t="s">
        <v>669</v>
      </c>
      <c r="S6530">
        <v>1</v>
      </c>
      <c r="T6530" t="s">
        <v>661</v>
      </c>
      <c r="U6530">
        <v>8</v>
      </c>
      <c r="V6530">
        <v>3</v>
      </c>
      <c r="W6530">
        <v>180</v>
      </c>
      <c r="X6530">
        <v>2020</v>
      </c>
    </row>
    <row r="6531" spans="1:24" x14ac:dyDescent="0.25">
      <c r="A6531">
        <v>1028</v>
      </c>
      <c r="B6531" t="s">
        <v>32</v>
      </c>
      <c r="C6531">
        <v>24</v>
      </c>
      <c r="D6531" t="s">
        <v>316</v>
      </c>
      <c r="E6531">
        <v>176</v>
      </c>
      <c r="F6531" t="s">
        <v>651</v>
      </c>
      <c r="G6531">
        <v>160</v>
      </c>
      <c r="H6531" t="s">
        <v>747</v>
      </c>
      <c r="I6531">
        <v>4847</v>
      </c>
      <c r="J6531" t="s">
        <v>301</v>
      </c>
      <c r="K6531">
        <v>26</v>
      </c>
      <c r="L6531" t="s">
        <v>930</v>
      </c>
      <c r="M6531">
        <v>84</v>
      </c>
      <c r="N6531" t="s">
        <v>654</v>
      </c>
      <c r="O6531">
        <v>3</v>
      </c>
      <c r="P6531" t="s">
        <v>655</v>
      </c>
      <c r="Q6531">
        <v>1</v>
      </c>
      <c r="R6531" t="s">
        <v>669</v>
      </c>
      <c r="S6531">
        <v>1</v>
      </c>
      <c r="T6531" t="s">
        <v>661</v>
      </c>
      <c r="U6531">
        <v>8</v>
      </c>
      <c r="V6531">
        <v>3</v>
      </c>
      <c r="W6531">
        <v>180</v>
      </c>
      <c r="X6531">
        <v>2020</v>
      </c>
    </row>
    <row r="6532" spans="1:24" x14ac:dyDescent="0.25">
      <c r="A6532">
        <v>1027</v>
      </c>
      <c r="B6532" t="s">
        <v>32</v>
      </c>
      <c r="C6532">
        <v>24</v>
      </c>
      <c r="D6532" t="s">
        <v>316</v>
      </c>
      <c r="E6532">
        <v>176</v>
      </c>
      <c r="F6532" t="s">
        <v>651</v>
      </c>
      <c r="G6532">
        <v>160</v>
      </c>
      <c r="H6532" t="s">
        <v>747</v>
      </c>
      <c r="I6532">
        <v>4847</v>
      </c>
      <c r="J6532" t="s">
        <v>807</v>
      </c>
      <c r="K6532">
        <v>25</v>
      </c>
      <c r="L6532" t="s">
        <v>1603</v>
      </c>
      <c r="M6532">
        <v>81</v>
      </c>
      <c r="N6532" t="s">
        <v>654</v>
      </c>
      <c r="O6532">
        <v>3</v>
      </c>
      <c r="P6532" t="s">
        <v>689</v>
      </c>
      <c r="Q6532">
        <v>4</v>
      </c>
      <c r="R6532" t="s">
        <v>669</v>
      </c>
      <c r="S6532">
        <v>1</v>
      </c>
      <c r="T6532" t="s">
        <v>661</v>
      </c>
      <c r="U6532">
        <v>8</v>
      </c>
      <c r="V6532">
        <v>3</v>
      </c>
      <c r="W6532">
        <v>180</v>
      </c>
      <c r="X6532">
        <v>2020</v>
      </c>
    </row>
    <row r="6533" spans="1:24" x14ac:dyDescent="0.25">
      <c r="A6533">
        <v>1026</v>
      </c>
      <c r="B6533" t="s">
        <v>32</v>
      </c>
      <c r="C6533">
        <v>24</v>
      </c>
      <c r="D6533" t="s">
        <v>316</v>
      </c>
      <c r="E6533">
        <v>176</v>
      </c>
      <c r="F6533" t="s">
        <v>651</v>
      </c>
      <c r="G6533">
        <v>160</v>
      </c>
      <c r="H6533" t="s">
        <v>747</v>
      </c>
      <c r="I6533">
        <v>4847</v>
      </c>
      <c r="J6533" t="s">
        <v>807</v>
      </c>
      <c r="K6533">
        <v>25</v>
      </c>
      <c r="L6533" t="s">
        <v>1603</v>
      </c>
      <c r="M6533">
        <v>81</v>
      </c>
      <c r="N6533" t="s">
        <v>654</v>
      </c>
      <c r="O6533">
        <v>3</v>
      </c>
      <c r="P6533" t="s">
        <v>655</v>
      </c>
      <c r="Q6533">
        <v>1</v>
      </c>
      <c r="R6533" t="s">
        <v>669</v>
      </c>
      <c r="S6533">
        <v>1</v>
      </c>
      <c r="T6533" t="s">
        <v>661</v>
      </c>
      <c r="U6533">
        <v>8</v>
      </c>
      <c r="V6533">
        <v>3</v>
      </c>
      <c r="W6533">
        <v>180</v>
      </c>
      <c r="X6533">
        <v>2020</v>
      </c>
    </row>
    <row r="6534" spans="1:24" x14ac:dyDescent="0.25">
      <c r="A6534">
        <v>1025</v>
      </c>
      <c r="B6534" t="s">
        <v>32</v>
      </c>
      <c r="C6534">
        <v>24</v>
      </c>
      <c r="D6534" t="s">
        <v>458</v>
      </c>
      <c r="E6534">
        <v>175</v>
      </c>
      <c r="F6534" t="s">
        <v>651</v>
      </c>
      <c r="G6534">
        <v>160</v>
      </c>
      <c r="H6534" t="s">
        <v>747</v>
      </c>
      <c r="I6534">
        <v>4847</v>
      </c>
      <c r="J6534" t="s">
        <v>676</v>
      </c>
      <c r="K6534">
        <v>4</v>
      </c>
      <c r="L6534" t="s">
        <v>676</v>
      </c>
      <c r="M6534">
        <v>12</v>
      </c>
      <c r="N6534" t="s">
        <v>654</v>
      </c>
      <c r="O6534">
        <v>3</v>
      </c>
      <c r="P6534" t="s">
        <v>655</v>
      </c>
      <c r="Q6534">
        <v>1</v>
      </c>
      <c r="R6534" t="s">
        <v>669</v>
      </c>
      <c r="S6534">
        <v>1</v>
      </c>
      <c r="T6534" t="s">
        <v>661</v>
      </c>
      <c r="U6534">
        <v>8</v>
      </c>
      <c r="V6534">
        <v>3</v>
      </c>
      <c r="W6534">
        <v>180</v>
      </c>
      <c r="X6534">
        <v>2020</v>
      </c>
    </row>
    <row r="6535" spans="1:24" x14ac:dyDescent="0.25">
      <c r="A6535">
        <v>1024</v>
      </c>
      <c r="B6535" t="s">
        <v>32</v>
      </c>
      <c r="C6535">
        <v>24</v>
      </c>
      <c r="D6535" t="s">
        <v>458</v>
      </c>
      <c r="E6535">
        <v>175</v>
      </c>
      <c r="F6535" t="s">
        <v>651</v>
      </c>
      <c r="G6535">
        <v>160</v>
      </c>
      <c r="H6535" t="s">
        <v>747</v>
      </c>
      <c r="I6535">
        <v>4847</v>
      </c>
      <c r="J6535" t="s">
        <v>885</v>
      </c>
      <c r="K6535">
        <v>1</v>
      </c>
      <c r="L6535" t="s">
        <v>1543</v>
      </c>
      <c r="M6535">
        <v>3</v>
      </c>
      <c r="N6535" t="s">
        <v>654</v>
      </c>
      <c r="O6535">
        <v>3</v>
      </c>
      <c r="P6535" t="s">
        <v>655</v>
      </c>
      <c r="Q6535">
        <v>1</v>
      </c>
      <c r="R6535" t="s">
        <v>669</v>
      </c>
      <c r="S6535">
        <v>1</v>
      </c>
      <c r="T6535" t="s">
        <v>661</v>
      </c>
      <c r="U6535">
        <v>8</v>
      </c>
      <c r="V6535">
        <v>3</v>
      </c>
      <c r="W6535">
        <v>180</v>
      </c>
      <c r="X6535">
        <v>2020</v>
      </c>
    </row>
    <row r="6536" spans="1:24" x14ac:dyDescent="0.25">
      <c r="A6536">
        <v>1023</v>
      </c>
      <c r="B6536" t="s">
        <v>32</v>
      </c>
      <c r="C6536">
        <v>24</v>
      </c>
      <c r="D6536" t="s">
        <v>458</v>
      </c>
      <c r="E6536">
        <v>175</v>
      </c>
      <c r="F6536" t="s">
        <v>651</v>
      </c>
      <c r="G6536">
        <v>160</v>
      </c>
      <c r="H6536" t="s">
        <v>747</v>
      </c>
      <c r="I6536">
        <v>4847</v>
      </c>
      <c r="J6536" t="s">
        <v>885</v>
      </c>
      <c r="K6536">
        <v>1</v>
      </c>
      <c r="L6536" t="s">
        <v>885</v>
      </c>
      <c r="M6536">
        <v>1</v>
      </c>
      <c r="N6536" t="s">
        <v>654</v>
      </c>
      <c r="O6536">
        <v>3</v>
      </c>
      <c r="P6536" t="s">
        <v>655</v>
      </c>
      <c r="Q6536">
        <v>1</v>
      </c>
      <c r="R6536" t="s">
        <v>669</v>
      </c>
      <c r="S6536">
        <v>1</v>
      </c>
      <c r="T6536" t="s">
        <v>661</v>
      </c>
      <c r="U6536">
        <v>8</v>
      </c>
      <c r="V6536">
        <v>3</v>
      </c>
      <c r="W6536">
        <v>180</v>
      </c>
      <c r="X6536">
        <v>2020</v>
      </c>
    </row>
    <row r="6537" spans="1:24" x14ac:dyDescent="0.25">
      <c r="A6537">
        <v>1022</v>
      </c>
      <c r="B6537" t="s">
        <v>32</v>
      </c>
      <c r="C6537">
        <v>24</v>
      </c>
      <c r="D6537" t="s">
        <v>539</v>
      </c>
      <c r="E6537">
        <v>174</v>
      </c>
      <c r="F6537" t="s">
        <v>651</v>
      </c>
      <c r="G6537">
        <v>160</v>
      </c>
      <c r="H6537" t="s">
        <v>747</v>
      </c>
      <c r="I6537">
        <v>4847</v>
      </c>
      <c r="J6537" t="s">
        <v>705</v>
      </c>
      <c r="K6537">
        <v>70</v>
      </c>
      <c r="L6537" t="s">
        <v>3794</v>
      </c>
      <c r="M6537">
        <v>309</v>
      </c>
      <c r="N6537" t="s">
        <v>654</v>
      </c>
      <c r="O6537">
        <v>3</v>
      </c>
      <c r="P6537" t="s">
        <v>655</v>
      </c>
      <c r="Q6537">
        <v>1</v>
      </c>
      <c r="R6537" t="s">
        <v>669</v>
      </c>
      <c r="S6537">
        <v>1</v>
      </c>
      <c r="T6537" t="s">
        <v>661</v>
      </c>
      <c r="U6537">
        <v>8</v>
      </c>
      <c r="V6537">
        <v>4</v>
      </c>
      <c r="W6537">
        <v>240</v>
      </c>
      <c r="X6537">
        <v>2020</v>
      </c>
    </row>
    <row r="6538" spans="1:24" x14ac:dyDescent="0.25">
      <c r="A6538">
        <v>1020</v>
      </c>
      <c r="B6538" t="s">
        <v>32</v>
      </c>
      <c r="C6538">
        <v>24</v>
      </c>
      <c r="D6538" t="s">
        <v>539</v>
      </c>
      <c r="E6538">
        <v>174</v>
      </c>
      <c r="F6538" t="s">
        <v>651</v>
      </c>
      <c r="G6538">
        <v>160</v>
      </c>
      <c r="H6538" t="s">
        <v>747</v>
      </c>
      <c r="I6538">
        <v>4847</v>
      </c>
      <c r="J6538" t="s">
        <v>742</v>
      </c>
      <c r="K6538">
        <v>48</v>
      </c>
      <c r="L6538" t="s">
        <v>1092</v>
      </c>
      <c r="M6538">
        <v>178</v>
      </c>
      <c r="N6538" t="s">
        <v>654</v>
      </c>
      <c r="O6538">
        <v>3</v>
      </c>
      <c r="P6538" t="s">
        <v>655</v>
      </c>
      <c r="Q6538">
        <v>1</v>
      </c>
      <c r="R6538" t="s">
        <v>669</v>
      </c>
      <c r="S6538">
        <v>1</v>
      </c>
      <c r="T6538" t="s">
        <v>661</v>
      </c>
      <c r="U6538">
        <v>8</v>
      </c>
      <c r="V6538">
        <v>4</v>
      </c>
      <c r="W6538">
        <v>240</v>
      </c>
      <c r="X6538">
        <v>2020</v>
      </c>
    </row>
    <row r="6539" spans="1:24" x14ac:dyDescent="0.25">
      <c r="A6539">
        <v>1019</v>
      </c>
      <c r="B6539" t="s">
        <v>32</v>
      </c>
      <c r="C6539">
        <v>24</v>
      </c>
      <c r="D6539" t="s">
        <v>539</v>
      </c>
      <c r="E6539">
        <v>174</v>
      </c>
      <c r="F6539" t="s">
        <v>651</v>
      </c>
      <c r="G6539">
        <v>160</v>
      </c>
      <c r="H6539" t="s">
        <v>747</v>
      </c>
      <c r="I6539">
        <v>4847</v>
      </c>
      <c r="J6539" t="s">
        <v>742</v>
      </c>
      <c r="K6539">
        <v>48</v>
      </c>
      <c r="L6539" t="s">
        <v>3978</v>
      </c>
      <c r="M6539">
        <v>177</v>
      </c>
      <c r="N6539" t="s">
        <v>654</v>
      </c>
      <c r="O6539">
        <v>3</v>
      </c>
      <c r="P6539" t="s">
        <v>655</v>
      </c>
      <c r="Q6539">
        <v>1</v>
      </c>
      <c r="R6539" t="s">
        <v>669</v>
      </c>
      <c r="S6539">
        <v>1</v>
      </c>
      <c r="T6539" t="s">
        <v>661</v>
      </c>
      <c r="U6539">
        <v>8</v>
      </c>
      <c r="V6539">
        <v>4</v>
      </c>
      <c r="W6539">
        <v>240</v>
      </c>
      <c r="X6539">
        <v>2020</v>
      </c>
    </row>
    <row r="6540" spans="1:24" x14ac:dyDescent="0.25">
      <c r="A6540">
        <v>1018</v>
      </c>
      <c r="B6540" t="s">
        <v>32</v>
      </c>
      <c r="C6540">
        <v>24</v>
      </c>
      <c r="D6540" t="s">
        <v>539</v>
      </c>
      <c r="E6540">
        <v>174</v>
      </c>
      <c r="F6540" t="s">
        <v>651</v>
      </c>
      <c r="G6540">
        <v>160</v>
      </c>
      <c r="H6540" t="s">
        <v>747</v>
      </c>
      <c r="I6540">
        <v>4847</v>
      </c>
      <c r="J6540" t="s">
        <v>897</v>
      </c>
      <c r="K6540">
        <v>3</v>
      </c>
      <c r="L6540" t="s">
        <v>897</v>
      </c>
      <c r="M6540">
        <v>8</v>
      </c>
      <c r="N6540" t="s">
        <v>654</v>
      </c>
      <c r="O6540">
        <v>3</v>
      </c>
      <c r="P6540" t="s">
        <v>655</v>
      </c>
      <c r="Q6540">
        <v>1</v>
      </c>
      <c r="R6540" t="s">
        <v>669</v>
      </c>
      <c r="S6540">
        <v>1</v>
      </c>
      <c r="T6540" t="s">
        <v>661</v>
      </c>
      <c r="U6540">
        <v>8</v>
      </c>
      <c r="V6540">
        <v>3</v>
      </c>
      <c r="W6540">
        <v>180</v>
      </c>
      <c r="X6540">
        <v>2020</v>
      </c>
    </row>
    <row r="6541" spans="1:24" x14ac:dyDescent="0.25">
      <c r="A6541">
        <v>1016</v>
      </c>
      <c r="B6541" t="s">
        <v>32</v>
      </c>
      <c r="C6541">
        <v>24</v>
      </c>
      <c r="D6541" t="s">
        <v>402</v>
      </c>
      <c r="E6541">
        <v>173</v>
      </c>
      <c r="F6541" t="s">
        <v>651</v>
      </c>
      <c r="G6541">
        <v>160</v>
      </c>
      <c r="H6541" t="s">
        <v>747</v>
      </c>
      <c r="I6541">
        <v>4847</v>
      </c>
      <c r="J6541" t="s">
        <v>765</v>
      </c>
      <c r="K6541">
        <v>76</v>
      </c>
      <c r="L6541" t="s">
        <v>766</v>
      </c>
      <c r="M6541">
        <v>137</v>
      </c>
      <c r="N6541" t="s">
        <v>654</v>
      </c>
      <c r="O6541">
        <v>3</v>
      </c>
      <c r="P6541" t="s">
        <v>655</v>
      </c>
      <c r="Q6541">
        <v>1</v>
      </c>
      <c r="R6541" t="s">
        <v>669</v>
      </c>
      <c r="S6541">
        <v>1</v>
      </c>
      <c r="T6541" t="s">
        <v>661</v>
      </c>
      <c r="U6541">
        <v>8</v>
      </c>
      <c r="V6541">
        <v>3</v>
      </c>
      <c r="W6541">
        <v>180</v>
      </c>
      <c r="X6541">
        <v>2020</v>
      </c>
    </row>
    <row r="6542" spans="1:24" x14ac:dyDescent="0.25">
      <c r="A6542">
        <v>1015</v>
      </c>
      <c r="B6542" t="s">
        <v>32</v>
      </c>
      <c r="C6542">
        <v>24</v>
      </c>
      <c r="D6542" t="s">
        <v>402</v>
      </c>
      <c r="E6542">
        <v>173</v>
      </c>
      <c r="F6542" t="s">
        <v>651</v>
      </c>
      <c r="G6542">
        <v>160</v>
      </c>
      <c r="H6542" t="s">
        <v>747</v>
      </c>
      <c r="I6542">
        <v>4847</v>
      </c>
      <c r="J6542" t="s">
        <v>1088</v>
      </c>
      <c r="K6542">
        <v>38</v>
      </c>
      <c r="L6542" t="s">
        <v>1089</v>
      </c>
      <c r="M6542">
        <v>135</v>
      </c>
      <c r="N6542" t="s">
        <v>654</v>
      </c>
      <c r="O6542">
        <v>3</v>
      </c>
      <c r="P6542" t="s">
        <v>746</v>
      </c>
      <c r="Q6542">
        <v>2</v>
      </c>
      <c r="R6542" t="s">
        <v>669</v>
      </c>
      <c r="S6542">
        <v>1</v>
      </c>
      <c r="T6542" t="s">
        <v>661</v>
      </c>
      <c r="U6542">
        <v>8</v>
      </c>
      <c r="V6542">
        <v>3</v>
      </c>
      <c r="W6542">
        <v>180</v>
      </c>
      <c r="X6542">
        <v>2020</v>
      </c>
    </row>
    <row r="6543" spans="1:24" x14ac:dyDescent="0.25">
      <c r="A6543">
        <v>1014</v>
      </c>
      <c r="B6543" t="s">
        <v>32</v>
      </c>
      <c r="C6543">
        <v>24</v>
      </c>
      <c r="D6543" t="s">
        <v>402</v>
      </c>
      <c r="E6543">
        <v>173</v>
      </c>
      <c r="F6543" t="s">
        <v>651</v>
      </c>
      <c r="G6543">
        <v>160</v>
      </c>
      <c r="H6543" t="s">
        <v>747</v>
      </c>
      <c r="I6543">
        <v>4847</v>
      </c>
      <c r="J6543" t="s">
        <v>1088</v>
      </c>
      <c r="K6543">
        <v>38</v>
      </c>
      <c r="L6543" t="s">
        <v>1089</v>
      </c>
      <c r="M6543">
        <v>135</v>
      </c>
      <c r="N6543" t="s">
        <v>654</v>
      </c>
      <c r="O6543">
        <v>3</v>
      </c>
      <c r="P6543" t="s">
        <v>655</v>
      </c>
      <c r="Q6543">
        <v>1</v>
      </c>
      <c r="R6543" t="s">
        <v>669</v>
      </c>
      <c r="S6543">
        <v>1</v>
      </c>
      <c r="T6543" t="s">
        <v>661</v>
      </c>
      <c r="U6543">
        <v>8</v>
      </c>
      <c r="V6543">
        <v>3</v>
      </c>
      <c r="W6543">
        <v>180</v>
      </c>
      <c r="X6543">
        <v>2020</v>
      </c>
    </row>
    <row r="6544" spans="1:24" x14ac:dyDescent="0.25">
      <c r="A6544">
        <v>1013</v>
      </c>
      <c r="B6544" t="s">
        <v>32</v>
      </c>
      <c r="C6544">
        <v>24</v>
      </c>
      <c r="D6544" t="s">
        <v>540</v>
      </c>
      <c r="E6544">
        <v>172</v>
      </c>
      <c r="F6544" t="s">
        <v>651</v>
      </c>
      <c r="G6544">
        <v>160</v>
      </c>
      <c r="H6544" t="s">
        <v>747</v>
      </c>
      <c r="I6544">
        <v>4847</v>
      </c>
      <c r="J6544" t="s">
        <v>794</v>
      </c>
      <c r="K6544">
        <v>40</v>
      </c>
      <c r="L6544" t="s">
        <v>794</v>
      </c>
      <c r="M6544">
        <v>143</v>
      </c>
      <c r="N6544" t="s">
        <v>654</v>
      </c>
      <c r="O6544">
        <v>3</v>
      </c>
      <c r="P6544" t="s">
        <v>655</v>
      </c>
      <c r="Q6544">
        <v>1</v>
      </c>
      <c r="R6544" t="s">
        <v>669</v>
      </c>
      <c r="S6544">
        <v>1</v>
      </c>
      <c r="T6544" t="s">
        <v>661</v>
      </c>
      <c r="U6544">
        <v>8</v>
      </c>
      <c r="V6544">
        <v>4</v>
      </c>
      <c r="W6544">
        <v>240</v>
      </c>
      <c r="X6544">
        <v>2020</v>
      </c>
    </row>
    <row r="6545" spans="1:24" x14ac:dyDescent="0.25">
      <c r="A6545">
        <v>1012</v>
      </c>
      <c r="B6545" t="s">
        <v>32</v>
      </c>
      <c r="C6545">
        <v>24</v>
      </c>
      <c r="D6545" t="s">
        <v>540</v>
      </c>
      <c r="E6545">
        <v>172</v>
      </c>
      <c r="F6545" t="s">
        <v>651</v>
      </c>
      <c r="G6545">
        <v>160</v>
      </c>
      <c r="H6545" t="s">
        <v>747</v>
      </c>
      <c r="I6545">
        <v>4847</v>
      </c>
      <c r="J6545" t="s">
        <v>909</v>
      </c>
      <c r="K6545">
        <v>39</v>
      </c>
      <c r="L6545" t="s">
        <v>1925</v>
      </c>
      <c r="M6545">
        <v>138</v>
      </c>
      <c r="N6545" t="s">
        <v>654</v>
      </c>
      <c r="O6545">
        <v>3</v>
      </c>
      <c r="P6545" t="s">
        <v>746</v>
      </c>
      <c r="Q6545">
        <v>2</v>
      </c>
      <c r="R6545" t="s">
        <v>669</v>
      </c>
      <c r="S6545">
        <v>1</v>
      </c>
      <c r="T6545" t="s">
        <v>661</v>
      </c>
      <c r="U6545">
        <v>8</v>
      </c>
      <c r="V6545">
        <v>4</v>
      </c>
      <c r="W6545">
        <v>240</v>
      </c>
      <c r="X6545">
        <v>2020</v>
      </c>
    </row>
    <row r="6546" spans="1:24" x14ac:dyDescent="0.25">
      <c r="A6546">
        <v>1011</v>
      </c>
      <c r="B6546" t="s">
        <v>32</v>
      </c>
      <c r="C6546">
        <v>24</v>
      </c>
      <c r="D6546" t="s">
        <v>540</v>
      </c>
      <c r="E6546">
        <v>172</v>
      </c>
      <c r="F6546" t="s">
        <v>651</v>
      </c>
      <c r="G6546">
        <v>160</v>
      </c>
      <c r="H6546" t="s">
        <v>747</v>
      </c>
      <c r="I6546">
        <v>4847</v>
      </c>
      <c r="J6546" t="s">
        <v>909</v>
      </c>
      <c r="K6546">
        <v>39</v>
      </c>
      <c r="L6546" t="s">
        <v>1925</v>
      </c>
      <c r="M6546">
        <v>138</v>
      </c>
      <c r="N6546" t="s">
        <v>654</v>
      </c>
      <c r="O6546">
        <v>3</v>
      </c>
      <c r="P6546" t="s">
        <v>655</v>
      </c>
      <c r="Q6546">
        <v>1</v>
      </c>
      <c r="R6546" t="s">
        <v>669</v>
      </c>
      <c r="S6546">
        <v>1</v>
      </c>
      <c r="T6546" t="s">
        <v>661</v>
      </c>
      <c r="U6546">
        <v>8</v>
      </c>
      <c r="V6546">
        <v>4</v>
      </c>
      <c r="W6546">
        <v>240</v>
      </c>
      <c r="X6546">
        <v>2020</v>
      </c>
    </row>
    <row r="6547" spans="1:24" x14ac:dyDescent="0.25">
      <c r="A6547">
        <v>1010</v>
      </c>
      <c r="B6547" t="s">
        <v>32</v>
      </c>
      <c r="C6547">
        <v>24</v>
      </c>
      <c r="D6547" t="s">
        <v>540</v>
      </c>
      <c r="E6547">
        <v>172</v>
      </c>
      <c r="F6547" t="s">
        <v>651</v>
      </c>
      <c r="G6547">
        <v>160</v>
      </c>
      <c r="H6547" t="s">
        <v>747</v>
      </c>
      <c r="I6547">
        <v>4847</v>
      </c>
      <c r="J6547" t="s">
        <v>736</v>
      </c>
      <c r="K6547">
        <v>8</v>
      </c>
      <c r="L6547" t="s">
        <v>737</v>
      </c>
      <c r="M6547">
        <v>24</v>
      </c>
      <c r="N6547" t="s">
        <v>654</v>
      </c>
      <c r="O6547">
        <v>3</v>
      </c>
      <c r="P6547" t="s">
        <v>655</v>
      </c>
      <c r="Q6547">
        <v>1</v>
      </c>
      <c r="R6547" t="s">
        <v>669</v>
      </c>
      <c r="S6547">
        <v>1</v>
      </c>
      <c r="T6547" t="s">
        <v>661</v>
      </c>
      <c r="U6547">
        <v>8</v>
      </c>
      <c r="V6547">
        <v>3</v>
      </c>
      <c r="W6547">
        <v>180</v>
      </c>
      <c r="X6547">
        <v>2020</v>
      </c>
    </row>
    <row r="6548" spans="1:24" x14ac:dyDescent="0.25">
      <c r="A6548">
        <v>1009</v>
      </c>
      <c r="B6548" t="s">
        <v>32</v>
      </c>
      <c r="C6548">
        <v>24</v>
      </c>
      <c r="D6548" t="s">
        <v>540</v>
      </c>
      <c r="E6548">
        <v>172</v>
      </c>
      <c r="F6548" t="s">
        <v>651</v>
      </c>
      <c r="G6548">
        <v>160</v>
      </c>
      <c r="H6548" t="s">
        <v>747</v>
      </c>
      <c r="I6548">
        <v>4847</v>
      </c>
      <c r="J6548" t="s">
        <v>792</v>
      </c>
      <c r="K6548">
        <v>6</v>
      </c>
      <c r="L6548" t="s">
        <v>792</v>
      </c>
      <c r="M6548">
        <v>16</v>
      </c>
      <c r="N6548" t="s">
        <v>654</v>
      </c>
      <c r="O6548">
        <v>3</v>
      </c>
      <c r="P6548" t="s">
        <v>655</v>
      </c>
      <c r="Q6548">
        <v>1</v>
      </c>
      <c r="R6548" t="s">
        <v>669</v>
      </c>
      <c r="S6548">
        <v>1</v>
      </c>
      <c r="T6548" t="s">
        <v>661</v>
      </c>
      <c r="U6548">
        <v>8</v>
      </c>
      <c r="V6548">
        <v>3</v>
      </c>
      <c r="W6548">
        <v>180</v>
      </c>
      <c r="X6548">
        <v>2020</v>
      </c>
    </row>
    <row r="6549" spans="1:24" x14ac:dyDescent="0.25">
      <c r="A6549">
        <v>1008</v>
      </c>
      <c r="B6549" t="s">
        <v>32</v>
      </c>
      <c r="C6549">
        <v>24</v>
      </c>
      <c r="D6549" t="s">
        <v>540</v>
      </c>
      <c r="E6549">
        <v>172</v>
      </c>
      <c r="F6549" t="s">
        <v>651</v>
      </c>
      <c r="G6549">
        <v>160</v>
      </c>
      <c r="H6549" t="s">
        <v>747</v>
      </c>
      <c r="I6549">
        <v>4847</v>
      </c>
      <c r="J6549" t="s">
        <v>831</v>
      </c>
      <c r="K6549">
        <v>5</v>
      </c>
      <c r="L6549" t="s">
        <v>831</v>
      </c>
      <c r="M6549">
        <v>14</v>
      </c>
      <c r="N6549" t="s">
        <v>654</v>
      </c>
      <c r="O6549">
        <v>3</v>
      </c>
      <c r="P6549" t="s">
        <v>655</v>
      </c>
      <c r="Q6549">
        <v>1</v>
      </c>
      <c r="R6549" t="s">
        <v>669</v>
      </c>
      <c r="S6549">
        <v>1</v>
      </c>
      <c r="T6549" t="s">
        <v>661</v>
      </c>
      <c r="U6549">
        <v>8</v>
      </c>
      <c r="V6549">
        <v>3</v>
      </c>
      <c r="W6549">
        <v>180</v>
      </c>
      <c r="X6549">
        <v>2020</v>
      </c>
    </row>
    <row r="6550" spans="1:24" x14ac:dyDescent="0.25">
      <c r="A6550">
        <v>1007</v>
      </c>
      <c r="B6550" t="s">
        <v>32</v>
      </c>
      <c r="C6550">
        <v>24</v>
      </c>
      <c r="D6550" t="s">
        <v>541</v>
      </c>
      <c r="E6550">
        <v>171</v>
      </c>
      <c r="F6550" t="s">
        <v>651</v>
      </c>
      <c r="G6550">
        <v>160</v>
      </c>
      <c r="H6550" t="s">
        <v>747</v>
      </c>
      <c r="I6550">
        <v>4847</v>
      </c>
      <c r="J6550" t="s">
        <v>682</v>
      </c>
      <c r="K6550">
        <v>20</v>
      </c>
      <c r="L6550" t="s">
        <v>683</v>
      </c>
      <c r="M6550">
        <v>64</v>
      </c>
      <c r="N6550" t="s">
        <v>654</v>
      </c>
      <c r="O6550">
        <v>3</v>
      </c>
      <c r="P6550" t="s">
        <v>655</v>
      </c>
      <c r="Q6550">
        <v>1</v>
      </c>
      <c r="R6550" t="s">
        <v>669</v>
      </c>
      <c r="S6550">
        <v>1</v>
      </c>
      <c r="T6550" t="s">
        <v>661</v>
      </c>
      <c r="U6550">
        <v>8</v>
      </c>
      <c r="V6550">
        <v>3</v>
      </c>
      <c r="W6550">
        <v>180</v>
      </c>
      <c r="X6550">
        <v>2020</v>
      </c>
    </row>
    <row r="6551" spans="1:24" x14ac:dyDescent="0.25">
      <c r="A6551">
        <v>1006</v>
      </c>
      <c r="B6551" t="s">
        <v>32</v>
      </c>
      <c r="C6551">
        <v>24</v>
      </c>
      <c r="D6551" t="s">
        <v>541</v>
      </c>
      <c r="E6551">
        <v>171</v>
      </c>
      <c r="F6551" t="s">
        <v>651</v>
      </c>
      <c r="G6551">
        <v>160</v>
      </c>
      <c r="H6551" t="s">
        <v>747</v>
      </c>
      <c r="I6551">
        <v>4847</v>
      </c>
      <c r="J6551" t="s">
        <v>682</v>
      </c>
      <c r="K6551">
        <v>20</v>
      </c>
      <c r="L6551" t="s">
        <v>946</v>
      </c>
      <c r="M6551">
        <v>63</v>
      </c>
      <c r="N6551" t="s">
        <v>654</v>
      </c>
      <c r="O6551">
        <v>3</v>
      </c>
      <c r="P6551" t="s">
        <v>655</v>
      </c>
      <c r="Q6551">
        <v>1</v>
      </c>
      <c r="R6551" t="s">
        <v>669</v>
      </c>
      <c r="S6551">
        <v>1</v>
      </c>
      <c r="T6551" t="s">
        <v>661</v>
      </c>
      <c r="U6551">
        <v>8</v>
      </c>
      <c r="V6551">
        <v>3</v>
      </c>
      <c r="W6551">
        <v>180</v>
      </c>
      <c r="X6551">
        <v>2020</v>
      </c>
    </row>
    <row r="6552" spans="1:24" x14ac:dyDescent="0.25">
      <c r="A6552">
        <v>1005</v>
      </c>
      <c r="B6552" t="s">
        <v>32</v>
      </c>
      <c r="C6552">
        <v>24</v>
      </c>
      <c r="D6552" t="s">
        <v>541</v>
      </c>
      <c r="E6552">
        <v>171</v>
      </c>
      <c r="F6552" t="s">
        <v>651</v>
      </c>
      <c r="G6552">
        <v>160</v>
      </c>
      <c r="H6552" t="s">
        <v>747</v>
      </c>
      <c r="I6552">
        <v>4847</v>
      </c>
      <c r="J6552" t="s">
        <v>682</v>
      </c>
      <c r="K6552">
        <v>20</v>
      </c>
      <c r="L6552" t="s">
        <v>904</v>
      </c>
      <c r="M6552">
        <v>61</v>
      </c>
      <c r="N6552" t="s">
        <v>654</v>
      </c>
      <c r="O6552">
        <v>3</v>
      </c>
      <c r="P6552" t="s">
        <v>746</v>
      </c>
      <c r="Q6552">
        <v>2</v>
      </c>
      <c r="R6552" t="s">
        <v>669</v>
      </c>
      <c r="S6552">
        <v>1</v>
      </c>
      <c r="T6552" t="s">
        <v>661</v>
      </c>
      <c r="U6552">
        <v>8</v>
      </c>
      <c r="V6552">
        <v>3</v>
      </c>
      <c r="W6552">
        <v>180</v>
      </c>
      <c r="X6552">
        <v>2020</v>
      </c>
    </row>
    <row r="6553" spans="1:24" x14ac:dyDescent="0.25">
      <c r="A6553">
        <v>1004</v>
      </c>
      <c r="B6553" t="s">
        <v>32</v>
      </c>
      <c r="C6553">
        <v>24</v>
      </c>
      <c r="D6553" t="s">
        <v>541</v>
      </c>
      <c r="E6553">
        <v>171</v>
      </c>
      <c r="F6553" t="s">
        <v>651</v>
      </c>
      <c r="G6553">
        <v>160</v>
      </c>
      <c r="H6553" t="s">
        <v>747</v>
      </c>
      <c r="I6553">
        <v>4847</v>
      </c>
      <c r="J6553" t="s">
        <v>682</v>
      </c>
      <c r="K6553">
        <v>20</v>
      </c>
      <c r="L6553" t="s">
        <v>904</v>
      </c>
      <c r="M6553">
        <v>61</v>
      </c>
      <c r="N6553" t="s">
        <v>654</v>
      </c>
      <c r="O6553">
        <v>3</v>
      </c>
      <c r="P6553" t="s">
        <v>655</v>
      </c>
      <c r="Q6553">
        <v>1</v>
      </c>
      <c r="R6553" t="s">
        <v>669</v>
      </c>
      <c r="S6553">
        <v>1</v>
      </c>
      <c r="T6553" t="s">
        <v>661</v>
      </c>
      <c r="U6553">
        <v>8</v>
      </c>
      <c r="V6553">
        <v>3</v>
      </c>
      <c r="W6553">
        <v>180</v>
      </c>
      <c r="X6553">
        <v>2020</v>
      </c>
    </row>
    <row r="6554" spans="1:24" x14ac:dyDescent="0.25">
      <c r="A6554">
        <v>1002</v>
      </c>
      <c r="B6554" t="s">
        <v>32</v>
      </c>
      <c r="C6554">
        <v>24</v>
      </c>
      <c r="D6554" t="s">
        <v>541</v>
      </c>
      <c r="E6554">
        <v>171</v>
      </c>
      <c r="F6554" t="s">
        <v>651</v>
      </c>
      <c r="G6554">
        <v>160</v>
      </c>
      <c r="H6554" t="s">
        <v>747</v>
      </c>
      <c r="I6554">
        <v>4847</v>
      </c>
      <c r="J6554" t="s">
        <v>65</v>
      </c>
      <c r="K6554">
        <v>15</v>
      </c>
      <c r="L6554" t="s">
        <v>65</v>
      </c>
      <c r="M6554">
        <v>51</v>
      </c>
      <c r="N6554" t="s">
        <v>654</v>
      </c>
      <c r="O6554">
        <v>3</v>
      </c>
      <c r="P6554" t="s">
        <v>746</v>
      </c>
      <c r="Q6554">
        <v>2</v>
      </c>
      <c r="R6554" t="s">
        <v>669</v>
      </c>
      <c r="S6554">
        <v>1</v>
      </c>
      <c r="T6554" t="s">
        <v>661</v>
      </c>
      <c r="U6554">
        <v>8</v>
      </c>
      <c r="V6554">
        <v>4</v>
      </c>
      <c r="W6554">
        <v>240</v>
      </c>
      <c r="X6554">
        <v>2020</v>
      </c>
    </row>
    <row r="6555" spans="1:24" x14ac:dyDescent="0.25">
      <c r="A6555">
        <v>1001</v>
      </c>
      <c r="B6555" t="s">
        <v>32</v>
      </c>
      <c r="C6555">
        <v>24</v>
      </c>
      <c r="D6555" t="s">
        <v>541</v>
      </c>
      <c r="E6555">
        <v>171</v>
      </c>
      <c r="F6555" t="s">
        <v>651</v>
      </c>
      <c r="G6555">
        <v>160</v>
      </c>
      <c r="H6555" t="s">
        <v>747</v>
      </c>
      <c r="I6555">
        <v>4847</v>
      </c>
      <c r="J6555" t="s">
        <v>65</v>
      </c>
      <c r="K6555">
        <v>15</v>
      </c>
      <c r="L6555" t="s">
        <v>65</v>
      </c>
      <c r="M6555">
        <v>51</v>
      </c>
      <c r="N6555" t="s">
        <v>654</v>
      </c>
      <c r="O6555">
        <v>3</v>
      </c>
      <c r="P6555" t="s">
        <v>655</v>
      </c>
      <c r="Q6555">
        <v>1</v>
      </c>
      <c r="R6555" t="s">
        <v>669</v>
      </c>
      <c r="S6555">
        <v>1</v>
      </c>
      <c r="T6555" t="s">
        <v>661</v>
      </c>
      <c r="U6555">
        <v>8</v>
      </c>
      <c r="V6555">
        <v>4</v>
      </c>
      <c r="W6555">
        <v>240</v>
      </c>
      <c r="X6555">
        <v>2020</v>
      </c>
    </row>
    <row r="6556" spans="1:24" x14ac:dyDescent="0.25">
      <c r="A6556">
        <v>1000</v>
      </c>
      <c r="B6556" t="s">
        <v>32</v>
      </c>
      <c r="C6556">
        <v>24</v>
      </c>
      <c r="D6556" t="s">
        <v>542</v>
      </c>
      <c r="E6556">
        <v>170</v>
      </c>
      <c r="F6556" t="s">
        <v>651</v>
      </c>
      <c r="G6556">
        <v>160</v>
      </c>
      <c r="H6556" t="s">
        <v>747</v>
      </c>
      <c r="I6556">
        <v>4847</v>
      </c>
      <c r="J6556" t="s">
        <v>756</v>
      </c>
      <c r="K6556">
        <v>19</v>
      </c>
      <c r="L6556" t="s">
        <v>756</v>
      </c>
      <c r="M6556">
        <v>60</v>
      </c>
      <c r="N6556" t="s">
        <v>654</v>
      </c>
      <c r="O6556">
        <v>3</v>
      </c>
      <c r="P6556" t="s">
        <v>655</v>
      </c>
      <c r="Q6556">
        <v>1</v>
      </c>
      <c r="R6556" t="s">
        <v>669</v>
      </c>
      <c r="S6556">
        <v>1</v>
      </c>
      <c r="T6556" t="s">
        <v>661</v>
      </c>
      <c r="U6556">
        <v>8</v>
      </c>
      <c r="V6556">
        <v>3</v>
      </c>
      <c r="W6556">
        <v>180</v>
      </c>
      <c r="X6556">
        <v>2020</v>
      </c>
    </row>
    <row r="6557" spans="1:24" x14ac:dyDescent="0.25">
      <c r="A6557">
        <v>998</v>
      </c>
      <c r="B6557" t="s">
        <v>32</v>
      </c>
      <c r="C6557">
        <v>24</v>
      </c>
      <c r="D6557" t="s">
        <v>542</v>
      </c>
      <c r="E6557">
        <v>170</v>
      </c>
      <c r="F6557" t="s">
        <v>651</v>
      </c>
      <c r="G6557">
        <v>160</v>
      </c>
      <c r="H6557" t="s">
        <v>747</v>
      </c>
      <c r="I6557">
        <v>4847</v>
      </c>
      <c r="J6557" t="s">
        <v>894</v>
      </c>
      <c r="K6557">
        <v>18</v>
      </c>
      <c r="L6557" t="s">
        <v>894</v>
      </c>
      <c r="M6557">
        <v>58</v>
      </c>
      <c r="N6557" t="s">
        <v>654</v>
      </c>
      <c r="O6557">
        <v>3</v>
      </c>
      <c r="P6557" t="s">
        <v>655</v>
      </c>
      <c r="Q6557">
        <v>1</v>
      </c>
      <c r="R6557" t="s">
        <v>669</v>
      </c>
      <c r="S6557">
        <v>1</v>
      </c>
      <c r="T6557" t="s">
        <v>661</v>
      </c>
      <c r="U6557">
        <v>8</v>
      </c>
      <c r="V6557">
        <v>3</v>
      </c>
      <c r="W6557">
        <v>180</v>
      </c>
      <c r="X6557">
        <v>2020</v>
      </c>
    </row>
    <row r="6558" spans="1:24" x14ac:dyDescent="0.25">
      <c r="A6558">
        <v>997</v>
      </c>
      <c r="B6558" t="s">
        <v>32</v>
      </c>
      <c r="C6558">
        <v>24</v>
      </c>
      <c r="D6558" t="s">
        <v>542</v>
      </c>
      <c r="E6558">
        <v>170</v>
      </c>
      <c r="F6558" t="s">
        <v>651</v>
      </c>
      <c r="G6558">
        <v>160</v>
      </c>
      <c r="H6558" t="s">
        <v>747</v>
      </c>
      <c r="I6558">
        <v>4847</v>
      </c>
      <c r="J6558" t="s">
        <v>802</v>
      </c>
      <c r="K6558">
        <v>12</v>
      </c>
      <c r="L6558" t="s">
        <v>802</v>
      </c>
      <c r="M6558">
        <v>36</v>
      </c>
      <c r="N6558" t="s">
        <v>654</v>
      </c>
      <c r="O6558">
        <v>3</v>
      </c>
      <c r="P6558" t="s">
        <v>655</v>
      </c>
      <c r="Q6558">
        <v>1</v>
      </c>
      <c r="R6558" t="s">
        <v>669</v>
      </c>
      <c r="S6558">
        <v>1</v>
      </c>
      <c r="T6558" t="s">
        <v>661</v>
      </c>
      <c r="U6558">
        <v>8</v>
      </c>
      <c r="V6558">
        <v>3</v>
      </c>
      <c r="W6558">
        <v>180</v>
      </c>
      <c r="X6558">
        <v>2020</v>
      </c>
    </row>
    <row r="6559" spans="1:24" x14ac:dyDescent="0.25">
      <c r="A6559">
        <v>996</v>
      </c>
      <c r="B6559" t="s">
        <v>32</v>
      </c>
      <c r="C6559">
        <v>24</v>
      </c>
      <c r="D6559" t="s">
        <v>374</v>
      </c>
      <c r="E6559">
        <v>169</v>
      </c>
      <c r="F6559" t="s">
        <v>651</v>
      </c>
      <c r="G6559">
        <v>160</v>
      </c>
      <c r="H6559" t="s">
        <v>747</v>
      </c>
      <c r="I6559">
        <v>4847</v>
      </c>
      <c r="J6559" t="s">
        <v>864</v>
      </c>
      <c r="K6559">
        <v>14</v>
      </c>
      <c r="L6559" t="s">
        <v>1610</v>
      </c>
      <c r="M6559">
        <v>370</v>
      </c>
      <c r="N6559" t="s">
        <v>654</v>
      </c>
      <c r="O6559">
        <v>3</v>
      </c>
      <c r="P6559" t="s">
        <v>655</v>
      </c>
      <c r="Q6559">
        <v>1</v>
      </c>
      <c r="R6559" t="s">
        <v>669</v>
      </c>
      <c r="S6559">
        <v>1</v>
      </c>
      <c r="T6559" t="s">
        <v>661</v>
      </c>
      <c r="U6559">
        <v>8</v>
      </c>
      <c r="V6559">
        <v>3</v>
      </c>
      <c r="W6559">
        <v>180</v>
      </c>
      <c r="X6559">
        <v>2020</v>
      </c>
    </row>
    <row r="6560" spans="1:24" x14ac:dyDescent="0.25">
      <c r="A6560">
        <v>994</v>
      </c>
      <c r="B6560" t="s">
        <v>32</v>
      </c>
      <c r="C6560">
        <v>24</v>
      </c>
      <c r="D6560" t="s">
        <v>374</v>
      </c>
      <c r="E6560">
        <v>169</v>
      </c>
      <c r="F6560" t="s">
        <v>651</v>
      </c>
      <c r="G6560">
        <v>160</v>
      </c>
      <c r="H6560" t="s">
        <v>747</v>
      </c>
      <c r="I6560">
        <v>4847</v>
      </c>
      <c r="J6560" t="s">
        <v>864</v>
      </c>
      <c r="K6560">
        <v>14</v>
      </c>
      <c r="L6560" t="s">
        <v>3783</v>
      </c>
      <c r="M6560">
        <v>362</v>
      </c>
      <c r="N6560" t="s">
        <v>654</v>
      </c>
      <c r="O6560">
        <v>3</v>
      </c>
      <c r="P6560" t="s">
        <v>655</v>
      </c>
      <c r="Q6560">
        <v>1</v>
      </c>
      <c r="R6560" t="s">
        <v>669</v>
      </c>
      <c r="S6560">
        <v>1</v>
      </c>
      <c r="T6560" t="s">
        <v>661</v>
      </c>
      <c r="U6560">
        <v>8</v>
      </c>
      <c r="V6560">
        <v>3</v>
      </c>
      <c r="W6560">
        <v>180</v>
      </c>
      <c r="X6560">
        <v>2020</v>
      </c>
    </row>
    <row r="6561" spans="1:24" x14ac:dyDescent="0.25">
      <c r="A6561">
        <v>993</v>
      </c>
      <c r="B6561" t="s">
        <v>32</v>
      </c>
      <c r="C6561">
        <v>24</v>
      </c>
      <c r="D6561" t="s">
        <v>374</v>
      </c>
      <c r="E6561">
        <v>169</v>
      </c>
      <c r="F6561" t="s">
        <v>651</v>
      </c>
      <c r="G6561">
        <v>160</v>
      </c>
      <c r="H6561" t="s">
        <v>747</v>
      </c>
      <c r="I6561">
        <v>4847</v>
      </c>
      <c r="J6561" t="s">
        <v>864</v>
      </c>
      <c r="K6561">
        <v>14</v>
      </c>
      <c r="L6561" t="s">
        <v>1257</v>
      </c>
      <c r="M6561">
        <v>354</v>
      </c>
      <c r="N6561" t="s">
        <v>654</v>
      </c>
      <c r="O6561">
        <v>3</v>
      </c>
      <c r="P6561" t="s">
        <v>655</v>
      </c>
      <c r="Q6561">
        <v>1</v>
      </c>
      <c r="R6561" t="s">
        <v>669</v>
      </c>
      <c r="S6561">
        <v>1</v>
      </c>
      <c r="T6561" t="s">
        <v>661</v>
      </c>
      <c r="U6561">
        <v>8</v>
      </c>
      <c r="V6561">
        <v>4</v>
      </c>
      <c r="W6561">
        <v>240</v>
      </c>
      <c r="X6561">
        <v>2020</v>
      </c>
    </row>
    <row r="6562" spans="1:24" x14ac:dyDescent="0.25">
      <c r="A6562">
        <v>992</v>
      </c>
      <c r="B6562" t="s">
        <v>32</v>
      </c>
      <c r="C6562">
        <v>24</v>
      </c>
      <c r="D6562" t="s">
        <v>426</v>
      </c>
      <c r="E6562">
        <v>168</v>
      </c>
      <c r="F6562" t="s">
        <v>651</v>
      </c>
      <c r="G6562">
        <v>160</v>
      </c>
      <c r="H6562" t="s">
        <v>747</v>
      </c>
      <c r="I6562">
        <v>4847</v>
      </c>
      <c r="J6562" t="s">
        <v>691</v>
      </c>
      <c r="K6562">
        <v>21</v>
      </c>
      <c r="L6562" t="s">
        <v>1609</v>
      </c>
      <c r="M6562">
        <v>66</v>
      </c>
      <c r="N6562" t="s">
        <v>654</v>
      </c>
      <c r="O6562">
        <v>3</v>
      </c>
      <c r="P6562" t="s">
        <v>655</v>
      </c>
      <c r="Q6562">
        <v>1</v>
      </c>
      <c r="R6562" t="s">
        <v>669</v>
      </c>
      <c r="S6562">
        <v>1</v>
      </c>
      <c r="T6562" t="s">
        <v>661</v>
      </c>
      <c r="U6562">
        <v>8</v>
      </c>
      <c r="V6562">
        <v>3</v>
      </c>
      <c r="W6562">
        <v>180</v>
      </c>
      <c r="X6562">
        <v>2020</v>
      </c>
    </row>
    <row r="6563" spans="1:24" x14ac:dyDescent="0.25">
      <c r="A6563">
        <v>991</v>
      </c>
      <c r="B6563" t="s">
        <v>32</v>
      </c>
      <c r="C6563">
        <v>24</v>
      </c>
      <c r="D6563" t="s">
        <v>426</v>
      </c>
      <c r="E6563">
        <v>168</v>
      </c>
      <c r="F6563" t="s">
        <v>651</v>
      </c>
      <c r="G6563">
        <v>160</v>
      </c>
      <c r="H6563" t="s">
        <v>747</v>
      </c>
      <c r="I6563">
        <v>4847</v>
      </c>
      <c r="J6563" t="s">
        <v>895</v>
      </c>
      <c r="K6563">
        <v>13</v>
      </c>
      <c r="L6563" t="s">
        <v>1418</v>
      </c>
      <c r="M6563">
        <v>43</v>
      </c>
      <c r="N6563" t="s">
        <v>654</v>
      </c>
      <c r="O6563">
        <v>3</v>
      </c>
      <c r="P6563" t="s">
        <v>655</v>
      </c>
      <c r="Q6563">
        <v>1</v>
      </c>
      <c r="R6563" t="s">
        <v>669</v>
      </c>
      <c r="S6563">
        <v>1</v>
      </c>
      <c r="T6563" t="s">
        <v>718</v>
      </c>
      <c r="U6563">
        <v>2</v>
      </c>
      <c r="V6563">
        <v>3</v>
      </c>
      <c r="W6563">
        <v>180</v>
      </c>
      <c r="X6563">
        <v>2020</v>
      </c>
    </row>
    <row r="6564" spans="1:24" x14ac:dyDescent="0.25">
      <c r="A6564">
        <v>986</v>
      </c>
      <c r="B6564" t="s">
        <v>32</v>
      </c>
      <c r="C6564">
        <v>24</v>
      </c>
      <c r="D6564" t="s">
        <v>426</v>
      </c>
      <c r="E6564">
        <v>168</v>
      </c>
      <c r="F6564" t="s">
        <v>651</v>
      </c>
      <c r="G6564">
        <v>160</v>
      </c>
      <c r="H6564" t="s">
        <v>747</v>
      </c>
      <c r="I6564">
        <v>4847</v>
      </c>
      <c r="J6564" t="s">
        <v>699</v>
      </c>
      <c r="K6564">
        <v>10</v>
      </c>
      <c r="L6564" t="s">
        <v>700</v>
      </c>
      <c r="M6564">
        <v>348</v>
      </c>
      <c r="N6564" t="s">
        <v>654</v>
      </c>
      <c r="O6564">
        <v>3</v>
      </c>
      <c r="P6564" t="s">
        <v>655</v>
      </c>
      <c r="Q6564">
        <v>1</v>
      </c>
      <c r="R6564" t="s">
        <v>669</v>
      </c>
      <c r="S6564">
        <v>1</v>
      </c>
      <c r="T6564" t="s">
        <v>701</v>
      </c>
      <c r="U6564">
        <v>38</v>
      </c>
      <c r="V6564">
        <v>3</v>
      </c>
      <c r="W6564">
        <v>180</v>
      </c>
      <c r="X6564">
        <v>2020</v>
      </c>
    </row>
    <row r="6565" spans="1:24" x14ac:dyDescent="0.25">
      <c r="A6565">
        <v>984</v>
      </c>
      <c r="B6565" t="s">
        <v>32</v>
      </c>
      <c r="C6565">
        <v>24</v>
      </c>
      <c r="D6565" t="s">
        <v>426</v>
      </c>
      <c r="E6565">
        <v>168</v>
      </c>
      <c r="F6565" t="s">
        <v>651</v>
      </c>
      <c r="G6565">
        <v>160</v>
      </c>
      <c r="H6565" t="s">
        <v>747</v>
      </c>
      <c r="I6565">
        <v>4847</v>
      </c>
      <c r="J6565" t="s">
        <v>699</v>
      </c>
      <c r="K6565">
        <v>10</v>
      </c>
      <c r="L6565" t="s">
        <v>700</v>
      </c>
      <c r="M6565">
        <v>348</v>
      </c>
      <c r="N6565" t="s">
        <v>668</v>
      </c>
      <c r="O6565">
        <v>4</v>
      </c>
      <c r="P6565" t="s">
        <v>655</v>
      </c>
      <c r="Q6565">
        <v>1</v>
      </c>
      <c r="R6565" t="s">
        <v>669</v>
      </c>
      <c r="S6565">
        <v>1</v>
      </c>
      <c r="T6565" t="s">
        <v>1424</v>
      </c>
      <c r="U6565">
        <v>62</v>
      </c>
      <c r="V6565">
        <v>3</v>
      </c>
      <c r="W6565">
        <v>180</v>
      </c>
      <c r="X6565">
        <v>2020</v>
      </c>
    </row>
    <row r="6566" spans="1:24" x14ac:dyDescent="0.25">
      <c r="A6566">
        <v>982</v>
      </c>
      <c r="B6566" t="s">
        <v>32</v>
      </c>
      <c r="C6566">
        <v>24</v>
      </c>
      <c r="D6566" t="s">
        <v>426</v>
      </c>
      <c r="E6566">
        <v>168</v>
      </c>
      <c r="F6566" t="s">
        <v>651</v>
      </c>
      <c r="G6566">
        <v>160</v>
      </c>
      <c r="H6566" t="s">
        <v>747</v>
      </c>
      <c r="I6566">
        <v>4847</v>
      </c>
      <c r="J6566" t="s">
        <v>699</v>
      </c>
      <c r="K6566">
        <v>10</v>
      </c>
      <c r="L6566" t="s">
        <v>1096</v>
      </c>
      <c r="M6566">
        <v>341</v>
      </c>
      <c r="N6566" t="s">
        <v>654</v>
      </c>
      <c r="O6566">
        <v>3</v>
      </c>
      <c r="P6566" t="s">
        <v>746</v>
      </c>
      <c r="Q6566">
        <v>2</v>
      </c>
      <c r="R6566" t="s">
        <v>669</v>
      </c>
      <c r="S6566">
        <v>1</v>
      </c>
      <c r="T6566" t="s">
        <v>1295</v>
      </c>
      <c r="U6566">
        <v>10</v>
      </c>
      <c r="V6566">
        <v>3</v>
      </c>
      <c r="W6566">
        <v>180</v>
      </c>
      <c r="X6566">
        <v>2020</v>
      </c>
    </row>
    <row r="6567" spans="1:24" x14ac:dyDescent="0.25">
      <c r="A6567">
        <v>981</v>
      </c>
      <c r="B6567" t="s">
        <v>32</v>
      </c>
      <c r="C6567">
        <v>24</v>
      </c>
      <c r="D6567" t="s">
        <v>426</v>
      </c>
      <c r="E6567">
        <v>168</v>
      </c>
      <c r="F6567" t="s">
        <v>651</v>
      </c>
      <c r="G6567">
        <v>160</v>
      </c>
      <c r="H6567" t="s">
        <v>747</v>
      </c>
      <c r="I6567">
        <v>4847</v>
      </c>
      <c r="J6567" t="s">
        <v>699</v>
      </c>
      <c r="K6567">
        <v>10</v>
      </c>
      <c r="L6567" t="s">
        <v>1096</v>
      </c>
      <c r="M6567">
        <v>341</v>
      </c>
      <c r="N6567" t="s">
        <v>654</v>
      </c>
      <c r="O6567">
        <v>3</v>
      </c>
      <c r="P6567" t="s">
        <v>655</v>
      </c>
      <c r="Q6567">
        <v>1</v>
      </c>
      <c r="R6567" t="s">
        <v>669</v>
      </c>
      <c r="S6567">
        <v>1</v>
      </c>
      <c r="T6567" t="s">
        <v>1295</v>
      </c>
      <c r="U6567">
        <v>10</v>
      </c>
      <c r="V6567">
        <v>3</v>
      </c>
      <c r="W6567">
        <v>180</v>
      </c>
      <c r="X6567">
        <v>2020</v>
      </c>
    </row>
    <row r="6568" spans="1:24" x14ac:dyDescent="0.25">
      <c r="A6568">
        <v>980</v>
      </c>
      <c r="B6568" t="s">
        <v>210</v>
      </c>
      <c r="C6568">
        <v>23</v>
      </c>
      <c r="D6568" t="s">
        <v>543</v>
      </c>
      <c r="E6568">
        <v>167</v>
      </c>
      <c r="F6568" t="s">
        <v>651</v>
      </c>
      <c r="G6568">
        <v>160</v>
      </c>
      <c r="H6568" t="s">
        <v>739</v>
      </c>
      <c r="I6568">
        <v>4413</v>
      </c>
      <c r="J6568" t="s">
        <v>659</v>
      </c>
      <c r="K6568">
        <v>35</v>
      </c>
      <c r="L6568" t="s">
        <v>3953</v>
      </c>
      <c r="M6568">
        <v>120</v>
      </c>
      <c r="N6568" t="s">
        <v>654</v>
      </c>
      <c r="O6568">
        <v>3</v>
      </c>
      <c r="P6568" t="s">
        <v>655</v>
      </c>
      <c r="Q6568">
        <v>1</v>
      </c>
      <c r="R6568" t="s">
        <v>669</v>
      </c>
      <c r="S6568">
        <v>1</v>
      </c>
      <c r="T6568" t="s">
        <v>661</v>
      </c>
      <c r="U6568">
        <v>8</v>
      </c>
      <c r="V6568">
        <v>3</v>
      </c>
      <c r="W6568">
        <v>180</v>
      </c>
      <c r="X6568">
        <v>2020</v>
      </c>
    </row>
    <row r="6569" spans="1:24" x14ac:dyDescent="0.25">
      <c r="A6569">
        <v>979</v>
      </c>
      <c r="B6569" t="s">
        <v>210</v>
      </c>
      <c r="C6569">
        <v>23</v>
      </c>
      <c r="D6569" t="s">
        <v>543</v>
      </c>
      <c r="E6569">
        <v>167</v>
      </c>
      <c r="F6569" t="s">
        <v>651</v>
      </c>
      <c r="G6569">
        <v>160</v>
      </c>
      <c r="H6569" t="s">
        <v>739</v>
      </c>
      <c r="I6569">
        <v>4413</v>
      </c>
      <c r="J6569" t="s">
        <v>659</v>
      </c>
      <c r="K6569">
        <v>35</v>
      </c>
      <c r="L6569" t="s">
        <v>3293</v>
      </c>
      <c r="M6569">
        <v>119</v>
      </c>
      <c r="N6569" t="s">
        <v>654</v>
      </c>
      <c r="O6569">
        <v>3</v>
      </c>
      <c r="P6569" t="s">
        <v>655</v>
      </c>
      <c r="Q6569">
        <v>1</v>
      </c>
      <c r="R6569" t="s">
        <v>669</v>
      </c>
      <c r="S6569">
        <v>1</v>
      </c>
      <c r="T6569" t="s">
        <v>661</v>
      </c>
      <c r="U6569">
        <v>8</v>
      </c>
      <c r="V6569">
        <v>3</v>
      </c>
      <c r="W6569">
        <v>180</v>
      </c>
      <c r="X6569">
        <v>2020</v>
      </c>
    </row>
    <row r="6570" spans="1:24" x14ac:dyDescent="0.25">
      <c r="A6570">
        <v>978</v>
      </c>
      <c r="B6570" t="s">
        <v>210</v>
      </c>
      <c r="C6570">
        <v>23</v>
      </c>
      <c r="D6570" t="s">
        <v>543</v>
      </c>
      <c r="E6570">
        <v>167</v>
      </c>
      <c r="F6570" t="s">
        <v>651</v>
      </c>
      <c r="G6570">
        <v>160</v>
      </c>
      <c r="H6570" t="s">
        <v>739</v>
      </c>
      <c r="I6570">
        <v>4413</v>
      </c>
      <c r="J6570" t="s">
        <v>659</v>
      </c>
      <c r="K6570">
        <v>35</v>
      </c>
      <c r="L6570" t="s">
        <v>3790</v>
      </c>
      <c r="M6570">
        <v>121</v>
      </c>
      <c r="N6570" t="s">
        <v>654</v>
      </c>
      <c r="O6570">
        <v>3</v>
      </c>
      <c r="P6570" t="s">
        <v>655</v>
      </c>
      <c r="Q6570">
        <v>1</v>
      </c>
      <c r="R6570" t="s">
        <v>669</v>
      </c>
      <c r="S6570">
        <v>1</v>
      </c>
      <c r="T6570" t="s">
        <v>661</v>
      </c>
      <c r="U6570">
        <v>8</v>
      </c>
      <c r="V6570">
        <v>3</v>
      </c>
      <c r="W6570">
        <v>180</v>
      </c>
      <c r="X6570">
        <v>2020</v>
      </c>
    </row>
    <row r="6571" spans="1:24" x14ac:dyDescent="0.25">
      <c r="A6571">
        <v>977</v>
      </c>
      <c r="B6571" t="s">
        <v>210</v>
      </c>
      <c r="C6571">
        <v>23</v>
      </c>
      <c r="D6571" t="s">
        <v>543</v>
      </c>
      <c r="E6571">
        <v>167</v>
      </c>
      <c r="F6571" t="s">
        <v>651</v>
      </c>
      <c r="G6571">
        <v>160</v>
      </c>
      <c r="H6571" t="s">
        <v>739</v>
      </c>
      <c r="I6571">
        <v>4413</v>
      </c>
      <c r="J6571" t="s">
        <v>659</v>
      </c>
      <c r="K6571">
        <v>35</v>
      </c>
      <c r="L6571" t="s">
        <v>2610</v>
      </c>
      <c r="M6571">
        <v>114</v>
      </c>
      <c r="N6571" t="s">
        <v>654</v>
      </c>
      <c r="O6571">
        <v>3</v>
      </c>
      <c r="P6571" t="s">
        <v>655</v>
      </c>
      <c r="Q6571">
        <v>1</v>
      </c>
      <c r="R6571" t="s">
        <v>669</v>
      </c>
      <c r="S6571">
        <v>1</v>
      </c>
      <c r="T6571" t="s">
        <v>661</v>
      </c>
      <c r="U6571">
        <v>8</v>
      </c>
      <c r="V6571">
        <v>3</v>
      </c>
      <c r="W6571">
        <v>180</v>
      </c>
      <c r="X6571">
        <v>2020</v>
      </c>
    </row>
    <row r="6572" spans="1:24" x14ac:dyDescent="0.25">
      <c r="A6572">
        <v>976</v>
      </c>
      <c r="B6572" t="s">
        <v>210</v>
      </c>
      <c r="C6572">
        <v>23</v>
      </c>
      <c r="D6572" t="s">
        <v>544</v>
      </c>
      <c r="E6572">
        <v>166</v>
      </c>
      <c r="F6572" t="s">
        <v>651</v>
      </c>
      <c r="G6572">
        <v>160</v>
      </c>
      <c r="H6572" t="s">
        <v>739</v>
      </c>
      <c r="I6572">
        <v>4413</v>
      </c>
      <c r="J6572" t="s">
        <v>659</v>
      </c>
      <c r="K6572">
        <v>35</v>
      </c>
      <c r="L6572" t="s">
        <v>3954</v>
      </c>
      <c r="M6572">
        <v>117</v>
      </c>
      <c r="N6572" t="s">
        <v>668</v>
      </c>
      <c r="O6572">
        <v>4</v>
      </c>
      <c r="P6572" t="s">
        <v>655</v>
      </c>
      <c r="Q6572">
        <v>1</v>
      </c>
      <c r="R6572" t="s">
        <v>669</v>
      </c>
      <c r="S6572">
        <v>1</v>
      </c>
      <c r="T6572" t="s">
        <v>661</v>
      </c>
      <c r="U6572">
        <v>8</v>
      </c>
      <c r="V6572">
        <v>3</v>
      </c>
      <c r="W6572">
        <v>180</v>
      </c>
      <c r="X6572">
        <v>2020</v>
      </c>
    </row>
    <row r="6573" spans="1:24" x14ac:dyDescent="0.25">
      <c r="A6573">
        <v>975</v>
      </c>
      <c r="B6573" t="s">
        <v>210</v>
      </c>
      <c r="C6573">
        <v>23</v>
      </c>
      <c r="D6573" t="s">
        <v>544</v>
      </c>
      <c r="E6573">
        <v>166</v>
      </c>
      <c r="F6573" t="s">
        <v>651</v>
      </c>
      <c r="G6573">
        <v>160</v>
      </c>
      <c r="H6573" t="s">
        <v>739</v>
      </c>
      <c r="I6573">
        <v>4413</v>
      </c>
      <c r="J6573" t="s">
        <v>659</v>
      </c>
      <c r="K6573">
        <v>35</v>
      </c>
      <c r="L6573" t="s">
        <v>1049</v>
      </c>
      <c r="M6573">
        <v>115</v>
      </c>
      <c r="N6573" t="s">
        <v>654</v>
      </c>
      <c r="O6573">
        <v>3</v>
      </c>
      <c r="P6573" t="s">
        <v>655</v>
      </c>
      <c r="Q6573">
        <v>1</v>
      </c>
      <c r="R6573" t="s">
        <v>669</v>
      </c>
      <c r="S6573">
        <v>1</v>
      </c>
      <c r="T6573" t="s">
        <v>661</v>
      </c>
      <c r="U6573">
        <v>8</v>
      </c>
      <c r="V6573">
        <v>3</v>
      </c>
      <c r="W6573">
        <v>180</v>
      </c>
      <c r="X6573">
        <v>2020</v>
      </c>
    </row>
    <row r="6574" spans="1:24" x14ac:dyDescent="0.25">
      <c r="A6574">
        <v>973</v>
      </c>
      <c r="B6574" t="s">
        <v>210</v>
      </c>
      <c r="C6574">
        <v>23</v>
      </c>
      <c r="D6574" t="s">
        <v>544</v>
      </c>
      <c r="E6574">
        <v>166</v>
      </c>
      <c r="F6574" t="s">
        <v>651</v>
      </c>
      <c r="G6574">
        <v>160</v>
      </c>
      <c r="H6574" t="s">
        <v>739</v>
      </c>
      <c r="I6574">
        <v>4413</v>
      </c>
      <c r="J6574" t="s">
        <v>659</v>
      </c>
      <c r="K6574">
        <v>35</v>
      </c>
      <c r="L6574" t="s">
        <v>3956</v>
      </c>
      <c r="M6574">
        <v>378</v>
      </c>
      <c r="N6574" t="s">
        <v>654</v>
      </c>
      <c r="O6574">
        <v>3</v>
      </c>
      <c r="P6574" t="s">
        <v>655</v>
      </c>
      <c r="Q6574">
        <v>1</v>
      </c>
      <c r="R6574" t="s">
        <v>669</v>
      </c>
      <c r="S6574">
        <v>1</v>
      </c>
      <c r="T6574" t="s">
        <v>661</v>
      </c>
      <c r="U6574">
        <v>8</v>
      </c>
      <c r="V6574">
        <v>3</v>
      </c>
      <c r="W6574">
        <v>180</v>
      </c>
      <c r="X6574">
        <v>2020</v>
      </c>
    </row>
    <row r="6575" spans="1:24" x14ac:dyDescent="0.25">
      <c r="A6575">
        <v>971</v>
      </c>
      <c r="B6575" t="s">
        <v>210</v>
      </c>
      <c r="C6575">
        <v>23</v>
      </c>
      <c r="D6575" t="s">
        <v>544</v>
      </c>
      <c r="E6575">
        <v>166</v>
      </c>
      <c r="F6575" t="s">
        <v>651</v>
      </c>
      <c r="G6575">
        <v>160</v>
      </c>
      <c r="H6575" t="s">
        <v>739</v>
      </c>
      <c r="I6575">
        <v>4413</v>
      </c>
      <c r="J6575" t="s">
        <v>659</v>
      </c>
      <c r="K6575">
        <v>35</v>
      </c>
      <c r="L6575" t="s">
        <v>925</v>
      </c>
      <c r="M6575">
        <v>112</v>
      </c>
      <c r="N6575" t="s">
        <v>654</v>
      </c>
      <c r="O6575">
        <v>3</v>
      </c>
      <c r="P6575" t="s">
        <v>655</v>
      </c>
      <c r="Q6575">
        <v>1</v>
      </c>
      <c r="R6575" t="s">
        <v>669</v>
      </c>
      <c r="S6575">
        <v>1</v>
      </c>
      <c r="T6575" t="s">
        <v>661</v>
      </c>
      <c r="U6575">
        <v>8</v>
      </c>
      <c r="V6575">
        <v>3</v>
      </c>
      <c r="W6575">
        <v>180</v>
      </c>
      <c r="X6575">
        <v>2020</v>
      </c>
    </row>
    <row r="6576" spans="1:24" x14ac:dyDescent="0.25">
      <c r="A6576">
        <v>970</v>
      </c>
      <c r="B6576" t="s">
        <v>210</v>
      </c>
      <c r="C6576">
        <v>23</v>
      </c>
      <c r="D6576" t="s">
        <v>544</v>
      </c>
      <c r="E6576">
        <v>166</v>
      </c>
      <c r="F6576" t="s">
        <v>651</v>
      </c>
      <c r="G6576">
        <v>160</v>
      </c>
      <c r="H6576" t="s">
        <v>739</v>
      </c>
      <c r="I6576">
        <v>4413</v>
      </c>
      <c r="J6576" t="s">
        <v>659</v>
      </c>
      <c r="K6576">
        <v>35</v>
      </c>
      <c r="L6576" t="s">
        <v>3793</v>
      </c>
      <c r="M6576">
        <v>380</v>
      </c>
      <c r="N6576" t="s">
        <v>654</v>
      </c>
      <c r="O6576">
        <v>3</v>
      </c>
      <c r="P6576" t="s">
        <v>655</v>
      </c>
      <c r="Q6576">
        <v>1</v>
      </c>
      <c r="R6576" t="s">
        <v>669</v>
      </c>
      <c r="S6576">
        <v>1</v>
      </c>
      <c r="T6576" t="s">
        <v>661</v>
      </c>
      <c r="U6576">
        <v>8</v>
      </c>
      <c r="V6576">
        <v>3</v>
      </c>
      <c r="W6576">
        <v>180</v>
      </c>
      <c r="X6576">
        <v>2020</v>
      </c>
    </row>
    <row r="6577" spans="1:24" x14ac:dyDescent="0.25">
      <c r="A6577">
        <v>968</v>
      </c>
      <c r="B6577" t="s">
        <v>305</v>
      </c>
      <c r="C6577">
        <v>22</v>
      </c>
      <c r="D6577" t="s">
        <v>546</v>
      </c>
      <c r="E6577">
        <v>162</v>
      </c>
      <c r="F6577" t="s">
        <v>651</v>
      </c>
      <c r="G6577">
        <v>160</v>
      </c>
      <c r="H6577" t="s">
        <v>3321</v>
      </c>
      <c r="I6577">
        <v>9280</v>
      </c>
      <c r="J6577" t="s">
        <v>673</v>
      </c>
      <c r="K6577">
        <v>34</v>
      </c>
      <c r="L6577" t="s">
        <v>3792</v>
      </c>
      <c r="M6577">
        <v>108</v>
      </c>
      <c r="N6577" t="s">
        <v>654</v>
      </c>
      <c r="O6577">
        <v>3</v>
      </c>
      <c r="P6577" t="s">
        <v>655</v>
      </c>
      <c r="Q6577">
        <v>1</v>
      </c>
      <c r="R6577" t="s">
        <v>669</v>
      </c>
      <c r="S6577">
        <v>1</v>
      </c>
      <c r="T6577" t="s">
        <v>661</v>
      </c>
      <c r="U6577">
        <v>8</v>
      </c>
      <c r="V6577">
        <v>4</v>
      </c>
      <c r="W6577">
        <v>240</v>
      </c>
      <c r="X6577">
        <v>2020</v>
      </c>
    </row>
    <row r="6578" spans="1:24" x14ac:dyDescent="0.25">
      <c r="A6578">
        <v>966</v>
      </c>
      <c r="B6578" t="s">
        <v>305</v>
      </c>
      <c r="C6578">
        <v>22</v>
      </c>
      <c r="D6578" t="s">
        <v>546</v>
      </c>
      <c r="E6578">
        <v>162</v>
      </c>
      <c r="F6578" t="s">
        <v>651</v>
      </c>
      <c r="G6578">
        <v>160</v>
      </c>
      <c r="H6578" t="s">
        <v>3321</v>
      </c>
      <c r="I6578">
        <v>9280</v>
      </c>
      <c r="J6578" t="s">
        <v>673</v>
      </c>
      <c r="K6578">
        <v>34</v>
      </c>
      <c r="L6578" t="s">
        <v>674</v>
      </c>
      <c r="M6578">
        <v>107</v>
      </c>
      <c r="N6578" t="s">
        <v>654</v>
      </c>
      <c r="O6578">
        <v>3</v>
      </c>
      <c r="P6578" t="s">
        <v>655</v>
      </c>
      <c r="Q6578">
        <v>1</v>
      </c>
      <c r="R6578" t="s">
        <v>669</v>
      </c>
      <c r="S6578">
        <v>1</v>
      </c>
      <c r="T6578" t="s">
        <v>661</v>
      </c>
      <c r="U6578">
        <v>8</v>
      </c>
      <c r="V6578">
        <v>4</v>
      </c>
      <c r="W6578">
        <v>240</v>
      </c>
      <c r="X6578">
        <v>2020</v>
      </c>
    </row>
    <row r="6579" spans="1:24" x14ac:dyDescent="0.25">
      <c r="A6579">
        <v>964</v>
      </c>
      <c r="B6579" t="s">
        <v>305</v>
      </c>
      <c r="C6579">
        <v>22</v>
      </c>
      <c r="D6579" t="s">
        <v>545</v>
      </c>
      <c r="E6579">
        <v>164</v>
      </c>
      <c r="F6579" t="s">
        <v>651</v>
      </c>
      <c r="G6579">
        <v>160</v>
      </c>
      <c r="H6579" t="s">
        <v>3321</v>
      </c>
      <c r="I6579">
        <v>9280</v>
      </c>
      <c r="J6579" t="s">
        <v>673</v>
      </c>
      <c r="K6579">
        <v>34</v>
      </c>
      <c r="L6579" t="s">
        <v>673</v>
      </c>
      <c r="M6579">
        <v>104</v>
      </c>
      <c r="N6579" t="s">
        <v>654</v>
      </c>
      <c r="O6579">
        <v>3</v>
      </c>
      <c r="P6579" t="s">
        <v>655</v>
      </c>
      <c r="Q6579">
        <v>1</v>
      </c>
      <c r="R6579" t="s">
        <v>669</v>
      </c>
      <c r="S6579">
        <v>1</v>
      </c>
      <c r="T6579" t="s">
        <v>661</v>
      </c>
      <c r="U6579">
        <v>8</v>
      </c>
      <c r="V6579">
        <v>3</v>
      </c>
      <c r="W6579">
        <v>180</v>
      </c>
      <c r="X6579">
        <v>2020</v>
      </c>
    </row>
    <row r="6580" spans="1:24" x14ac:dyDescent="0.25">
      <c r="A6580">
        <v>963</v>
      </c>
      <c r="B6580" t="s">
        <v>305</v>
      </c>
      <c r="C6580">
        <v>22</v>
      </c>
      <c r="D6580" t="s">
        <v>545</v>
      </c>
      <c r="E6580">
        <v>164</v>
      </c>
      <c r="F6580" t="s">
        <v>651</v>
      </c>
      <c r="G6580">
        <v>160</v>
      </c>
      <c r="H6580" t="s">
        <v>739</v>
      </c>
      <c r="I6580">
        <v>4413</v>
      </c>
      <c r="J6580" t="s">
        <v>673</v>
      </c>
      <c r="K6580">
        <v>34</v>
      </c>
      <c r="L6580" t="s">
        <v>3957</v>
      </c>
      <c r="M6580">
        <v>110</v>
      </c>
      <c r="N6580" t="s">
        <v>654</v>
      </c>
      <c r="O6580">
        <v>3</v>
      </c>
      <c r="P6580" t="s">
        <v>655</v>
      </c>
      <c r="Q6580">
        <v>1</v>
      </c>
      <c r="R6580" t="s">
        <v>669</v>
      </c>
      <c r="S6580">
        <v>1</v>
      </c>
      <c r="T6580" t="s">
        <v>661</v>
      </c>
      <c r="U6580">
        <v>8</v>
      </c>
      <c r="V6580">
        <v>4</v>
      </c>
      <c r="W6580">
        <v>240</v>
      </c>
      <c r="X6580">
        <v>2020</v>
      </c>
    </row>
    <row r="6581" spans="1:24" x14ac:dyDescent="0.25">
      <c r="A6581">
        <v>962</v>
      </c>
      <c r="B6581" t="s">
        <v>305</v>
      </c>
      <c r="C6581">
        <v>22</v>
      </c>
      <c r="D6581" t="s">
        <v>545</v>
      </c>
      <c r="E6581">
        <v>164</v>
      </c>
      <c r="F6581" t="s">
        <v>651</v>
      </c>
      <c r="G6581">
        <v>160</v>
      </c>
      <c r="H6581" t="s">
        <v>739</v>
      </c>
      <c r="I6581">
        <v>4413</v>
      </c>
      <c r="J6581" t="s">
        <v>673</v>
      </c>
      <c r="K6581">
        <v>34</v>
      </c>
      <c r="L6581" t="s">
        <v>3958</v>
      </c>
      <c r="M6581">
        <v>109</v>
      </c>
      <c r="N6581" t="s">
        <v>654</v>
      </c>
      <c r="O6581">
        <v>3</v>
      </c>
      <c r="P6581" t="s">
        <v>655</v>
      </c>
      <c r="Q6581">
        <v>1</v>
      </c>
      <c r="R6581" t="s">
        <v>669</v>
      </c>
      <c r="S6581">
        <v>1</v>
      </c>
      <c r="T6581" t="s">
        <v>661</v>
      </c>
      <c r="U6581">
        <v>8</v>
      </c>
      <c r="V6581">
        <v>4</v>
      </c>
      <c r="W6581">
        <v>240</v>
      </c>
      <c r="X6581">
        <v>2020</v>
      </c>
    </row>
    <row r="6582" spans="1:24" x14ac:dyDescent="0.25">
      <c r="A6582">
        <v>961</v>
      </c>
      <c r="B6582" t="s">
        <v>305</v>
      </c>
      <c r="C6582">
        <v>22</v>
      </c>
      <c r="D6582" t="s">
        <v>545</v>
      </c>
      <c r="E6582">
        <v>164</v>
      </c>
      <c r="F6582" t="s">
        <v>651</v>
      </c>
      <c r="G6582">
        <v>160</v>
      </c>
      <c r="H6582" t="s">
        <v>739</v>
      </c>
      <c r="I6582">
        <v>4413</v>
      </c>
      <c r="J6582" t="s">
        <v>673</v>
      </c>
      <c r="K6582">
        <v>34</v>
      </c>
      <c r="L6582" t="s">
        <v>3959</v>
      </c>
      <c r="M6582">
        <v>106</v>
      </c>
      <c r="N6582" t="s">
        <v>654</v>
      </c>
      <c r="O6582">
        <v>3</v>
      </c>
      <c r="P6582" t="s">
        <v>655</v>
      </c>
      <c r="Q6582">
        <v>1</v>
      </c>
      <c r="R6582" t="s">
        <v>669</v>
      </c>
      <c r="S6582">
        <v>1</v>
      </c>
      <c r="T6582" t="s">
        <v>661</v>
      </c>
      <c r="U6582">
        <v>8</v>
      </c>
      <c r="V6582">
        <v>4</v>
      </c>
      <c r="W6582">
        <v>240</v>
      </c>
      <c r="X6582">
        <v>2020</v>
      </c>
    </row>
    <row r="6583" spans="1:24" x14ac:dyDescent="0.25">
      <c r="A6583">
        <v>960</v>
      </c>
      <c r="B6583" t="s">
        <v>305</v>
      </c>
      <c r="C6583">
        <v>22</v>
      </c>
      <c r="D6583" t="s">
        <v>545</v>
      </c>
      <c r="E6583">
        <v>164</v>
      </c>
      <c r="F6583" t="s">
        <v>651</v>
      </c>
      <c r="G6583">
        <v>160</v>
      </c>
      <c r="H6583" t="s">
        <v>739</v>
      </c>
      <c r="I6583">
        <v>4413</v>
      </c>
      <c r="J6583" t="s">
        <v>673</v>
      </c>
      <c r="K6583">
        <v>34</v>
      </c>
      <c r="L6583" t="s">
        <v>673</v>
      </c>
      <c r="M6583">
        <v>104</v>
      </c>
      <c r="N6583" t="s">
        <v>654</v>
      </c>
      <c r="O6583">
        <v>3</v>
      </c>
      <c r="P6583" t="s">
        <v>689</v>
      </c>
      <c r="Q6583">
        <v>4</v>
      </c>
      <c r="R6583" t="s">
        <v>669</v>
      </c>
      <c r="S6583">
        <v>1</v>
      </c>
      <c r="T6583" t="s">
        <v>661</v>
      </c>
      <c r="U6583">
        <v>8</v>
      </c>
      <c r="V6583">
        <v>3</v>
      </c>
      <c r="W6583">
        <v>180</v>
      </c>
      <c r="X6583">
        <v>2020</v>
      </c>
    </row>
    <row r="6584" spans="1:24" x14ac:dyDescent="0.25">
      <c r="A6584">
        <v>959</v>
      </c>
      <c r="B6584" t="s">
        <v>305</v>
      </c>
      <c r="C6584">
        <v>22</v>
      </c>
      <c r="D6584" t="s">
        <v>545</v>
      </c>
      <c r="E6584">
        <v>164</v>
      </c>
      <c r="F6584" t="s">
        <v>651</v>
      </c>
      <c r="G6584">
        <v>160</v>
      </c>
      <c r="H6584" t="s">
        <v>739</v>
      </c>
      <c r="I6584">
        <v>4413</v>
      </c>
      <c r="J6584" t="s">
        <v>673</v>
      </c>
      <c r="K6584">
        <v>34</v>
      </c>
      <c r="L6584" t="s">
        <v>673</v>
      </c>
      <c r="M6584">
        <v>104</v>
      </c>
      <c r="N6584" t="s">
        <v>654</v>
      </c>
      <c r="O6584">
        <v>3</v>
      </c>
      <c r="P6584" t="s">
        <v>655</v>
      </c>
      <c r="Q6584">
        <v>1</v>
      </c>
      <c r="R6584" t="s">
        <v>669</v>
      </c>
      <c r="S6584">
        <v>1</v>
      </c>
      <c r="T6584" t="s">
        <v>661</v>
      </c>
      <c r="U6584">
        <v>8</v>
      </c>
      <c r="V6584">
        <v>3</v>
      </c>
      <c r="W6584">
        <v>180</v>
      </c>
      <c r="X6584">
        <v>2020</v>
      </c>
    </row>
    <row r="6585" spans="1:24" x14ac:dyDescent="0.25">
      <c r="A6585">
        <v>957</v>
      </c>
      <c r="B6585" t="s">
        <v>305</v>
      </c>
      <c r="C6585">
        <v>22</v>
      </c>
      <c r="D6585" t="s">
        <v>546</v>
      </c>
      <c r="E6585">
        <v>162</v>
      </c>
      <c r="F6585" t="s">
        <v>651</v>
      </c>
      <c r="G6585">
        <v>160</v>
      </c>
      <c r="H6585" t="s">
        <v>739</v>
      </c>
      <c r="I6585">
        <v>4413</v>
      </c>
      <c r="J6585" t="s">
        <v>673</v>
      </c>
      <c r="K6585">
        <v>34</v>
      </c>
      <c r="L6585" t="s">
        <v>2911</v>
      </c>
      <c r="M6585">
        <v>111</v>
      </c>
      <c r="N6585" t="s">
        <v>654</v>
      </c>
      <c r="O6585">
        <v>3</v>
      </c>
      <c r="P6585" t="s">
        <v>655</v>
      </c>
      <c r="Q6585">
        <v>1</v>
      </c>
      <c r="R6585" t="s">
        <v>669</v>
      </c>
      <c r="S6585">
        <v>1</v>
      </c>
      <c r="T6585" t="s">
        <v>661</v>
      </c>
      <c r="U6585">
        <v>8</v>
      </c>
      <c r="V6585">
        <v>4</v>
      </c>
      <c r="W6585">
        <v>240</v>
      </c>
      <c r="X6585">
        <v>2020</v>
      </c>
    </row>
    <row r="6586" spans="1:24" x14ac:dyDescent="0.25">
      <c r="A6586">
        <v>956</v>
      </c>
      <c r="B6586" t="s">
        <v>305</v>
      </c>
      <c r="C6586">
        <v>22</v>
      </c>
      <c r="D6586" t="s">
        <v>546</v>
      </c>
      <c r="E6586">
        <v>162</v>
      </c>
      <c r="F6586" t="s">
        <v>651</v>
      </c>
      <c r="G6586">
        <v>160</v>
      </c>
      <c r="H6586" t="s">
        <v>739</v>
      </c>
      <c r="I6586">
        <v>4413</v>
      </c>
      <c r="J6586" t="s">
        <v>673</v>
      </c>
      <c r="K6586">
        <v>34</v>
      </c>
      <c r="L6586" t="s">
        <v>674</v>
      </c>
      <c r="M6586">
        <v>107</v>
      </c>
      <c r="N6586" t="s">
        <v>654</v>
      </c>
      <c r="O6586">
        <v>3</v>
      </c>
      <c r="P6586" t="s">
        <v>689</v>
      </c>
      <c r="Q6586">
        <v>4</v>
      </c>
      <c r="R6586" t="s">
        <v>669</v>
      </c>
      <c r="S6586">
        <v>1</v>
      </c>
      <c r="T6586" t="s">
        <v>661</v>
      </c>
      <c r="U6586">
        <v>8</v>
      </c>
      <c r="V6586">
        <v>4</v>
      </c>
      <c r="W6586">
        <v>240</v>
      </c>
      <c r="X6586">
        <v>2020</v>
      </c>
    </row>
    <row r="6587" spans="1:24" x14ac:dyDescent="0.25">
      <c r="A6587">
        <v>955</v>
      </c>
      <c r="B6587" t="s">
        <v>305</v>
      </c>
      <c r="C6587">
        <v>22</v>
      </c>
      <c r="D6587" t="s">
        <v>546</v>
      </c>
      <c r="E6587">
        <v>162</v>
      </c>
      <c r="F6587" t="s">
        <v>651</v>
      </c>
      <c r="G6587">
        <v>160</v>
      </c>
      <c r="H6587" t="s">
        <v>739</v>
      </c>
      <c r="I6587">
        <v>4413</v>
      </c>
      <c r="J6587" t="s">
        <v>673</v>
      </c>
      <c r="K6587">
        <v>34</v>
      </c>
      <c r="L6587" t="s">
        <v>674</v>
      </c>
      <c r="M6587">
        <v>107</v>
      </c>
      <c r="N6587" t="s">
        <v>654</v>
      </c>
      <c r="O6587">
        <v>3</v>
      </c>
      <c r="P6587" t="s">
        <v>655</v>
      </c>
      <c r="Q6587">
        <v>1</v>
      </c>
      <c r="R6587" t="s">
        <v>669</v>
      </c>
      <c r="S6587">
        <v>1</v>
      </c>
      <c r="T6587" t="s">
        <v>661</v>
      </c>
      <c r="U6587">
        <v>8</v>
      </c>
      <c r="V6587">
        <v>4</v>
      </c>
      <c r="W6587">
        <v>240</v>
      </c>
      <c r="X6587">
        <v>2020</v>
      </c>
    </row>
    <row r="6588" spans="1:24" x14ac:dyDescent="0.25">
      <c r="A6588">
        <v>954</v>
      </c>
      <c r="B6588" t="s">
        <v>305</v>
      </c>
      <c r="C6588">
        <v>22</v>
      </c>
      <c r="D6588" t="s">
        <v>546</v>
      </c>
      <c r="E6588">
        <v>162</v>
      </c>
      <c r="F6588" t="s">
        <v>651</v>
      </c>
      <c r="G6588">
        <v>160</v>
      </c>
      <c r="H6588" t="s">
        <v>739</v>
      </c>
      <c r="I6588">
        <v>4413</v>
      </c>
      <c r="J6588" t="s">
        <v>673</v>
      </c>
      <c r="K6588">
        <v>34</v>
      </c>
      <c r="L6588" t="s">
        <v>3792</v>
      </c>
      <c r="M6588">
        <v>108</v>
      </c>
      <c r="N6588" t="s">
        <v>654</v>
      </c>
      <c r="O6588">
        <v>3</v>
      </c>
      <c r="P6588" t="s">
        <v>689</v>
      </c>
      <c r="Q6588">
        <v>4</v>
      </c>
      <c r="R6588" t="s">
        <v>669</v>
      </c>
      <c r="S6588">
        <v>1</v>
      </c>
      <c r="T6588" t="s">
        <v>661</v>
      </c>
      <c r="U6588">
        <v>8</v>
      </c>
      <c r="V6588">
        <v>4</v>
      </c>
      <c r="W6588">
        <v>240</v>
      </c>
      <c r="X6588">
        <v>2020</v>
      </c>
    </row>
    <row r="6589" spans="1:24" x14ac:dyDescent="0.25">
      <c r="A6589">
        <v>953</v>
      </c>
      <c r="B6589" t="s">
        <v>305</v>
      </c>
      <c r="C6589">
        <v>22</v>
      </c>
      <c r="D6589" t="s">
        <v>546</v>
      </c>
      <c r="E6589">
        <v>162</v>
      </c>
      <c r="F6589" t="s">
        <v>651</v>
      </c>
      <c r="G6589">
        <v>160</v>
      </c>
      <c r="H6589" t="s">
        <v>739</v>
      </c>
      <c r="I6589">
        <v>4413</v>
      </c>
      <c r="J6589" t="s">
        <v>673</v>
      </c>
      <c r="K6589">
        <v>34</v>
      </c>
      <c r="L6589" t="s">
        <v>3792</v>
      </c>
      <c r="M6589">
        <v>108</v>
      </c>
      <c r="N6589" t="s">
        <v>654</v>
      </c>
      <c r="O6589">
        <v>3</v>
      </c>
      <c r="P6589" t="s">
        <v>655</v>
      </c>
      <c r="Q6589">
        <v>1</v>
      </c>
      <c r="R6589" t="s">
        <v>669</v>
      </c>
      <c r="S6589">
        <v>1</v>
      </c>
      <c r="T6589" t="s">
        <v>661</v>
      </c>
      <c r="U6589">
        <v>8</v>
      </c>
      <c r="V6589">
        <v>4</v>
      </c>
      <c r="W6589">
        <v>240</v>
      </c>
      <c r="X6589">
        <v>2020</v>
      </c>
    </row>
    <row r="6590" spans="1:24" x14ac:dyDescent="0.25">
      <c r="A6590">
        <v>952</v>
      </c>
      <c r="B6590" t="s">
        <v>198</v>
      </c>
      <c r="C6590">
        <v>21</v>
      </c>
      <c r="D6590" t="s">
        <v>321</v>
      </c>
      <c r="E6590">
        <v>161</v>
      </c>
      <c r="F6590" t="s">
        <v>651</v>
      </c>
      <c r="G6590">
        <v>160</v>
      </c>
      <c r="H6590" t="s">
        <v>739</v>
      </c>
      <c r="I6590">
        <v>4413</v>
      </c>
      <c r="J6590" t="s">
        <v>915</v>
      </c>
      <c r="K6590">
        <v>78</v>
      </c>
      <c r="L6590" t="s">
        <v>1143</v>
      </c>
      <c r="M6590">
        <v>340</v>
      </c>
      <c r="N6590" t="s">
        <v>654</v>
      </c>
      <c r="O6590">
        <v>3</v>
      </c>
      <c r="P6590" t="s">
        <v>655</v>
      </c>
      <c r="Q6590">
        <v>1</v>
      </c>
      <c r="R6590" t="s">
        <v>669</v>
      </c>
      <c r="S6590">
        <v>1</v>
      </c>
      <c r="T6590" t="s">
        <v>661</v>
      </c>
      <c r="U6590">
        <v>8</v>
      </c>
      <c r="V6590">
        <v>3</v>
      </c>
      <c r="W6590">
        <v>180</v>
      </c>
      <c r="X6590">
        <v>2020</v>
      </c>
    </row>
    <row r="6591" spans="1:24" x14ac:dyDescent="0.25">
      <c r="A6591">
        <v>950</v>
      </c>
      <c r="B6591" t="s">
        <v>198</v>
      </c>
      <c r="C6591">
        <v>21</v>
      </c>
      <c r="D6591" t="s">
        <v>321</v>
      </c>
      <c r="E6591">
        <v>161</v>
      </c>
      <c r="F6591" t="s">
        <v>651</v>
      </c>
      <c r="G6591">
        <v>160</v>
      </c>
      <c r="H6591" t="s">
        <v>739</v>
      </c>
      <c r="I6591">
        <v>4413</v>
      </c>
      <c r="J6591" t="s">
        <v>1931</v>
      </c>
      <c r="K6591">
        <v>80</v>
      </c>
      <c r="L6591" t="s">
        <v>878</v>
      </c>
      <c r="M6591">
        <v>329</v>
      </c>
      <c r="N6591" t="s">
        <v>654</v>
      </c>
      <c r="O6591">
        <v>3</v>
      </c>
      <c r="P6591" t="s">
        <v>655</v>
      </c>
      <c r="Q6591">
        <v>1</v>
      </c>
      <c r="R6591" t="s">
        <v>669</v>
      </c>
      <c r="S6591">
        <v>1</v>
      </c>
      <c r="T6591" t="s">
        <v>661</v>
      </c>
      <c r="U6591">
        <v>8</v>
      </c>
      <c r="V6591">
        <v>5</v>
      </c>
      <c r="W6591">
        <v>300</v>
      </c>
      <c r="X6591">
        <v>2020</v>
      </c>
    </row>
    <row r="6592" spans="1:24" x14ac:dyDescent="0.25">
      <c r="A6592">
        <v>948</v>
      </c>
      <c r="B6592" t="s">
        <v>198</v>
      </c>
      <c r="C6592">
        <v>21</v>
      </c>
      <c r="D6592" t="s">
        <v>547</v>
      </c>
      <c r="E6592">
        <v>160</v>
      </c>
      <c r="F6592" t="s">
        <v>651</v>
      </c>
      <c r="G6592">
        <v>160</v>
      </c>
      <c r="H6592" t="s">
        <v>739</v>
      </c>
      <c r="I6592">
        <v>4413</v>
      </c>
      <c r="J6592" t="s">
        <v>671</v>
      </c>
      <c r="K6592">
        <v>81</v>
      </c>
      <c r="L6592" t="s">
        <v>920</v>
      </c>
      <c r="M6592">
        <v>335</v>
      </c>
      <c r="N6592" t="s">
        <v>654</v>
      </c>
      <c r="O6592">
        <v>3</v>
      </c>
      <c r="P6592" t="s">
        <v>655</v>
      </c>
      <c r="Q6592">
        <v>1</v>
      </c>
      <c r="R6592" t="s">
        <v>669</v>
      </c>
      <c r="S6592">
        <v>1</v>
      </c>
      <c r="T6592" t="s">
        <v>661</v>
      </c>
      <c r="U6592">
        <v>8</v>
      </c>
      <c r="V6592">
        <v>3</v>
      </c>
      <c r="W6592">
        <v>180</v>
      </c>
      <c r="X6592">
        <v>2020</v>
      </c>
    </row>
    <row r="6593" spans="1:24" x14ac:dyDescent="0.25">
      <c r="A6593">
        <v>947</v>
      </c>
      <c r="B6593" t="s">
        <v>198</v>
      </c>
      <c r="C6593">
        <v>21</v>
      </c>
      <c r="D6593" t="s">
        <v>547</v>
      </c>
      <c r="E6593">
        <v>160</v>
      </c>
      <c r="F6593" t="s">
        <v>651</v>
      </c>
      <c r="G6593">
        <v>160</v>
      </c>
      <c r="H6593" t="s">
        <v>739</v>
      </c>
      <c r="I6593">
        <v>4413</v>
      </c>
      <c r="J6593" t="s">
        <v>751</v>
      </c>
      <c r="K6593">
        <v>79</v>
      </c>
      <c r="L6593" t="s">
        <v>752</v>
      </c>
      <c r="M6593">
        <v>328</v>
      </c>
      <c r="N6593" t="s">
        <v>654</v>
      </c>
      <c r="O6593">
        <v>3</v>
      </c>
      <c r="P6593" t="s">
        <v>655</v>
      </c>
      <c r="Q6593">
        <v>1</v>
      </c>
      <c r="R6593" t="s">
        <v>669</v>
      </c>
      <c r="S6593">
        <v>1</v>
      </c>
      <c r="T6593" t="s">
        <v>661</v>
      </c>
      <c r="U6593">
        <v>8</v>
      </c>
      <c r="V6593">
        <v>6</v>
      </c>
      <c r="W6593">
        <v>360</v>
      </c>
      <c r="X6593">
        <v>2020</v>
      </c>
    </row>
    <row r="6594" spans="1:24" x14ac:dyDescent="0.25">
      <c r="A6594">
        <v>946</v>
      </c>
      <c r="B6594" t="s">
        <v>198</v>
      </c>
      <c r="C6594">
        <v>21</v>
      </c>
      <c r="D6594" t="s">
        <v>322</v>
      </c>
      <c r="E6594">
        <v>159</v>
      </c>
      <c r="F6594" t="s">
        <v>651</v>
      </c>
      <c r="G6594">
        <v>160</v>
      </c>
      <c r="H6594" t="s">
        <v>739</v>
      </c>
      <c r="I6594">
        <v>4413</v>
      </c>
      <c r="J6594" t="s">
        <v>915</v>
      </c>
      <c r="K6594">
        <v>78</v>
      </c>
      <c r="L6594" t="s">
        <v>1266</v>
      </c>
      <c r="M6594">
        <v>334</v>
      </c>
      <c r="N6594" t="s">
        <v>654</v>
      </c>
      <c r="O6594">
        <v>3</v>
      </c>
      <c r="P6594" t="s">
        <v>655</v>
      </c>
      <c r="Q6594">
        <v>1</v>
      </c>
      <c r="R6594" t="s">
        <v>669</v>
      </c>
      <c r="S6594">
        <v>1</v>
      </c>
      <c r="T6594" t="s">
        <v>661</v>
      </c>
      <c r="U6594">
        <v>8</v>
      </c>
      <c r="V6594">
        <v>3</v>
      </c>
      <c r="W6594">
        <v>180</v>
      </c>
      <c r="X6594">
        <v>2020</v>
      </c>
    </row>
    <row r="6595" spans="1:24" x14ac:dyDescent="0.25">
      <c r="A6595">
        <v>944</v>
      </c>
      <c r="B6595" t="s">
        <v>198</v>
      </c>
      <c r="C6595">
        <v>21</v>
      </c>
      <c r="D6595" t="s">
        <v>322</v>
      </c>
      <c r="E6595">
        <v>159</v>
      </c>
      <c r="F6595" t="s">
        <v>651</v>
      </c>
      <c r="G6595">
        <v>160</v>
      </c>
      <c r="H6595" t="s">
        <v>739</v>
      </c>
      <c r="I6595">
        <v>4413</v>
      </c>
      <c r="J6595" t="s">
        <v>915</v>
      </c>
      <c r="K6595">
        <v>78</v>
      </c>
      <c r="L6595" t="s">
        <v>916</v>
      </c>
      <c r="M6595">
        <v>332</v>
      </c>
      <c r="N6595" t="s">
        <v>654</v>
      </c>
      <c r="O6595">
        <v>3</v>
      </c>
      <c r="P6595" t="s">
        <v>655</v>
      </c>
      <c r="Q6595">
        <v>1</v>
      </c>
      <c r="R6595" t="s">
        <v>669</v>
      </c>
      <c r="S6595">
        <v>1</v>
      </c>
      <c r="T6595" t="s">
        <v>661</v>
      </c>
      <c r="U6595">
        <v>8</v>
      </c>
      <c r="V6595">
        <v>3</v>
      </c>
      <c r="W6595">
        <v>180</v>
      </c>
      <c r="X6595">
        <v>2020</v>
      </c>
    </row>
    <row r="6596" spans="1:24" x14ac:dyDescent="0.25">
      <c r="A6596">
        <v>940</v>
      </c>
      <c r="B6596" t="s">
        <v>198</v>
      </c>
      <c r="C6596">
        <v>21</v>
      </c>
      <c r="D6596" t="s">
        <v>322</v>
      </c>
      <c r="E6596">
        <v>159</v>
      </c>
      <c r="F6596" t="s">
        <v>651</v>
      </c>
      <c r="G6596">
        <v>160</v>
      </c>
      <c r="H6596" t="s">
        <v>739</v>
      </c>
      <c r="I6596">
        <v>4413</v>
      </c>
      <c r="J6596" t="s">
        <v>932</v>
      </c>
      <c r="K6596">
        <v>77</v>
      </c>
      <c r="L6596" t="s">
        <v>933</v>
      </c>
      <c r="M6596">
        <v>330</v>
      </c>
      <c r="N6596" t="s">
        <v>654</v>
      </c>
      <c r="O6596">
        <v>3</v>
      </c>
      <c r="P6596" t="s">
        <v>655</v>
      </c>
      <c r="Q6596">
        <v>1</v>
      </c>
      <c r="R6596" t="s">
        <v>669</v>
      </c>
      <c r="S6596">
        <v>1</v>
      </c>
      <c r="T6596" t="s">
        <v>661</v>
      </c>
      <c r="U6596">
        <v>8</v>
      </c>
      <c r="V6596">
        <v>4</v>
      </c>
      <c r="W6596">
        <v>240</v>
      </c>
      <c r="X6596">
        <v>2020</v>
      </c>
    </row>
    <row r="6597" spans="1:24" x14ac:dyDescent="0.25">
      <c r="A6597">
        <v>939</v>
      </c>
      <c r="B6597" t="s">
        <v>198</v>
      </c>
      <c r="C6597">
        <v>21</v>
      </c>
      <c r="D6597" t="s">
        <v>322</v>
      </c>
      <c r="E6597">
        <v>159</v>
      </c>
      <c r="F6597" t="s">
        <v>651</v>
      </c>
      <c r="G6597">
        <v>160</v>
      </c>
      <c r="H6597" t="s">
        <v>739</v>
      </c>
      <c r="I6597">
        <v>4413</v>
      </c>
      <c r="J6597" t="s">
        <v>932</v>
      </c>
      <c r="K6597">
        <v>77</v>
      </c>
      <c r="L6597" t="s">
        <v>839</v>
      </c>
      <c r="M6597">
        <v>327</v>
      </c>
      <c r="N6597" t="s">
        <v>654</v>
      </c>
      <c r="O6597">
        <v>3</v>
      </c>
      <c r="P6597" t="s">
        <v>655</v>
      </c>
      <c r="Q6597">
        <v>1</v>
      </c>
      <c r="R6597" t="s">
        <v>669</v>
      </c>
      <c r="S6597">
        <v>1</v>
      </c>
      <c r="T6597" t="s">
        <v>661</v>
      </c>
      <c r="U6597">
        <v>8</v>
      </c>
      <c r="V6597">
        <v>6</v>
      </c>
      <c r="W6597">
        <v>360</v>
      </c>
      <c r="X6597">
        <v>2020</v>
      </c>
    </row>
    <row r="6598" spans="1:24" x14ac:dyDescent="0.25">
      <c r="A6598">
        <v>938</v>
      </c>
      <c r="B6598" t="s">
        <v>14</v>
      </c>
      <c r="C6598">
        <v>20</v>
      </c>
      <c r="D6598" t="s">
        <v>548</v>
      </c>
      <c r="E6598">
        <v>158</v>
      </c>
      <c r="F6598" t="s">
        <v>651</v>
      </c>
      <c r="G6598">
        <v>160</v>
      </c>
      <c r="H6598" t="s">
        <v>739</v>
      </c>
      <c r="I6598">
        <v>4413</v>
      </c>
      <c r="J6598" t="s">
        <v>1028</v>
      </c>
      <c r="K6598">
        <v>33</v>
      </c>
      <c r="L6598" t="s">
        <v>3763</v>
      </c>
      <c r="M6598">
        <v>102</v>
      </c>
      <c r="N6598" t="s">
        <v>654</v>
      </c>
      <c r="O6598">
        <v>3</v>
      </c>
      <c r="P6598" t="s">
        <v>655</v>
      </c>
      <c r="Q6598">
        <v>1</v>
      </c>
      <c r="R6598" t="s">
        <v>669</v>
      </c>
      <c r="S6598">
        <v>1</v>
      </c>
      <c r="T6598" t="s">
        <v>661</v>
      </c>
      <c r="U6598">
        <v>8</v>
      </c>
      <c r="V6598">
        <v>3</v>
      </c>
      <c r="W6598">
        <v>180</v>
      </c>
      <c r="X6598">
        <v>2020</v>
      </c>
    </row>
    <row r="6599" spans="1:24" x14ac:dyDescent="0.25">
      <c r="A6599">
        <v>936</v>
      </c>
      <c r="B6599" t="s">
        <v>14</v>
      </c>
      <c r="C6599">
        <v>20</v>
      </c>
      <c r="D6599" t="s">
        <v>548</v>
      </c>
      <c r="E6599">
        <v>158</v>
      </c>
      <c r="F6599" t="s">
        <v>651</v>
      </c>
      <c r="G6599">
        <v>160</v>
      </c>
      <c r="H6599" t="s">
        <v>739</v>
      </c>
      <c r="I6599">
        <v>4413</v>
      </c>
      <c r="J6599" t="s">
        <v>679</v>
      </c>
      <c r="K6599">
        <v>32</v>
      </c>
      <c r="L6599" t="s">
        <v>3798</v>
      </c>
      <c r="M6599">
        <v>100</v>
      </c>
      <c r="N6599" t="s">
        <v>654</v>
      </c>
      <c r="O6599">
        <v>3</v>
      </c>
      <c r="P6599" t="s">
        <v>655</v>
      </c>
      <c r="Q6599">
        <v>1</v>
      </c>
      <c r="R6599" t="s">
        <v>669</v>
      </c>
      <c r="S6599">
        <v>1</v>
      </c>
      <c r="T6599" t="s">
        <v>661</v>
      </c>
      <c r="U6599">
        <v>8</v>
      </c>
      <c r="V6599">
        <v>3</v>
      </c>
      <c r="W6599">
        <v>180</v>
      </c>
      <c r="X6599">
        <v>2020</v>
      </c>
    </row>
    <row r="6600" spans="1:24" x14ac:dyDescent="0.25">
      <c r="A6600">
        <v>935</v>
      </c>
      <c r="B6600" t="s">
        <v>14</v>
      </c>
      <c r="C6600">
        <v>20</v>
      </c>
      <c r="D6600" t="s">
        <v>548</v>
      </c>
      <c r="E6600">
        <v>158</v>
      </c>
      <c r="F6600" t="s">
        <v>651</v>
      </c>
      <c r="G6600">
        <v>160</v>
      </c>
      <c r="H6600" t="s">
        <v>739</v>
      </c>
      <c r="I6600">
        <v>4413</v>
      </c>
      <c r="J6600" t="s">
        <v>679</v>
      </c>
      <c r="K6600">
        <v>32</v>
      </c>
      <c r="L6600" t="s">
        <v>1612</v>
      </c>
      <c r="M6600">
        <v>463</v>
      </c>
      <c r="N6600" t="s">
        <v>654</v>
      </c>
      <c r="O6600">
        <v>3</v>
      </c>
      <c r="P6600" t="s">
        <v>655</v>
      </c>
      <c r="Q6600">
        <v>1</v>
      </c>
      <c r="R6600" t="s">
        <v>669</v>
      </c>
      <c r="S6600">
        <v>1</v>
      </c>
      <c r="T6600" t="s">
        <v>657</v>
      </c>
      <c r="U6600">
        <v>7</v>
      </c>
      <c r="V6600">
        <v>3</v>
      </c>
      <c r="W6600">
        <v>180</v>
      </c>
      <c r="X6600">
        <v>2020</v>
      </c>
    </row>
    <row r="6601" spans="1:24" x14ac:dyDescent="0.25">
      <c r="A6601">
        <v>934</v>
      </c>
      <c r="B6601" t="s">
        <v>14</v>
      </c>
      <c r="C6601">
        <v>20</v>
      </c>
      <c r="D6601" t="s">
        <v>548</v>
      </c>
      <c r="E6601">
        <v>158</v>
      </c>
      <c r="F6601" t="s">
        <v>651</v>
      </c>
      <c r="G6601">
        <v>160</v>
      </c>
      <c r="H6601" t="s">
        <v>739</v>
      </c>
      <c r="I6601">
        <v>4413</v>
      </c>
      <c r="J6601" t="s">
        <v>679</v>
      </c>
      <c r="K6601">
        <v>32</v>
      </c>
      <c r="L6601" t="s">
        <v>1612</v>
      </c>
      <c r="M6601">
        <v>463</v>
      </c>
      <c r="N6601" t="s">
        <v>654</v>
      </c>
      <c r="O6601">
        <v>3</v>
      </c>
      <c r="P6601" t="s">
        <v>655</v>
      </c>
      <c r="Q6601">
        <v>1</v>
      </c>
      <c r="R6601" t="s">
        <v>669</v>
      </c>
      <c r="S6601">
        <v>1</v>
      </c>
      <c r="T6601" t="s">
        <v>661</v>
      </c>
      <c r="U6601">
        <v>8</v>
      </c>
      <c r="V6601">
        <v>3</v>
      </c>
      <c r="W6601">
        <v>180</v>
      </c>
      <c r="X6601">
        <v>2020</v>
      </c>
    </row>
    <row r="6602" spans="1:24" x14ac:dyDescent="0.25">
      <c r="A6602">
        <v>931</v>
      </c>
      <c r="B6602" t="s">
        <v>14</v>
      </c>
      <c r="C6602">
        <v>20</v>
      </c>
      <c r="D6602" t="s">
        <v>508</v>
      </c>
      <c r="E6602">
        <v>157</v>
      </c>
      <c r="F6602" t="s">
        <v>651</v>
      </c>
      <c r="G6602">
        <v>160</v>
      </c>
      <c r="H6602" t="s">
        <v>739</v>
      </c>
      <c r="I6602">
        <v>4413</v>
      </c>
      <c r="J6602" t="s">
        <v>864</v>
      </c>
      <c r="K6602">
        <v>14</v>
      </c>
      <c r="L6602" t="s">
        <v>3989</v>
      </c>
      <c r="M6602">
        <v>363</v>
      </c>
      <c r="N6602" t="s">
        <v>654</v>
      </c>
      <c r="O6602">
        <v>3</v>
      </c>
      <c r="P6602" t="s">
        <v>655</v>
      </c>
      <c r="Q6602">
        <v>1</v>
      </c>
      <c r="R6602" t="s">
        <v>669</v>
      </c>
      <c r="S6602">
        <v>1</v>
      </c>
      <c r="T6602" t="s">
        <v>657</v>
      </c>
      <c r="U6602">
        <v>7</v>
      </c>
      <c r="V6602">
        <v>3</v>
      </c>
      <c r="W6602">
        <v>180</v>
      </c>
      <c r="X6602">
        <v>2020</v>
      </c>
    </row>
    <row r="6603" spans="1:24" x14ac:dyDescent="0.25">
      <c r="A6603">
        <v>925</v>
      </c>
      <c r="B6603" t="s">
        <v>14</v>
      </c>
      <c r="C6603">
        <v>20</v>
      </c>
      <c r="D6603" t="s">
        <v>549</v>
      </c>
      <c r="E6603">
        <v>156</v>
      </c>
      <c r="F6603" t="s">
        <v>651</v>
      </c>
      <c r="G6603">
        <v>160</v>
      </c>
      <c r="H6603" t="s">
        <v>739</v>
      </c>
      <c r="I6603">
        <v>4413</v>
      </c>
      <c r="J6603" t="s">
        <v>864</v>
      </c>
      <c r="K6603">
        <v>14</v>
      </c>
      <c r="L6603" t="s">
        <v>3990</v>
      </c>
      <c r="M6603">
        <v>365</v>
      </c>
      <c r="N6603" t="s">
        <v>654</v>
      </c>
      <c r="O6603">
        <v>3</v>
      </c>
      <c r="P6603" t="s">
        <v>655</v>
      </c>
      <c r="Q6603">
        <v>1</v>
      </c>
      <c r="R6603" t="s">
        <v>669</v>
      </c>
      <c r="S6603">
        <v>1</v>
      </c>
      <c r="T6603" t="s">
        <v>657</v>
      </c>
      <c r="U6603">
        <v>7</v>
      </c>
      <c r="V6603">
        <v>3</v>
      </c>
      <c r="W6603">
        <v>180</v>
      </c>
      <c r="X6603">
        <v>2020</v>
      </c>
    </row>
    <row r="6604" spans="1:24" x14ac:dyDescent="0.25">
      <c r="A6604">
        <v>922</v>
      </c>
      <c r="B6604" t="s">
        <v>14</v>
      </c>
      <c r="C6604">
        <v>20</v>
      </c>
      <c r="D6604" t="s">
        <v>550</v>
      </c>
      <c r="E6604">
        <v>155</v>
      </c>
      <c r="F6604" t="s">
        <v>651</v>
      </c>
      <c r="G6604">
        <v>160</v>
      </c>
      <c r="H6604" t="s">
        <v>739</v>
      </c>
      <c r="I6604">
        <v>4413</v>
      </c>
      <c r="J6604" t="s">
        <v>864</v>
      </c>
      <c r="K6604">
        <v>14</v>
      </c>
      <c r="L6604" t="s">
        <v>3991</v>
      </c>
      <c r="M6604">
        <v>372</v>
      </c>
      <c r="N6604" t="s">
        <v>654</v>
      </c>
      <c r="O6604">
        <v>3</v>
      </c>
      <c r="P6604" t="s">
        <v>655</v>
      </c>
      <c r="Q6604">
        <v>1</v>
      </c>
      <c r="R6604" t="s">
        <v>669</v>
      </c>
      <c r="S6604">
        <v>1</v>
      </c>
      <c r="T6604" t="s">
        <v>661</v>
      </c>
      <c r="U6604">
        <v>8</v>
      </c>
      <c r="V6604">
        <v>3</v>
      </c>
      <c r="W6604">
        <v>180</v>
      </c>
      <c r="X6604">
        <v>2020</v>
      </c>
    </row>
    <row r="6605" spans="1:24" x14ac:dyDescent="0.25">
      <c r="A6605">
        <v>920</v>
      </c>
      <c r="B6605" t="s">
        <v>14</v>
      </c>
      <c r="C6605">
        <v>20</v>
      </c>
      <c r="D6605" t="s">
        <v>550</v>
      </c>
      <c r="E6605">
        <v>155</v>
      </c>
      <c r="F6605" t="s">
        <v>651</v>
      </c>
      <c r="G6605">
        <v>160</v>
      </c>
      <c r="H6605" t="s">
        <v>739</v>
      </c>
      <c r="I6605">
        <v>4413</v>
      </c>
      <c r="J6605" t="s">
        <v>864</v>
      </c>
      <c r="K6605">
        <v>14</v>
      </c>
      <c r="L6605" t="s">
        <v>3992</v>
      </c>
      <c r="M6605">
        <v>364</v>
      </c>
      <c r="N6605" t="s">
        <v>654</v>
      </c>
      <c r="O6605">
        <v>3</v>
      </c>
      <c r="P6605" t="s">
        <v>655</v>
      </c>
      <c r="Q6605">
        <v>1</v>
      </c>
      <c r="R6605" t="s">
        <v>669</v>
      </c>
      <c r="S6605">
        <v>1</v>
      </c>
      <c r="T6605" t="s">
        <v>661</v>
      </c>
      <c r="U6605">
        <v>8</v>
      </c>
      <c r="V6605">
        <v>3</v>
      </c>
      <c r="W6605">
        <v>180</v>
      </c>
      <c r="X6605">
        <v>2020</v>
      </c>
    </row>
    <row r="6606" spans="1:24" x14ac:dyDescent="0.25">
      <c r="A6606">
        <v>919</v>
      </c>
      <c r="B6606" t="s">
        <v>14</v>
      </c>
      <c r="C6606">
        <v>20</v>
      </c>
      <c r="D6606" t="s">
        <v>550</v>
      </c>
      <c r="E6606">
        <v>155</v>
      </c>
      <c r="F6606" t="s">
        <v>651</v>
      </c>
      <c r="G6606">
        <v>160</v>
      </c>
      <c r="H6606" t="s">
        <v>652</v>
      </c>
      <c r="I6606">
        <v>2094</v>
      </c>
      <c r="J6606" t="s">
        <v>864</v>
      </c>
      <c r="K6606">
        <v>14</v>
      </c>
      <c r="L6606" t="s">
        <v>3993</v>
      </c>
      <c r="M6606">
        <v>356</v>
      </c>
      <c r="N6606" t="s">
        <v>654</v>
      </c>
      <c r="O6606">
        <v>3</v>
      </c>
      <c r="P6606" t="s">
        <v>655</v>
      </c>
      <c r="Q6606">
        <v>1</v>
      </c>
      <c r="R6606" t="s">
        <v>669</v>
      </c>
      <c r="S6606">
        <v>1</v>
      </c>
      <c r="T6606" t="s">
        <v>661</v>
      </c>
      <c r="U6606">
        <v>8</v>
      </c>
      <c r="V6606">
        <v>4</v>
      </c>
      <c r="W6606">
        <v>240</v>
      </c>
      <c r="X6606">
        <v>2020</v>
      </c>
    </row>
    <row r="6607" spans="1:24" x14ac:dyDescent="0.25">
      <c r="A6607">
        <v>918</v>
      </c>
      <c r="B6607" t="s">
        <v>14</v>
      </c>
      <c r="C6607">
        <v>20</v>
      </c>
      <c r="D6607" t="s">
        <v>550</v>
      </c>
      <c r="E6607">
        <v>155</v>
      </c>
      <c r="F6607" t="s">
        <v>651</v>
      </c>
      <c r="G6607">
        <v>160</v>
      </c>
      <c r="H6607" t="s">
        <v>2939</v>
      </c>
      <c r="I6607">
        <v>17</v>
      </c>
      <c r="J6607" t="s">
        <v>864</v>
      </c>
      <c r="K6607">
        <v>14</v>
      </c>
      <c r="L6607" t="s">
        <v>3993</v>
      </c>
      <c r="M6607">
        <v>356</v>
      </c>
      <c r="N6607" t="s">
        <v>654</v>
      </c>
      <c r="O6607">
        <v>3</v>
      </c>
      <c r="P6607" t="s">
        <v>655</v>
      </c>
      <c r="Q6607">
        <v>1</v>
      </c>
      <c r="R6607" t="s">
        <v>669</v>
      </c>
      <c r="S6607">
        <v>1</v>
      </c>
      <c r="T6607" t="s">
        <v>661</v>
      </c>
      <c r="U6607">
        <v>8</v>
      </c>
      <c r="V6607">
        <v>4</v>
      </c>
      <c r="W6607">
        <v>240</v>
      </c>
      <c r="X6607">
        <v>2020</v>
      </c>
    </row>
    <row r="6608" spans="1:24" x14ac:dyDescent="0.25">
      <c r="A6608">
        <v>917</v>
      </c>
      <c r="B6608" t="s">
        <v>14</v>
      </c>
      <c r="C6608">
        <v>20</v>
      </c>
      <c r="D6608" t="s">
        <v>550</v>
      </c>
      <c r="E6608">
        <v>155</v>
      </c>
      <c r="F6608" t="s">
        <v>651</v>
      </c>
      <c r="G6608">
        <v>160</v>
      </c>
      <c r="H6608" t="s">
        <v>739</v>
      </c>
      <c r="I6608">
        <v>4413</v>
      </c>
      <c r="J6608" t="s">
        <v>864</v>
      </c>
      <c r="K6608">
        <v>14</v>
      </c>
      <c r="L6608" t="s">
        <v>3993</v>
      </c>
      <c r="M6608">
        <v>356</v>
      </c>
      <c r="N6608" t="s">
        <v>654</v>
      </c>
      <c r="O6608">
        <v>3</v>
      </c>
      <c r="P6608" t="s">
        <v>655</v>
      </c>
      <c r="Q6608">
        <v>1</v>
      </c>
      <c r="R6608" t="s">
        <v>669</v>
      </c>
      <c r="S6608">
        <v>1</v>
      </c>
      <c r="T6608" t="s">
        <v>661</v>
      </c>
      <c r="U6608">
        <v>8</v>
      </c>
      <c r="V6608">
        <v>4</v>
      </c>
      <c r="W6608">
        <v>240</v>
      </c>
      <c r="X6608">
        <v>2020</v>
      </c>
    </row>
    <row r="6609" spans="1:24" x14ac:dyDescent="0.25">
      <c r="A6609">
        <v>914</v>
      </c>
      <c r="B6609" t="s">
        <v>14</v>
      </c>
      <c r="C6609">
        <v>20</v>
      </c>
      <c r="D6609" t="s">
        <v>509</v>
      </c>
      <c r="E6609">
        <v>154</v>
      </c>
      <c r="F6609" t="s">
        <v>651</v>
      </c>
      <c r="G6609">
        <v>160</v>
      </c>
      <c r="H6609" t="s">
        <v>739</v>
      </c>
      <c r="I6609">
        <v>4413</v>
      </c>
      <c r="J6609" t="s">
        <v>864</v>
      </c>
      <c r="K6609">
        <v>14</v>
      </c>
      <c r="L6609" t="s">
        <v>1610</v>
      </c>
      <c r="M6609">
        <v>370</v>
      </c>
      <c r="N6609" t="s">
        <v>654</v>
      </c>
      <c r="O6609">
        <v>3</v>
      </c>
      <c r="P6609" t="s">
        <v>655</v>
      </c>
      <c r="Q6609">
        <v>1</v>
      </c>
      <c r="R6609" t="s">
        <v>669</v>
      </c>
      <c r="S6609">
        <v>1</v>
      </c>
      <c r="T6609" t="s">
        <v>661</v>
      </c>
      <c r="U6609">
        <v>8</v>
      </c>
      <c r="V6609">
        <v>3</v>
      </c>
      <c r="W6609">
        <v>180</v>
      </c>
      <c r="X6609">
        <v>2020</v>
      </c>
    </row>
    <row r="6610" spans="1:24" x14ac:dyDescent="0.25">
      <c r="A6610">
        <v>913</v>
      </c>
      <c r="B6610" t="s">
        <v>14</v>
      </c>
      <c r="C6610">
        <v>20</v>
      </c>
      <c r="D6610" t="s">
        <v>509</v>
      </c>
      <c r="E6610">
        <v>154</v>
      </c>
      <c r="F6610" t="s">
        <v>651</v>
      </c>
      <c r="G6610">
        <v>160</v>
      </c>
      <c r="H6610" t="s">
        <v>739</v>
      </c>
      <c r="I6610">
        <v>4413</v>
      </c>
      <c r="J6610" t="s">
        <v>659</v>
      </c>
      <c r="K6610">
        <v>35</v>
      </c>
      <c r="L6610" t="s">
        <v>1082</v>
      </c>
      <c r="M6610">
        <v>48</v>
      </c>
      <c r="N6610" t="s">
        <v>654</v>
      </c>
      <c r="O6610">
        <v>3</v>
      </c>
      <c r="P6610" t="s">
        <v>655</v>
      </c>
      <c r="Q6610">
        <v>1</v>
      </c>
      <c r="R6610" t="s">
        <v>669</v>
      </c>
      <c r="S6610">
        <v>1</v>
      </c>
      <c r="T6610" t="s">
        <v>661</v>
      </c>
      <c r="U6610">
        <v>8</v>
      </c>
      <c r="V6610">
        <v>3</v>
      </c>
      <c r="W6610">
        <v>180</v>
      </c>
      <c r="X6610">
        <v>2020</v>
      </c>
    </row>
    <row r="6611" spans="1:24" x14ac:dyDescent="0.25">
      <c r="A6611">
        <v>912</v>
      </c>
      <c r="B6611" t="s">
        <v>14</v>
      </c>
      <c r="C6611">
        <v>20</v>
      </c>
      <c r="D6611" t="s">
        <v>509</v>
      </c>
      <c r="E6611">
        <v>154</v>
      </c>
      <c r="F6611" t="s">
        <v>651</v>
      </c>
      <c r="G6611">
        <v>160</v>
      </c>
      <c r="H6611" t="s">
        <v>739</v>
      </c>
      <c r="I6611">
        <v>4413</v>
      </c>
      <c r="J6611" t="s">
        <v>864</v>
      </c>
      <c r="K6611">
        <v>14</v>
      </c>
      <c r="L6611" t="s">
        <v>3783</v>
      </c>
      <c r="M6611">
        <v>362</v>
      </c>
      <c r="N6611" t="s">
        <v>654</v>
      </c>
      <c r="O6611">
        <v>3</v>
      </c>
      <c r="P6611" t="s">
        <v>655</v>
      </c>
      <c r="Q6611">
        <v>1</v>
      </c>
      <c r="R6611" t="s">
        <v>669</v>
      </c>
      <c r="S6611">
        <v>1</v>
      </c>
      <c r="T6611" t="s">
        <v>661</v>
      </c>
      <c r="U6611">
        <v>8</v>
      </c>
      <c r="V6611">
        <v>3</v>
      </c>
      <c r="W6611">
        <v>180</v>
      </c>
      <c r="X6611">
        <v>2020</v>
      </c>
    </row>
    <row r="6612" spans="1:24" x14ac:dyDescent="0.25">
      <c r="A6612">
        <v>911</v>
      </c>
      <c r="B6612" t="s">
        <v>14</v>
      </c>
      <c r="C6612">
        <v>20</v>
      </c>
      <c r="D6612" t="s">
        <v>509</v>
      </c>
      <c r="E6612">
        <v>154</v>
      </c>
      <c r="F6612" t="s">
        <v>651</v>
      </c>
      <c r="G6612">
        <v>160</v>
      </c>
      <c r="H6612" t="s">
        <v>739</v>
      </c>
      <c r="I6612">
        <v>4413</v>
      </c>
      <c r="J6612" t="s">
        <v>864</v>
      </c>
      <c r="K6612">
        <v>14</v>
      </c>
      <c r="L6612" t="s">
        <v>1257</v>
      </c>
      <c r="M6612">
        <v>354</v>
      </c>
      <c r="N6612" t="s">
        <v>654</v>
      </c>
      <c r="O6612">
        <v>3</v>
      </c>
      <c r="P6612" t="s">
        <v>655</v>
      </c>
      <c r="Q6612">
        <v>1</v>
      </c>
      <c r="R6612" t="s">
        <v>669</v>
      </c>
      <c r="S6612">
        <v>1</v>
      </c>
      <c r="T6612" t="s">
        <v>661</v>
      </c>
      <c r="U6612">
        <v>8</v>
      </c>
      <c r="V6612">
        <v>4</v>
      </c>
      <c r="W6612">
        <v>240</v>
      </c>
      <c r="X6612">
        <v>2020</v>
      </c>
    </row>
    <row r="6613" spans="1:24" x14ac:dyDescent="0.25">
      <c r="A6613">
        <v>910</v>
      </c>
      <c r="B6613" t="s">
        <v>14</v>
      </c>
      <c r="C6613">
        <v>20</v>
      </c>
      <c r="D6613" t="s">
        <v>402</v>
      </c>
      <c r="E6613">
        <v>153</v>
      </c>
      <c r="F6613" t="s">
        <v>651</v>
      </c>
      <c r="G6613">
        <v>160</v>
      </c>
      <c r="H6613" t="s">
        <v>739</v>
      </c>
      <c r="I6613">
        <v>4413</v>
      </c>
      <c r="J6613" t="s">
        <v>765</v>
      </c>
      <c r="K6613">
        <v>76</v>
      </c>
      <c r="L6613" t="s">
        <v>766</v>
      </c>
      <c r="M6613">
        <v>137</v>
      </c>
      <c r="N6613" t="s">
        <v>654</v>
      </c>
      <c r="O6613">
        <v>3</v>
      </c>
      <c r="P6613" t="s">
        <v>655</v>
      </c>
      <c r="Q6613">
        <v>1</v>
      </c>
      <c r="R6613" t="s">
        <v>669</v>
      </c>
      <c r="S6613">
        <v>1</v>
      </c>
      <c r="T6613" t="s">
        <v>657</v>
      </c>
      <c r="U6613">
        <v>7</v>
      </c>
      <c r="V6613">
        <v>3</v>
      </c>
      <c r="W6613">
        <v>180</v>
      </c>
      <c r="X6613">
        <v>2020</v>
      </c>
    </row>
    <row r="6614" spans="1:24" x14ac:dyDescent="0.25">
      <c r="A6614">
        <v>909</v>
      </c>
      <c r="B6614" t="s">
        <v>14</v>
      </c>
      <c r="C6614">
        <v>20</v>
      </c>
      <c r="D6614" t="s">
        <v>402</v>
      </c>
      <c r="E6614">
        <v>153</v>
      </c>
      <c r="F6614" t="s">
        <v>651</v>
      </c>
      <c r="G6614">
        <v>160</v>
      </c>
      <c r="H6614" t="s">
        <v>739</v>
      </c>
      <c r="I6614">
        <v>4413</v>
      </c>
      <c r="J6614" t="s">
        <v>765</v>
      </c>
      <c r="K6614">
        <v>76</v>
      </c>
      <c r="L6614" t="s">
        <v>766</v>
      </c>
      <c r="M6614">
        <v>137</v>
      </c>
      <c r="N6614" t="s">
        <v>654</v>
      </c>
      <c r="O6614">
        <v>3</v>
      </c>
      <c r="P6614" t="s">
        <v>655</v>
      </c>
      <c r="Q6614">
        <v>1</v>
      </c>
      <c r="R6614" t="s">
        <v>669</v>
      </c>
      <c r="S6614">
        <v>1</v>
      </c>
      <c r="T6614" t="s">
        <v>661</v>
      </c>
      <c r="U6614">
        <v>8</v>
      </c>
      <c r="V6614">
        <v>3</v>
      </c>
      <c r="W6614">
        <v>180</v>
      </c>
      <c r="X6614">
        <v>2020</v>
      </c>
    </row>
    <row r="6615" spans="1:24" x14ac:dyDescent="0.25">
      <c r="A6615">
        <v>908</v>
      </c>
      <c r="B6615" t="s">
        <v>14</v>
      </c>
      <c r="C6615">
        <v>20</v>
      </c>
      <c r="D6615" t="s">
        <v>402</v>
      </c>
      <c r="E6615">
        <v>153</v>
      </c>
      <c r="F6615" t="s">
        <v>651</v>
      </c>
      <c r="G6615">
        <v>160</v>
      </c>
      <c r="H6615" t="s">
        <v>1875</v>
      </c>
      <c r="I6615">
        <v>2551</v>
      </c>
      <c r="J6615" t="s">
        <v>1088</v>
      </c>
      <c r="K6615">
        <v>38</v>
      </c>
      <c r="L6615" t="s">
        <v>1089</v>
      </c>
      <c r="M6615">
        <v>135</v>
      </c>
      <c r="N6615" t="s">
        <v>654</v>
      </c>
      <c r="O6615">
        <v>3</v>
      </c>
      <c r="P6615" t="s">
        <v>655</v>
      </c>
      <c r="Q6615">
        <v>1</v>
      </c>
      <c r="R6615" t="s">
        <v>669</v>
      </c>
      <c r="S6615">
        <v>1</v>
      </c>
      <c r="T6615" t="s">
        <v>661</v>
      </c>
      <c r="U6615">
        <v>8</v>
      </c>
      <c r="V6615">
        <v>3</v>
      </c>
      <c r="W6615">
        <v>180</v>
      </c>
      <c r="X6615">
        <v>2020</v>
      </c>
    </row>
    <row r="6616" spans="1:24" x14ac:dyDescent="0.25">
      <c r="A6616">
        <v>907</v>
      </c>
      <c r="B6616" t="s">
        <v>14</v>
      </c>
      <c r="C6616">
        <v>20</v>
      </c>
      <c r="D6616" t="s">
        <v>402</v>
      </c>
      <c r="E6616">
        <v>153</v>
      </c>
      <c r="F6616" t="s">
        <v>651</v>
      </c>
      <c r="G6616">
        <v>160</v>
      </c>
      <c r="H6616" t="s">
        <v>739</v>
      </c>
      <c r="I6616">
        <v>4413</v>
      </c>
      <c r="J6616" t="s">
        <v>1088</v>
      </c>
      <c r="K6616">
        <v>38</v>
      </c>
      <c r="L6616" t="s">
        <v>1089</v>
      </c>
      <c r="M6616">
        <v>135</v>
      </c>
      <c r="N6616" t="s">
        <v>654</v>
      </c>
      <c r="O6616">
        <v>3</v>
      </c>
      <c r="P6616" t="s">
        <v>746</v>
      </c>
      <c r="Q6616">
        <v>2</v>
      </c>
      <c r="R6616" t="s">
        <v>669</v>
      </c>
      <c r="S6616">
        <v>1</v>
      </c>
      <c r="T6616" t="s">
        <v>661</v>
      </c>
      <c r="U6616">
        <v>8</v>
      </c>
      <c r="V6616">
        <v>3</v>
      </c>
      <c r="W6616">
        <v>180</v>
      </c>
      <c r="X6616">
        <v>2020</v>
      </c>
    </row>
    <row r="6617" spans="1:24" x14ac:dyDescent="0.25">
      <c r="A6617">
        <v>906</v>
      </c>
      <c r="B6617" t="s">
        <v>14</v>
      </c>
      <c r="C6617">
        <v>20</v>
      </c>
      <c r="D6617" t="s">
        <v>402</v>
      </c>
      <c r="E6617">
        <v>153</v>
      </c>
      <c r="F6617" t="s">
        <v>651</v>
      </c>
      <c r="G6617">
        <v>160</v>
      </c>
      <c r="H6617" t="s">
        <v>739</v>
      </c>
      <c r="I6617">
        <v>4413</v>
      </c>
      <c r="J6617" t="s">
        <v>1088</v>
      </c>
      <c r="K6617">
        <v>38</v>
      </c>
      <c r="L6617" t="s">
        <v>1089</v>
      </c>
      <c r="M6617">
        <v>135</v>
      </c>
      <c r="N6617" t="s">
        <v>654</v>
      </c>
      <c r="O6617">
        <v>3</v>
      </c>
      <c r="P6617" t="s">
        <v>655</v>
      </c>
      <c r="Q6617">
        <v>1</v>
      </c>
      <c r="R6617" t="s">
        <v>669</v>
      </c>
      <c r="S6617">
        <v>1</v>
      </c>
      <c r="T6617" t="s">
        <v>661</v>
      </c>
      <c r="U6617">
        <v>8</v>
      </c>
      <c r="V6617">
        <v>3</v>
      </c>
      <c r="W6617">
        <v>180</v>
      </c>
      <c r="X6617">
        <v>2020</v>
      </c>
    </row>
    <row r="6618" spans="1:24" x14ac:dyDescent="0.25">
      <c r="A6618">
        <v>905</v>
      </c>
      <c r="B6618" t="s">
        <v>14</v>
      </c>
      <c r="C6618">
        <v>20</v>
      </c>
      <c r="D6618" t="s">
        <v>551</v>
      </c>
      <c r="E6618">
        <v>152</v>
      </c>
      <c r="F6618" t="s">
        <v>651</v>
      </c>
      <c r="G6618">
        <v>160</v>
      </c>
      <c r="H6618" t="s">
        <v>739</v>
      </c>
      <c r="I6618">
        <v>4413</v>
      </c>
      <c r="J6618" t="s">
        <v>691</v>
      </c>
      <c r="K6618">
        <v>21</v>
      </c>
      <c r="L6618" t="s">
        <v>2991</v>
      </c>
      <c r="M6618">
        <v>68</v>
      </c>
      <c r="N6618" t="s">
        <v>654</v>
      </c>
      <c r="O6618">
        <v>3</v>
      </c>
      <c r="P6618" t="s">
        <v>655</v>
      </c>
      <c r="Q6618">
        <v>1</v>
      </c>
      <c r="R6618" t="s">
        <v>669</v>
      </c>
      <c r="S6618">
        <v>1</v>
      </c>
      <c r="T6618" t="s">
        <v>661</v>
      </c>
      <c r="U6618">
        <v>8</v>
      </c>
      <c r="V6618">
        <v>3</v>
      </c>
      <c r="W6618">
        <v>180</v>
      </c>
      <c r="X6618">
        <v>2020</v>
      </c>
    </row>
    <row r="6619" spans="1:24" x14ac:dyDescent="0.25">
      <c r="A6619">
        <v>904</v>
      </c>
      <c r="B6619" t="s">
        <v>14</v>
      </c>
      <c r="C6619">
        <v>20</v>
      </c>
      <c r="D6619" t="s">
        <v>551</v>
      </c>
      <c r="E6619">
        <v>152</v>
      </c>
      <c r="F6619" t="s">
        <v>651</v>
      </c>
      <c r="G6619">
        <v>160</v>
      </c>
      <c r="H6619" t="s">
        <v>739</v>
      </c>
      <c r="I6619">
        <v>4413</v>
      </c>
      <c r="J6619" t="s">
        <v>691</v>
      </c>
      <c r="K6619">
        <v>21</v>
      </c>
      <c r="L6619" t="s">
        <v>1923</v>
      </c>
      <c r="M6619">
        <v>67</v>
      </c>
      <c r="N6619" t="s">
        <v>654</v>
      </c>
      <c r="O6619">
        <v>3</v>
      </c>
      <c r="P6619" t="s">
        <v>655</v>
      </c>
      <c r="Q6619">
        <v>1</v>
      </c>
      <c r="R6619" t="s">
        <v>669</v>
      </c>
      <c r="S6619">
        <v>1</v>
      </c>
      <c r="T6619" t="s">
        <v>729</v>
      </c>
      <c r="U6619">
        <v>4</v>
      </c>
      <c r="V6619">
        <v>3</v>
      </c>
      <c r="W6619">
        <v>180</v>
      </c>
      <c r="X6619">
        <v>2020</v>
      </c>
    </row>
    <row r="6620" spans="1:24" x14ac:dyDescent="0.25">
      <c r="A6620">
        <v>903</v>
      </c>
      <c r="B6620" t="s">
        <v>14</v>
      </c>
      <c r="C6620">
        <v>20</v>
      </c>
      <c r="D6620" t="s">
        <v>551</v>
      </c>
      <c r="E6620">
        <v>152</v>
      </c>
      <c r="F6620" t="s">
        <v>651</v>
      </c>
      <c r="G6620">
        <v>160</v>
      </c>
      <c r="H6620" t="s">
        <v>739</v>
      </c>
      <c r="I6620">
        <v>4413</v>
      </c>
      <c r="J6620" t="s">
        <v>691</v>
      </c>
      <c r="K6620">
        <v>21</v>
      </c>
      <c r="L6620" t="s">
        <v>1923</v>
      </c>
      <c r="M6620">
        <v>67</v>
      </c>
      <c r="N6620" t="s">
        <v>654</v>
      </c>
      <c r="O6620">
        <v>3</v>
      </c>
      <c r="P6620" t="s">
        <v>655</v>
      </c>
      <c r="Q6620">
        <v>1</v>
      </c>
      <c r="R6620" t="s">
        <v>669</v>
      </c>
      <c r="S6620">
        <v>1</v>
      </c>
      <c r="T6620" t="s">
        <v>657</v>
      </c>
      <c r="U6620">
        <v>7</v>
      </c>
      <c r="V6620">
        <v>3</v>
      </c>
      <c r="W6620">
        <v>180</v>
      </c>
      <c r="X6620">
        <v>2020</v>
      </c>
    </row>
    <row r="6621" spans="1:24" x14ac:dyDescent="0.25">
      <c r="A6621">
        <v>902</v>
      </c>
      <c r="B6621" t="s">
        <v>14</v>
      </c>
      <c r="C6621">
        <v>20</v>
      </c>
      <c r="D6621" t="s">
        <v>551</v>
      </c>
      <c r="E6621">
        <v>152</v>
      </c>
      <c r="F6621" t="s">
        <v>651</v>
      </c>
      <c r="G6621">
        <v>160</v>
      </c>
      <c r="H6621" t="s">
        <v>739</v>
      </c>
      <c r="I6621">
        <v>4413</v>
      </c>
      <c r="J6621" t="s">
        <v>691</v>
      </c>
      <c r="K6621">
        <v>21</v>
      </c>
      <c r="L6621" t="s">
        <v>1923</v>
      </c>
      <c r="M6621">
        <v>67</v>
      </c>
      <c r="N6621" t="s">
        <v>654</v>
      </c>
      <c r="O6621">
        <v>3</v>
      </c>
      <c r="P6621" t="s">
        <v>689</v>
      </c>
      <c r="Q6621">
        <v>4</v>
      </c>
      <c r="R6621" t="s">
        <v>669</v>
      </c>
      <c r="S6621">
        <v>1</v>
      </c>
      <c r="T6621" t="s">
        <v>661</v>
      </c>
      <c r="U6621">
        <v>8</v>
      </c>
      <c r="V6621">
        <v>3</v>
      </c>
      <c r="W6621">
        <v>180</v>
      </c>
      <c r="X6621">
        <v>2020</v>
      </c>
    </row>
    <row r="6622" spans="1:24" x14ac:dyDescent="0.25">
      <c r="A6622">
        <v>901</v>
      </c>
      <c r="B6622" t="s">
        <v>14</v>
      </c>
      <c r="C6622">
        <v>20</v>
      </c>
      <c r="D6622" t="s">
        <v>551</v>
      </c>
      <c r="E6622">
        <v>152</v>
      </c>
      <c r="F6622" t="s">
        <v>651</v>
      </c>
      <c r="G6622">
        <v>160</v>
      </c>
      <c r="H6622" t="s">
        <v>739</v>
      </c>
      <c r="I6622">
        <v>4413</v>
      </c>
      <c r="J6622" t="s">
        <v>691</v>
      </c>
      <c r="K6622">
        <v>21</v>
      </c>
      <c r="L6622" t="s">
        <v>1923</v>
      </c>
      <c r="M6622">
        <v>67</v>
      </c>
      <c r="N6622" t="s">
        <v>654</v>
      </c>
      <c r="O6622">
        <v>3</v>
      </c>
      <c r="P6622" t="s">
        <v>655</v>
      </c>
      <c r="Q6622">
        <v>1</v>
      </c>
      <c r="R6622" t="s">
        <v>669</v>
      </c>
      <c r="S6622">
        <v>1</v>
      </c>
      <c r="T6622" t="s">
        <v>661</v>
      </c>
      <c r="U6622">
        <v>8</v>
      </c>
      <c r="V6622">
        <v>3</v>
      </c>
      <c r="W6622">
        <v>180</v>
      </c>
      <c r="X6622">
        <v>2020</v>
      </c>
    </row>
    <row r="6623" spans="1:24" x14ac:dyDescent="0.25">
      <c r="A6623">
        <v>900</v>
      </c>
      <c r="B6623" t="s">
        <v>14</v>
      </c>
      <c r="C6623">
        <v>20</v>
      </c>
      <c r="D6623" t="s">
        <v>551</v>
      </c>
      <c r="E6623">
        <v>152</v>
      </c>
      <c r="F6623" t="s">
        <v>651</v>
      </c>
      <c r="G6623">
        <v>160</v>
      </c>
      <c r="H6623" t="s">
        <v>739</v>
      </c>
      <c r="I6623">
        <v>4413</v>
      </c>
      <c r="J6623" t="s">
        <v>691</v>
      </c>
      <c r="K6623">
        <v>21</v>
      </c>
      <c r="L6623" t="s">
        <v>1609</v>
      </c>
      <c r="M6623">
        <v>66</v>
      </c>
      <c r="N6623" t="s">
        <v>654</v>
      </c>
      <c r="O6623">
        <v>3</v>
      </c>
      <c r="P6623" t="s">
        <v>655</v>
      </c>
      <c r="Q6623">
        <v>1</v>
      </c>
      <c r="R6623" t="s">
        <v>669</v>
      </c>
      <c r="S6623">
        <v>1</v>
      </c>
      <c r="T6623" t="s">
        <v>729</v>
      </c>
      <c r="U6623">
        <v>4</v>
      </c>
      <c r="V6623">
        <v>3</v>
      </c>
      <c r="W6623">
        <v>180</v>
      </c>
      <c r="X6623">
        <v>2020</v>
      </c>
    </row>
    <row r="6624" spans="1:24" x14ac:dyDescent="0.25">
      <c r="A6624">
        <v>899</v>
      </c>
      <c r="B6624" t="s">
        <v>14</v>
      </c>
      <c r="C6624">
        <v>20</v>
      </c>
      <c r="D6624" t="s">
        <v>551</v>
      </c>
      <c r="E6624">
        <v>152</v>
      </c>
      <c r="F6624" t="s">
        <v>651</v>
      </c>
      <c r="G6624">
        <v>160</v>
      </c>
      <c r="H6624" t="s">
        <v>739</v>
      </c>
      <c r="I6624">
        <v>4413</v>
      </c>
      <c r="J6624" t="s">
        <v>691</v>
      </c>
      <c r="K6624">
        <v>21</v>
      </c>
      <c r="L6624" t="s">
        <v>1609</v>
      </c>
      <c r="M6624">
        <v>66</v>
      </c>
      <c r="N6624" t="s">
        <v>654</v>
      </c>
      <c r="O6624">
        <v>3</v>
      </c>
      <c r="P6624" t="s">
        <v>655</v>
      </c>
      <c r="Q6624">
        <v>1</v>
      </c>
      <c r="R6624" t="s">
        <v>669</v>
      </c>
      <c r="S6624">
        <v>1</v>
      </c>
      <c r="T6624" t="s">
        <v>657</v>
      </c>
      <c r="U6624">
        <v>7</v>
      </c>
      <c r="V6624">
        <v>3</v>
      </c>
      <c r="W6624">
        <v>180</v>
      </c>
      <c r="X6624">
        <v>2020</v>
      </c>
    </row>
    <row r="6625" spans="1:24" x14ac:dyDescent="0.25">
      <c r="A6625">
        <v>898</v>
      </c>
      <c r="B6625" t="s">
        <v>14</v>
      </c>
      <c r="C6625">
        <v>20</v>
      </c>
      <c r="D6625" t="s">
        <v>551</v>
      </c>
      <c r="E6625">
        <v>152</v>
      </c>
      <c r="F6625" t="s">
        <v>651</v>
      </c>
      <c r="G6625">
        <v>160</v>
      </c>
      <c r="H6625" t="s">
        <v>739</v>
      </c>
      <c r="I6625">
        <v>4413</v>
      </c>
      <c r="J6625" t="s">
        <v>691</v>
      </c>
      <c r="K6625">
        <v>21</v>
      </c>
      <c r="L6625" t="s">
        <v>1609</v>
      </c>
      <c r="M6625">
        <v>66</v>
      </c>
      <c r="N6625" t="s">
        <v>654</v>
      </c>
      <c r="O6625">
        <v>3</v>
      </c>
      <c r="P6625" t="s">
        <v>689</v>
      </c>
      <c r="Q6625">
        <v>4</v>
      </c>
      <c r="R6625" t="s">
        <v>669</v>
      </c>
      <c r="S6625">
        <v>1</v>
      </c>
      <c r="T6625" t="s">
        <v>661</v>
      </c>
      <c r="U6625">
        <v>8</v>
      </c>
      <c r="V6625">
        <v>3</v>
      </c>
      <c r="W6625">
        <v>180</v>
      </c>
      <c r="X6625">
        <v>2020</v>
      </c>
    </row>
    <row r="6626" spans="1:24" x14ac:dyDescent="0.25">
      <c r="A6626">
        <v>897</v>
      </c>
      <c r="B6626" t="s">
        <v>14</v>
      </c>
      <c r="C6626">
        <v>20</v>
      </c>
      <c r="D6626" t="s">
        <v>551</v>
      </c>
      <c r="E6626">
        <v>152</v>
      </c>
      <c r="F6626" t="s">
        <v>651</v>
      </c>
      <c r="G6626">
        <v>160</v>
      </c>
      <c r="H6626" t="s">
        <v>739</v>
      </c>
      <c r="I6626">
        <v>4413</v>
      </c>
      <c r="J6626" t="s">
        <v>691</v>
      </c>
      <c r="K6626">
        <v>21</v>
      </c>
      <c r="L6626" t="s">
        <v>1609</v>
      </c>
      <c r="M6626">
        <v>66</v>
      </c>
      <c r="N6626" t="s">
        <v>654</v>
      </c>
      <c r="O6626">
        <v>3</v>
      </c>
      <c r="P6626" t="s">
        <v>655</v>
      </c>
      <c r="Q6626">
        <v>1</v>
      </c>
      <c r="R6626" t="s">
        <v>669</v>
      </c>
      <c r="S6626">
        <v>1</v>
      </c>
      <c r="T6626" t="s">
        <v>661</v>
      </c>
      <c r="U6626">
        <v>8</v>
      </c>
      <c r="V6626">
        <v>3</v>
      </c>
      <c r="W6626">
        <v>180</v>
      </c>
      <c r="X6626">
        <v>2020</v>
      </c>
    </row>
    <row r="6627" spans="1:24" x14ac:dyDescent="0.25">
      <c r="A6627">
        <v>894</v>
      </c>
      <c r="B6627" t="s">
        <v>14</v>
      </c>
      <c r="C6627">
        <v>20</v>
      </c>
      <c r="D6627" t="s">
        <v>551</v>
      </c>
      <c r="E6627">
        <v>152</v>
      </c>
      <c r="F6627" t="s">
        <v>651</v>
      </c>
      <c r="G6627">
        <v>160</v>
      </c>
      <c r="H6627" t="s">
        <v>677</v>
      </c>
      <c r="I6627">
        <v>5060</v>
      </c>
      <c r="J6627" t="s">
        <v>682</v>
      </c>
      <c r="K6627">
        <v>20</v>
      </c>
      <c r="L6627" t="s">
        <v>904</v>
      </c>
      <c r="M6627">
        <v>61</v>
      </c>
      <c r="N6627" t="s">
        <v>654</v>
      </c>
      <c r="O6627">
        <v>3</v>
      </c>
      <c r="P6627" t="s">
        <v>655</v>
      </c>
      <c r="Q6627">
        <v>1</v>
      </c>
      <c r="R6627" t="s">
        <v>669</v>
      </c>
      <c r="S6627">
        <v>1</v>
      </c>
      <c r="T6627" t="s">
        <v>657</v>
      </c>
      <c r="U6627">
        <v>7</v>
      </c>
      <c r="V6627">
        <v>3</v>
      </c>
      <c r="W6627">
        <v>180</v>
      </c>
      <c r="X6627">
        <v>2020</v>
      </c>
    </row>
    <row r="6628" spans="1:24" x14ac:dyDescent="0.25">
      <c r="A6628">
        <v>892</v>
      </c>
      <c r="B6628" t="s">
        <v>14</v>
      </c>
      <c r="C6628">
        <v>20</v>
      </c>
      <c r="D6628" t="s">
        <v>551</v>
      </c>
      <c r="E6628">
        <v>152</v>
      </c>
      <c r="F6628" t="s">
        <v>651</v>
      </c>
      <c r="G6628">
        <v>160</v>
      </c>
      <c r="H6628" t="s">
        <v>677</v>
      </c>
      <c r="I6628">
        <v>5060</v>
      </c>
      <c r="J6628" t="s">
        <v>682</v>
      </c>
      <c r="K6628">
        <v>20</v>
      </c>
      <c r="L6628" t="s">
        <v>904</v>
      </c>
      <c r="M6628">
        <v>61</v>
      </c>
      <c r="N6628" t="s">
        <v>654</v>
      </c>
      <c r="O6628">
        <v>3</v>
      </c>
      <c r="P6628" t="s">
        <v>655</v>
      </c>
      <c r="Q6628">
        <v>1</v>
      </c>
      <c r="R6628" t="s">
        <v>669</v>
      </c>
      <c r="S6628">
        <v>1</v>
      </c>
      <c r="T6628" t="s">
        <v>661</v>
      </c>
      <c r="U6628">
        <v>8</v>
      </c>
      <c r="V6628">
        <v>3</v>
      </c>
      <c r="W6628">
        <v>180</v>
      </c>
      <c r="X6628">
        <v>2020</v>
      </c>
    </row>
    <row r="6629" spans="1:24" x14ac:dyDescent="0.25">
      <c r="A6629">
        <v>891</v>
      </c>
      <c r="B6629" t="s">
        <v>14</v>
      </c>
      <c r="C6629">
        <v>20</v>
      </c>
      <c r="D6629" t="s">
        <v>551</v>
      </c>
      <c r="E6629">
        <v>152</v>
      </c>
      <c r="F6629" t="s">
        <v>651</v>
      </c>
      <c r="G6629">
        <v>160</v>
      </c>
      <c r="H6629" t="s">
        <v>779</v>
      </c>
      <c r="I6629">
        <v>10487</v>
      </c>
      <c r="J6629" t="s">
        <v>682</v>
      </c>
      <c r="K6629">
        <v>20</v>
      </c>
      <c r="L6629" t="s">
        <v>904</v>
      </c>
      <c r="M6629">
        <v>61</v>
      </c>
      <c r="N6629" t="s">
        <v>654</v>
      </c>
      <c r="O6629">
        <v>3</v>
      </c>
      <c r="P6629" t="s">
        <v>689</v>
      </c>
      <c r="Q6629">
        <v>4</v>
      </c>
      <c r="R6629" t="s">
        <v>669</v>
      </c>
      <c r="S6629">
        <v>1</v>
      </c>
      <c r="T6629" t="s">
        <v>661</v>
      </c>
      <c r="U6629">
        <v>8</v>
      </c>
      <c r="V6629">
        <v>3</v>
      </c>
      <c r="W6629">
        <v>180</v>
      </c>
      <c r="X6629">
        <v>2020</v>
      </c>
    </row>
    <row r="6630" spans="1:24" x14ac:dyDescent="0.25">
      <c r="A6630">
        <v>890</v>
      </c>
      <c r="B6630" t="s">
        <v>14</v>
      </c>
      <c r="C6630">
        <v>20</v>
      </c>
      <c r="D6630" t="s">
        <v>551</v>
      </c>
      <c r="E6630">
        <v>152</v>
      </c>
      <c r="F6630" t="s">
        <v>651</v>
      </c>
      <c r="G6630">
        <v>160</v>
      </c>
      <c r="H6630" t="s">
        <v>779</v>
      </c>
      <c r="I6630">
        <v>10487</v>
      </c>
      <c r="J6630" t="s">
        <v>682</v>
      </c>
      <c r="K6630">
        <v>20</v>
      </c>
      <c r="L6630" t="s">
        <v>904</v>
      </c>
      <c r="M6630">
        <v>61</v>
      </c>
      <c r="N6630" t="s">
        <v>654</v>
      </c>
      <c r="O6630">
        <v>3</v>
      </c>
      <c r="P6630" t="s">
        <v>655</v>
      </c>
      <c r="Q6630">
        <v>1</v>
      </c>
      <c r="R6630" t="s">
        <v>669</v>
      </c>
      <c r="S6630">
        <v>1</v>
      </c>
      <c r="T6630" t="s">
        <v>661</v>
      </c>
      <c r="U6630">
        <v>8</v>
      </c>
      <c r="V6630">
        <v>3</v>
      </c>
      <c r="W6630">
        <v>180</v>
      </c>
      <c r="X6630">
        <v>2020</v>
      </c>
    </row>
    <row r="6631" spans="1:24" x14ac:dyDescent="0.25">
      <c r="A6631">
        <v>889</v>
      </c>
      <c r="B6631" t="s">
        <v>14</v>
      </c>
      <c r="C6631">
        <v>20</v>
      </c>
      <c r="D6631" t="s">
        <v>551</v>
      </c>
      <c r="E6631">
        <v>152</v>
      </c>
      <c r="F6631" t="s">
        <v>651</v>
      </c>
      <c r="G6631">
        <v>160</v>
      </c>
      <c r="H6631" t="s">
        <v>1875</v>
      </c>
      <c r="I6631">
        <v>2551</v>
      </c>
      <c r="J6631" t="s">
        <v>682</v>
      </c>
      <c r="K6631">
        <v>20</v>
      </c>
      <c r="L6631" t="s">
        <v>904</v>
      </c>
      <c r="M6631">
        <v>61</v>
      </c>
      <c r="N6631" t="s">
        <v>654</v>
      </c>
      <c r="O6631">
        <v>3</v>
      </c>
      <c r="P6631" t="s">
        <v>689</v>
      </c>
      <c r="Q6631">
        <v>4</v>
      </c>
      <c r="R6631" t="s">
        <v>669</v>
      </c>
      <c r="S6631">
        <v>1</v>
      </c>
      <c r="T6631" t="s">
        <v>661</v>
      </c>
      <c r="U6631">
        <v>8</v>
      </c>
      <c r="V6631">
        <v>3</v>
      </c>
      <c r="W6631">
        <v>180</v>
      </c>
      <c r="X6631">
        <v>2020</v>
      </c>
    </row>
    <row r="6632" spans="1:24" x14ac:dyDescent="0.25">
      <c r="A6632">
        <v>888</v>
      </c>
      <c r="B6632" t="s">
        <v>14</v>
      </c>
      <c r="C6632">
        <v>20</v>
      </c>
      <c r="D6632" t="s">
        <v>551</v>
      </c>
      <c r="E6632">
        <v>152</v>
      </c>
      <c r="F6632" t="s">
        <v>651</v>
      </c>
      <c r="G6632">
        <v>160</v>
      </c>
      <c r="H6632" t="s">
        <v>1875</v>
      </c>
      <c r="I6632">
        <v>2551</v>
      </c>
      <c r="J6632" t="s">
        <v>682</v>
      </c>
      <c r="K6632">
        <v>20</v>
      </c>
      <c r="L6632" t="s">
        <v>904</v>
      </c>
      <c r="M6632">
        <v>61</v>
      </c>
      <c r="N6632" t="s">
        <v>654</v>
      </c>
      <c r="O6632">
        <v>3</v>
      </c>
      <c r="P6632" t="s">
        <v>655</v>
      </c>
      <c r="Q6632">
        <v>1</v>
      </c>
      <c r="R6632" t="s">
        <v>669</v>
      </c>
      <c r="S6632">
        <v>1</v>
      </c>
      <c r="T6632" t="s">
        <v>661</v>
      </c>
      <c r="U6632">
        <v>8</v>
      </c>
      <c r="V6632">
        <v>3</v>
      </c>
      <c r="W6632">
        <v>180</v>
      </c>
      <c r="X6632">
        <v>2020</v>
      </c>
    </row>
    <row r="6633" spans="1:24" x14ac:dyDescent="0.25">
      <c r="A6633">
        <v>887</v>
      </c>
      <c r="B6633" t="s">
        <v>14</v>
      </c>
      <c r="C6633">
        <v>20</v>
      </c>
      <c r="D6633" t="s">
        <v>551</v>
      </c>
      <c r="E6633">
        <v>152</v>
      </c>
      <c r="F6633" t="s">
        <v>651</v>
      </c>
      <c r="G6633">
        <v>160</v>
      </c>
      <c r="H6633" t="s">
        <v>739</v>
      </c>
      <c r="I6633">
        <v>4413</v>
      </c>
      <c r="J6633" t="s">
        <v>682</v>
      </c>
      <c r="K6633">
        <v>20</v>
      </c>
      <c r="L6633" t="s">
        <v>904</v>
      </c>
      <c r="M6633">
        <v>61</v>
      </c>
      <c r="N6633" t="s">
        <v>654</v>
      </c>
      <c r="O6633">
        <v>3</v>
      </c>
      <c r="P6633" t="s">
        <v>689</v>
      </c>
      <c r="Q6633">
        <v>4</v>
      </c>
      <c r="R6633" t="s">
        <v>669</v>
      </c>
      <c r="S6633">
        <v>1</v>
      </c>
      <c r="T6633" t="s">
        <v>661</v>
      </c>
      <c r="U6633">
        <v>8</v>
      </c>
      <c r="V6633">
        <v>3</v>
      </c>
      <c r="W6633">
        <v>180</v>
      </c>
      <c r="X6633">
        <v>2020</v>
      </c>
    </row>
    <row r="6634" spans="1:24" x14ac:dyDescent="0.25">
      <c r="A6634">
        <v>886</v>
      </c>
      <c r="B6634" t="s">
        <v>14</v>
      </c>
      <c r="C6634">
        <v>20</v>
      </c>
      <c r="D6634" t="s">
        <v>551</v>
      </c>
      <c r="E6634">
        <v>152</v>
      </c>
      <c r="F6634" t="s">
        <v>651</v>
      </c>
      <c r="G6634">
        <v>160</v>
      </c>
      <c r="H6634" t="s">
        <v>739</v>
      </c>
      <c r="I6634">
        <v>4413</v>
      </c>
      <c r="J6634" t="s">
        <v>682</v>
      </c>
      <c r="K6634">
        <v>20</v>
      </c>
      <c r="L6634" t="s">
        <v>904</v>
      </c>
      <c r="M6634">
        <v>61</v>
      </c>
      <c r="N6634" t="s">
        <v>654</v>
      </c>
      <c r="O6634">
        <v>3</v>
      </c>
      <c r="P6634" t="s">
        <v>655</v>
      </c>
      <c r="Q6634">
        <v>1</v>
      </c>
      <c r="R6634" t="s">
        <v>669</v>
      </c>
      <c r="S6634">
        <v>1</v>
      </c>
      <c r="T6634" t="s">
        <v>661</v>
      </c>
      <c r="U6634">
        <v>8</v>
      </c>
      <c r="V6634">
        <v>3</v>
      </c>
      <c r="W6634">
        <v>180</v>
      </c>
      <c r="X6634">
        <v>2020</v>
      </c>
    </row>
    <row r="6635" spans="1:24" x14ac:dyDescent="0.25">
      <c r="A6635">
        <v>885</v>
      </c>
      <c r="B6635" t="s">
        <v>14</v>
      </c>
      <c r="C6635">
        <v>20</v>
      </c>
      <c r="D6635" t="s">
        <v>551</v>
      </c>
      <c r="E6635">
        <v>152</v>
      </c>
      <c r="F6635" t="s">
        <v>651</v>
      </c>
      <c r="G6635">
        <v>160</v>
      </c>
      <c r="H6635" t="s">
        <v>739</v>
      </c>
      <c r="I6635">
        <v>4413</v>
      </c>
      <c r="J6635" t="s">
        <v>894</v>
      </c>
      <c r="K6635">
        <v>18</v>
      </c>
      <c r="L6635" t="s">
        <v>894</v>
      </c>
      <c r="M6635">
        <v>58</v>
      </c>
      <c r="N6635" t="s">
        <v>654</v>
      </c>
      <c r="O6635">
        <v>3</v>
      </c>
      <c r="P6635" t="s">
        <v>655</v>
      </c>
      <c r="Q6635">
        <v>1</v>
      </c>
      <c r="R6635" t="s">
        <v>669</v>
      </c>
      <c r="S6635">
        <v>1</v>
      </c>
      <c r="T6635" t="s">
        <v>657</v>
      </c>
      <c r="U6635">
        <v>7</v>
      </c>
      <c r="V6635">
        <v>3</v>
      </c>
      <c r="W6635">
        <v>180</v>
      </c>
      <c r="X6635">
        <v>2020</v>
      </c>
    </row>
    <row r="6636" spans="1:24" x14ac:dyDescent="0.25">
      <c r="A6636">
        <v>883</v>
      </c>
      <c r="B6636" t="s">
        <v>14</v>
      </c>
      <c r="C6636">
        <v>20</v>
      </c>
      <c r="D6636" t="s">
        <v>551</v>
      </c>
      <c r="E6636">
        <v>152</v>
      </c>
      <c r="F6636" t="s">
        <v>651</v>
      </c>
      <c r="G6636">
        <v>160</v>
      </c>
      <c r="H6636" t="s">
        <v>739</v>
      </c>
      <c r="I6636">
        <v>4413</v>
      </c>
      <c r="J6636" t="s">
        <v>894</v>
      </c>
      <c r="K6636">
        <v>18</v>
      </c>
      <c r="L6636" t="s">
        <v>894</v>
      </c>
      <c r="M6636">
        <v>58</v>
      </c>
      <c r="N6636" t="s">
        <v>654</v>
      </c>
      <c r="O6636">
        <v>3</v>
      </c>
      <c r="P6636" t="s">
        <v>655</v>
      </c>
      <c r="Q6636">
        <v>1</v>
      </c>
      <c r="R6636" t="s">
        <v>669</v>
      </c>
      <c r="S6636">
        <v>1</v>
      </c>
      <c r="T6636" t="s">
        <v>661</v>
      </c>
      <c r="U6636">
        <v>8</v>
      </c>
      <c r="V6636">
        <v>3</v>
      </c>
      <c r="W6636">
        <v>180</v>
      </c>
      <c r="X6636">
        <v>2020</v>
      </c>
    </row>
    <row r="6637" spans="1:24" x14ac:dyDescent="0.25">
      <c r="A6637">
        <v>882</v>
      </c>
      <c r="B6637" t="s">
        <v>14</v>
      </c>
      <c r="C6637">
        <v>20</v>
      </c>
      <c r="D6637" t="s">
        <v>552</v>
      </c>
      <c r="E6637">
        <v>151</v>
      </c>
      <c r="F6637" t="s">
        <v>651</v>
      </c>
      <c r="G6637">
        <v>160</v>
      </c>
      <c r="H6637" t="s">
        <v>739</v>
      </c>
      <c r="I6637">
        <v>4413</v>
      </c>
      <c r="J6637" t="s">
        <v>301</v>
      </c>
      <c r="K6637">
        <v>26</v>
      </c>
      <c r="L6637" t="s">
        <v>3676</v>
      </c>
      <c r="M6637">
        <v>87</v>
      </c>
      <c r="N6637" t="s">
        <v>654</v>
      </c>
      <c r="O6637">
        <v>3</v>
      </c>
      <c r="P6637" t="s">
        <v>689</v>
      </c>
      <c r="Q6637">
        <v>4</v>
      </c>
      <c r="R6637" t="s">
        <v>669</v>
      </c>
      <c r="S6637">
        <v>1</v>
      </c>
      <c r="T6637" t="s">
        <v>661</v>
      </c>
      <c r="U6637">
        <v>8</v>
      </c>
      <c r="V6637">
        <v>3</v>
      </c>
      <c r="W6637">
        <v>180</v>
      </c>
      <c r="X6637">
        <v>2020</v>
      </c>
    </row>
    <row r="6638" spans="1:24" x14ac:dyDescent="0.25">
      <c r="A6638">
        <v>881</v>
      </c>
      <c r="B6638" t="s">
        <v>14</v>
      </c>
      <c r="C6638">
        <v>20</v>
      </c>
      <c r="D6638" t="s">
        <v>552</v>
      </c>
      <c r="E6638">
        <v>151</v>
      </c>
      <c r="F6638" t="s">
        <v>651</v>
      </c>
      <c r="G6638">
        <v>160</v>
      </c>
      <c r="H6638" t="s">
        <v>739</v>
      </c>
      <c r="I6638">
        <v>4413</v>
      </c>
      <c r="J6638" t="s">
        <v>301</v>
      </c>
      <c r="K6638">
        <v>26</v>
      </c>
      <c r="L6638" t="s">
        <v>3676</v>
      </c>
      <c r="M6638">
        <v>87</v>
      </c>
      <c r="N6638" t="s">
        <v>654</v>
      </c>
      <c r="O6638">
        <v>3</v>
      </c>
      <c r="P6638" t="s">
        <v>655</v>
      </c>
      <c r="Q6638">
        <v>1</v>
      </c>
      <c r="R6638" t="s">
        <v>669</v>
      </c>
      <c r="S6638">
        <v>1</v>
      </c>
      <c r="T6638" t="s">
        <v>661</v>
      </c>
      <c r="U6638">
        <v>8</v>
      </c>
      <c r="V6638">
        <v>3</v>
      </c>
      <c r="W6638">
        <v>180</v>
      </c>
      <c r="X6638">
        <v>2020</v>
      </c>
    </row>
    <row r="6639" spans="1:24" x14ac:dyDescent="0.25">
      <c r="A6639">
        <v>880</v>
      </c>
      <c r="B6639" t="s">
        <v>14</v>
      </c>
      <c r="C6639">
        <v>20</v>
      </c>
      <c r="D6639" t="s">
        <v>552</v>
      </c>
      <c r="E6639">
        <v>151</v>
      </c>
      <c r="F6639" t="s">
        <v>651</v>
      </c>
      <c r="G6639">
        <v>160</v>
      </c>
      <c r="H6639" t="s">
        <v>739</v>
      </c>
      <c r="I6639">
        <v>4413</v>
      </c>
      <c r="J6639" t="s">
        <v>301</v>
      </c>
      <c r="K6639">
        <v>26</v>
      </c>
      <c r="L6639" t="s">
        <v>301</v>
      </c>
      <c r="M6639">
        <v>82</v>
      </c>
      <c r="N6639" t="s">
        <v>654</v>
      </c>
      <c r="O6639">
        <v>3</v>
      </c>
      <c r="P6639" t="s">
        <v>655</v>
      </c>
      <c r="Q6639">
        <v>1</v>
      </c>
      <c r="R6639" t="s">
        <v>669</v>
      </c>
      <c r="S6639">
        <v>1</v>
      </c>
      <c r="T6639" t="s">
        <v>718</v>
      </c>
      <c r="U6639">
        <v>2</v>
      </c>
      <c r="V6639">
        <v>3</v>
      </c>
      <c r="W6639">
        <v>180</v>
      </c>
      <c r="X6639">
        <v>2020</v>
      </c>
    </row>
    <row r="6640" spans="1:24" x14ac:dyDescent="0.25">
      <c r="A6640">
        <v>879</v>
      </c>
      <c r="B6640" t="s">
        <v>14</v>
      </c>
      <c r="C6640">
        <v>20</v>
      </c>
      <c r="D6640" t="s">
        <v>552</v>
      </c>
      <c r="E6640">
        <v>151</v>
      </c>
      <c r="F6640" t="s">
        <v>651</v>
      </c>
      <c r="G6640">
        <v>160</v>
      </c>
      <c r="H6640" t="s">
        <v>739</v>
      </c>
      <c r="I6640">
        <v>4413</v>
      </c>
      <c r="J6640" t="s">
        <v>301</v>
      </c>
      <c r="K6640">
        <v>26</v>
      </c>
      <c r="L6640" t="s">
        <v>301</v>
      </c>
      <c r="M6640">
        <v>82</v>
      </c>
      <c r="N6640" t="s">
        <v>654</v>
      </c>
      <c r="O6640">
        <v>3</v>
      </c>
      <c r="P6640" t="s">
        <v>689</v>
      </c>
      <c r="Q6640">
        <v>4</v>
      </c>
      <c r="R6640" t="s">
        <v>669</v>
      </c>
      <c r="S6640">
        <v>1</v>
      </c>
      <c r="T6640" t="s">
        <v>661</v>
      </c>
      <c r="U6640">
        <v>8</v>
      </c>
      <c r="V6640">
        <v>3</v>
      </c>
      <c r="W6640">
        <v>180</v>
      </c>
      <c r="X6640">
        <v>2020</v>
      </c>
    </row>
    <row r="6641" spans="1:24" x14ac:dyDescent="0.25">
      <c r="A6641">
        <v>878</v>
      </c>
      <c r="B6641" t="s">
        <v>14</v>
      </c>
      <c r="C6641">
        <v>20</v>
      </c>
      <c r="D6641" t="s">
        <v>552</v>
      </c>
      <c r="E6641">
        <v>151</v>
      </c>
      <c r="F6641" t="s">
        <v>651</v>
      </c>
      <c r="G6641">
        <v>160</v>
      </c>
      <c r="H6641" t="s">
        <v>739</v>
      </c>
      <c r="I6641">
        <v>4413</v>
      </c>
      <c r="J6641" t="s">
        <v>301</v>
      </c>
      <c r="K6641">
        <v>26</v>
      </c>
      <c r="L6641" t="s">
        <v>301</v>
      </c>
      <c r="M6641">
        <v>82</v>
      </c>
      <c r="N6641" t="s">
        <v>654</v>
      </c>
      <c r="O6641">
        <v>3</v>
      </c>
      <c r="P6641" t="s">
        <v>655</v>
      </c>
      <c r="Q6641">
        <v>1</v>
      </c>
      <c r="R6641" t="s">
        <v>669</v>
      </c>
      <c r="S6641">
        <v>1</v>
      </c>
      <c r="T6641" t="s">
        <v>661</v>
      </c>
      <c r="U6641">
        <v>8</v>
      </c>
      <c r="V6641">
        <v>3</v>
      </c>
      <c r="W6641">
        <v>180</v>
      </c>
      <c r="X6641">
        <v>2020</v>
      </c>
    </row>
    <row r="6642" spans="1:24" x14ac:dyDescent="0.25">
      <c r="A6642">
        <v>876</v>
      </c>
      <c r="B6642" t="s">
        <v>14</v>
      </c>
      <c r="C6642">
        <v>20</v>
      </c>
      <c r="D6642" t="s">
        <v>553</v>
      </c>
      <c r="E6642">
        <v>150</v>
      </c>
      <c r="F6642" t="s">
        <v>651</v>
      </c>
      <c r="G6642">
        <v>160</v>
      </c>
      <c r="H6642" t="s">
        <v>739</v>
      </c>
      <c r="I6642">
        <v>4413</v>
      </c>
      <c r="J6642" t="s">
        <v>295</v>
      </c>
      <c r="K6642">
        <v>30</v>
      </c>
      <c r="L6642" t="s">
        <v>295</v>
      </c>
      <c r="M6642">
        <v>96</v>
      </c>
      <c r="N6642" t="s">
        <v>654</v>
      </c>
      <c r="O6642">
        <v>3</v>
      </c>
      <c r="P6642" t="s">
        <v>655</v>
      </c>
      <c r="Q6642">
        <v>1</v>
      </c>
      <c r="R6642" t="s">
        <v>669</v>
      </c>
      <c r="S6642">
        <v>1</v>
      </c>
      <c r="T6642" t="s">
        <v>661</v>
      </c>
      <c r="U6642">
        <v>8</v>
      </c>
      <c r="V6642">
        <v>3</v>
      </c>
      <c r="W6642">
        <v>180</v>
      </c>
      <c r="X6642">
        <v>2020</v>
      </c>
    </row>
    <row r="6643" spans="1:24" x14ac:dyDescent="0.25">
      <c r="A6643">
        <v>875</v>
      </c>
      <c r="B6643" t="s">
        <v>14</v>
      </c>
      <c r="C6643">
        <v>20</v>
      </c>
      <c r="D6643" t="s">
        <v>553</v>
      </c>
      <c r="E6643">
        <v>150</v>
      </c>
      <c r="F6643" t="s">
        <v>651</v>
      </c>
      <c r="G6643">
        <v>160</v>
      </c>
      <c r="H6643" t="s">
        <v>739</v>
      </c>
      <c r="I6643">
        <v>4413</v>
      </c>
      <c r="J6643" t="s">
        <v>682</v>
      </c>
      <c r="K6643">
        <v>20</v>
      </c>
      <c r="L6643" t="s">
        <v>3994</v>
      </c>
      <c r="M6643">
        <v>62</v>
      </c>
      <c r="N6643" t="s">
        <v>654</v>
      </c>
      <c r="O6643">
        <v>3</v>
      </c>
      <c r="P6643" t="s">
        <v>655</v>
      </c>
      <c r="Q6643">
        <v>1</v>
      </c>
      <c r="R6643" t="s">
        <v>669</v>
      </c>
      <c r="S6643">
        <v>1</v>
      </c>
      <c r="T6643" t="s">
        <v>661</v>
      </c>
      <c r="U6643">
        <v>8</v>
      </c>
      <c r="V6643">
        <v>3</v>
      </c>
      <c r="W6643">
        <v>180</v>
      </c>
      <c r="X6643">
        <v>2020</v>
      </c>
    </row>
    <row r="6644" spans="1:24" x14ac:dyDescent="0.25">
      <c r="A6644">
        <v>874</v>
      </c>
      <c r="B6644" t="s">
        <v>14</v>
      </c>
      <c r="C6644">
        <v>20</v>
      </c>
      <c r="D6644" t="s">
        <v>553</v>
      </c>
      <c r="E6644">
        <v>150</v>
      </c>
      <c r="F6644" t="s">
        <v>651</v>
      </c>
      <c r="G6644">
        <v>160</v>
      </c>
      <c r="H6644" t="s">
        <v>739</v>
      </c>
      <c r="I6644">
        <v>4413</v>
      </c>
      <c r="J6644" t="s">
        <v>756</v>
      </c>
      <c r="K6644">
        <v>19</v>
      </c>
      <c r="L6644" t="s">
        <v>756</v>
      </c>
      <c r="M6644">
        <v>60</v>
      </c>
      <c r="N6644" t="s">
        <v>654</v>
      </c>
      <c r="O6644">
        <v>3</v>
      </c>
      <c r="P6644" t="s">
        <v>689</v>
      </c>
      <c r="Q6644">
        <v>4</v>
      </c>
      <c r="R6644" t="s">
        <v>669</v>
      </c>
      <c r="S6644">
        <v>1</v>
      </c>
      <c r="T6644" t="s">
        <v>661</v>
      </c>
      <c r="U6644">
        <v>8</v>
      </c>
      <c r="V6644">
        <v>3</v>
      </c>
      <c r="W6644">
        <v>180</v>
      </c>
      <c r="X6644">
        <v>2020</v>
      </c>
    </row>
    <row r="6645" spans="1:24" x14ac:dyDescent="0.25">
      <c r="A6645">
        <v>873</v>
      </c>
      <c r="B6645" t="s">
        <v>14</v>
      </c>
      <c r="C6645">
        <v>20</v>
      </c>
      <c r="D6645" t="s">
        <v>553</v>
      </c>
      <c r="E6645">
        <v>150</v>
      </c>
      <c r="F6645" t="s">
        <v>651</v>
      </c>
      <c r="G6645">
        <v>160</v>
      </c>
      <c r="H6645" t="s">
        <v>739</v>
      </c>
      <c r="I6645">
        <v>4413</v>
      </c>
      <c r="J6645" t="s">
        <v>756</v>
      </c>
      <c r="K6645">
        <v>19</v>
      </c>
      <c r="L6645" t="s">
        <v>756</v>
      </c>
      <c r="M6645">
        <v>60</v>
      </c>
      <c r="N6645" t="s">
        <v>654</v>
      </c>
      <c r="O6645">
        <v>3</v>
      </c>
      <c r="P6645" t="s">
        <v>655</v>
      </c>
      <c r="Q6645">
        <v>1</v>
      </c>
      <c r="R6645" t="s">
        <v>669</v>
      </c>
      <c r="S6645">
        <v>1</v>
      </c>
      <c r="T6645" t="s">
        <v>661</v>
      </c>
      <c r="U6645">
        <v>8</v>
      </c>
      <c r="V6645">
        <v>3</v>
      </c>
      <c r="W6645">
        <v>180</v>
      </c>
      <c r="X6645">
        <v>2020</v>
      </c>
    </row>
    <row r="6646" spans="1:24" x14ac:dyDescent="0.25">
      <c r="A6646">
        <v>869</v>
      </c>
      <c r="B6646" t="s">
        <v>14</v>
      </c>
      <c r="C6646">
        <v>20</v>
      </c>
      <c r="D6646" t="s">
        <v>554</v>
      </c>
      <c r="E6646">
        <v>149</v>
      </c>
      <c r="F6646" t="s">
        <v>651</v>
      </c>
      <c r="G6646">
        <v>160</v>
      </c>
      <c r="H6646" t="s">
        <v>739</v>
      </c>
      <c r="I6646">
        <v>4413</v>
      </c>
      <c r="J6646" t="s">
        <v>294</v>
      </c>
      <c r="K6646">
        <v>31</v>
      </c>
      <c r="L6646" t="s">
        <v>294</v>
      </c>
      <c r="M6646">
        <v>98</v>
      </c>
      <c r="N6646" t="s">
        <v>654</v>
      </c>
      <c r="O6646">
        <v>3</v>
      </c>
      <c r="P6646" t="s">
        <v>655</v>
      </c>
      <c r="Q6646">
        <v>1</v>
      </c>
      <c r="R6646" t="s">
        <v>669</v>
      </c>
      <c r="S6646">
        <v>1</v>
      </c>
      <c r="T6646" t="s">
        <v>657</v>
      </c>
      <c r="U6646">
        <v>7</v>
      </c>
      <c r="V6646">
        <v>3</v>
      </c>
      <c r="W6646">
        <v>180</v>
      </c>
      <c r="X6646">
        <v>2020</v>
      </c>
    </row>
    <row r="6647" spans="1:24" x14ac:dyDescent="0.25">
      <c r="A6647">
        <v>868</v>
      </c>
      <c r="B6647" t="s">
        <v>14</v>
      </c>
      <c r="C6647">
        <v>20</v>
      </c>
      <c r="D6647" t="s">
        <v>554</v>
      </c>
      <c r="E6647">
        <v>149</v>
      </c>
      <c r="F6647" t="s">
        <v>651</v>
      </c>
      <c r="G6647">
        <v>160</v>
      </c>
      <c r="H6647" t="s">
        <v>739</v>
      </c>
      <c r="I6647">
        <v>4413</v>
      </c>
      <c r="J6647" t="s">
        <v>294</v>
      </c>
      <c r="K6647">
        <v>31</v>
      </c>
      <c r="L6647" t="s">
        <v>294</v>
      </c>
      <c r="M6647">
        <v>98</v>
      </c>
      <c r="N6647" t="s">
        <v>654</v>
      </c>
      <c r="O6647">
        <v>3</v>
      </c>
      <c r="P6647" t="s">
        <v>689</v>
      </c>
      <c r="Q6647">
        <v>4</v>
      </c>
      <c r="R6647" t="s">
        <v>669</v>
      </c>
      <c r="S6647">
        <v>1</v>
      </c>
      <c r="T6647" t="s">
        <v>661</v>
      </c>
      <c r="U6647">
        <v>8</v>
      </c>
      <c r="V6647">
        <v>3</v>
      </c>
      <c r="W6647">
        <v>180</v>
      </c>
      <c r="X6647">
        <v>2020</v>
      </c>
    </row>
    <row r="6648" spans="1:24" x14ac:dyDescent="0.25">
      <c r="A6648">
        <v>867</v>
      </c>
      <c r="B6648" t="s">
        <v>14</v>
      </c>
      <c r="C6648">
        <v>20</v>
      </c>
      <c r="D6648" t="s">
        <v>554</v>
      </c>
      <c r="E6648">
        <v>149</v>
      </c>
      <c r="F6648" t="s">
        <v>651</v>
      </c>
      <c r="G6648">
        <v>160</v>
      </c>
      <c r="H6648" t="s">
        <v>739</v>
      </c>
      <c r="I6648">
        <v>4413</v>
      </c>
      <c r="J6648" t="s">
        <v>294</v>
      </c>
      <c r="K6648">
        <v>31</v>
      </c>
      <c r="L6648" t="s">
        <v>294</v>
      </c>
      <c r="M6648">
        <v>98</v>
      </c>
      <c r="N6648" t="s">
        <v>654</v>
      </c>
      <c r="O6648">
        <v>3</v>
      </c>
      <c r="P6648" t="s">
        <v>655</v>
      </c>
      <c r="Q6648">
        <v>1</v>
      </c>
      <c r="R6648" t="s">
        <v>669</v>
      </c>
      <c r="S6648">
        <v>1</v>
      </c>
      <c r="T6648" t="s">
        <v>661</v>
      </c>
      <c r="U6648">
        <v>8</v>
      </c>
      <c r="V6648">
        <v>3</v>
      </c>
      <c r="W6648">
        <v>180</v>
      </c>
      <c r="X6648">
        <v>2020</v>
      </c>
    </row>
    <row r="6649" spans="1:24" x14ac:dyDescent="0.25">
      <c r="A6649">
        <v>866</v>
      </c>
      <c r="B6649" t="s">
        <v>14</v>
      </c>
      <c r="C6649">
        <v>20</v>
      </c>
      <c r="D6649" t="s">
        <v>554</v>
      </c>
      <c r="E6649">
        <v>149</v>
      </c>
      <c r="F6649" t="s">
        <v>651</v>
      </c>
      <c r="G6649">
        <v>160</v>
      </c>
      <c r="H6649" t="s">
        <v>739</v>
      </c>
      <c r="I6649">
        <v>4413</v>
      </c>
      <c r="J6649" t="s">
        <v>295</v>
      </c>
      <c r="K6649">
        <v>30</v>
      </c>
      <c r="L6649" t="s">
        <v>295</v>
      </c>
      <c r="M6649">
        <v>96</v>
      </c>
      <c r="N6649" t="s">
        <v>654</v>
      </c>
      <c r="O6649">
        <v>3</v>
      </c>
      <c r="P6649" t="s">
        <v>655</v>
      </c>
      <c r="Q6649">
        <v>1</v>
      </c>
      <c r="R6649" t="s">
        <v>669</v>
      </c>
      <c r="S6649">
        <v>1</v>
      </c>
      <c r="T6649" t="s">
        <v>718</v>
      </c>
      <c r="U6649">
        <v>2</v>
      </c>
      <c r="V6649">
        <v>3</v>
      </c>
      <c r="W6649">
        <v>180</v>
      </c>
      <c r="X6649">
        <v>2020</v>
      </c>
    </row>
    <row r="6650" spans="1:24" x14ac:dyDescent="0.25">
      <c r="A6650">
        <v>865</v>
      </c>
      <c r="B6650" t="s">
        <v>14</v>
      </c>
      <c r="C6650">
        <v>20</v>
      </c>
      <c r="D6650" t="s">
        <v>554</v>
      </c>
      <c r="E6650">
        <v>149</v>
      </c>
      <c r="F6650" t="s">
        <v>651</v>
      </c>
      <c r="G6650">
        <v>160</v>
      </c>
      <c r="H6650" t="s">
        <v>739</v>
      </c>
      <c r="I6650">
        <v>4413</v>
      </c>
      <c r="J6650" t="s">
        <v>295</v>
      </c>
      <c r="K6650">
        <v>30</v>
      </c>
      <c r="L6650" t="s">
        <v>295</v>
      </c>
      <c r="M6650">
        <v>96</v>
      </c>
      <c r="N6650" t="s">
        <v>654</v>
      </c>
      <c r="O6650">
        <v>3</v>
      </c>
      <c r="P6650" t="s">
        <v>689</v>
      </c>
      <c r="Q6650">
        <v>4</v>
      </c>
      <c r="R6650" t="s">
        <v>669</v>
      </c>
      <c r="S6650">
        <v>1</v>
      </c>
      <c r="T6650" t="s">
        <v>657</v>
      </c>
      <c r="U6650">
        <v>7</v>
      </c>
      <c r="V6650">
        <v>3</v>
      </c>
      <c r="W6650">
        <v>180</v>
      </c>
      <c r="X6650">
        <v>2020</v>
      </c>
    </row>
    <row r="6651" spans="1:24" x14ac:dyDescent="0.25">
      <c r="A6651">
        <v>864</v>
      </c>
      <c r="B6651" t="s">
        <v>14</v>
      </c>
      <c r="C6651">
        <v>20</v>
      </c>
      <c r="D6651" t="s">
        <v>554</v>
      </c>
      <c r="E6651">
        <v>149</v>
      </c>
      <c r="F6651" t="s">
        <v>651</v>
      </c>
      <c r="G6651">
        <v>160</v>
      </c>
      <c r="H6651" t="s">
        <v>739</v>
      </c>
      <c r="I6651">
        <v>4413</v>
      </c>
      <c r="J6651" t="s">
        <v>295</v>
      </c>
      <c r="K6651">
        <v>30</v>
      </c>
      <c r="L6651" t="s">
        <v>295</v>
      </c>
      <c r="M6651">
        <v>96</v>
      </c>
      <c r="N6651" t="s">
        <v>654</v>
      </c>
      <c r="O6651">
        <v>3</v>
      </c>
      <c r="P6651" t="s">
        <v>655</v>
      </c>
      <c r="Q6651">
        <v>1</v>
      </c>
      <c r="R6651" t="s">
        <v>669</v>
      </c>
      <c r="S6651">
        <v>1</v>
      </c>
      <c r="T6651" t="s">
        <v>657</v>
      </c>
      <c r="U6651">
        <v>7</v>
      </c>
      <c r="V6651">
        <v>3</v>
      </c>
      <c r="W6651">
        <v>180</v>
      </c>
      <c r="X6651">
        <v>2020</v>
      </c>
    </row>
    <row r="6652" spans="1:24" x14ac:dyDescent="0.25">
      <c r="A6652">
        <v>863</v>
      </c>
      <c r="B6652" t="s">
        <v>14</v>
      </c>
      <c r="C6652">
        <v>20</v>
      </c>
      <c r="D6652" t="s">
        <v>554</v>
      </c>
      <c r="E6652">
        <v>149</v>
      </c>
      <c r="F6652" t="s">
        <v>651</v>
      </c>
      <c r="G6652">
        <v>160</v>
      </c>
      <c r="H6652" t="s">
        <v>739</v>
      </c>
      <c r="I6652">
        <v>4413</v>
      </c>
      <c r="J6652" t="s">
        <v>295</v>
      </c>
      <c r="K6652">
        <v>30</v>
      </c>
      <c r="L6652" t="s">
        <v>295</v>
      </c>
      <c r="M6652">
        <v>96</v>
      </c>
      <c r="N6652" t="s">
        <v>654</v>
      </c>
      <c r="O6652">
        <v>3</v>
      </c>
      <c r="P6652" t="s">
        <v>689</v>
      </c>
      <c r="Q6652">
        <v>4</v>
      </c>
      <c r="R6652" t="s">
        <v>669</v>
      </c>
      <c r="S6652">
        <v>1</v>
      </c>
      <c r="T6652" t="s">
        <v>661</v>
      </c>
      <c r="U6652">
        <v>8</v>
      </c>
      <c r="V6652">
        <v>3</v>
      </c>
      <c r="W6652">
        <v>180</v>
      </c>
      <c r="X6652">
        <v>2020</v>
      </c>
    </row>
    <row r="6653" spans="1:24" x14ac:dyDescent="0.25">
      <c r="A6653">
        <v>862</v>
      </c>
      <c r="B6653" t="s">
        <v>14</v>
      </c>
      <c r="C6653">
        <v>20</v>
      </c>
      <c r="D6653" t="s">
        <v>554</v>
      </c>
      <c r="E6653">
        <v>149</v>
      </c>
      <c r="F6653" t="s">
        <v>651</v>
      </c>
      <c r="G6653">
        <v>160</v>
      </c>
      <c r="H6653" t="s">
        <v>739</v>
      </c>
      <c r="I6653">
        <v>4413</v>
      </c>
      <c r="J6653" t="s">
        <v>295</v>
      </c>
      <c r="K6653">
        <v>30</v>
      </c>
      <c r="L6653" t="s">
        <v>295</v>
      </c>
      <c r="M6653">
        <v>96</v>
      </c>
      <c r="N6653" t="s">
        <v>654</v>
      </c>
      <c r="O6653">
        <v>3</v>
      </c>
      <c r="P6653" t="s">
        <v>655</v>
      </c>
      <c r="Q6653">
        <v>1</v>
      </c>
      <c r="R6653" t="s">
        <v>669</v>
      </c>
      <c r="S6653">
        <v>1</v>
      </c>
      <c r="T6653" t="s">
        <v>661</v>
      </c>
      <c r="U6653">
        <v>8</v>
      </c>
      <c r="V6653">
        <v>3</v>
      </c>
      <c r="W6653">
        <v>180</v>
      </c>
      <c r="X6653">
        <v>2020</v>
      </c>
    </row>
    <row r="6654" spans="1:24" x14ac:dyDescent="0.25">
      <c r="A6654">
        <v>860</v>
      </c>
      <c r="B6654" t="s">
        <v>14</v>
      </c>
      <c r="C6654">
        <v>20</v>
      </c>
      <c r="D6654" t="s">
        <v>554</v>
      </c>
      <c r="E6654">
        <v>149</v>
      </c>
      <c r="F6654" t="s">
        <v>651</v>
      </c>
      <c r="G6654">
        <v>160</v>
      </c>
      <c r="H6654" t="s">
        <v>739</v>
      </c>
      <c r="I6654">
        <v>4413</v>
      </c>
      <c r="J6654" t="s">
        <v>955</v>
      </c>
      <c r="K6654">
        <v>29</v>
      </c>
      <c r="L6654" t="s">
        <v>955</v>
      </c>
      <c r="M6654">
        <v>95</v>
      </c>
      <c r="N6654" t="s">
        <v>654</v>
      </c>
      <c r="O6654">
        <v>3</v>
      </c>
      <c r="P6654" t="s">
        <v>689</v>
      </c>
      <c r="Q6654">
        <v>4</v>
      </c>
      <c r="R6654" t="s">
        <v>669</v>
      </c>
      <c r="S6654">
        <v>1</v>
      </c>
      <c r="T6654" t="s">
        <v>661</v>
      </c>
      <c r="U6654">
        <v>8</v>
      </c>
      <c r="V6654">
        <v>3</v>
      </c>
      <c r="W6654">
        <v>180</v>
      </c>
      <c r="X6654">
        <v>2020</v>
      </c>
    </row>
    <row r="6655" spans="1:24" x14ac:dyDescent="0.25">
      <c r="A6655">
        <v>859</v>
      </c>
      <c r="B6655" t="s">
        <v>14</v>
      </c>
      <c r="C6655">
        <v>20</v>
      </c>
      <c r="D6655" t="s">
        <v>554</v>
      </c>
      <c r="E6655">
        <v>149</v>
      </c>
      <c r="F6655" t="s">
        <v>651</v>
      </c>
      <c r="G6655">
        <v>160</v>
      </c>
      <c r="H6655" t="s">
        <v>739</v>
      </c>
      <c r="I6655">
        <v>4413</v>
      </c>
      <c r="J6655" t="s">
        <v>955</v>
      </c>
      <c r="K6655">
        <v>29</v>
      </c>
      <c r="L6655" t="s">
        <v>955</v>
      </c>
      <c r="M6655">
        <v>95</v>
      </c>
      <c r="N6655" t="s">
        <v>654</v>
      </c>
      <c r="O6655">
        <v>3</v>
      </c>
      <c r="P6655" t="s">
        <v>655</v>
      </c>
      <c r="Q6655">
        <v>1</v>
      </c>
      <c r="R6655" t="s">
        <v>669</v>
      </c>
      <c r="S6655">
        <v>1</v>
      </c>
      <c r="T6655" t="s">
        <v>661</v>
      </c>
      <c r="U6655">
        <v>8</v>
      </c>
      <c r="V6655">
        <v>3</v>
      </c>
      <c r="W6655">
        <v>180</v>
      </c>
      <c r="X6655">
        <v>2020</v>
      </c>
    </row>
    <row r="6656" spans="1:24" x14ac:dyDescent="0.25">
      <c r="A6656">
        <v>857</v>
      </c>
      <c r="B6656" t="s">
        <v>14</v>
      </c>
      <c r="C6656">
        <v>20</v>
      </c>
      <c r="D6656" t="s">
        <v>554</v>
      </c>
      <c r="E6656">
        <v>149</v>
      </c>
      <c r="F6656" t="s">
        <v>651</v>
      </c>
      <c r="G6656">
        <v>160</v>
      </c>
      <c r="H6656" t="s">
        <v>739</v>
      </c>
      <c r="I6656">
        <v>4413</v>
      </c>
      <c r="J6656" t="s">
        <v>1094</v>
      </c>
      <c r="K6656">
        <v>28</v>
      </c>
      <c r="L6656" t="s">
        <v>3967</v>
      </c>
      <c r="M6656">
        <v>92</v>
      </c>
      <c r="N6656" t="s">
        <v>654</v>
      </c>
      <c r="O6656">
        <v>3</v>
      </c>
      <c r="P6656" t="s">
        <v>655</v>
      </c>
      <c r="Q6656">
        <v>1</v>
      </c>
      <c r="R6656" t="s">
        <v>669</v>
      </c>
      <c r="S6656">
        <v>1</v>
      </c>
      <c r="T6656" t="s">
        <v>661</v>
      </c>
      <c r="U6656">
        <v>8</v>
      </c>
      <c r="V6656">
        <v>3</v>
      </c>
      <c r="W6656">
        <v>180</v>
      </c>
      <c r="X6656">
        <v>2020</v>
      </c>
    </row>
    <row r="6657" spans="1:24" x14ac:dyDescent="0.25">
      <c r="A6657">
        <v>854</v>
      </c>
      <c r="B6657" t="s">
        <v>14</v>
      </c>
      <c r="C6657">
        <v>20</v>
      </c>
      <c r="D6657" t="s">
        <v>554</v>
      </c>
      <c r="E6657">
        <v>149</v>
      </c>
      <c r="F6657" t="s">
        <v>651</v>
      </c>
      <c r="G6657">
        <v>160</v>
      </c>
      <c r="H6657" t="s">
        <v>739</v>
      </c>
      <c r="I6657">
        <v>4413</v>
      </c>
      <c r="J6657" t="s">
        <v>1094</v>
      </c>
      <c r="K6657">
        <v>28</v>
      </c>
      <c r="L6657" t="s">
        <v>296</v>
      </c>
      <c r="M6657">
        <v>91</v>
      </c>
      <c r="N6657" t="s">
        <v>654</v>
      </c>
      <c r="O6657">
        <v>3</v>
      </c>
      <c r="P6657" t="s">
        <v>689</v>
      </c>
      <c r="Q6657">
        <v>4</v>
      </c>
      <c r="R6657" t="s">
        <v>669</v>
      </c>
      <c r="S6657">
        <v>1</v>
      </c>
      <c r="T6657" t="s">
        <v>661</v>
      </c>
      <c r="U6657">
        <v>8</v>
      </c>
      <c r="V6657">
        <v>3</v>
      </c>
      <c r="W6657">
        <v>180</v>
      </c>
      <c r="X6657">
        <v>2020</v>
      </c>
    </row>
    <row r="6658" spans="1:24" x14ac:dyDescent="0.25">
      <c r="A6658">
        <v>853</v>
      </c>
      <c r="B6658" t="s">
        <v>14</v>
      </c>
      <c r="C6658">
        <v>20</v>
      </c>
      <c r="D6658" t="s">
        <v>554</v>
      </c>
      <c r="E6658">
        <v>149</v>
      </c>
      <c r="F6658" t="s">
        <v>651</v>
      </c>
      <c r="G6658">
        <v>160</v>
      </c>
      <c r="H6658" t="s">
        <v>739</v>
      </c>
      <c r="I6658">
        <v>4413</v>
      </c>
      <c r="J6658" t="s">
        <v>1094</v>
      </c>
      <c r="K6658">
        <v>28</v>
      </c>
      <c r="L6658" t="s">
        <v>296</v>
      </c>
      <c r="M6658">
        <v>91</v>
      </c>
      <c r="N6658" t="s">
        <v>654</v>
      </c>
      <c r="O6658">
        <v>3</v>
      </c>
      <c r="P6658" t="s">
        <v>655</v>
      </c>
      <c r="Q6658">
        <v>1</v>
      </c>
      <c r="R6658" t="s">
        <v>669</v>
      </c>
      <c r="S6658">
        <v>1</v>
      </c>
      <c r="T6658" t="s">
        <v>661</v>
      </c>
      <c r="U6658">
        <v>8</v>
      </c>
      <c r="V6658">
        <v>3</v>
      </c>
      <c r="W6658">
        <v>180</v>
      </c>
      <c r="X6658">
        <v>2020</v>
      </c>
    </row>
    <row r="6659" spans="1:24" x14ac:dyDescent="0.25">
      <c r="A6659">
        <v>852</v>
      </c>
      <c r="B6659" t="s">
        <v>14</v>
      </c>
      <c r="C6659">
        <v>20</v>
      </c>
      <c r="D6659" t="s">
        <v>554</v>
      </c>
      <c r="E6659">
        <v>149</v>
      </c>
      <c r="F6659" t="s">
        <v>651</v>
      </c>
      <c r="G6659">
        <v>160</v>
      </c>
      <c r="H6659" t="s">
        <v>3039</v>
      </c>
      <c r="I6659">
        <v>8167</v>
      </c>
      <c r="J6659" t="s">
        <v>299</v>
      </c>
      <c r="K6659">
        <v>27</v>
      </c>
      <c r="L6659" t="s">
        <v>690</v>
      </c>
      <c r="M6659">
        <v>89</v>
      </c>
      <c r="N6659" t="s">
        <v>654</v>
      </c>
      <c r="O6659">
        <v>3</v>
      </c>
      <c r="P6659" t="s">
        <v>689</v>
      </c>
      <c r="Q6659">
        <v>4</v>
      </c>
      <c r="R6659" t="s">
        <v>669</v>
      </c>
      <c r="S6659">
        <v>1</v>
      </c>
      <c r="T6659" t="s">
        <v>661</v>
      </c>
      <c r="U6659">
        <v>8</v>
      </c>
      <c r="V6659">
        <v>3</v>
      </c>
      <c r="W6659">
        <v>180</v>
      </c>
      <c r="X6659">
        <v>2020</v>
      </c>
    </row>
    <row r="6660" spans="1:24" x14ac:dyDescent="0.25">
      <c r="A6660">
        <v>851</v>
      </c>
      <c r="B6660" t="s">
        <v>14</v>
      </c>
      <c r="C6660">
        <v>20</v>
      </c>
      <c r="D6660" t="s">
        <v>554</v>
      </c>
      <c r="E6660">
        <v>149</v>
      </c>
      <c r="F6660" t="s">
        <v>651</v>
      </c>
      <c r="G6660">
        <v>160</v>
      </c>
      <c r="H6660" t="s">
        <v>3039</v>
      </c>
      <c r="I6660">
        <v>8167</v>
      </c>
      <c r="J6660" t="s">
        <v>299</v>
      </c>
      <c r="K6660">
        <v>27</v>
      </c>
      <c r="L6660" t="s">
        <v>690</v>
      </c>
      <c r="M6660">
        <v>89</v>
      </c>
      <c r="N6660" t="s">
        <v>654</v>
      </c>
      <c r="O6660">
        <v>3</v>
      </c>
      <c r="P6660" t="s">
        <v>655</v>
      </c>
      <c r="Q6660">
        <v>1</v>
      </c>
      <c r="R6660" t="s">
        <v>669</v>
      </c>
      <c r="S6660">
        <v>1</v>
      </c>
      <c r="T6660" t="s">
        <v>661</v>
      </c>
      <c r="U6660">
        <v>8</v>
      </c>
      <c r="V6660">
        <v>3</v>
      </c>
      <c r="W6660">
        <v>180</v>
      </c>
      <c r="X6660">
        <v>2020</v>
      </c>
    </row>
    <row r="6661" spans="1:24" x14ac:dyDescent="0.25">
      <c r="A6661">
        <v>850</v>
      </c>
      <c r="B6661" t="s">
        <v>14</v>
      </c>
      <c r="C6661">
        <v>20</v>
      </c>
      <c r="D6661" t="s">
        <v>554</v>
      </c>
      <c r="E6661">
        <v>149</v>
      </c>
      <c r="F6661" t="s">
        <v>651</v>
      </c>
      <c r="G6661">
        <v>160</v>
      </c>
      <c r="H6661" t="s">
        <v>739</v>
      </c>
      <c r="I6661">
        <v>4413</v>
      </c>
      <c r="J6661" t="s">
        <v>299</v>
      </c>
      <c r="K6661">
        <v>27</v>
      </c>
      <c r="L6661" t="s">
        <v>690</v>
      </c>
      <c r="M6661">
        <v>89</v>
      </c>
      <c r="N6661" t="s">
        <v>654</v>
      </c>
      <c r="O6661">
        <v>3</v>
      </c>
      <c r="P6661" t="s">
        <v>689</v>
      </c>
      <c r="Q6661">
        <v>4</v>
      </c>
      <c r="R6661" t="s">
        <v>669</v>
      </c>
      <c r="S6661">
        <v>1</v>
      </c>
      <c r="T6661" t="s">
        <v>661</v>
      </c>
      <c r="U6661">
        <v>8</v>
      </c>
      <c r="V6661">
        <v>3</v>
      </c>
      <c r="W6661">
        <v>180</v>
      </c>
      <c r="X6661">
        <v>2020</v>
      </c>
    </row>
    <row r="6662" spans="1:24" x14ac:dyDescent="0.25">
      <c r="A6662">
        <v>849</v>
      </c>
      <c r="B6662" t="s">
        <v>14</v>
      </c>
      <c r="C6662">
        <v>20</v>
      </c>
      <c r="D6662" t="s">
        <v>554</v>
      </c>
      <c r="E6662">
        <v>149</v>
      </c>
      <c r="F6662" t="s">
        <v>651</v>
      </c>
      <c r="G6662">
        <v>160</v>
      </c>
      <c r="H6662" t="s">
        <v>739</v>
      </c>
      <c r="I6662">
        <v>4413</v>
      </c>
      <c r="J6662" t="s">
        <v>299</v>
      </c>
      <c r="K6662">
        <v>27</v>
      </c>
      <c r="L6662" t="s">
        <v>690</v>
      </c>
      <c r="M6662">
        <v>89</v>
      </c>
      <c r="N6662" t="s">
        <v>654</v>
      </c>
      <c r="O6662">
        <v>3</v>
      </c>
      <c r="P6662" t="s">
        <v>655</v>
      </c>
      <c r="Q6662">
        <v>1</v>
      </c>
      <c r="R6662" t="s">
        <v>669</v>
      </c>
      <c r="S6662">
        <v>1</v>
      </c>
      <c r="T6662" t="s">
        <v>661</v>
      </c>
      <c r="U6662">
        <v>8</v>
      </c>
      <c r="V6662">
        <v>3</v>
      </c>
      <c r="W6662">
        <v>180</v>
      </c>
      <c r="X6662">
        <v>2020</v>
      </c>
    </row>
    <row r="6663" spans="1:24" x14ac:dyDescent="0.25">
      <c r="A6663">
        <v>847</v>
      </c>
      <c r="B6663" t="s">
        <v>14</v>
      </c>
      <c r="C6663">
        <v>20</v>
      </c>
      <c r="D6663" t="s">
        <v>554</v>
      </c>
      <c r="E6663">
        <v>149</v>
      </c>
      <c r="F6663" t="s">
        <v>651</v>
      </c>
      <c r="G6663">
        <v>160</v>
      </c>
      <c r="H6663" t="s">
        <v>677</v>
      </c>
      <c r="I6663">
        <v>5060</v>
      </c>
      <c r="J6663" t="s">
        <v>301</v>
      </c>
      <c r="K6663">
        <v>26</v>
      </c>
      <c r="L6663" t="s">
        <v>930</v>
      </c>
      <c r="M6663">
        <v>84</v>
      </c>
      <c r="N6663" t="s">
        <v>654</v>
      </c>
      <c r="O6663">
        <v>3</v>
      </c>
      <c r="P6663" t="s">
        <v>655</v>
      </c>
      <c r="Q6663">
        <v>1</v>
      </c>
      <c r="R6663" t="s">
        <v>669</v>
      </c>
      <c r="S6663">
        <v>1</v>
      </c>
      <c r="T6663" t="s">
        <v>661</v>
      </c>
      <c r="U6663">
        <v>8</v>
      </c>
      <c r="V6663">
        <v>3</v>
      </c>
      <c r="W6663">
        <v>180</v>
      </c>
      <c r="X6663">
        <v>2020</v>
      </c>
    </row>
    <row r="6664" spans="1:24" x14ac:dyDescent="0.25">
      <c r="A6664">
        <v>844</v>
      </c>
      <c r="B6664" t="s">
        <v>14</v>
      </c>
      <c r="C6664">
        <v>20</v>
      </c>
      <c r="D6664" t="s">
        <v>554</v>
      </c>
      <c r="E6664">
        <v>149</v>
      </c>
      <c r="F6664" t="s">
        <v>651</v>
      </c>
      <c r="G6664">
        <v>160</v>
      </c>
      <c r="H6664" t="s">
        <v>739</v>
      </c>
      <c r="I6664">
        <v>4413</v>
      </c>
      <c r="J6664" t="s">
        <v>301</v>
      </c>
      <c r="K6664">
        <v>26</v>
      </c>
      <c r="L6664" t="s">
        <v>930</v>
      </c>
      <c r="M6664">
        <v>84</v>
      </c>
      <c r="N6664" t="s">
        <v>654</v>
      </c>
      <c r="O6664">
        <v>3</v>
      </c>
      <c r="P6664" t="s">
        <v>689</v>
      </c>
      <c r="Q6664">
        <v>4</v>
      </c>
      <c r="R6664" t="s">
        <v>669</v>
      </c>
      <c r="S6664">
        <v>1</v>
      </c>
      <c r="T6664" t="s">
        <v>661</v>
      </c>
      <c r="U6664">
        <v>8</v>
      </c>
      <c r="V6664">
        <v>3</v>
      </c>
      <c r="W6664">
        <v>180</v>
      </c>
      <c r="X6664">
        <v>2020</v>
      </c>
    </row>
    <row r="6665" spans="1:24" x14ac:dyDescent="0.25">
      <c r="A6665">
        <v>843</v>
      </c>
      <c r="B6665" t="s">
        <v>14</v>
      </c>
      <c r="C6665">
        <v>20</v>
      </c>
      <c r="D6665" t="s">
        <v>554</v>
      </c>
      <c r="E6665">
        <v>149</v>
      </c>
      <c r="F6665" t="s">
        <v>651</v>
      </c>
      <c r="G6665">
        <v>160</v>
      </c>
      <c r="H6665" t="s">
        <v>739</v>
      </c>
      <c r="I6665">
        <v>4413</v>
      </c>
      <c r="J6665" t="s">
        <v>301</v>
      </c>
      <c r="K6665">
        <v>26</v>
      </c>
      <c r="L6665" t="s">
        <v>930</v>
      </c>
      <c r="M6665">
        <v>84</v>
      </c>
      <c r="N6665" t="s">
        <v>654</v>
      </c>
      <c r="O6665">
        <v>3</v>
      </c>
      <c r="P6665" t="s">
        <v>655</v>
      </c>
      <c r="Q6665">
        <v>1</v>
      </c>
      <c r="R6665" t="s">
        <v>669</v>
      </c>
      <c r="S6665">
        <v>1</v>
      </c>
      <c r="T6665" t="s">
        <v>661</v>
      </c>
      <c r="U6665">
        <v>8</v>
      </c>
      <c r="V6665">
        <v>3</v>
      </c>
      <c r="W6665">
        <v>180</v>
      </c>
      <c r="X6665">
        <v>2020</v>
      </c>
    </row>
    <row r="6666" spans="1:24" x14ac:dyDescent="0.25">
      <c r="A6666">
        <v>842</v>
      </c>
      <c r="B6666" t="s">
        <v>14</v>
      </c>
      <c r="C6666">
        <v>20</v>
      </c>
      <c r="D6666" t="s">
        <v>554</v>
      </c>
      <c r="E6666">
        <v>149</v>
      </c>
      <c r="F6666" t="s">
        <v>651</v>
      </c>
      <c r="G6666">
        <v>160</v>
      </c>
      <c r="H6666" t="s">
        <v>677</v>
      </c>
      <c r="I6666">
        <v>5060</v>
      </c>
      <c r="J6666" t="s">
        <v>301</v>
      </c>
      <c r="K6666">
        <v>26</v>
      </c>
      <c r="L6666" t="s">
        <v>3716</v>
      </c>
      <c r="M6666">
        <v>83</v>
      </c>
      <c r="N6666" t="s">
        <v>654</v>
      </c>
      <c r="O6666">
        <v>3</v>
      </c>
      <c r="P6666" t="s">
        <v>655</v>
      </c>
      <c r="Q6666">
        <v>1</v>
      </c>
      <c r="R6666" t="s">
        <v>669</v>
      </c>
      <c r="S6666">
        <v>1</v>
      </c>
      <c r="T6666" t="s">
        <v>657</v>
      </c>
      <c r="U6666">
        <v>7</v>
      </c>
      <c r="V6666">
        <v>3</v>
      </c>
      <c r="W6666">
        <v>180</v>
      </c>
      <c r="X6666">
        <v>2020</v>
      </c>
    </row>
    <row r="6667" spans="1:24" x14ac:dyDescent="0.25">
      <c r="A6667">
        <v>838</v>
      </c>
      <c r="B6667" t="s">
        <v>14</v>
      </c>
      <c r="C6667">
        <v>20</v>
      </c>
      <c r="D6667" t="s">
        <v>554</v>
      </c>
      <c r="E6667">
        <v>149</v>
      </c>
      <c r="F6667" t="s">
        <v>651</v>
      </c>
      <c r="G6667">
        <v>160</v>
      </c>
      <c r="H6667" t="s">
        <v>739</v>
      </c>
      <c r="I6667">
        <v>4413</v>
      </c>
      <c r="J6667" t="s">
        <v>807</v>
      </c>
      <c r="K6667">
        <v>25</v>
      </c>
      <c r="L6667" t="s">
        <v>1603</v>
      </c>
      <c r="M6667">
        <v>81</v>
      </c>
      <c r="N6667" t="s">
        <v>654</v>
      </c>
      <c r="O6667">
        <v>3</v>
      </c>
      <c r="P6667" t="s">
        <v>655</v>
      </c>
      <c r="Q6667">
        <v>1</v>
      </c>
      <c r="R6667" t="s">
        <v>669</v>
      </c>
      <c r="S6667">
        <v>1</v>
      </c>
      <c r="T6667" t="s">
        <v>718</v>
      </c>
      <c r="U6667">
        <v>2</v>
      </c>
      <c r="V6667">
        <v>3</v>
      </c>
      <c r="W6667">
        <v>180</v>
      </c>
      <c r="X6667">
        <v>2020</v>
      </c>
    </row>
    <row r="6668" spans="1:24" x14ac:dyDescent="0.25">
      <c r="A6668">
        <v>836</v>
      </c>
      <c r="B6668" t="s">
        <v>14</v>
      </c>
      <c r="C6668">
        <v>20</v>
      </c>
      <c r="D6668" t="s">
        <v>554</v>
      </c>
      <c r="E6668">
        <v>149</v>
      </c>
      <c r="F6668" t="s">
        <v>651</v>
      </c>
      <c r="G6668">
        <v>160</v>
      </c>
      <c r="H6668" t="s">
        <v>739</v>
      </c>
      <c r="I6668">
        <v>4413</v>
      </c>
      <c r="J6668" t="s">
        <v>807</v>
      </c>
      <c r="K6668">
        <v>25</v>
      </c>
      <c r="L6668" t="s">
        <v>1603</v>
      </c>
      <c r="M6668">
        <v>81</v>
      </c>
      <c r="N6668" t="s">
        <v>654</v>
      </c>
      <c r="O6668">
        <v>3</v>
      </c>
      <c r="P6668" t="s">
        <v>689</v>
      </c>
      <c r="Q6668">
        <v>4</v>
      </c>
      <c r="R6668" t="s">
        <v>669</v>
      </c>
      <c r="S6668">
        <v>1</v>
      </c>
      <c r="T6668" t="s">
        <v>661</v>
      </c>
      <c r="U6668">
        <v>8</v>
      </c>
      <c r="V6668">
        <v>3</v>
      </c>
      <c r="W6668">
        <v>180</v>
      </c>
      <c r="X6668">
        <v>2020</v>
      </c>
    </row>
    <row r="6669" spans="1:24" x14ac:dyDescent="0.25">
      <c r="A6669">
        <v>835</v>
      </c>
      <c r="B6669" t="s">
        <v>14</v>
      </c>
      <c r="C6669">
        <v>20</v>
      </c>
      <c r="D6669" t="s">
        <v>554</v>
      </c>
      <c r="E6669">
        <v>149</v>
      </c>
      <c r="F6669" t="s">
        <v>651</v>
      </c>
      <c r="G6669">
        <v>160</v>
      </c>
      <c r="H6669" t="s">
        <v>739</v>
      </c>
      <c r="I6669">
        <v>4413</v>
      </c>
      <c r="J6669" t="s">
        <v>807</v>
      </c>
      <c r="K6669">
        <v>25</v>
      </c>
      <c r="L6669" t="s">
        <v>1603</v>
      </c>
      <c r="M6669">
        <v>81</v>
      </c>
      <c r="N6669" t="s">
        <v>654</v>
      </c>
      <c r="O6669">
        <v>3</v>
      </c>
      <c r="P6669" t="s">
        <v>655</v>
      </c>
      <c r="Q6669">
        <v>1</v>
      </c>
      <c r="R6669" t="s">
        <v>669</v>
      </c>
      <c r="S6669">
        <v>1</v>
      </c>
      <c r="T6669" t="s">
        <v>661</v>
      </c>
      <c r="U6669">
        <v>8</v>
      </c>
      <c r="V6669">
        <v>3</v>
      </c>
      <c r="W6669">
        <v>180</v>
      </c>
      <c r="X6669">
        <v>2020</v>
      </c>
    </row>
    <row r="6670" spans="1:24" x14ac:dyDescent="0.25">
      <c r="A6670">
        <v>833</v>
      </c>
      <c r="B6670" t="s">
        <v>14</v>
      </c>
      <c r="C6670">
        <v>20</v>
      </c>
      <c r="D6670" t="s">
        <v>554</v>
      </c>
      <c r="E6670">
        <v>149</v>
      </c>
      <c r="F6670" t="s">
        <v>651</v>
      </c>
      <c r="G6670">
        <v>160</v>
      </c>
      <c r="H6670" t="s">
        <v>739</v>
      </c>
      <c r="I6670">
        <v>4413</v>
      </c>
      <c r="J6670" t="s">
        <v>813</v>
      </c>
      <c r="K6670">
        <v>24</v>
      </c>
      <c r="L6670" t="s">
        <v>1078</v>
      </c>
      <c r="M6670">
        <v>79</v>
      </c>
      <c r="N6670" t="s">
        <v>654</v>
      </c>
      <c r="O6670">
        <v>3</v>
      </c>
      <c r="P6670" t="s">
        <v>655</v>
      </c>
      <c r="Q6670">
        <v>1</v>
      </c>
      <c r="R6670" t="s">
        <v>669</v>
      </c>
      <c r="S6670">
        <v>1</v>
      </c>
      <c r="T6670" t="s">
        <v>661</v>
      </c>
      <c r="U6670">
        <v>8</v>
      </c>
      <c r="V6670">
        <v>3</v>
      </c>
      <c r="W6670">
        <v>180</v>
      </c>
      <c r="X6670">
        <v>2020</v>
      </c>
    </row>
    <row r="6671" spans="1:24" x14ac:dyDescent="0.25">
      <c r="A6671">
        <v>832</v>
      </c>
      <c r="B6671" t="s">
        <v>14</v>
      </c>
      <c r="C6671">
        <v>20</v>
      </c>
      <c r="D6671" t="s">
        <v>554</v>
      </c>
      <c r="E6671">
        <v>149</v>
      </c>
      <c r="F6671" t="s">
        <v>651</v>
      </c>
      <c r="G6671">
        <v>160</v>
      </c>
      <c r="H6671" t="s">
        <v>739</v>
      </c>
      <c r="I6671">
        <v>4413</v>
      </c>
      <c r="J6671" t="s">
        <v>813</v>
      </c>
      <c r="K6671">
        <v>24</v>
      </c>
      <c r="L6671" t="s">
        <v>1920</v>
      </c>
      <c r="M6671">
        <v>75</v>
      </c>
      <c r="N6671" t="s">
        <v>654</v>
      </c>
      <c r="O6671">
        <v>3</v>
      </c>
      <c r="P6671" t="s">
        <v>655</v>
      </c>
      <c r="Q6671">
        <v>1</v>
      </c>
      <c r="R6671" t="s">
        <v>669</v>
      </c>
      <c r="S6671">
        <v>1</v>
      </c>
      <c r="T6671" t="s">
        <v>661</v>
      </c>
      <c r="U6671">
        <v>8</v>
      </c>
      <c r="V6671">
        <v>3</v>
      </c>
      <c r="W6671">
        <v>180</v>
      </c>
      <c r="X6671">
        <v>2020</v>
      </c>
    </row>
    <row r="6672" spans="1:24" x14ac:dyDescent="0.25">
      <c r="A6672">
        <v>831</v>
      </c>
      <c r="B6672" t="s">
        <v>14</v>
      </c>
      <c r="C6672">
        <v>20</v>
      </c>
      <c r="D6672" t="s">
        <v>387</v>
      </c>
      <c r="E6672">
        <v>148</v>
      </c>
      <c r="F6672" t="s">
        <v>651</v>
      </c>
      <c r="G6672">
        <v>160</v>
      </c>
      <c r="H6672" t="s">
        <v>739</v>
      </c>
      <c r="I6672">
        <v>4413</v>
      </c>
      <c r="J6672" t="s">
        <v>868</v>
      </c>
      <c r="K6672">
        <v>23</v>
      </c>
      <c r="L6672" t="s">
        <v>868</v>
      </c>
      <c r="M6672">
        <v>73</v>
      </c>
      <c r="N6672" t="s">
        <v>654</v>
      </c>
      <c r="O6672">
        <v>3</v>
      </c>
      <c r="P6672" t="s">
        <v>689</v>
      </c>
      <c r="Q6672">
        <v>4</v>
      </c>
      <c r="R6672" t="s">
        <v>669</v>
      </c>
      <c r="S6672">
        <v>1</v>
      </c>
      <c r="T6672" t="s">
        <v>657</v>
      </c>
      <c r="U6672">
        <v>7</v>
      </c>
      <c r="V6672">
        <v>3</v>
      </c>
      <c r="W6672">
        <v>180</v>
      </c>
      <c r="X6672">
        <v>2020</v>
      </c>
    </row>
    <row r="6673" spans="1:24" x14ac:dyDescent="0.25">
      <c r="A6673">
        <v>830</v>
      </c>
      <c r="B6673" t="s">
        <v>14</v>
      </c>
      <c r="C6673">
        <v>20</v>
      </c>
      <c r="D6673" t="s">
        <v>387</v>
      </c>
      <c r="E6673">
        <v>148</v>
      </c>
      <c r="F6673" t="s">
        <v>651</v>
      </c>
      <c r="G6673">
        <v>160</v>
      </c>
      <c r="H6673" t="s">
        <v>739</v>
      </c>
      <c r="I6673">
        <v>4413</v>
      </c>
      <c r="J6673" t="s">
        <v>868</v>
      </c>
      <c r="K6673">
        <v>23</v>
      </c>
      <c r="L6673" t="s">
        <v>868</v>
      </c>
      <c r="M6673">
        <v>73</v>
      </c>
      <c r="N6673" t="s">
        <v>654</v>
      </c>
      <c r="O6673">
        <v>3</v>
      </c>
      <c r="P6673" t="s">
        <v>689</v>
      </c>
      <c r="Q6673">
        <v>4</v>
      </c>
      <c r="R6673" t="s">
        <v>669</v>
      </c>
      <c r="S6673">
        <v>1</v>
      </c>
      <c r="T6673" t="s">
        <v>661</v>
      </c>
      <c r="U6673">
        <v>8</v>
      </c>
      <c r="V6673">
        <v>3</v>
      </c>
      <c r="W6673">
        <v>180</v>
      </c>
      <c r="X6673">
        <v>2020</v>
      </c>
    </row>
    <row r="6674" spans="1:24" x14ac:dyDescent="0.25">
      <c r="A6674">
        <v>829</v>
      </c>
      <c r="B6674" t="s">
        <v>14</v>
      </c>
      <c r="C6674">
        <v>20</v>
      </c>
      <c r="D6674" t="s">
        <v>387</v>
      </c>
      <c r="E6674">
        <v>148</v>
      </c>
      <c r="F6674" t="s">
        <v>651</v>
      </c>
      <c r="G6674">
        <v>160</v>
      </c>
      <c r="H6674" t="s">
        <v>739</v>
      </c>
      <c r="I6674">
        <v>4413</v>
      </c>
      <c r="J6674" t="s">
        <v>868</v>
      </c>
      <c r="K6674">
        <v>23</v>
      </c>
      <c r="L6674" t="s">
        <v>868</v>
      </c>
      <c r="M6674">
        <v>73</v>
      </c>
      <c r="N6674" t="s">
        <v>654</v>
      </c>
      <c r="O6674">
        <v>3</v>
      </c>
      <c r="P6674" t="s">
        <v>655</v>
      </c>
      <c r="Q6674">
        <v>1</v>
      </c>
      <c r="R6674" t="s">
        <v>669</v>
      </c>
      <c r="S6674">
        <v>1</v>
      </c>
      <c r="T6674" t="s">
        <v>661</v>
      </c>
      <c r="U6674">
        <v>8</v>
      </c>
      <c r="V6674">
        <v>3</v>
      </c>
      <c r="W6674">
        <v>180</v>
      </c>
      <c r="X6674">
        <v>2020</v>
      </c>
    </row>
    <row r="6675" spans="1:24" x14ac:dyDescent="0.25">
      <c r="A6675">
        <v>828</v>
      </c>
      <c r="B6675" t="s">
        <v>14</v>
      </c>
      <c r="C6675">
        <v>20</v>
      </c>
      <c r="D6675" t="s">
        <v>387</v>
      </c>
      <c r="E6675">
        <v>148</v>
      </c>
      <c r="F6675" t="s">
        <v>651</v>
      </c>
      <c r="G6675">
        <v>160</v>
      </c>
      <c r="H6675" t="s">
        <v>666</v>
      </c>
      <c r="I6675">
        <v>8767</v>
      </c>
      <c r="J6675" t="s">
        <v>684</v>
      </c>
      <c r="K6675">
        <v>22</v>
      </c>
      <c r="L6675" t="s">
        <v>685</v>
      </c>
      <c r="M6675">
        <v>72</v>
      </c>
      <c r="N6675" t="s">
        <v>654</v>
      </c>
      <c r="O6675">
        <v>3</v>
      </c>
      <c r="P6675" t="s">
        <v>689</v>
      </c>
      <c r="Q6675">
        <v>4</v>
      </c>
      <c r="R6675" t="s">
        <v>669</v>
      </c>
      <c r="S6675">
        <v>1</v>
      </c>
      <c r="T6675" t="s">
        <v>661</v>
      </c>
      <c r="U6675">
        <v>8</v>
      </c>
      <c r="V6675">
        <v>3</v>
      </c>
      <c r="W6675">
        <v>180</v>
      </c>
      <c r="X6675">
        <v>2020</v>
      </c>
    </row>
    <row r="6676" spans="1:24" x14ac:dyDescent="0.25">
      <c r="A6676">
        <v>827</v>
      </c>
      <c r="B6676" t="s">
        <v>14</v>
      </c>
      <c r="C6676">
        <v>20</v>
      </c>
      <c r="D6676" t="s">
        <v>387</v>
      </c>
      <c r="E6676">
        <v>148</v>
      </c>
      <c r="F6676" t="s">
        <v>651</v>
      </c>
      <c r="G6676">
        <v>160</v>
      </c>
      <c r="H6676" t="s">
        <v>666</v>
      </c>
      <c r="I6676">
        <v>8767</v>
      </c>
      <c r="J6676" t="s">
        <v>684</v>
      </c>
      <c r="K6676">
        <v>22</v>
      </c>
      <c r="L6676" t="s">
        <v>685</v>
      </c>
      <c r="M6676">
        <v>72</v>
      </c>
      <c r="N6676" t="s">
        <v>654</v>
      </c>
      <c r="O6676">
        <v>3</v>
      </c>
      <c r="P6676" t="s">
        <v>655</v>
      </c>
      <c r="Q6676">
        <v>1</v>
      </c>
      <c r="R6676" t="s">
        <v>669</v>
      </c>
      <c r="S6676">
        <v>1</v>
      </c>
      <c r="T6676" t="s">
        <v>661</v>
      </c>
      <c r="U6676">
        <v>8</v>
      </c>
      <c r="V6676">
        <v>3</v>
      </c>
      <c r="W6676">
        <v>180</v>
      </c>
      <c r="X6676">
        <v>2020</v>
      </c>
    </row>
    <row r="6677" spans="1:24" x14ac:dyDescent="0.25">
      <c r="A6677">
        <v>826</v>
      </c>
      <c r="B6677" t="s">
        <v>14</v>
      </c>
      <c r="C6677">
        <v>20</v>
      </c>
      <c r="D6677" t="s">
        <v>387</v>
      </c>
      <c r="E6677">
        <v>148</v>
      </c>
      <c r="F6677" t="s">
        <v>651</v>
      </c>
      <c r="G6677">
        <v>160</v>
      </c>
      <c r="H6677" t="s">
        <v>1724</v>
      </c>
      <c r="I6677">
        <v>6744</v>
      </c>
      <c r="J6677" t="s">
        <v>684</v>
      </c>
      <c r="K6677">
        <v>22</v>
      </c>
      <c r="L6677" t="s">
        <v>685</v>
      </c>
      <c r="M6677">
        <v>72</v>
      </c>
      <c r="N6677" t="s">
        <v>654</v>
      </c>
      <c r="O6677">
        <v>3</v>
      </c>
      <c r="P6677" t="s">
        <v>689</v>
      </c>
      <c r="Q6677">
        <v>4</v>
      </c>
      <c r="R6677" t="s">
        <v>669</v>
      </c>
      <c r="S6677">
        <v>1</v>
      </c>
      <c r="T6677" t="s">
        <v>657</v>
      </c>
      <c r="U6677">
        <v>7</v>
      </c>
      <c r="V6677">
        <v>3</v>
      </c>
      <c r="W6677">
        <v>180</v>
      </c>
      <c r="X6677">
        <v>2020</v>
      </c>
    </row>
    <row r="6678" spans="1:24" x14ac:dyDescent="0.25">
      <c r="A6678">
        <v>824</v>
      </c>
      <c r="B6678" t="s">
        <v>14</v>
      </c>
      <c r="C6678">
        <v>20</v>
      </c>
      <c r="D6678" t="s">
        <v>387</v>
      </c>
      <c r="E6678">
        <v>148</v>
      </c>
      <c r="F6678" t="s">
        <v>651</v>
      </c>
      <c r="G6678">
        <v>160</v>
      </c>
      <c r="H6678" t="s">
        <v>3039</v>
      </c>
      <c r="I6678">
        <v>8167</v>
      </c>
      <c r="J6678" t="s">
        <v>684</v>
      </c>
      <c r="K6678">
        <v>22</v>
      </c>
      <c r="L6678" t="s">
        <v>685</v>
      </c>
      <c r="M6678">
        <v>72</v>
      </c>
      <c r="N6678" t="s">
        <v>654</v>
      </c>
      <c r="O6678">
        <v>3</v>
      </c>
      <c r="P6678" t="s">
        <v>689</v>
      </c>
      <c r="Q6678">
        <v>4</v>
      </c>
      <c r="R6678" t="s">
        <v>669</v>
      </c>
      <c r="S6678">
        <v>1</v>
      </c>
      <c r="T6678" t="s">
        <v>661</v>
      </c>
      <c r="U6678">
        <v>8</v>
      </c>
      <c r="V6678">
        <v>3</v>
      </c>
      <c r="W6678">
        <v>180</v>
      </c>
      <c r="X6678">
        <v>2020</v>
      </c>
    </row>
    <row r="6679" spans="1:24" x14ac:dyDescent="0.25">
      <c r="A6679">
        <v>823</v>
      </c>
      <c r="B6679" t="s">
        <v>14</v>
      </c>
      <c r="C6679">
        <v>20</v>
      </c>
      <c r="D6679" t="s">
        <v>387</v>
      </c>
      <c r="E6679">
        <v>148</v>
      </c>
      <c r="F6679" t="s">
        <v>651</v>
      </c>
      <c r="G6679">
        <v>160</v>
      </c>
      <c r="H6679" t="s">
        <v>3039</v>
      </c>
      <c r="I6679">
        <v>8167</v>
      </c>
      <c r="J6679" t="s">
        <v>684</v>
      </c>
      <c r="K6679">
        <v>22</v>
      </c>
      <c r="L6679" t="s">
        <v>685</v>
      </c>
      <c r="M6679">
        <v>72</v>
      </c>
      <c r="N6679" t="s">
        <v>654</v>
      </c>
      <c r="O6679">
        <v>3</v>
      </c>
      <c r="P6679" t="s">
        <v>655</v>
      </c>
      <c r="Q6679">
        <v>1</v>
      </c>
      <c r="R6679" t="s">
        <v>669</v>
      </c>
      <c r="S6679">
        <v>1</v>
      </c>
      <c r="T6679" t="s">
        <v>661</v>
      </c>
      <c r="U6679">
        <v>8</v>
      </c>
      <c r="V6679">
        <v>3</v>
      </c>
      <c r="W6679">
        <v>180</v>
      </c>
      <c r="X6679">
        <v>2020</v>
      </c>
    </row>
    <row r="6680" spans="1:24" x14ac:dyDescent="0.25">
      <c r="A6680">
        <v>819</v>
      </c>
      <c r="B6680" t="s">
        <v>14</v>
      </c>
      <c r="C6680">
        <v>20</v>
      </c>
      <c r="D6680" t="s">
        <v>387</v>
      </c>
      <c r="E6680">
        <v>148</v>
      </c>
      <c r="F6680" t="s">
        <v>651</v>
      </c>
      <c r="G6680">
        <v>160</v>
      </c>
      <c r="H6680" t="s">
        <v>3764</v>
      </c>
      <c r="I6680">
        <v>2562</v>
      </c>
      <c r="J6680" t="s">
        <v>684</v>
      </c>
      <c r="K6680">
        <v>22</v>
      </c>
      <c r="L6680" t="s">
        <v>685</v>
      </c>
      <c r="M6680">
        <v>72</v>
      </c>
      <c r="N6680" t="s">
        <v>654</v>
      </c>
      <c r="O6680">
        <v>3</v>
      </c>
      <c r="P6680" t="s">
        <v>655</v>
      </c>
      <c r="Q6680">
        <v>1</v>
      </c>
      <c r="R6680" t="s">
        <v>669</v>
      </c>
      <c r="S6680">
        <v>1</v>
      </c>
      <c r="T6680" t="s">
        <v>661</v>
      </c>
      <c r="U6680">
        <v>8</v>
      </c>
      <c r="V6680">
        <v>3</v>
      </c>
      <c r="W6680">
        <v>180</v>
      </c>
      <c r="X6680">
        <v>2020</v>
      </c>
    </row>
    <row r="6681" spans="1:24" x14ac:dyDescent="0.25">
      <c r="A6681">
        <v>818</v>
      </c>
      <c r="B6681" t="s">
        <v>14</v>
      </c>
      <c r="C6681">
        <v>20</v>
      </c>
      <c r="D6681" t="s">
        <v>387</v>
      </c>
      <c r="E6681">
        <v>148</v>
      </c>
      <c r="F6681" t="s">
        <v>651</v>
      </c>
      <c r="G6681">
        <v>160</v>
      </c>
      <c r="H6681" t="s">
        <v>779</v>
      </c>
      <c r="I6681">
        <v>10487</v>
      </c>
      <c r="J6681" t="s">
        <v>684</v>
      </c>
      <c r="K6681">
        <v>22</v>
      </c>
      <c r="L6681" t="s">
        <v>685</v>
      </c>
      <c r="M6681">
        <v>72</v>
      </c>
      <c r="N6681" t="s">
        <v>654</v>
      </c>
      <c r="O6681">
        <v>3</v>
      </c>
      <c r="P6681" t="s">
        <v>655</v>
      </c>
      <c r="Q6681">
        <v>1</v>
      </c>
      <c r="R6681" t="s">
        <v>669</v>
      </c>
      <c r="S6681">
        <v>1</v>
      </c>
      <c r="T6681" t="s">
        <v>657</v>
      </c>
      <c r="U6681">
        <v>7</v>
      </c>
      <c r="V6681">
        <v>3</v>
      </c>
      <c r="W6681">
        <v>180</v>
      </c>
      <c r="X6681">
        <v>2020</v>
      </c>
    </row>
    <row r="6682" spans="1:24" x14ac:dyDescent="0.25">
      <c r="A6682">
        <v>817</v>
      </c>
      <c r="B6682" t="s">
        <v>14</v>
      </c>
      <c r="C6682">
        <v>20</v>
      </c>
      <c r="D6682" t="s">
        <v>387</v>
      </c>
      <c r="E6682">
        <v>148</v>
      </c>
      <c r="F6682" t="s">
        <v>651</v>
      </c>
      <c r="G6682">
        <v>160</v>
      </c>
      <c r="H6682" t="s">
        <v>1724</v>
      </c>
      <c r="I6682">
        <v>6744</v>
      </c>
      <c r="J6682" t="s">
        <v>684</v>
      </c>
      <c r="K6682">
        <v>22</v>
      </c>
      <c r="L6682" t="s">
        <v>685</v>
      </c>
      <c r="M6682">
        <v>72</v>
      </c>
      <c r="N6682" t="s">
        <v>654</v>
      </c>
      <c r="O6682">
        <v>3</v>
      </c>
      <c r="P6682" t="s">
        <v>655</v>
      </c>
      <c r="Q6682">
        <v>1</v>
      </c>
      <c r="R6682" t="s">
        <v>669</v>
      </c>
      <c r="S6682">
        <v>1</v>
      </c>
      <c r="T6682" t="s">
        <v>657</v>
      </c>
      <c r="U6682">
        <v>7</v>
      </c>
      <c r="V6682">
        <v>3</v>
      </c>
      <c r="W6682">
        <v>180</v>
      </c>
      <c r="X6682">
        <v>2020</v>
      </c>
    </row>
    <row r="6683" spans="1:24" x14ac:dyDescent="0.25">
      <c r="A6683">
        <v>814</v>
      </c>
      <c r="B6683" t="s">
        <v>14</v>
      </c>
      <c r="C6683">
        <v>20</v>
      </c>
      <c r="D6683" t="s">
        <v>387</v>
      </c>
      <c r="E6683">
        <v>148</v>
      </c>
      <c r="F6683" t="s">
        <v>651</v>
      </c>
      <c r="G6683">
        <v>160</v>
      </c>
      <c r="H6683" t="s">
        <v>739</v>
      </c>
      <c r="I6683">
        <v>4413</v>
      </c>
      <c r="J6683" t="s">
        <v>684</v>
      </c>
      <c r="K6683">
        <v>22</v>
      </c>
      <c r="L6683" t="s">
        <v>685</v>
      </c>
      <c r="M6683">
        <v>72</v>
      </c>
      <c r="N6683" t="s">
        <v>654</v>
      </c>
      <c r="O6683">
        <v>3</v>
      </c>
      <c r="P6683" t="s">
        <v>689</v>
      </c>
      <c r="Q6683">
        <v>4</v>
      </c>
      <c r="R6683" t="s">
        <v>669</v>
      </c>
      <c r="S6683">
        <v>1</v>
      </c>
      <c r="T6683" t="s">
        <v>661</v>
      </c>
      <c r="U6683">
        <v>8</v>
      </c>
      <c r="V6683">
        <v>3</v>
      </c>
      <c r="W6683">
        <v>180</v>
      </c>
      <c r="X6683">
        <v>2020</v>
      </c>
    </row>
    <row r="6684" spans="1:24" x14ac:dyDescent="0.25">
      <c r="A6684">
        <v>813</v>
      </c>
      <c r="B6684" t="s">
        <v>14</v>
      </c>
      <c r="C6684">
        <v>20</v>
      </c>
      <c r="D6684" t="s">
        <v>387</v>
      </c>
      <c r="E6684">
        <v>148</v>
      </c>
      <c r="F6684" t="s">
        <v>651</v>
      </c>
      <c r="G6684">
        <v>160</v>
      </c>
      <c r="H6684" t="s">
        <v>739</v>
      </c>
      <c r="I6684">
        <v>4413</v>
      </c>
      <c r="J6684" t="s">
        <v>684</v>
      </c>
      <c r="K6684">
        <v>22</v>
      </c>
      <c r="L6684" t="s">
        <v>685</v>
      </c>
      <c r="M6684">
        <v>72</v>
      </c>
      <c r="N6684" t="s">
        <v>654</v>
      </c>
      <c r="O6684">
        <v>3</v>
      </c>
      <c r="P6684" t="s">
        <v>655</v>
      </c>
      <c r="Q6684">
        <v>1</v>
      </c>
      <c r="R6684" t="s">
        <v>669</v>
      </c>
      <c r="S6684">
        <v>1</v>
      </c>
      <c r="T6684" t="s">
        <v>661</v>
      </c>
      <c r="U6684">
        <v>8</v>
      </c>
      <c r="V6684">
        <v>3</v>
      </c>
      <c r="W6684">
        <v>180</v>
      </c>
      <c r="X6684">
        <v>2020</v>
      </c>
    </row>
    <row r="6685" spans="1:24" x14ac:dyDescent="0.25">
      <c r="A6685">
        <v>812</v>
      </c>
      <c r="B6685" t="s">
        <v>14</v>
      </c>
      <c r="C6685">
        <v>20</v>
      </c>
      <c r="D6685" t="s">
        <v>387</v>
      </c>
      <c r="E6685">
        <v>148</v>
      </c>
      <c r="F6685" t="s">
        <v>651</v>
      </c>
      <c r="G6685">
        <v>160</v>
      </c>
      <c r="H6685" t="s">
        <v>739</v>
      </c>
      <c r="I6685">
        <v>4413</v>
      </c>
      <c r="J6685" t="s">
        <v>684</v>
      </c>
      <c r="K6685">
        <v>22</v>
      </c>
      <c r="L6685" t="s">
        <v>3802</v>
      </c>
      <c r="M6685">
        <v>71</v>
      </c>
      <c r="N6685" t="s">
        <v>654</v>
      </c>
      <c r="O6685">
        <v>3</v>
      </c>
      <c r="P6685" t="s">
        <v>655</v>
      </c>
      <c r="Q6685">
        <v>1</v>
      </c>
      <c r="R6685" t="s">
        <v>669</v>
      </c>
      <c r="S6685">
        <v>1</v>
      </c>
      <c r="T6685" t="s">
        <v>657</v>
      </c>
      <c r="U6685">
        <v>7</v>
      </c>
      <c r="V6685">
        <v>3</v>
      </c>
      <c r="W6685">
        <v>180</v>
      </c>
      <c r="X6685">
        <v>2020</v>
      </c>
    </row>
    <row r="6686" spans="1:24" x14ac:dyDescent="0.25">
      <c r="A6686">
        <v>811</v>
      </c>
      <c r="B6686" t="s">
        <v>14</v>
      </c>
      <c r="C6686">
        <v>20</v>
      </c>
      <c r="D6686" t="s">
        <v>387</v>
      </c>
      <c r="E6686">
        <v>148</v>
      </c>
      <c r="F6686" t="s">
        <v>651</v>
      </c>
      <c r="G6686">
        <v>160</v>
      </c>
      <c r="H6686" t="s">
        <v>739</v>
      </c>
      <c r="I6686">
        <v>4413</v>
      </c>
      <c r="J6686" t="s">
        <v>684</v>
      </c>
      <c r="K6686">
        <v>22</v>
      </c>
      <c r="L6686" t="s">
        <v>3802</v>
      </c>
      <c r="M6686">
        <v>71</v>
      </c>
      <c r="N6686" t="s">
        <v>654</v>
      </c>
      <c r="O6686">
        <v>3</v>
      </c>
      <c r="P6686" t="s">
        <v>689</v>
      </c>
      <c r="Q6686">
        <v>4</v>
      </c>
      <c r="R6686" t="s">
        <v>669</v>
      </c>
      <c r="S6686">
        <v>1</v>
      </c>
      <c r="T6686" t="s">
        <v>661</v>
      </c>
      <c r="U6686">
        <v>8</v>
      </c>
      <c r="V6686">
        <v>3</v>
      </c>
      <c r="W6686">
        <v>180</v>
      </c>
      <c r="X6686">
        <v>2020</v>
      </c>
    </row>
    <row r="6687" spans="1:24" x14ac:dyDescent="0.25">
      <c r="A6687">
        <v>810</v>
      </c>
      <c r="B6687" t="s">
        <v>14</v>
      </c>
      <c r="C6687">
        <v>20</v>
      </c>
      <c r="D6687" t="s">
        <v>387</v>
      </c>
      <c r="E6687">
        <v>148</v>
      </c>
      <c r="F6687" t="s">
        <v>651</v>
      </c>
      <c r="G6687">
        <v>160</v>
      </c>
      <c r="H6687" t="s">
        <v>739</v>
      </c>
      <c r="I6687">
        <v>4413</v>
      </c>
      <c r="J6687" t="s">
        <v>684</v>
      </c>
      <c r="K6687">
        <v>22</v>
      </c>
      <c r="L6687" t="s">
        <v>3802</v>
      </c>
      <c r="M6687">
        <v>71</v>
      </c>
      <c r="N6687" t="s">
        <v>654</v>
      </c>
      <c r="O6687">
        <v>3</v>
      </c>
      <c r="P6687" t="s">
        <v>655</v>
      </c>
      <c r="Q6687">
        <v>1</v>
      </c>
      <c r="R6687" t="s">
        <v>669</v>
      </c>
      <c r="S6687">
        <v>1</v>
      </c>
      <c r="T6687" t="s">
        <v>661</v>
      </c>
      <c r="U6687">
        <v>8</v>
      </c>
      <c r="V6687">
        <v>3</v>
      </c>
      <c r="W6687">
        <v>180</v>
      </c>
      <c r="X6687">
        <v>2020</v>
      </c>
    </row>
    <row r="6688" spans="1:24" x14ac:dyDescent="0.25">
      <c r="A6688">
        <v>808</v>
      </c>
      <c r="B6688" t="s">
        <v>14</v>
      </c>
      <c r="C6688">
        <v>20</v>
      </c>
      <c r="D6688" t="s">
        <v>387</v>
      </c>
      <c r="E6688">
        <v>148</v>
      </c>
      <c r="F6688" t="s">
        <v>651</v>
      </c>
      <c r="G6688">
        <v>160</v>
      </c>
      <c r="H6688" t="s">
        <v>739</v>
      </c>
      <c r="I6688">
        <v>4413</v>
      </c>
      <c r="J6688" t="s">
        <v>684</v>
      </c>
      <c r="K6688">
        <v>22</v>
      </c>
      <c r="L6688" t="s">
        <v>1943</v>
      </c>
      <c r="M6688">
        <v>70</v>
      </c>
      <c r="N6688" t="s">
        <v>654</v>
      </c>
      <c r="O6688">
        <v>3</v>
      </c>
      <c r="P6688" t="s">
        <v>655</v>
      </c>
      <c r="Q6688">
        <v>1</v>
      </c>
      <c r="R6688" t="s">
        <v>669</v>
      </c>
      <c r="S6688">
        <v>1</v>
      </c>
      <c r="T6688" t="s">
        <v>661</v>
      </c>
      <c r="U6688">
        <v>8</v>
      </c>
      <c r="V6688">
        <v>3</v>
      </c>
      <c r="W6688">
        <v>180</v>
      </c>
      <c r="X6688">
        <v>2020</v>
      </c>
    </row>
    <row r="6689" spans="1:24" x14ac:dyDescent="0.25">
      <c r="A6689">
        <v>807</v>
      </c>
      <c r="B6689" t="s">
        <v>14</v>
      </c>
      <c r="C6689">
        <v>20</v>
      </c>
      <c r="D6689" t="s">
        <v>555</v>
      </c>
      <c r="E6689">
        <v>147</v>
      </c>
      <c r="F6689" t="s">
        <v>651</v>
      </c>
      <c r="G6689">
        <v>160</v>
      </c>
      <c r="H6689" t="s">
        <v>739</v>
      </c>
      <c r="I6689">
        <v>4413</v>
      </c>
      <c r="J6689" t="s">
        <v>1011</v>
      </c>
      <c r="K6689">
        <v>17</v>
      </c>
      <c r="L6689" t="s">
        <v>1011</v>
      </c>
      <c r="M6689">
        <v>57</v>
      </c>
      <c r="N6689" t="s">
        <v>654</v>
      </c>
      <c r="O6689">
        <v>3</v>
      </c>
      <c r="P6689" t="s">
        <v>689</v>
      </c>
      <c r="Q6689">
        <v>4</v>
      </c>
      <c r="R6689" t="s">
        <v>669</v>
      </c>
      <c r="S6689">
        <v>1</v>
      </c>
      <c r="T6689" t="s">
        <v>657</v>
      </c>
      <c r="U6689">
        <v>7</v>
      </c>
      <c r="V6689">
        <v>3</v>
      </c>
      <c r="W6689">
        <v>180</v>
      </c>
      <c r="X6689">
        <v>2020</v>
      </c>
    </row>
    <row r="6690" spans="1:24" x14ac:dyDescent="0.25">
      <c r="A6690">
        <v>806</v>
      </c>
      <c r="B6690" t="s">
        <v>14</v>
      </c>
      <c r="C6690">
        <v>20</v>
      </c>
      <c r="D6690" t="s">
        <v>555</v>
      </c>
      <c r="E6690">
        <v>147</v>
      </c>
      <c r="F6690" t="s">
        <v>651</v>
      </c>
      <c r="G6690">
        <v>160</v>
      </c>
      <c r="H6690" t="s">
        <v>739</v>
      </c>
      <c r="I6690">
        <v>4413</v>
      </c>
      <c r="J6690" t="s">
        <v>1011</v>
      </c>
      <c r="K6690">
        <v>17</v>
      </c>
      <c r="L6690" t="s">
        <v>1011</v>
      </c>
      <c r="M6690">
        <v>57</v>
      </c>
      <c r="N6690" t="s">
        <v>654</v>
      </c>
      <c r="O6690">
        <v>3</v>
      </c>
      <c r="P6690" t="s">
        <v>689</v>
      </c>
      <c r="Q6690">
        <v>4</v>
      </c>
      <c r="R6690" t="s">
        <v>669</v>
      </c>
      <c r="S6690">
        <v>1</v>
      </c>
      <c r="T6690" t="s">
        <v>661</v>
      </c>
      <c r="U6690">
        <v>8</v>
      </c>
      <c r="V6690">
        <v>3</v>
      </c>
      <c r="W6690">
        <v>180</v>
      </c>
      <c r="X6690">
        <v>2020</v>
      </c>
    </row>
    <row r="6691" spans="1:24" x14ac:dyDescent="0.25">
      <c r="A6691">
        <v>805</v>
      </c>
      <c r="B6691" t="s">
        <v>14</v>
      </c>
      <c r="C6691">
        <v>20</v>
      </c>
      <c r="D6691" t="s">
        <v>555</v>
      </c>
      <c r="E6691">
        <v>147</v>
      </c>
      <c r="F6691" t="s">
        <v>651</v>
      </c>
      <c r="G6691">
        <v>160</v>
      </c>
      <c r="H6691" t="s">
        <v>739</v>
      </c>
      <c r="I6691">
        <v>4413</v>
      </c>
      <c r="J6691" t="s">
        <v>1011</v>
      </c>
      <c r="K6691">
        <v>17</v>
      </c>
      <c r="L6691" t="s">
        <v>1011</v>
      </c>
      <c r="M6691">
        <v>57</v>
      </c>
      <c r="N6691" t="s">
        <v>654</v>
      </c>
      <c r="O6691">
        <v>3</v>
      </c>
      <c r="P6691" t="s">
        <v>655</v>
      </c>
      <c r="Q6691">
        <v>1</v>
      </c>
      <c r="R6691" t="s">
        <v>669</v>
      </c>
      <c r="S6691">
        <v>1</v>
      </c>
      <c r="T6691" t="s">
        <v>661</v>
      </c>
      <c r="U6691">
        <v>8</v>
      </c>
      <c r="V6691">
        <v>3</v>
      </c>
      <c r="W6691">
        <v>180</v>
      </c>
      <c r="X6691">
        <v>2020</v>
      </c>
    </row>
    <row r="6692" spans="1:24" x14ac:dyDescent="0.25">
      <c r="A6692">
        <v>804</v>
      </c>
      <c r="B6692" t="s">
        <v>14</v>
      </c>
      <c r="C6692">
        <v>20</v>
      </c>
      <c r="D6692" t="s">
        <v>555</v>
      </c>
      <c r="E6692">
        <v>147</v>
      </c>
      <c r="F6692" t="s">
        <v>651</v>
      </c>
      <c r="G6692">
        <v>160</v>
      </c>
      <c r="H6692" t="s">
        <v>739</v>
      </c>
      <c r="I6692">
        <v>4413</v>
      </c>
      <c r="J6692" t="s">
        <v>703</v>
      </c>
      <c r="K6692">
        <v>16</v>
      </c>
      <c r="L6692" t="s">
        <v>704</v>
      </c>
      <c r="M6692">
        <v>56</v>
      </c>
      <c r="N6692" t="s">
        <v>654</v>
      </c>
      <c r="O6692">
        <v>3</v>
      </c>
      <c r="P6692" t="s">
        <v>655</v>
      </c>
      <c r="Q6692">
        <v>1</v>
      </c>
      <c r="R6692" t="s">
        <v>669</v>
      </c>
      <c r="S6692">
        <v>1</v>
      </c>
      <c r="T6692" t="s">
        <v>657</v>
      </c>
      <c r="U6692">
        <v>7</v>
      </c>
      <c r="V6692">
        <v>3</v>
      </c>
      <c r="W6692">
        <v>180</v>
      </c>
      <c r="X6692">
        <v>2020</v>
      </c>
    </row>
    <row r="6693" spans="1:24" x14ac:dyDescent="0.25">
      <c r="A6693">
        <v>803</v>
      </c>
      <c r="B6693" t="s">
        <v>14</v>
      </c>
      <c r="C6693">
        <v>20</v>
      </c>
      <c r="D6693" t="s">
        <v>555</v>
      </c>
      <c r="E6693">
        <v>147</v>
      </c>
      <c r="F6693" t="s">
        <v>651</v>
      </c>
      <c r="G6693">
        <v>160</v>
      </c>
      <c r="H6693" t="s">
        <v>739</v>
      </c>
      <c r="I6693">
        <v>4413</v>
      </c>
      <c r="J6693" t="s">
        <v>703</v>
      </c>
      <c r="K6693">
        <v>16</v>
      </c>
      <c r="L6693" t="s">
        <v>704</v>
      </c>
      <c r="M6693">
        <v>56</v>
      </c>
      <c r="N6693" t="s">
        <v>654</v>
      </c>
      <c r="O6693">
        <v>3</v>
      </c>
      <c r="P6693" t="s">
        <v>655</v>
      </c>
      <c r="Q6693">
        <v>1</v>
      </c>
      <c r="R6693" t="s">
        <v>669</v>
      </c>
      <c r="S6693">
        <v>1</v>
      </c>
      <c r="T6693" t="s">
        <v>661</v>
      </c>
      <c r="U6693">
        <v>8</v>
      </c>
      <c r="V6693">
        <v>3</v>
      </c>
      <c r="W6693">
        <v>180</v>
      </c>
      <c r="X6693">
        <v>2020</v>
      </c>
    </row>
    <row r="6694" spans="1:24" x14ac:dyDescent="0.25">
      <c r="A6694">
        <v>802</v>
      </c>
      <c r="B6694" t="s">
        <v>14</v>
      </c>
      <c r="C6694">
        <v>20</v>
      </c>
      <c r="D6694" t="s">
        <v>555</v>
      </c>
      <c r="E6694">
        <v>147</v>
      </c>
      <c r="F6694" t="s">
        <v>651</v>
      </c>
      <c r="G6694">
        <v>160</v>
      </c>
      <c r="H6694" t="s">
        <v>739</v>
      </c>
      <c r="I6694">
        <v>4413</v>
      </c>
      <c r="J6694" t="s">
        <v>703</v>
      </c>
      <c r="K6694">
        <v>16</v>
      </c>
      <c r="L6694" t="s">
        <v>3265</v>
      </c>
      <c r="M6694">
        <v>55</v>
      </c>
      <c r="N6694" t="s">
        <v>654</v>
      </c>
      <c r="O6694">
        <v>3</v>
      </c>
      <c r="P6694" t="s">
        <v>655</v>
      </c>
      <c r="Q6694">
        <v>1</v>
      </c>
      <c r="R6694" t="s">
        <v>669</v>
      </c>
      <c r="S6694">
        <v>1</v>
      </c>
      <c r="T6694" t="s">
        <v>657</v>
      </c>
      <c r="U6694">
        <v>7</v>
      </c>
      <c r="V6694">
        <v>3</v>
      </c>
      <c r="W6694">
        <v>180</v>
      </c>
      <c r="X6694">
        <v>2020</v>
      </c>
    </row>
    <row r="6695" spans="1:24" x14ac:dyDescent="0.25">
      <c r="A6695">
        <v>801</v>
      </c>
      <c r="B6695" t="s">
        <v>14</v>
      </c>
      <c r="C6695">
        <v>20</v>
      </c>
      <c r="D6695" t="s">
        <v>555</v>
      </c>
      <c r="E6695">
        <v>147</v>
      </c>
      <c r="F6695" t="s">
        <v>651</v>
      </c>
      <c r="G6695">
        <v>160</v>
      </c>
      <c r="H6695" t="s">
        <v>739</v>
      </c>
      <c r="I6695">
        <v>4413</v>
      </c>
      <c r="J6695" t="s">
        <v>703</v>
      </c>
      <c r="K6695">
        <v>16</v>
      </c>
      <c r="L6695" t="s">
        <v>3265</v>
      </c>
      <c r="M6695">
        <v>55</v>
      </c>
      <c r="N6695" t="s">
        <v>654</v>
      </c>
      <c r="O6695">
        <v>3</v>
      </c>
      <c r="P6695" t="s">
        <v>655</v>
      </c>
      <c r="Q6695">
        <v>1</v>
      </c>
      <c r="R6695" t="s">
        <v>669</v>
      </c>
      <c r="S6695">
        <v>1</v>
      </c>
      <c r="T6695" t="s">
        <v>661</v>
      </c>
      <c r="U6695">
        <v>8</v>
      </c>
      <c r="V6695">
        <v>3</v>
      </c>
      <c r="W6695">
        <v>180</v>
      </c>
      <c r="X6695">
        <v>2020</v>
      </c>
    </row>
    <row r="6696" spans="1:24" x14ac:dyDescent="0.25">
      <c r="A6696">
        <v>800</v>
      </c>
      <c r="B6696" t="s">
        <v>14</v>
      </c>
      <c r="C6696">
        <v>20</v>
      </c>
      <c r="D6696" t="s">
        <v>555</v>
      </c>
      <c r="E6696">
        <v>147</v>
      </c>
      <c r="F6696" t="s">
        <v>651</v>
      </c>
      <c r="G6696">
        <v>160</v>
      </c>
      <c r="H6696" t="s">
        <v>739</v>
      </c>
      <c r="I6696">
        <v>4413</v>
      </c>
      <c r="J6696" t="s">
        <v>703</v>
      </c>
      <c r="K6696">
        <v>16</v>
      </c>
      <c r="L6696" t="s">
        <v>703</v>
      </c>
      <c r="M6696">
        <v>54</v>
      </c>
      <c r="N6696" t="s">
        <v>654</v>
      </c>
      <c r="O6696">
        <v>3</v>
      </c>
      <c r="P6696" t="s">
        <v>655</v>
      </c>
      <c r="Q6696">
        <v>1</v>
      </c>
      <c r="R6696" t="s">
        <v>669</v>
      </c>
      <c r="S6696">
        <v>1</v>
      </c>
      <c r="T6696" t="s">
        <v>657</v>
      </c>
      <c r="U6696">
        <v>7</v>
      </c>
      <c r="V6696">
        <v>3</v>
      </c>
      <c r="W6696">
        <v>180</v>
      </c>
      <c r="X6696">
        <v>2020</v>
      </c>
    </row>
    <row r="6697" spans="1:24" x14ac:dyDescent="0.25">
      <c r="A6697">
        <v>798</v>
      </c>
      <c r="B6697" t="s">
        <v>14</v>
      </c>
      <c r="C6697">
        <v>20</v>
      </c>
      <c r="D6697" t="s">
        <v>555</v>
      </c>
      <c r="E6697">
        <v>147</v>
      </c>
      <c r="F6697" t="s">
        <v>651</v>
      </c>
      <c r="G6697">
        <v>160</v>
      </c>
      <c r="H6697" t="s">
        <v>739</v>
      </c>
      <c r="I6697">
        <v>4413</v>
      </c>
      <c r="J6697" t="s">
        <v>703</v>
      </c>
      <c r="K6697">
        <v>16</v>
      </c>
      <c r="L6697" t="s">
        <v>703</v>
      </c>
      <c r="M6697">
        <v>54</v>
      </c>
      <c r="N6697" t="s">
        <v>654</v>
      </c>
      <c r="O6697">
        <v>3</v>
      </c>
      <c r="P6697" t="s">
        <v>655</v>
      </c>
      <c r="Q6697">
        <v>1</v>
      </c>
      <c r="R6697" t="s">
        <v>669</v>
      </c>
      <c r="S6697">
        <v>1</v>
      </c>
      <c r="T6697" t="s">
        <v>661</v>
      </c>
      <c r="U6697">
        <v>8</v>
      </c>
      <c r="V6697">
        <v>3</v>
      </c>
      <c r="W6697">
        <v>180</v>
      </c>
      <c r="X6697">
        <v>2020</v>
      </c>
    </row>
    <row r="6698" spans="1:24" x14ac:dyDescent="0.25">
      <c r="A6698">
        <v>795</v>
      </c>
      <c r="B6698" t="s">
        <v>14</v>
      </c>
      <c r="C6698">
        <v>20</v>
      </c>
      <c r="D6698" t="s">
        <v>556</v>
      </c>
      <c r="E6698">
        <v>146</v>
      </c>
      <c r="F6698" t="s">
        <v>651</v>
      </c>
      <c r="G6698">
        <v>160</v>
      </c>
      <c r="H6698" t="s">
        <v>739</v>
      </c>
      <c r="I6698">
        <v>4413</v>
      </c>
      <c r="J6698" t="s">
        <v>756</v>
      </c>
      <c r="K6698">
        <v>19</v>
      </c>
      <c r="L6698" t="s">
        <v>756</v>
      </c>
      <c r="M6698">
        <v>60</v>
      </c>
      <c r="N6698" t="s">
        <v>654</v>
      </c>
      <c r="O6698">
        <v>3</v>
      </c>
      <c r="P6698" t="s">
        <v>655</v>
      </c>
      <c r="Q6698">
        <v>1</v>
      </c>
      <c r="R6698" t="s">
        <v>669</v>
      </c>
      <c r="S6698">
        <v>1</v>
      </c>
      <c r="T6698" t="s">
        <v>657</v>
      </c>
      <c r="U6698">
        <v>7</v>
      </c>
      <c r="V6698">
        <v>3</v>
      </c>
      <c r="W6698">
        <v>180</v>
      </c>
      <c r="X6698">
        <v>2020</v>
      </c>
    </row>
    <row r="6699" spans="1:24" x14ac:dyDescent="0.25">
      <c r="A6699">
        <v>794</v>
      </c>
      <c r="B6699" t="s">
        <v>14</v>
      </c>
      <c r="C6699">
        <v>20</v>
      </c>
      <c r="D6699" t="s">
        <v>556</v>
      </c>
      <c r="E6699">
        <v>146</v>
      </c>
      <c r="F6699" t="s">
        <v>651</v>
      </c>
      <c r="G6699">
        <v>160</v>
      </c>
      <c r="H6699" t="s">
        <v>739</v>
      </c>
      <c r="I6699">
        <v>4413</v>
      </c>
      <c r="J6699" t="s">
        <v>756</v>
      </c>
      <c r="K6699">
        <v>19</v>
      </c>
      <c r="L6699" t="s">
        <v>756</v>
      </c>
      <c r="M6699">
        <v>60</v>
      </c>
      <c r="N6699" t="s">
        <v>654</v>
      </c>
      <c r="O6699">
        <v>3</v>
      </c>
      <c r="P6699" t="s">
        <v>655</v>
      </c>
      <c r="Q6699">
        <v>1</v>
      </c>
      <c r="R6699" t="s">
        <v>669</v>
      </c>
      <c r="S6699">
        <v>1</v>
      </c>
      <c r="T6699" t="s">
        <v>661</v>
      </c>
      <c r="U6699">
        <v>8</v>
      </c>
      <c r="V6699">
        <v>3</v>
      </c>
      <c r="W6699">
        <v>180</v>
      </c>
      <c r="X6699">
        <v>2020</v>
      </c>
    </row>
    <row r="6700" spans="1:24" x14ac:dyDescent="0.25">
      <c r="A6700">
        <v>793</v>
      </c>
      <c r="B6700" t="s">
        <v>14</v>
      </c>
      <c r="C6700">
        <v>20</v>
      </c>
      <c r="D6700" t="s">
        <v>556</v>
      </c>
      <c r="E6700">
        <v>146</v>
      </c>
      <c r="F6700" t="s">
        <v>651</v>
      </c>
      <c r="G6700">
        <v>160</v>
      </c>
      <c r="H6700" t="s">
        <v>739</v>
      </c>
      <c r="I6700">
        <v>4413</v>
      </c>
      <c r="J6700" t="s">
        <v>1084</v>
      </c>
      <c r="K6700">
        <v>118</v>
      </c>
      <c r="L6700" t="s">
        <v>1084</v>
      </c>
      <c r="M6700">
        <v>59</v>
      </c>
      <c r="N6700" t="s">
        <v>654</v>
      </c>
      <c r="O6700">
        <v>3</v>
      </c>
      <c r="P6700" t="s">
        <v>655</v>
      </c>
      <c r="Q6700">
        <v>1</v>
      </c>
      <c r="R6700" t="s">
        <v>669</v>
      </c>
      <c r="S6700">
        <v>1</v>
      </c>
      <c r="T6700" t="s">
        <v>661</v>
      </c>
      <c r="U6700">
        <v>8</v>
      </c>
      <c r="V6700">
        <v>3</v>
      </c>
      <c r="W6700">
        <v>180</v>
      </c>
      <c r="X6700">
        <v>2020</v>
      </c>
    </row>
    <row r="6701" spans="1:24" x14ac:dyDescent="0.25">
      <c r="A6701">
        <v>791</v>
      </c>
      <c r="B6701" t="s">
        <v>14</v>
      </c>
      <c r="C6701">
        <v>20</v>
      </c>
      <c r="D6701" t="s">
        <v>556</v>
      </c>
      <c r="E6701">
        <v>146</v>
      </c>
      <c r="F6701" t="s">
        <v>651</v>
      </c>
      <c r="G6701">
        <v>160</v>
      </c>
      <c r="H6701" t="s">
        <v>739</v>
      </c>
      <c r="I6701">
        <v>4413</v>
      </c>
      <c r="J6701" t="s">
        <v>895</v>
      </c>
      <c r="K6701">
        <v>13</v>
      </c>
      <c r="L6701" t="s">
        <v>3995</v>
      </c>
      <c r="M6701">
        <v>41</v>
      </c>
      <c r="N6701" t="s">
        <v>654</v>
      </c>
      <c r="O6701">
        <v>3</v>
      </c>
      <c r="P6701" t="s">
        <v>655</v>
      </c>
      <c r="Q6701">
        <v>1</v>
      </c>
      <c r="R6701" t="s">
        <v>669</v>
      </c>
      <c r="S6701">
        <v>1</v>
      </c>
      <c r="T6701" t="s">
        <v>661</v>
      </c>
      <c r="U6701">
        <v>8</v>
      </c>
      <c r="V6701">
        <v>3</v>
      </c>
      <c r="W6701">
        <v>180</v>
      </c>
      <c r="X6701">
        <v>2020</v>
      </c>
    </row>
    <row r="6702" spans="1:24" x14ac:dyDescent="0.25">
      <c r="A6702">
        <v>790</v>
      </c>
      <c r="B6702" t="s">
        <v>14</v>
      </c>
      <c r="C6702">
        <v>20</v>
      </c>
      <c r="D6702" t="s">
        <v>556</v>
      </c>
      <c r="E6702">
        <v>146</v>
      </c>
      <c r="F6702" t="s">
        <v>651</v>
      </c>
      <c r="G6702">
        <v>160</v>
      </c>
      <c r="H6702" t="s">
        <v>739</v>
      </c>
      <c r="I6702">
        <v>4413</v>
      </c>
      <c r="J6702" t="s">
        <v>802</v>
      </c>
      <c r="K6702">
        <v>12</v>
      </c>
      <c r="L6702" t="s">
        <v>3996</v>
      </c>
      <c r="M6702">
        <v>40</v>
      </c>
      <c r="N6702" t="s">
        <v>654</v>
      </c>
      <c r="O6702">
        <v>3</v>
      </c>
      <c r="P6702" t="s">
        <v>655</v>
      </c>
      <c r="Q6702">
        <v>1</v>
      </c>
      <c r="R6702" t="s">
        <v>669</v>
      </c>
      <c r="S6702">
        <v>1</v>
      </c>
      <c r="T6702" t="s">
        <v>657</v>
      </c>
      <c r="U6702">
        <v>7</v>
      </c>
      <c r="V6702">
        <v>3</v>
      </c>
      <c r="W6702">
        <v>180</v>
      </c>
      <c r="X6702">
        <v>2020</v>
      </c>
    </row>
    <row r="6703" spans="1:24" x14ac:dyDescent="0.25">
      <c r="A6703">
        <v>789</v>
      </c>
      <c r="B6703" t="s">
        <v>14</v>
      </c>
      <c r="C6703">
        <v>20</v>
      </c>
      <c r="D6703" t="s">
        <v>556</v>
      </c>
      <c r="E6703">
        <v>146</v>
      </c>
      <c r="F6703" t="s">
        <v>651</v>
      </c>
      <c r="G6703">
        <v>160</v>
      </c>
      <c r="H6703" t="s">
        <v>739</v>
      </c>
      <c r="I6703">
        <v>4413</v>
      </c>
      <c r="J6703" t="s">
        <v>802</v>
      </c>
      <c r="K6703">
        <v>12</v>
      </c>
      <c r="L6703" t="s">
        <v>3996</v>
      </c>
      <c r="M6703">
        <v>40</v>
      </c>
      <c r="N6703" t="s">
        <v>654</v>
      </c>
      <c r="O6703">
        <v>3</v>
      </c>
      <c r="P6703" t="s">
        <v>655</v>
      </c>
      <c r="Q6703">
        <v>1</v>
      </c>
      <c r="R6703" t="s">
        <v>669</v>
      </c>
      <c r="S6703">
        <v>1</v>
      </c>
      <c r="T6703" t="s">
        <v>661</v>
      </c>
      <c r="U6703">
        <v>8</v>
      </c>
      <c r="V6703">
        <v>3</v>
      </c>
      <c r="W6703">
        <v>180</v>
      </c>
      <c r="X6703">
        <v>2020</v>
      </c>
    </row>
    <row r="6704" spans="1:24" x14ac:dyDescent="0.25">
      <c r="A6704">
        <v>788</v>
      </c>
      <c r="B6704" t="s">
        <v>14</v>
      </c>
      <c r="C6704">
        <v>20</v>
      </c>
      <c r="D6704" t="s">
        <v>556</v>
      </c>
      <c r="E6704">
        <v>146</v>
      </c>
      <c r="F6704" t="s">
        <v>651</v>
      </c>
      <c r="G6704">
        <v>160</v>
      </c>
      <c r="H6704" t="s">
        <v>739</v>
      </c>
      <c r="I6704">
        <v>4413</v>
      </c>
      <c r="J6704" t="s">
        <v>802</v>
      </c>
      <c r="K6704">
        <v>12</v>
      </c>
      <c r="L6704" t="s">
        <v>1053</v>
      </c>
      <c r="M6704">
        <v>38</v>
      </c>
      <c r="N6704" t="s">
        <v>654</v>
      </c>
      <c r="O6704">
        <v>3</v>
      </c>
      <c r="P6704" t="s">
        <v>655</v>
      </c>
      <c r="Q6704">
        <v>1</v>
      </c>
      <c r="R6704" t="s">
        <v>669</v>
      </c>
      <c r="S6704">
        <v>1</v>
      </c>
      <c r="T6704" t="s">
        <v>657</v>
      </c>
      <c r="U6704">
        <v>7</v>
      </c>
      <c r="V6704">
        <v>3</v>
      </c>
      <c r="W6704">
        <v>180</v>
      </c>
      <c r="X6704">
        <v>2020</v>
      </c>
    </row>
    <row r="6705" spans="1:24" x14ac:dyDescent="0.25">
      <c r="A6705">
        <v>787</v>
      </c>
      <c r="B6705" t="s">
        <v>14</v>
      </c>
      <c r="C6705">
        <v>20</v>
      </c>
      <c r="D6705" t="s">
        <v>556</v>
      </c>
      <c r="E6705">
        <v>146</v>
      </c>
      <c r="F6705" t="s">
        <v>651</v>
      </c>
      <c r="G6705">
        <v>160</v>
      </c>
      <c r="H6705" t="s">
        <v>739</v>
      </c>
      <c r="I6705">
        <v>4413</v>
      </c>
      <c r="J6705" t="s">
        <v>802</v>
      </c>
      <c r="K6705">
        <v>12</v>
      </c>
      <c r="L6705" t="s">
        <v>1053</v>
      </c>
      <c r="M6705">
        <v>38</v>
      </c>
      <c r="N6705" t="s">
        <v>654</v>
      </c>
      <c r="O6705">
        <v>3</v>
      </c>
      <c r="P6705" t="s">
        <v>655</v>
      </c>
      <c r="Q6705">
        <v>1</v>
      </c>
      <c r="R6705" t="s">
        <v>669</v>
      </c>
      <c r="S6705">
        <v>1</v>
      </c>
      <c r="T6705" t="s">
        <v>661</v>
      </c>
      <c r="U6705">
        <v>8</v>
      </c>
      <c r="V6705">
        <v>3</v>
      </c>
      <c r="W6705">
        <v>180</v>
      </c>
      <c r="X6705">
        <v>2020</v>
      </c>
    </row>
    <row r="6706" spans="1:24" x14ac:dyDescent="0.25">
      <c r="A6706">
        <v>786</v>
      </c>
      <c r="B6706" t="s">
        <v>14</v>
      </c>
      <c r="C6706">
        <v>20</v>
      </c>
      <c r="D6706" t="s">
        <v>556</v>
      </c>
      <c r="E6706">
        <v>146</v>
      </c>
      <c r="F6706" t="s">
        <v>651</v>
      </c>
      <c r="G6706">
        <v>160</v>
      </c>
      <c r="H6706" t="s">
        <v>739</v>
      </c>
      <c r="I6706">
        <v>4413</v>
      </c>
      <c r="J6706" t="s">
        <v>802</v>
      </c>
      <c r="K6706">
        <v>12</v>
      </c>
      <c r="L6706" t="s">
        <v>3997</v>
      </c>
      <c r="M6706">
        <v>37</v>
      </c>
      <c r="N6706" t="s">
        <v>654</v>
      </c>
      <c r="O6706">
        <v>3</v>
      </c>
      <c r="P6706" t="s">
        <v>655</v>
      </c>
      <c r="Q6706">
        <v>1</v>
      </c>
      <c r="R6706" t="s">
        <v>669</v>
      </c>
      <c r="S6706">
        <v>1</v>
      </c>
      <c r="T6706" t="s">
        <v>657</v>
      </c>
      <c r="U6706">
        <v>7</v>
      </c>
      <c r="V6706">
        <v>3</v>
      </c>
      <c r="W6706">
        <v>180</v>
      </c>
      <c r="X6706">
        <v>2020</v>
      </c>
    </row>
    <row r="6707" spans="1:24" x14ac:dyDescent="0.25">
      <c r="A6707">
        <v>785</v>
      </c>
      <c r="B6707" t="s">
        <v>14</v>
      </c>
      <c r="C6707">
        <v>20</v>
      </c>
      <c r="D6707" t="s">
        <v>556</v>
      </c>
      <c r="E6707">
        <v>146</v>
      </c>
      <c r="F6707" t="s">
        <v>651</v>
      </c>
      <c r="G6707">
        <v>160</v>
      </c>
      <c r="H6707" t="s">
        <v>739</v>
      </c>
      <c r="I6707">
        <v>4413</v>
      </c>
      <c r="J6707" t="s">
        <v>802</v>
      </c>
      <c r="K6707">
        <v>12</v>
      </c>
      <c r="L6707" t="s">
        <v>3997</v>
      </c>
      <c r="M6707">
        <v>37</v>
      </c>
      <c r="N6707" t="s">
        <v>654</v>
      </c>
      <c r="O6707">
        <v>3</v>
      </c>
      <c r="P6707" t="s">
        <v>655</v>
      </c>
      <c r="Q6707">
        <v>1</v>
      </c>
      <c r="R6707" t="s">
        <v>669</v>
      </c>
      <c r="S6707">
        <v>1</v>
      </c>
      <c r="T6707" t="s">
        <v>661</v>
      </c>
      <c r="U6707">
        <v>8</v>
      </c>
      <c r="V6707">
        <v>3</v>
      </c>
      <c r="W6707">
        <v>180</v>
      </c>
      <c r="X6707">
        <v>2020</v>
      </c>
    </row>
    <row r="6708" spans="1:24" x14ac:dyDescent="0.25">
      <c r="A6708">
        <v>784</v>
      </c>
      <c r="B6708" t="s">
        <v>14</v>
      </c>
      <c r="C6708">
        <v>20</v>
      </c>
      <c r="D6708" t="s">
        <v>556</v>
      </c>
      <c r="E6708">
        <v>146</v>
      </c>
      <c r="F6708" t="s">
        <v>651</v>
      </c>
      <c r="G6708">
        <v>160</v>
      </c>
      <c r="H6708" t="s">
        <v>739</v>
      </c>
      <c r="I6708">
        <v>4413</v>
      </c>
      <c r="J6708" t="s">
        <v>802</v>
      </c>
      <c r="K6708">
        <v>12</v>
      </c>
      <c r="L6708" t="s">
        <v>802</v>
      </c>
      <c r="M6708">
        <v>36</v>
      </c>
      <c r="N6708" t="s">
        <v>654</v>
      </c>
      <c r="O6708">
        <v>3</v>
      </c>
      <c r="P6708" t="s">
        <v>689</v>
      </c>
      <c r="Q6708">
        <v>4</v>
      </c>
      <c r="R6708" t="s">
        <v>669</v>
      </c>
      <c r="S6708">
        <v>1</v>
      </c>
      <c r="T6708" t="s">
        <v>661</v>
      </c>
      <c r="U6708">
        <v>8</v>
      </c>
      <c r="V6708">
        <v>3</v>
      </c>
      <c r="W6708">
        <v>180</v>
      </c>
      <c r="X6708">
        <v>2020</v>
      </c>
    </row>
    <row r="6709" spans="1:24" x14ac:dyDescent="0.25">
      <c r="A6709">
        <v>783</v>
      </c>
      <c r="B6709" t="s">
        <v>14</v>
      </c>
      <c r="C6709">
        <v>20</v>
      </c>
      <c r="D6709" t="s">
        <v>556</v>
      </c>
      <c r="E6709">
        <v>146</v>
      </c>
      <c r="F6709" t="s">
        <v>651</v>
      </c>
      <c r="G6709">
        <v>160</v>
      </c>
      <c r="H6709" t="s">
        <v>739</v>
      </c>
      <c r="I6709">
        <v>4413</v>
      </c>
      <c r="J6709" t="s">
        <v>802</v>
      </c>
      <c r="K6709">
        <v>12</v>
      </c>
      <c r="L6709" t="s">
        <v>802</v>
      </c>
      <c r="M6709">
        <v>36</v>
      </c>
      <c r="N6709" t="s">
        <v>654</v>
      </c>
      <c r="O6709">
        <v>3</v>
      </c>
      <c r="P6709" t="s">
        <v>655</v>
      </c>
      <c r="Q6709">
        <v>1</v>
      </c>
      <c r="R6709" t="s">
        <v>669</v>
      </c>
      <c r="S6709">
        <v>1</v>
      </c>
      <c r="T6709" t="s">
        <v>661</v>
      </c>
      <c r="U6709">
        <v>8</v>
      </c>
      <c r="V6709">
        <v>3</v>
      </c>
      <c r="W6709">
        <v>180</v>
      </c>
      <c r="X6709">
        <v>2020</v>
      </c>
    </row>
    <row r="6710" spans="1:24" x14ac:dyDescent="0.25">
      <c r="A6710">
        <v>781</v>
      </c>
      <c r="B6710" t="s">
        <v>14</v>
      </c>
      <c r="C6710">
        <v>20</v>
      </c>
      <c r="D6710" t="s">
        <v>556</v>
      </c>
      <c r="E6710">
        <v>146</v>
      </c>
      <c r="F6710" t="s">
        <v>651</v>
      </c>
      <c r="G6710">
        <v>160</v>
      </c>
      <c r="H6710" t="s">
        <v>739</v>
      </c>
      <c r="I6710">
        <v>4413</v>
      </c>
      <c r="J6710" t="s">
        <v>866</v>
      </c>
      <c r="K6710">
        <v>9</v>
      </c>
      <c r="L6710" t="s">
        <v>866</v>
      </c>
      <c r="M6710">
        <v>28</v>
      </c>
      <c r="N6710" t="s">
        <v>654</v>
      </c>
      <c r="O6710">
        <v>3</v>
      </c>
      <c r="P6710" t="s">
        <v>655</v>
      </c>
      <c r="Q6710">
        <v>1</v>
      </c>
      <c r="R6710" t="s">
        <v>669</v>
      </c>
      <c r="S6710">
        <v>1</v>
      </c>
      <c r="T6710" t="s">
        <v>657</v>
      </c>
      <c r="U6710">
        <v>7</v>
      </c>
      <c r="V6710">
        <v>3</v>
      </c>
      <c r="W6710">
        <v>180</v>
      </c>
      <c r="X6710">
        <v>2020</v>
      </c>
    </row>
    <row r="6711" spans="1:24" x14ac:dyDescent="0.25">
      <c r="A6711">
        <v>780</v>
      </c>
      <c r="B6711" t="s">
        <v>14</v>
      </c>
      <c r="C6711">
        <v>20</v>
      </c>
      <c r="D6711" t="s">
        <v>556</v>
      </c>
      <c r="E6711">
        <v>146</v>
      </c>
      <c r="F6711" t="s">
        <v>651</v>
      </c>
      <c r="G6711">
        <v>160</v>
      </c>
      <c r="H6711" t="s">
        <v>739</v>
      </c>
      <c r="I6711">
        <v>4413</v>
      </c>
      <c r="J6711" t="s">
        <v>866</v>
      </c>
      <c r="K6711">
        <v>9</v>
      </c>
      <c r="L6711" t="s">
        <v>866</v>
      </c>
      <c r="M6711">
        <v>28</v>
      </c>
      <c r="N6711" t="s">
        <v>654</v>
      </c>
      <c r="O6711">
        <v>3</v>
      </c>
      <c r="P6711" t="s">
        <v>689</v>
      </c>
      <c r="Q6711">
        <v>4</v>
      </c>
      <c r="R6711" t="s">
        <v>669</v>
      </c>
      <c r="S6711">
        <v>1</v>
      </c>
      <c r="T6711" t="s">
        <v>661</v>
      </c>
      <c r="U6711">
        <v>8</v>
      </c>
      <c r="V6711">
        <v>3</v>
      </c>
      <c r="W6711">
        <v>180</v>
      </c>
      <c r="X6711">
        <v>2020</v>
      </c>
    </row>
    <row r="6712" spans="1:24" x14ac:dyDescent="0.25">
      <c r="A6712">
        <v>779</v>
      </c>
      <c r="B6712" t="s">
        <v>14</v>
      </c>
      <c r="C6712">
        <v>20</v>
      </c>
      <c r="D6712" t="s">
        <v>556</v>
      </c>
      <c r="E6712">
        <v>146</v>
      </c>
      <c r="F6712" t="s">
        <v>651</v>
      </c>
      <c r="G6712">
        <v>160</v>
      </c>
      <c r="H6712" t="s">
        <v>739</v>
      </c>
      <c r="I6712">
        <v>4413</v>
      </c>
      <c r="J6712" t="s">
        <v>866</v>
      </c>
      <c r="K6712">
        <v>9</v>
      </c>
      <c r="L6712" t="s">
        <v>866</v>
      </c>
      <c r="M6712">
        <v>28</v>
      </c>
      <c r="N6712" t="s">
        <v>654</v>
      </c>
      <c r="O6712">
        <v>3</v>
      </c>
      <c r="P6712" t="s">
        <v>655</v>
      </c>
      <c r="Q6712">
        <v>1</v>
      </c>
      <c r="R6712" t="s">
        <v>669</v>
      </c>
      <c r="S6712">
        <v>1</v>
      </c>
      <c r="T6712" t="s">
        <v>661</v>
      </c>
      <c r="U6712">
        <v>8</v>
      </c>
      <c r="V6712">
        <v>3</v>
      </c>
      <c r="W6712">
        <v>180</v>
      </c>
      <c r="X6712">
        <v>2020</v>
      </c>
    </row>
    <row r="6713" spans="1:24" x14ac:dyDescent="0.25">
      <c r="A6713">
        <v>777</v>
      </c>
      <c r="B6713" t="s">
        <v>14</v>
      </c>
      <c r="C6713">
        <v>20</v>
      </c>
      <c r="D6713" t="s">
        <v>426</v>
      </c>
      <c r="E6713">
        <v>145</v>
      </c>
      <c r="F6713" t="s">
        <v>651</v>
      </c>
      <c r="G6713">
        <v>160</v>
      </c>
      <c r="H6713" t="s">
        <v>739</v>
      </c>
      <c r="I6713">
        <v>4413</v>
      </c>
      <c r="J6713" t="s">
        <v>895</v>
      </c>
      <c r="K6713">
        <v>13</v>
      </c>
      <c r="L6713" t="s">
        <v>3995</v>
      </c>
      <c r="M6713">
        <v>41</v>
      </c>
      <c r="N6713" t="s">
        <v>654</v>
      </c>
      <c r="O6713">
        <v>3</v>
      </c>
      <c r="P6713" t="s">
        <v>655</v>
      </c>
      <c r="Q6713">
        <v>1</v>
      </c>
      <c r="R6713" t="s">
        <v>669</v>
      </c>
      <c r="S6713">
        <v>1</v>
      </c>
      <c r="T6713" t="s">
        <v>657</v>
      </c>
      <c r="U6713">
        <v>7</v>
      </c>
      <c r="V6713">
        <v>3</v>
      </c>
      <c r="W6713">
        <v>180</v>
      </c>
      <c r="X6713">
        <v>2020</v>
      </c>
    </row>
    <row r="6714" spans="1:24" x14ac:dyDescent="0.25">
      <c r="A6714">
        <v>776</v>
      </c>
      <c r="B6714" t="s">
        <v>14</v>
      </c>
      <c r="C6714">
        <v>20</v>
      </c>
      <c r="D6714" t="s">
        <v>426</v>
      </c>
      <c r="E6714">
        <v>145</v>
      </c>
      <c r="F6714" t="s">
        <v>651</v>
      </c>
      <c r="G6714">
        <v>160</v>
      </c>
      <c r="H6714" t="s">
        <v>739</v>
      </c>
      <c r="I6714">
        <v>4413</v>
      </c>
      <c r="J6714" t="s">
        <v>667</v>
      </c>
      <c r="K6714">
        <v>11</v>
      </c>
      <c r="L6714" t="s">
        <v>667</v>
      </c>
      <c r="M6714">
        <v>35</v>
      </c>
      <c r="N6714" t="s">
        <v>654</v>
      </c>
      <c r="O6714">
        <v>3</v>
      </c>
      <c r="P6714" t="s">
        <v>655</v>
      </c>
      <c r="Q6714">
        <v>1</v>
      </c>
      <c r="R6714" t="s">
        <v>669</v>
      </c>
      <c r="S6714">
        <v>1</v>
      </c>
      <c r="T6714" t="s">
        <v>661</v>
      </c>
      <c r="U6714">
        <v>8</v>
      </c>
      <c r="V6714">
        <v>3</v>
      </c>
      <c r="W6714">
        <v>180</v>
      </c>
      <c r="X6714">
        <v>2020</v>
      </c>
    </row>
    <row r="6715" spans="1:24" x14ac:dyDescent="0.25">
      <c r="A6715">
        <v>775</v>
      </c>
      <c r="B6715" t="s">
        <v>14</v>
      </c>
      <c r="C6715">
        <v>20</v>
      </c>
      <c r="D6715" t="s">
        <v>426</v>
      </c>
      <c r="E6715">
        <v>145</v>
      </c>
      <c r="F6715" t="s">
        <v>651</v>
      </c>
      <c r="G6715">
        <v>160</v>
      </c>
      <c r="H6715" t="s">
        <v>739</v>
      </c>
      <c r="I6715">
        <v>4413</v>
      </c>
      <c r="J6715" t="s">
        <v>699</v>
      </c>
      <c r="K6715">
        <v>10</v>
      </c>
      <c r="L6715" t="s">
        <v>3714</v>
      </c>
      <c r="M6715">
        <v>33</v>
      </c>
      <c r="N6715" t="s">
        <v>654</v>
      </c>
      <c r="O6715">
        <v>3</v>
      </c>
      <c r="P6715" t="s">
        <v>655</v>
      </c>
      <c r="Q6715">
        <v>1</v>
      </c>
      <c r="R6715" t="s">
        <v>669</v>
      </c>
      <c r="S6715">
        <v>1</v>
      </c>
      <c r="T6715" t="s">
        <v>661</v>
      </c>
      <c r="U6715">
        <v>8</v>
      </c>
      <c r="V6715">
        <v>3</v>
      </c>
      <c r="W6715">
        <v>180</v>
      </c>
      <c r="X6715">
        <v>2020</v>
      </c>
    </row>
    <row r="6716" spans="1:24" x14ac:dyDescent="0.25">
      <c r="A6716">
        <v>774</v>
      </c>
      <c r="B6716" t="s">
        <v>14</v>
      </c>
      <c r="C6716">
        <v>20</v>
      </c>
      <c r="D6716" t="s">
        <v>426</v>
      </c>
      <c r="E6716">
        <v>145</v>
      </c>
      <c r="F6716" t="s">
        <v>651</v>
      </c>
      <c r="G6716">
        <v>160</v>
      </c>
      <c r="H6716" t="s">
        <v>739</v>
      </c>
      <c r="I6716">
        <v>4413</v>
      </c>
      <c r="J6716" t="s">
        <v>699</v>
      </c>
      <c r="K6716">
        <v>10</v>
      </c>
      <c r="L6716" t="s">
        <v>3706</v>
      </c>
      <c r="M6716">
        <v>457</v>
      </c>
      <c r="N6716" t="s">
        <v>654</v>
      </c>
      <c r="O6716">
        <v>3</v>
      </c>
      <c r="P6716" t="s">
        <v>655</v>
      </c>
      <c r="Q6716">
        <v>1</v>
      </c>
      <c r="R6716" t="s">
        <v>669</v>
      </c>
      <c r="S6716">
        <v>1</v>
      </c>
      <c r="T6716" t="s">
        <v>1497</v>
      </c>
      <c r="U6716">
        <v>21</v>
      </c>
      <c r="V6716">
        <v>3</v>
      </c>
      <c r="W6716">
        <v>180</v>
      </c>
      <c r="X6716">
        <v>2020</v>
      </c>
    </row>
    <row r="6717" spans="1:24" x14ac:dyDescent="0.25">
      <c r="A6717">
        <v>773</v>
      </c>
      <c r="B6717" t="s">
        <v>14</v>
      </c>
      <c r="C6717">
        <v>20</v>
      </c>
      <c r="D6717" t="s">
        <v>426</v>
      </c>
      <c r="E6717">
        <v>145</v>
      </c>
      <c r="F6717" t="s">
        <v>651</v>
      </c>
      <c r="G6717">
        <v>160</v>
      </c>
      <c r="H6717" t="s">
        <v>739</v>
      </c>
      <c r="I6717">
        <v>4413</v>
      </c>
      <c r="J6717" t="s">
        <v>699</v>
      </c>
      <c r="K6717">
        <v>10</v>
      </c>
      <c r="L6717" t="s">
        <v>3998</v>
      </c>
      <c r="M6717">
        <v>456</v>
      </c>
      <c r="N6717" t="s">
        <v>654</v>
      </c>
      <c r="O6717">
        <v>3</v>
      </c>
      <c r="P6717" t="s">
        <v>655</v>
      </c>
      <c r="Q6717">
        <v>1</v>
      </c>
      <c r="R6717" t="s">
        <v>669</v>
      </c>
      <c r="S6717">
        <v>1</v>
      </c>
      <c r="T6717" t="s">
        <v>3884</v>
      </c>
      <c r="U6717">
        <v>29</v>
      </c>
      <c r="V6717">
        <v>3</v>
      </c>
      <c r="W6717">
        <v>180</v>
      </c>
      <c r="X6717">
        <v>2020</v>
      </c>
    </row>
    <row r="6718" spans="1:24" x14ac:dyDescent="0.25">
      <c r="A6718">
        <v>768</v>
      </c>
      <c r="B6718" t="s">
        <v>14</v>
      </c>
      <c r="C6718">
        <v>20</v>
      </c>
      <c r="D6718" t="s">
        <v>426</v>
      </c>
      <c r="E6718">
        <v>145</v>
      </c>
      <c r="F6718" t="s">
        <v>651</v>
      </c>
      <c r="G6718">
        <v>160</v>
      </c>
      <c r="H6718" t="s">
        <v>739</v>
      </c>
      <c r="I6718">
        <v>4413</v>
      </c>
      <c r="J6718" t="s">
        <v>699</v>
      </c>
      <c r="K6718">
        <v>10</v>
      </c>
      <c r="L6718" t="s">
        <v>3812</v>
      </c>
      <c r="M6718">
        <v>503</v>
      </c>
      <c r="N6718" t="s">
        <v>654</v>
      </c>
      <c r="O6718">
        <v>3</v>
      </c>
      <c r="P6718" t="s">
        <v>655</v>
      </c>
      <c r="Q6718">
        <v>1</v>
      </c>
      <c r="R6718" t="s">
        <v>669</v>
      </c>
      <c r="S6718">
        <v>1</v>
      </c>
      <c r="T6718" t="s">
        <v>1770</v>
      </c>
      <c r="U6718">
        <v>141</v>
      </c>
      <c r="V6718">
        <v>3</v>
      </c>
      <c r="W6718">
        <v>180</v>
      </c>
      <c r="X6718">
        <v>2020</v>
      </c>
    </row>
    <row r="6719" spans="1:24" x14ac:dyDescent="0.25">
      <c r="A6719">
        <v>767</v>
      </c>
      <c r="B6719" t="s">
        <v>14</v>
      </c>
      <c r="C6719">
        <v>20</v>
      </c>
      <c r="D6719" t="s">
        <v>426</v>
      </c>
      <c r="E6719">
        <v>145</v>
      </c>
      <c r="F6719" t="s">
        <v>651</v>
      </c>
      <c r="G6719">
        <v>160</v>
      </c>
      <c r="H6719" t="s">
        <v>739</v>
      </c>
      <c r="I6719">
        <v>4413</v>
      </c>
      <c r="J6719" t="s">
        <v>699</v>
      </c>
      <c r="K6719">
        <v>10</v>
      </c>
      <c r="L6719" t="s">
        <v>3814</v>
      </c>
      <c r="M6719">
        <v>504</v>
      </c>
      <c r="N6719" t="s">
        <v>654</v>
      </c>
      <c r="O6719">
        <v>3</v>
      </c>
      <c r="P6719" t="s">
        <v>655</v>
      </c>
      <c r="Q6719">
        <v>1</v>
      </c>
      <c r="R6719" t="s">
        <v>669</v>
      </c>
      <c r="S6719">
        <v>1</v>
      </c>
      <c r="T6719" t="s">
        <v>3999</v>
      </c>
      <c r="U6719">
        <v>268</v>
      </c>
      <c r="V6719">
        <v>3</v>
      </c>
      <c r="W6719">
        <v>180</v>
      </c>
      <c r="X6719">
        <v>2020</v>
      </c>
    </row>
    <row r="6720" spans="1:24" x14ac:dyDescent="0.25">
      <c r="A6720">
        <v>766</v>
      </c>
      <c r="B6720" t="s">
        <v>14</v>
      </c>
      <c r="C6720">
        <v>20</v>
      </c>
      <c r="D6720" t="s">
        <v>426</v>
      </c>
      <c r="E6720">
        <v>145</v>
      </c>
      <c r="F6720" t="s">
        <v>651</v>
      </c>
      <c r="G6720">
        <v>160</v>
      </c>
      <c r="H6720" t="s">
        <v>739</v>
      </c>
      <c r="I6720">
        <v>4413</v>
      </c>
      <c r="J6720" t="s">
        <v>699</v>
      </c>
      <c r="K6720">
        <v>10</v>
      </c>
      <c r="L6720" t="s">
        <v>3814</v>
      </c>
      <c r="M6720">
        <v>504</v>
      </c>
      <c r="N6720" t="s">
        <v>654</v>
      </c>
      <c r="O6720">
        <v>3</v>
      </c>
      <c r="P6720" t="s">
        <v>655</v>
      </c>
      <c r="Q6720">
        <v>1</v>
      </c>
      <c r="R6720" t="s">
        <v>669</v>
      </c>
      <c r="S6720">
        <v>1</v>
      </c>
      <c r="T6720" t="s">
        <v>1301</v>
      </c>
      <c r="U6720">
        <v>267</v>
      </c>
      <c r="V6720">
        <v>3</v>
      </c>
      <c r="W6720">
        <v>180</v>
      </c>
      <c r="X6720">
        <v>2020</v>
      </c>
    </row>
    <row r="6721" spans="1:24" x14ac:dyDescent="0.25">
      <c r="A6721">
        <v>765</v>
      </c>
      <c r="B6721" t="s">
        <v>14</v>
      </c>
      <c r="C6721">
        <v>20</v>
      </c>
      <c r="D6721" t="s">
        <v>426</v>
      </c>
      <c r="E6721">
        <v>145</v>
      </c>
      <c r="F6721" t="s">
        <v>651</v>
      </c>
      <c r="G6721">
        <v>160</v>
      </c>
      <c r="H6721" t="s">
        <v>739</v>
      </c>
      <c r="I6721">
        <v>4413</v>
      </c>
      <c r="J6721" t="s">
        <v>699</v>
      </c>
      <c r="K6721">
        <v>10</v>
      </c>
      <c r="L6721" t="s">
        <v>3998</v>
      </c>
      <c r="M6721">
        <v>456</v>
      </c>
      <c r="N6721" t="s">
        <v>654</v>
      </c>
      <c r="O6721">
        <v>3</v>
      </c>
      <c r="P6721" t="s">
        <v>655</v>
      </c>
      <c r="Q6721">
        <v>1</v>
      </c>
      <c r="R6721" t="s">
        <v>669</v>
      </c>
      <c r="S6721">
        <v>1</v>
      </c>
      <c r="T6721" t="s">
        <v>4000</v>
      </c>
      <c r="U6721">
        <v>266</v>
      </c>
      <c r="V6721">
        <v>3</v>
      </c>
      <c r="W6721">
        <v>180</v>
      </c>
      <c r="X6721">
        <v>2020</v>
      </c>
    </row>
    <row r="6722" spans="1:24" x14ac:dyDescent="0.25">
      <c r="A6722">
        <v>764</v>
      </c>
      <c r="B6722" t="s">
        <v>14</v>
      </c>
      <c r="C6722">
        <v>20</v>
      </c>
      <c r="D6722" t="s">
        <v>426</v>
      </c>
      <c r="E6722">
        <v>145</v>
      </c>
      <c r="F6722" t="s">
        <v>651</v>
      </c>
      <c r="G6722">
        <v>160</v>
      </c>
      <c r="H6722" t="s">
        <v>739</v>
      </c>
      <c r="I6722">
        <v>4413</v>
      </c>
      <c r="J6722" t="s">
        <v>699</v>
      </c>
      <c r="K6722">
        <v>10</v>
      </c>
      <c r="L6722" t="s">
        <v>3998</v>
      </c>
      <c r="M6722">
        <v>456</v>
      </c>
      <c r="N6722" t="s">
        <v>654</v>
      </c>
      <c r="O6722">
        <v>3</v>
      </c>
      <c r="P6722" t="s">
        <v>655</v>
      </c>
      <c r="Q6722">
        <v>1</v>
      </c>
      <c r="R6722" t="s">
        <v>669</v>
      </c>
      <c r="S6722">
        <v>1</v>
      </c>
      <c r="T6722" t="s">
        <v>4001</v>
      </c>
      <c r="U6722">
        <v>265</v>
      </c>
      <c r="V6722">
        <v>3</v>
      </c>
      <c r="W6722">
        <v>180</v>
      </c>
      <c r="X6722">
        <v>2020</v>
      </c>
    </row>
    <row r="6723" spans="1:24" x14ac:dyDescent="0.25">
      <c r="A6723">
        <v>763</v>
      </c>
      <c r="B6723" t="s">
        <v>14</v>
      </c>
      <c r="C6723">
        <v>20</v>
      </c>
      <c r="D6723" t="s">
        <v>426</v>
      </c>
      <c r="E6723">
        <v>145</v>
      </c>
      <c r="F6723" t="s">
        <v>651</v>
      </c>
      <c r="G6723">
        <v>160</v>
      </c>
      <c r="H6723" t="s">
        <v>739</v>
      </c>
      <c r="I6723">
        <v>4413</v>
      </c>
      <c r="J6723" t="s">
        <v>699</v>
      </c>
      <c r="K6723">
        <v>10</v>
      </c>
      <c r="L6723" t="s">
        <v>3711</v>
      </c>
      <c r="M6723">
        <v>343</v>
      </c>
      <c r="N6723" t="s">
        <v>654</v>
      </c>
      <c r="O6723">
        <v>3</v>
      </c>
      <c r="P6723" t="s">
        <v>655</v>
      </c>
      <c r="Q6723">
        <v>1</v>
      </c>
      <c r="R6723" t="s">
        <v>669</v>
      </c>
      <c r="S6723">
        <v>1</v>
      </c>
      <c r="T6723" t="s">
        <v>3827</v>
      </c>
      <c r="U6723">
        <v>17</v>
      </c>
      <c r="V6723">
        <v>3</v>
      </c>
      <c r="W6723">
        <v>180</v>
      </c>
      <c r="X6723">
        <v>2020</v>
      </c>
    </row>
    <row r="6724" spans="1:24" x14ac:dyDescent="0.25">
      <c r="A6724">
        <v>762</v>
      </c>
      <c r="B6724" t="s">
        <v>14</v>
      </c>
      <c r="C6724">
        <v>20</v>
      </c>
      <c r="D6724" t="s">
        <v>426</v>
      </c>
      <c r="E6724">
        <v>145</v>
      </c>
      <c r="F6724" t="s">
        <v>651</v>
      </c>
      <c r="G6724">
        <v>160</v>
      </c>
      <c r="H6724" t="s">
        <v>739</v>
      </c>
      <c r="I6724">
        <v>4413</v>
      </c>
      <c r="J6724" t="s">
        <v>699</v>
      </c>
      <c r="K6724">
        <v>10</v>
      </c>
      <c r="L6724" t="s">
        <v>1707</v>
      </c>
      <c r="M6724">
        <v>505</v>
      </c>
      <c r="N6724" t="s">
        <v>654</v>
      </c>
      <c r="O6724">
        <v>3</v>
      </c>
      <c r="P6724" t="s">
        <v>655</v>
      </c>
      <c r="Q6724">
        <v>1</v>
      </c>
      <c r="R6724" t="s">
        <v>669</v>
      </c>
      <c r="S6724">
        <v>1</v>
      </c>
      <c r="T6724" t="s">
        <v>661</v>
      </c>
      <c r="U6724">
        <v>8</v>
      </c>
      <c r="V6724">
        <v>3</v>
      </c>
      <c r="W6724">
        <v>180</v>
      </c>
      <c r="X6724">
        <v>2020</v>
      </c>
    </row>
    <row r="6725" spans="1:24" x14ac:dyDescent="0.25">
      <c r="A6725">
        <v>761</v>
      </c>
      <c r="B6725" t="s">
        <v>14</v>
      </c>
      <c r="C6725">
        <v>20</v>
      </c>
      <c r="D6725" t="s">
        <v>426</v>
      </c>
      <c r="E6725">
        <v>145</v>
      </c>
      <c r="F6725" t="s">
        <v>651</v>
      </c>
      <c r="G6725">
        <v>160</v>
      </c>
      <c r="H6725" t="s">
        <v>739</v>
      </c>
      <c r="I6725">
        <v>4413</v>
      </c>
      <c r="J6725" t="s">
        <v>699</v>
      </c>
      <c r="K6725">
        <v>10</v>
      </c>
      <c r="L6725" t="s">
        <v>3711</v>
      </c>
      <c r="M6725">
        <v>343</v>
      </c>
      <c r="N6725" t="s">
        <v>654</v>
      </c>
      <c r="O6725">
        <v>3</v>
      </c>
      <c r="P6725" t="s">
        <v>655</v>
      </c>
      <c r="Q6725">
        <v>1</v>
      </c>
      <c r="R6725" t="s">
        <v>669</v>
      </c>
      <c r="S6725">
        <v>1</v>
      </c>
      <c r="T6725" t="s">
        <v>1665</v>
      </c>
      <c r="U6725">
        <v>263</v>
      </c>
      <c r="V6725">
        <v>3</v>
      </c>
      <c r="W6725">
        <v>180</v>
      </c>
      <c r="X6725">
        <v>2020</v>
      </c>
    </row>
    <row r="6726" spans="1:24" x14ac:dyDescent="0.25">
      <c r="A6726">
        <v>758</v>
      </c>
      <c r="B6726" t="s">
        <v>14</v>
      </c>
      <c r="C6726">
        <v>20</v>
      </c>
      <c r="D6726" t="s">
        <v>11</v>
      </c>
      <c r="E6726">
        <v>144</v>
      </c>
      <c r="F6726" t="s">
        <v>651</v>
      </c>
      <c r="G6726">
        <v>160</v>
      </c>
      <c r="H6726" t="s">
        <v>739</v>
      </c>
      <c r="I6726">
        <v>4413</v>
      </c>
      <c r="J6726" t="s">
        <v>65</v>
      </c>
      <c r="K6726">
        <v>15</v>
      </c>
      <c r="L6726" t="s">
        <v>65</v>
      </c>
      <c r="M6726">
        <v>51</v>
      </c>
      <c r="N6726" t="s">
        <v>654</v>
      </c>
      <c r="O6726">
        <v>3</v>
      </c>
      <c r="P6726" t="s">
        <v>689</v>
      </c>
      <c r="Q6726">
        <v>4</v>
      </c>
      <c r="R6726" t="s">
        <v>669</v>
      </c>
      <c r="S6726">
        <v>1</v>
      </c>
      <c r="T6726" t="s">
        <v>661</v>
      </c>
      <c r="U6726">
        <v>8</v>
      </c>
      <c r="V6726">
        <v>4</v>
      </c>
      <c r="W6726">
        <v>240</v>
      </c>
      <c r="X6726">
        <v>2020</v>
      </c>
    </row>
    <row r="6727" spans="1:24" x14ac:dyDescent="0.25">
      <c r="A6727">
        <v>757</v>
      </c>
      <c r="B6727" t="s">
        <v>14</v>
      </c>
      <c r="C6727">
        <v>20</v>
      </c>
      <c r="D6727" t="s">
        <v>11</v>
      </c>
      <c r="E6727">
        <v>144</v>
      </c>
      <c r="F6727" t="s">
        <v>651</v>
      </c>
      <c r="G6727">
        <v>160</v>
      </c>
      <c r="H6727" t="s">
        <v>739</v>
      </c>
      <c r="I6727">
        <v>4413</v>
      </c>
      <c r="J6727" t="s">
        <v>65</v>
      </c>
      <c r="K6727">
        <v>15</v>
      </c>
      <c r="L6727" t="s">
        <v>65</v>
      </c>
      <c r="M6727">
        <v>51</v>
      </c>
      <c r="N6727" t="s">
        <v>654</v>
      </c>
      <c r="O6727">
        <v>3</v>
      </c>
      <c r="P6727" t="s">
        <v>655</v>
      </c>
      <c r="Q6727">
        <v>1</v>
      </c>
      <c r="R6727" t="s">
        <v>669</v>
      </c>
      <c r="S6727">
        <v>1</v>
      </c>
      <c r="T6727" t="s">
        <v>661</v>
      </c>
      <c r="U6727">
        <v>8</v>
      </c>
      <c r="V6727">
        <v>4</v>
      </c>
      <c r="W6727">
        <v>240</v>
      </c>
      <c r="X6727">
        <v>2020</v>
      </c>
    </row>
    <row r="6728" spans="1:24" x14ac:dyDescent="0.25">
      <c r="A6728">
        <v>756</v>
      </c>
      <c r="B6728" t="s">
        <v>14</v>
      </c>
      <c r="C6728">
        <v>20</v>
      </c>
      <c r="D6728" t="s">
        <v>557</v>
      </c>
      <c r="E6728">
        <v>143</v>
      </c>
      <c r="F6728" t="s">
        <v>651</v>
      </c>
      <c r="G6728">
        <v>160</v>
      </c>
      <c r="H6728" t="s">
        <v>739</v>
      </c>
      <c r="I6728">
        <v>4413</v>
      </c>
      <c r="J6728" t="s">
        <v>848</v>
      </c>
      <c r="K6728">
        <v>62</v>
      </c>
      <c r="L6728" t="s">
        <v>848</v>
      </c>
      <c r="M6728">
        <v>268</v>
      </c>
      <c r="N6728" t="s">
        <v>654</v>
      </c>
      <c r="O6728">
        <v>3</v>
      </c>
      <c r="P6728" t="s">
        <v>655</v>
      </c>
      <c r="Q6728">
        <v>1</v>
      </c>
      <c r="R6728" t="s">
        <v>669</v>
      </c>
      <c r="S6728">
        <v>1</v>
      </c>
      <c r="T6728" t="s">
        <v>661</v>
      </c>
      <c r="U6728">
        <v>8</v>
      </c>
      <c r="V6728">
        <v>4</v>
      </c>
      <c r="W6728">
        <v>240</v>
      </c>
      <c r="X6728">
        <v>2020</v>
      </c>
    </row>
    <row r="6729" spans="1:24" x14ac:dyDescent="0.25">
      <c r="A6729">
        <v>755</v>
      </c>
      <c r="B6729" t="s">
        <v>14</v>
      </c>
      <c r="C6729">
        <v>20</v>
      </c>
      <c r="D6729" t="s">
        <v>557</v>
      </c>
      <c r="E6729">
        <v>143</v>
      </c>
      <c r="F6729" t="s">
        <v>651</v>
      </c>
      <c r="G6729">
        <v>160</v>
      </c>
      <c r="H6729" t="s">
        <v>739</v>
      </c>
      <c r="I6729">
        <v>4413</v>
      </c>
      <c r="J6729" t="s">
        <v>848</v>
      </c>
      <c r="K6729">
        <v>62</v>
      </c>
      <c r="L6729" t="s">
        <v>3950</v>
      </c>
      <c r="M6729">
        <v>264</v>
      </c>
      <c r="N6729" t="s">
        <v>654</v>
      </c>
      <c r="O6729">
        <v>3</v>
      </c>
      <c r="P6729" t="s">
        <v>655</v>
      </c>
      <c r="Q6729">
        <v>1</v>
      </c>
      <c r="R6729" t="s">
        <v>669</v>
      </c>
      <c r="S6729">
        <v>1</v>
      </c>
      <c r="T6729" t="s">
        <v>661</v>
      </c>
      <c r="U6729">
        <v>8</v>
      </c>
      <c r="V6729">
        <v>4</v>
      </c>
      <c r="W6729">
        <v>240</v>
      </c>
      <c r="X6729">
        <v>2020</v>
      </c>
    </row>
    <row r="6730" spans="1:24" x14ac:dyDescent="0.25">
      <c r="A6730">
        <v>754</v>
      </c>
      <c r="B6730" t="s">
        <v>14</v>
      </c>
      <c r="C6730">
        <v>20</v>
      </c>
      <c r="D6730" t="s">
        <v>557</v>
      </c>
      <c r="E6730">
        <v>143</v>
      </c>
      <c r="F6730" t="s">
        <v>651</v>
      </c>
      <c r="G6730">
        <v>160</v>
      </c>
      <c r="H6730" t="s">
        <v>739</v>
      </c>
      <c r="I6730">
        <v>4413</v>
      </c>
      <c r="J6730" t="s">
        <v>736</v>
      </c>
      <c r="K6730">
        <v>8</v>
      </c>
      <c r="L6730" t="s">
        <v>736</v>
      </c>
      <c r="M6730">
        <v>27</v>
      </c>
      <c r="N6730" t="s">
        <v>654</v>
      </c>
      <c r="O6730">
        <v>3</v>
      </c>
      <c r="P6730" t="s">
        <v>655</v>
      </c>
      <c r="Q6730">
        <v>1</v>
      </c>
      <c r="R6730" t="s">
        <v>669</v>
      </c>
      <c r="S6730">
        <v>1</v>
      </c>
      <c r="T6730" t="s">
        <v>661</v>
      </c>
      <c r="U6730">
        <v>8</v>
      </c>
      <c r="V6730">
        <v>3</v>
      </c>
      <c r="W6730">
        <v>180</v>
      </c>
      <c r="X6730">
        <v>2020</v>
      </c>
    </row>
    <row r="6731" spans="1:24" x14ac:dyDescent="0.25">
      <c r="A6731">
        <v>751</v>
      </c>
      <c r="B6731" t="s">
        <v>14</v>
      </c>
      <c r="C6731">
        <v>20</v>
      </c>
      <c r="D6731" t="s">
        <v>386</v>
      </c>
      <c r="E6731">
        <v>142</v>
      </c>
      <c r="F6731" t="s">
        <v>651</v>
      </c>
      <c r="G6731">
        <v>160</v>
      </c>
      <c r="H6731" t="s">
        <v>739</v>
      </c>
      <c r="I6731">
        <v>4413</v>
      </c>
      <c r="J6731" t="s">
        <v>792</v>
      </c>
      <c r="K6731">
        <v>6</v>
      </c>
      <c r="L6731" t="s">
        <v>3778</v>
      </c>
      <c r="M6731">
        <v>20</v>
      </c>
      <c r="N6731" t="s">
        <v>654</v>
      </c>
      <c r="O6731">
        <v>3</v>
      </c>
      <c r="P6731" t="s">
        <v>655</v>
      </c>
      <c r="Q6731">
        <v>1</v>
      </c>
      <c r="R6731" t="s">
        <v>669</v>
      </c>
      <c r="S6731">
        <v>1</v>
      </c>
      <c r="T6731" t="s">
        <v>661</v>
      </c>
      <c r="U6731">
        <v>8</v>
      </c>
      <c r="V6731">
        <v>3</v>
      </c>
      <c r="W6731">
        <v>180</v>
      </c>
      <c r="X6731">
        <v>2020</v>
      </c>
    </row>
    <row r="6732" spans="1:24" x14ac:dyDescent="0.25">
      <c r="A6732">
        <v>750</v>
      </c>
      <c r="B6732" t="s">
        <v>14</v>
      </c>
      <c r="C6732">
        <v>20</v>
      </c>
      <c r="D6732" t="s">
        <v>386</v>
      </c>
      <c r="E6732">
        <v>142</v>
      </c>
      <c r="F6732" t="s">
        <v>651</v>
      </c>
      <c r="G6732">
        <v>160</v>
      </c>
      <c r="H6732" t="s">
        <v>739</v>
      </c>
      <c r="I6732">
        <v>4413</v>
      </c>
      <c r="J6732" t="s">
        <v>792</v>
      </c>
      <c r="K6732">
        <v>6</v>
      </c>
      <c r="L6732" t="s">
        <v>3965</v>
      </c>
      <c r="M6732">
        <v>19</v>
      </c>
      <c r="N6732" t="s">
        <v>654</v>
      </c>
      <c r="O6732">
        <v>3</v>
      </c>
      <c r="P6732" t="s">
        <v>655</v>
      </c>
      <c r="Q6732">
        <v>1</v>
      </c>
      <c r="R6732" t="s">
        <v>669</v>
      </c>
      <c r="S6732">
        <v>1</v>
      </c>
      <c r="T6732" t="s">
        <v>661</v>
      </c>
      <c r="U6732">
        <v>8</v>
      </c>
      <c r="V6732">
        <v>3</v>
      </c>
      <c r="W6732">
        <v>180</v>
      </c>
      <c r="X6732">
        <v>2020</v>
      </c>
    </row>
    <row r="6733" spans="1:24" x14ac:dyDescent="0.25">
      <c r="A6733">
        <v>749</v>
      </c>
      <c r="B6733" t="s">
        <v>14</v>
      </c>
      <c r="C6733">
        <v>20</v>
      </c>
      <c r="D6733" t="s">
        <v>386</v>
      </c>
      <c r="E6733">
        <v>142</v>
      </c>
      <c r="F6733" t="s">
        <v>651</v>
      </c>
      <c r="G6733">
        <v>160</v>
      </c>
      <c r="H6733" t="s">
        <v>739</v>
      </c>
      <c r="I6733">
        <v>4413</v>
      </c>
      <c r="J6733" t="s">
        <v>792</v>
      </c>
      <c r="K6733">
        <v>6</v>
      </c>
      <c r="L6733" t="s">
        <v>1093</v>
      </c>
      <c r="M6733">
        <v>18</v>
      </c>
      <c r="N6733" t="s">
        <v>654</v>
      </c>
      <c r="O6733">
        <v>3</v>
      </c>
      <c r="P6733" t="s">
        <v>655</v>
      </c>
      <c r="Q6733">
        <v>1</v>
      </c>
      <c r="R6733" t="s">
        <v>669</v>
      </c>
      <c r="S6733">
        <v>1</v>
      </c>
      <c r="T6733" t="s">
        <v>661</v>
      </c>
      <c r="U6733">
        <v>8</v>
      </c>
      <c r="V6733">
        <v>3</v>
      </c>
      <c r="W6733">
        <v>180</v>
      </c>
      <c r="X6733">
        <v>2020</v>
      </c>
    </row>
    <row r="6734" spans="1:24" x14ac:dyDescent="0.25">
      <c r="A6734">
        <v>748</v>
      </c>
      <c r="B6734" t="s">
        <v>14</v>
      </c>
      <c r="C6734">
        <v>20</v>
      </c>
      <c r="D6734" t="s">
        <v>386</v>
      </c>
      <c r="E6734">
        <v>142</v>
      </c>
      <c r="F6734" t="s">
        <v>651</v>
      </c>
      <c r="G6734">
        <v>160</v>
      </c>
      <c r="H6734" t="s">
        <v>1875</v>
      </c>
      <c r="I6734">
        <v>2551</v>
      </c>
      <c r="J6734" t="s">
        <v>792</v>
      </c>
      <c r="K6734">
        <v>6</v>
      </c>
      <c r="L6734" t="s">
        <v>1927</v>
      </c>
      <c r="M6734">
        <v>17</v>
      </c>
      <c r="N6734" t="s">
        <v>654</v>
      </c>
      <c r="O6734">
        <v>3</v>
      </c>
      <c r="P6734" t="s">
        <v>655</v>
      </c>
      <c r="Q6734">
        <v>1</v>
      </c>
      <c r="R6734" t="s">
        <v>669</v>
      </c>
      <c r="S6734">
        <v>1</v>
      </c>
      <c r="T6734" t="s">
        <v>661</v>
      </c>
      <c r="U6734">
        <v>8</v>
      </c>
      <c r="V6734">
        <v>3</v>
      </c>
      <c r="W6734">
        <v>180</v>
      </c>
      <c r="X6734">
        <v>2020</v>
      </c>
    </row>
    <row r="6735" spans="1:24" x14ac:dyDescent="0.25">
      <c r="A6735">
        <v>747</v>
      </c>
      <c r="B6735" t="s">
        <v>14</v>
      </c>
      <c r="C6735">
        <v>20</v>
      </c>
      <c r="D6735" t="s">
        <v>386</v>
      </c>
      <c r="E6735">
        <v>142</v>
      </c>
      <c r="F6735" t="s">
        <v>651</v>
      </c>
      <c r="G6735">
        <v>160</v>
      </c>
      <c r="H6735" t="s">
        <v>1269</v>
      </c>
      <c r="I6735">
        <v>10721</v>
      </c>
      <c r="J6735" t="s">
        <v>792</v>
      </c>
      <c r="K6735">
        <v>6</v>
      </c>
      <c r="L6735" t="s">
        <v>1927</v>
      </c>
      <c r="M6735">
        <v>17</v>
      </c>
      <c r="N6735" t="s">
        <v>654</v>
      </c>
      <c r="O6735">
        <v>3</v>
      </c>
      <c r="P6735" t="s">
        <v>655</v>
      </c>
      <c r="Q6735">
        <v>1</v>
      </c>
      <c r="R6735" t="s">
        <v>669</v>
      </c>
      <c r="S6735">
        <v>1</v>
      </c>
      <c r="T6735" t="s">
        <v>661</v>
      </c>
      <c r="U6735">
        <v>8</v>
      </c>
      <c r="V6735">
        <v>3</v>
      </c>
      <c r="W6735">
        <v>180</v>
      </c>
      <c r="X6735">
        <v>2020</v>
      </c>
    </row>
    <row r="6736" spans="1:24" x14ac:dyDescent="0.25">
      <c r="A6736">
        <v>746</v>
      </c>
      <c r="B6736" t="s">
        <v>14</v>
      </c>
      <c r="C6736">
        <v>20</v>
      </c>
      <c r="D6736" t="s">
        <v>386</v>
      </c>
      <c r="E6736">
        <v>142</v>
      </c>
      <c r="F6736" t="s">
        <v>651</v>
      </c>
      <c r="G6736">
        <v>160</v>
      </c>
      <c r="H6736" t="s">
        <v>3039</v>
      </c>
      <c r="I6736">
        <v>8167</v>
      </c>
      <c r="J6736" t="s">
        <v>792</v>
      </c>
      <c r="K6736">
        <v>6</v>
      </c>
      <c r="L6736" t="s">
        <v>1927</v>
      </c>
      <c r="M6736">
        <v>17</v>
      </c>
      <c r="N6736" t="s">
        <v>654</v>
      </c>
      <c r="O6736">
        <v>3</v>
      </c>
      <c r="P6736" t="s">
        <v>655</v>
      </c>
      <c r="Q6736">
        <v>1</v>
      </c>
      <c r="R6736" t="s">
        <v>669</v>
      </c>
      <c r="S6736">
        <v>1</v>
      </c>
      <c r="T6736" t="s">
        <v>661</v>
      </c>
      <c r="U6736">
        <v>8</v>
      </c>
      <c r="V6736">
        <v>3</v>
      </c>
      <c r="W6736">
        <v>180</v>
      </c>
      <c r="X6736">
        <v>2020</v>
      </c>
    </row>
    <row r="6737" spans="1:24" x14ac:dyDescent="0.25">
      <c r="A6737">
        <v>745</v>
      </c>
      <c r="B6737" t="s">
        <v>14</v>
      </c>
      <c r="C6737">
        <v>20</v>
      </c>
      <c r="D6737" t="s">
        <v>386</v>
      </c>
      <c r="E6737">
        <v>142</v>
      </c>
      <c r="F6737" t="s">
        <v>651</v>
      </c>
      <c r="G6737">
        <v>160</v>
      </c>
      <c r="H6737" t="s">
        <v>3043</v>
      </c>
      <c r="I6737">
        <v>4615</v>
      </c>
      <c r="J6737" t="s">
        <v>792</v>
      </c>
      <c r="K6737">
        <v>6</v>
      </c>
      <c r="L6737" t="s">
        <v>1927</v>
      </c>
      <c r="M6737">
        <v>17</v>
      </c>
      <c r="N6737" t="s">
        <v>654</v>
      </c>
      <c r="O6737">
        <v>3</v>
      </c>
      <c r="P6737" t="s">
        <v>655</v>
      </c>
      <c r="Q6737">
        <v>1</v>
      </c>
      <c r="R6737" t="s">
        <v>669</v>
      </c>
      <c r="S6737">
        <v>1</v>
      </c>
      <c r="T6737" t="s">
        <v>661</v>
      </c>
      <c r="U6737">
        <v>8</v>
      </c>
      <c r="V6737">
        <v>3</v>
      </c>
      <c r="W6737">
        <v>180</v>
      </c>
      <c r="X6737">
        <v>2020</v>
      </c>
    </row>
    <row r="6738" spans="1:24" x14ac:dyDescent="0.25">
      <c r="A6738">
        <v>744</v>
      </c>
      <c r="B6738" t="s">
        <v>14</v>
      </c>
      <c r="C6738">
        <v>20</v>
      </c>
      <c r="D6738" t="s">
        <v>386</v>
      </c>
      <c r="E6738">
        <v>142</v>
      </c>
      <c r="F6738" t="s">
        <v>651</v>
      </c>
      <c r="G6738">
        <v>160</v>
      </c>
      <c r="H6738" t="s">
        <v>739</v>
      </c>
      <c r="I6738">
        <v>4413</v>
      </c>
      <c r="J6738" t="s">
        <v>792</v>
      </c>
      <c r="K6738">
        <v>6</v>
      </c>
      <c r="L6738" t="s">
        <v>1927</v>
      </c>
      <c r="M6738">
        <v>17</v>
      </c>
      <c r="N6738" t="s">
        <v>654</v>
      </c>
      <c r="O6738">
        <v>3</v>
      </c>
      <c r="P6738" t="s">
        <v>689</v>
      </c>
      <c r="Q6738">
        <v>4</v>
      </c>
      <c r="R6738" t="s">
        <v>669</v>
      </c>
      <c r="S6738">
        <v>1</v>
      </c>
      <c r="T6738" t="s">
        <v>661</v>
      </c>
      <c r="U6738">
        <v>8</v>
      </c>
      <c r="V6738">
        <v>3</v>
      </c>
      <c r="W6738">
        <v>180</v>
      </c>
      <c r="X6738">
        <v>2020</v>
      </c>
    </row>
    <row r="6739" spans="1:24" x14ac:dyDescent="0.25">
      <c r="A6739">
        <v>743</v>
      </c>
      <c r="B6739" t="s">
        <v>14</v>
      </c>
      <c r="C6739">
        <v>20</v>
      </c>
      <c r="D6739" t="s">
        <v>386</v>
      </c>
      <c r="E6739">
        <v>142</v>
      </c>
      <c r="F6739" t="s">
        <v>651</v>
      </c>
      <c r="G6739">
        <v>160</v>
      </c>
      <c r="H6739" t="s">
        <v>739</v>
      </c>
      <c r="I6739">
        <v>4413</v>
      </c>
      <c r="J6739" t="s">
        <v>792</v>
      </c>
      <c r="K6739">
        <v>6</v>
      </c>
      <c r="L6739" t="s">
        <v>1927</v>
      </c>
      <c r="M6739">
        <v>17</v>
      </c>
      <c r="N6739" t="s">
        <v>654</v>
      </c>
      <c r="O6739">
        <v>3</v>
      </c>
      <c r="P6739" t="s">
        <v>655</v>
      </c>
      <c r="Q6739">
        <v>1</v>
      </c>
      <c r="R6739" t="s">
        <v>669</v>
      </c>
      <c r="S6739">
        <v>1</v>
      </c>
      <c r="T6739" t="s">
        <v>661</v>
      </c>
      <c r="U6739">
        <v>8</v>
      </c>
      <c r="V6739">
        <v>3</v>
      </c>
      <c r="W6739">
        <v>180</v>
      </c>
      <c r="X6739">
        <v>2020</v>
      </c>
    </row>
    <row r="6740" spans="1:24" x14ac:dyDescent="0.25">
      <c r="A6740">
        <v>742</v>
      </c>
      <c r="B6740" t="s">
        <v>14</v>
      </c>
      <c r="C6740">
        <v>20</v>
      </c>
      <c r="D6740" t="s">
        <v>386</v>
      </c>
      <c r="E6740">
        <v>142</v>
      </c>
      <c r="F6740" t="s">
        <v>651</v>
      </c>
      <c r="G6740">
        <v>160</v>
      </c>
      <c r="H6740" t="s">
        <v>739</v>
      </c>
      <c r="I6740">
        <v>4413</v>
      </c>
      <c r="J6740" t="s">
        <v>792</v>
      </c>
      <c r="K6740">
        <v>6</v>
      </c>
      <c r="L6740" t="s">
        <v>792</v>
      </c>
      <c r="M6740">
        <v>16</v>
      </c>
      <c r="N6740" t="s">
        <v>654</v>
      </c>
      <c r="O6740">
        <v>3</v>
      </c>
      <c r="P6740" t="s">
        <v>655</v>
      </c>
      <c r="Q6740">
        <v>1</v>
      </c>
      <c r="R6740" t="s">
        <v>669</v>
      </c>
      <c r="S6740">
        <v>1</v>
      </c>
      <c r="T6740" t="s">
        <v>661</v>
      </c>
      <c r="U6740">
        <v>8</v>
      </c>
      <c r="V6740">
        <v>3</v>
      </c>
      <c r="W6740">
        <v>180</v>
      </c>
      <c r="X6740">
        <v>2020</v>
      </c>
    </row>
    <row r="6741" spans="1:24" x14ac:dyDescent="0.25">
      <c r="A6741">
        <v>741</v>
      </c>
      <c r="B6741" t="s">
        <v>14</v>
      </c>
      <c r="C6741">
        <v>20</v>
      </c>
      <c r="D6741" t="s">
        <v>558</v>
      </c>
      <c r="E6741">
        <v>141</v>
      </c>
      <c r="F6741" t="s">
        <v>651</v>
      </c>
      <c r="G6741">
        <v>160</v>
      </c>
      <c r="H6741" t="s">
        <v>739</v>
      </c>
      <c r="I6741">
        <v>4413</v>
      </c>
      <c r="J6741" t="s">
        <v>705</v>
      </c>
      <c r="K6741">
        <v>70</v>
      </c>
      <c r="L6741" t="s">
        <v>4002</v>
      </c>
      <c r="M6741">
        <v>303</v>
      </c>
      <c r="N6741" t="s">
        <v>654</v>
      </c>
      <c r="O6741">
        <v>3</v>
      </c>
      <c r="P6741" t="s">
        <v>655</v>
      </c>
      <c r="Q6741">
        <v>1</v>
      </c>
      <c r="R6741" t="s">
        <v>669</v>
      </c>
      <c r="S6741">
        <v>1</v>
      </c>
      <c r="T6741" t="s">
        <v>661</v>
      </c>
      <c r="U6741">
        <v>8</v>
      </c>
      <c r="V6741">
        <v>4</v>
      </c>
      <c r="W6741">
        <v>240</v>
      </c>
      <c r="X6741">
        <v>2020</v>
      </c>
    </row>
    <row r="6742" spans="1:24" x14ac:dyDescent="0.25">
      <c r="A6742">
        <v>740</v>
      </c>
      <c r="B6742" t="s">
        <v>14</v>
      </c>
      <c r="C6742">
        <v>20</v>
      </c>
      <c r="D6742" t="s">
        <v>558</v>
      </c>
      <c r="E6742">
        <v>141</v>
      </c>
      <c r="F6742" t="s">
        <v>651</v>
      </c>
      <c r="G6742">
        <v>160</v>
      </c>
      <c r="H6742" t="s">
        <v>739</v>
      </c>
      <c r="I6742">
        <v>4413</v>
      </c>
      <c r="J6742" t="s">
        <v>1738</v>
      </c>
      <c r="K6742">
        <v>55</v>
      </c>
      <c r="L6742" t="s">
        <v>1738</v>
      </c>
      <c r="M6742">
        <v>217</v>
      </c>
      <c r="N6742" t="s">
        <v>654</v>
      </c>
      <c r="O6742">
        <v>3</v>
      </c>
      <c r="P6742" t="s">
        <v>655</v>
      </c>
      <c r="Q6742">
        <v>1</v>
      </c>
      <c r="R6742" t="s">
        <v>669</v>
      </c>
      <c r="S6742">
        <v>1</v>
      </c>
      <c r="T6742" t="s">
        <v>661</v>
      </c>
      <c r="U6742">
        <v>8</v>
      </c>
      <c r="V6742">
        <v>4</v>
      </c>
      <c r="W6742">
        <v>240</v>
      </c>
      <c r="X6742">
        <v>2020</v>
      </c>
    </row>
    <row r="6743" spans="1:24" x14ac:dyDescent="0.25">
      <c r="A6743">
        <v>739</v>
      </c>
      <c r="B6743" t="s">
        <v>14</v>
      </c>
      <c r="C6743">
        <v>20</v>
      </c>
      <c r="D6743" t="s">
        <v>558</v>
      </c>
      <c r="E6743">
        <v>141</v>
      </c>
      <c r="F6743" t="s">
        <v>651</v>
      </c>
      <c r="G6743">
        <v>160</v>
      </c>
      <c r="H6743" t="s">
        <v>739</v>
      </c>
      <c r="I6743">
        <v>4413</v>
      </c>
      <c r="J6743" t="s">
        <v>736</v>
      </c>
      <c r="K6743">
        <v>8</v>
      </c>
      <c r="L6743" t="s">
        <v>737</v>
      </c>
      <c r="M6743">
        <v>24</v>
      </c>
      <c r="N6743" t="s">
        <v>654</v>
      </c>
      <c r="O6743">
        <v>3</v>
      </c>
      <c r="P6743" t="s">
        <v>655</v>
      </c>
      <c r="Q6743">
        <v>1</v>
      </c>
      <c r="R6743" t="s">
        <v>669</v>
      </c>
      <c r="S6743">
        <v>1</v>
      </c>
      <c r="T6743" t="s">
        <v>657</v>
      </c>
      <c r="U6743">
        <v>7</v>
      </c>
      <c r="V6743">
        <v>3</v>
      </c>
      <c r="W6743">
        <v>180</v>
      </c>
      <c r="X6743">
        <v>2020</v>
      </c>
    </row>
    <row r="6744" spans="1:24" x14ac:dyDescent="0.25">
      <c r="A6744">
        <v>738</v>
      </c>
      <c r="B6744" t="s">
        <v>14</v>
      </c>
      <c r="C6744">
        <v>20</v>
      </c>
      <c r="D6744" t="s">
        <v>558</v>
      </c>
      <c r="E6744">
        <v>141</v>
      </c>
      <c r="F6744" t="s">
        <v>651</v>
      </c>
      <c r="G6744">
        <v>160</v>
      </c>
      <c r="H6744" t="s">
        <v>739</v>
      </c>
      <c r="I6744">
        <v>4413</v>
      </c>
      <c r="J6744" t="s">
        <v>736</v>
      </c>
      <c r="K6744">
        <v>8</v>
      </c>
      <c r="L6744" t="s">
        <v>737</v>
      </c>
      <c r="M6744">
        <v>24</v>
      </c>
      <c r="N6744" t="s">
        <v>654</v>
      </c>
      <c r="O6744">
        <v>3</v>
      </c>
      <c r="P6744" t="s">
        <v>655</v>
      </c>
      <c r="Q6744">
        <v>1</v>
      </c>
      <c r="R6744" t="s">
        <v>669</v>
      </c>
      <c r="S6744">
        <v>1</v>
      </c>
      <c r="T6744" t="s">
        <v>729</v>
      </c>
      <c r="U6744">
        <v>4</v>
      </c>
      <c r="V6744">
        <v>3</v>
      </c>
      <c r="W6744">
        <v>180</v>
      </c>
      <c r="X6744">
        <v>2020</v>
      </c>
    </row>
    <row r="6745" spans="1:24" x14ac:dyDescent="0.25">
      <c r="A6745">
        <v>736</v>
      </c>
      <c r="B6745" t="s">
        <v>14</v>
      </c>
      <c r="C6745">
        <v>20</v>
      </c>
      <c r="D6745" t="s">
        <v>558</v>
      </c>
      <c r="E6745">
        <v>141</v>
      </c>
      <c r="F6745" t="s">
        <v>651</v>
      </c>
      <c r="G6745">
        <v>160</v>
      </c>
      <c r="H6745" t="s">
        <v>739</v>
      </c>
      <c r="I6745">
        <v>4413</v>
      </c>
      <c r="J6745" t="s">
        <v>896</v>
      </c>
      <c r="K6745">
        <v>7</v>
      </c>
      <c r="L6745" t="s">
        <v>896</v>
      </c>
      <c r="M6745">
        <v>21</v>
      </c>
      <c r="N6745" t="s">
        <v>654</v>
      </c>
      <c r="O6745">
        <v>3</v>
      </c>
      <c r="P6745" t="s">
        <v>655</v>
      </c>
      <c r="Q6745">
        <v>1</v>
      </c>
      <c r="R6745" t="s">
        <v>669</v>
      </c>
      <c r="S6745">
        <v>1</v>
      </c>
      <c r="T6745" t="s">
        <v>661</v>
      </c>
      <c r="U6745">
        <v>8</v>
      </c>
      <c r="V6745">
        <v>3</v>
      </c>
      <c r="W6745">
        <v>180</v>
      </c>
      <c r="X6745">
        <v>2020</v>
      </c>
    </row>
    <row r="6746" spans="1:24" x14ac:dyDescent="0.25">
      <c r="A6746">
        <v>735</v>
      </c>
      <c r="B6746" t="s">
        <v>14</v>
      </c>
      <c r="C6746">
        <v>20</v>
      </c>
      <c r="D6746" t="s">
        <v>558</v>
      </c>
      <c r="E6746">
        <v>141</v>
      </c>
      <c r="F6746" t="s">
        <v>651</v>
      </c>
      <c r="G6746">
        <v>160</v>
      </c>
      <c r="H6746" t="s">
        <v>739</v>
      </c>
      <c r="I6746">
        <v>4413</v>
      </c>
      <c r="J6746" t="s">
        <v>3923</v>
      </c>
      <c r="K6746">
        <v>75</v>
      </c>
      <c r="L6746" t="s">
        <v>3924</v>
      </c>
      <c r="M6746">
        <v>15</v>
      </c>
      <c r="N6746" t="s">
        <v>654</v>
      </c>
      <c r="O6746">
        <v>3</v>
      </c>
      <c r="P6746" t="s">
        <v>655</v>
      </c>
      <c r="Q6746">
        <v>1</v>
      </c>
      <c r="R6746" t="s">
        <v>669</v>
      </c>
      <c r="S6746">
        <v>1</v>
      </c>
      <c r="T6746" t="s">
        <v>661</v>
      </c>
      <c r="U6746">
        <v>8</v>
      </c>
      <c r="V6746">
        <v>3</v>
      </c>
      <c r="W6746">
        <v>180</v>
      </c>
      <c r="X6746">
        <v>2020</v>
      </c>
    </row>
    <row r="6747" spans="1:24" x14ac:dyDescent="0.25">
      <c r="A6747">
        <v>734</v>
      </c>
      <c r="B6747" t="s">
        <v>14</v>
      </c>
      <c r="C6747">
        <v>20</v>
      </c>
      <c r="D6747" t="s">
        <v>558</v>
      </c>
      <c r="E6747">
        <v>141</v>
      </c>
      <c r="F6747" t="s">
        <v>651</v>
      </c>
      <c r="G6747">
        <v>160</v>
      </c>
      <c r="H6747" t="s">
        <v>739</v>
      </c>
      <c r="I6747">
        <v>4413</v>
      </c>
      <c r="J6747" t="s">
        <v>831</v>
      </c>
      <c r="K6747">
        <v>5</v>
      </c>
      <c r="L6747" t="s">
        <v>831</v>
      </c>
      <c r="M6747">
        <v>14</v>
      </c>
      <c r="N6747" t="s">
        <v>654</v>
      </c>
      <c r="O6747">
        <v>3</v>
      </c>
      <c r="P6747" t="s">
        <v>655</v>
      </c>
      <c r="Q6747">
        <v>1</v>
      </c>
      <c r="R6747" t="s">
        <v>669</v>
      </c>
      <c r="S6747">
        <v>1</v>
      </c>
      <c r="T6747" t="s">
        <v>661</v>
      </c>
      <c r="U6747">
        <v>8</v>
      </c>
      <c r="V6747">
        <v>3</v>
      </c>
      <c r="W6747">
        <v>180</v>
      </c>
      <c r="X6747">
        <v>2020</v>
      </c>
    </row>
    <row r="6748" spans="1:24" x14ac:dyDescent="0.25">
      <c r="A6748">
        <v>731</v>
      </c>
      <c r="B6748" t="s">
        <v>14</v>
      </c>
      <c r="C6748">
        <v>20</v>
      </c>
      <c r="D6748" t="s">
        <v>559</v>
      </c>
      <c r="E6748">
        <v>140</v>
      </c>
      <c r="F6748" t="s">
        <v>651</v>
      </c>
      <c r="G6748">
        <v>160</v>
      </c>
      <c r="H6748" t="s">
        <v>739</v>
      </c>
      <c r="I6748">
        <v>4413</v>
      </c>
      <c r="J6748" t="s">
        <v>742</v>
      </c>
      <c r="K6748">
        <v>48</v>
      </c>
      <c r="L6748" t="s">
        <v>3978</v>
      </c>
      <c r="M6748">
        <v>177</v>
      </c>
      <c r="N6748" t="s">
        <v>654</v>
      </c>
      <c r="O6748">
        <v>3</v>
      </c>
      <c r="P6748" t="s">
        <v>655</v>
      </c>
      <c r="Q6748">
        <v>1</v>
      </c>
      <c r="R6748" t="s">
        <v>669</v>
      </c>
      <c r="S6748">
        <v>1</v>
      </c>
      <c r="T6748" t="s">
        <v>661</v>
      </c>
      <c r="U6748">
        <v>8</v>
      </c>
      <c r="V6748">
        <v>4</v>
      </c>
      <c r="W6748">
        <v>240</v>
      </c>
      <c r="X6748">
        <v>2020</v>
      </c>
    </row>
    <row r="6749" spans="1:24" x14ac:dyDescent="0.25">
      <c r="A6749">
        <v>730</v>
      </c>
      <c r="B6749" t="s">
        <v>14</v>
      </c>
      <c r="C6749">
        <v>20</v>
      </c>
      <c r="D6749" t="s">
        <v>559</v>
      </c>
      <c r="E6749">
        <v>140</v>
      </c>
      <c r="F6749" t="s">
        <v>651</v>
      </c>
      <c r="G6749">
        <v>160</v>
      </c>
      <c r="H6749" t="s">
        <v>739</v>
      </c>
      <c r="I6749">
        <v>4413</v>
      </c>
      <c r="J6749" t="s">
        <v>742</v>
      </c>
      <c r="K6749">
        <v>48</v>
      </c>
      <c r="L6749" t="s">
        <v>3980</v>
      </c>
      <c r="M6749">
        <v>173</v>
      </c>
      <c r="N6749" t="s">
        <v>654</v>
      </c>
      <c r="O6749">
        <v>3</v>
      </c>
      <c r="P6749" t="s">
        <v>655</v>
      </c>
      <c r="Q6749">
        <v>1</v>
      </c>
      <c r="R6749" t="s">
        <v>669</v>
      </c>
      <c r="S6749">
        <v>1</v>
      </c>
      <c r="T6749" t="s">
        <v>661</v>
      </c>
      <c r="U6749">
        <v>8</v>
      </c>
      <c r="V6749">
        <v>4</v>
      </c>
      <c r="W6749">
        <v>240</v>
      </c>
      <c r="X6749">
        <v>2020</v>
      </c>
    </row>
    <row r="6750" spans="1:24" x14ac:dyDescent="0.25">
      <c r="A6750">
        <v>729</v>
      </c>
      <c r="B6750" t="s">
        <v>14</v>
      </c>
      <c r="C6750">
        <v>20</v>
      </c>
      <c r="D6750" t="s">
        <v>559</v>
      </c>
      <c r="E6750">
        <v>140</v>
      </c>
      <c r="F6750" t="s">
        <v>651</v>
      </c>
      <c r="G6750">
        <v>160</v>
      </c>
      <c r="H6750" t="s">
        <v>739</v>
      </c>
      <c r="I6750">
        <v>4413</v>
      </c>
      <c r="J6750" t="s">
        <v>742</v>
      </c>
      <c r="K6750">
        <v>48</v>
      </c>
      <c r="L6750" t="s">
        <v>3785</v>
      </c>
      <c r="M6750">
        <v>170</v>
      </c>
      <c r="N6750" t="s">
        <v>654</v>
      </c>
      <c r="O6750">
        <v>3</v>
      </c>
      <c r="P6750" t="s">
        <v>655</v>
      </c>
      <c r="Q6750">
        <v>1</v>
      </c>
      <c r="R6750" t="s">
        <v>669</v>
      </c>
      <c r="S6750">
        <v>1</v>
      </c>
      <c r="T6750" t="s">
        <v>661</v>
      </c>
      <c r="U6750">
        <v>8</v>
      </c>
      <c r="V6750">
        <v>4</v>
      </c>
      <c r="W6750">
        <v>240</v>
      </c>
      <c r="X6750">
        <v>2020</v>
      </c>
    </row>
    <row r="6751" spans="1:24" x14ac:dyDescent="0.25">
      <c r="A6751">
        <v>727</v>
      </c>
      <c r="B6751" t="s">
        <v>14</v>
      </c>
      <c r="C6751">
        <v>20</v>
      </c>
      <c r="D6751" t="s">
        <v>559</v>
      </c>
      <c r="E6751">
        <v>140</v>
      </c>
      <c r="F6751" t="s">
        <v>651</v>
      </c>
      <c r="G6751">
        <v>160</v>
      </c>
      <c r="H6751" t="s">
        <v>739</v>
      </c>
      <c r="I6751">
        <v>4413</v>
      </c>
      <c r="J6751" t="s">
        <v>742</v>
      </c>
      <c r="K6751">
        <v>48</v>
      </c>
      <c r="L6751" t="s">
        <v>4003</v>
      </c>
      <c r="M6751">
        <v>168</v>
      </c>
      <c r="N6751" t="s">
        <v>654</v>
      </c>
      <c r="O6751">
        <v>3</v>
      </c>
      <c r="P6751" t="s">
        <v>655</v>
      </c>
      <c r="Q6751">
        <v>1</v>
      </c>
      <c r="R6751" t="s">
        <v>669</v>
      </c>
      <c r="S6751">
        <v>1</v>
      </c>
      <c r="T6751" t="s">
        <v>661</v>
      </c>
      <c r="U6751">
        <v>8</v>
      </c>
      <c r="V6751">
        <v>4</v>
      </c>
      <c r="W6751">
        <v>240</v>
      </c>
      <c r="X6751">
        <v>2020</v>
      </c>
    </row>
    <row r="6752" spans="1:24" x14ac:dyDescent="0.25">
      <c r="A6752">
        <v>726</v>
      </c>
      <c r="B6752" t="s">
        <v>14</v>
      </c>
      <c r="C6752">
        <v>20</v>
      </c>
      <c r="D6752" t="s">
        <v>559</v>
      </c>
      <c r="E6752">
        <v>140</v>
      </c>
      <c r="F6752" t="s">
        <v>651</v>
      </c>
      <c r="G6752">
        <v>160</v>
      </c>
      <c r="H6752" t="s">
        <v>739</v>
      </c>
      <c r="I6752">
        <v>4413</v>
      </c>
      <c r="J6752" t="s">
        <v>742</v>
      </c>
      <c r="K6752">
        <v>48</v>
      </c>
      <c r="L6752" t="s">
        <v>3934</v>
      </c>
      <c r="M6752">
        <v>167</v>
      </c>
      <c r="N6752" t="s">
        <v>654</v>
      </c>
      <c r="O6752">
        <v>3</v>
      </c>
      <c r="P6752" t="s">
        <v>655</v>
      </c>
      <c r="Q6752">
        <v>1</v>
      </c>
      <c r="R6752" t="s">
        <v>669</v>
      </c>
      <c r="S6752">
        <v>1</v>
      </c>
      <c r="T6752" t="s">
        <v>657</v>
      </c>
      <c r="U6752">
        <v>7</v>
      </c>
      <c r="V6752">
        <v>4</v>
      </c>
      <c r="W6752">
        <v>240</v>
      </c>
      <c r="X6752">
        <v>2020</v>
      </c>
    </row>
    <row r="6753" spans="1:24" x14ac:dyDescent="0.25">
      <c r="A6753">
        <v>724</v>
      </c>
      <c r="B6753" t="s">
        <v>14</v>
      </c>
      <c r="C6753">
        <v>20</v>
      </c>
      <c r="D6753" t="s">
        <v>559</v>
      </c>
      <c r="E6753">
        <v>140</v>
      </c>
      <c r="F6753" t="s">
        <v>651</v>
      </c>
      <c r="G6753">
        <v>160</v>
      </c>
      <c r="H6753" t="s">
        <v>739</v>
      </c>
      <c r="I6753">
        <v>4413</v>
      </c>
      <c r="J6753" t="s">
        <v>742</v>
      </c>
      <c r="K6753">
        <v>48</v>
      </c>
      <c r="L6753" t="s">
        <v>3934</v>
      </c>
      <c r="M6753">
        <v>167</v>
      </c>
      <c r="N6753" t="s">
        <v>654</v>
      </c>
      <c r="O6753">
        <v>3</v>
      </c>
      <c r="P6753" t="s">
        <v>655</v>
      </c>
      <c r="Q6753">
        <v>1</v>
      </c>
      <c r="R6753" t="s">
        <v>669</v>
      </c>
      <c r="S6753">
        <v>1</v>
      </c>
      <c r="T6753" t="s">
        <v>661</v>
      </c>
      <c r="U6753">
        <v>8</v>
      </c>
      <c r="V6753">
        <v>4</v>
      </c>
      <c r="W6753">
        <v>240</v>
      </c>
      <c r="X6753">
        <v>2020</v>
      </c>
    </row>
    <row r="6754" spans="1:24" x14ac:dyDescent="0.25">
      <c r="A6754">
        <v>723</v>
      </c>
      <c r="B6754" t="s">
        <v>14</v>
      </c>
      <c r="C6754">
        <v>20</v>
      </c>
      <c r="D6754" t="s">
        <v>559</v>
      </c>
      <c r="E6754">
        <v>140</v>
      </c>
      <c r="F6754" t="s">
        <v>651</v>
      </c>
      <c r="G6754">
        <v>160</v>
      </c>
      <c r="H6754" t="s">
        <v>739</v>
      </c>
      <c r="I6754">
        <v>4413</v>
      </c>
      <c r="J6754" t="s">
        <v>742</v>
      </c>
      <c r="K6754">
        <v>48</v>
      </c>
      <c r="L6754" t="s">
        <v>3935</v>
      </c>
      <c r="M6754">
        <v>166</v>
      </c>
      <c r="N6754" t="s">
        <v>654</v>
      </c>
      <c r="O6754">
        <v>3</v>
      </c>
      <c r="P6754" t="s">
        <v>655</v>
      </c>
      <c r="Q6754">
        <v>1</v>
      </c>
      <c r="R6754" t="s">
        <v>669</v>
      </c>
      <c r="S6754">
        <v>1</v>
      </c>
      <c r="T6754" t="s">
        <v>661</v>
      </c>
      <c r="U6754">
        <v>8</v>
      </c>
      <c r="V6754">
        <v>4</v>
      </c>
      <c r="W6754">
        <v>240</v>
      </c>
      <c r="X6754">
        <v>2020</v>
      </c>
    </row>
    <row r="6755" spans="1:24" x14ac:dyDescent="0.25">
      <c r="A6755">
        <v>721</v>
      </c>
      <c r="B6755" t="s">
        <v>14</v>
      </c>
      <c r="C6755">
        <v>20</v>
      </c>
      <c r="D6755" t="s">
        <v>559</v>
      </c>
      <c r="E6755">
        <v>140</v>
      </c>
      <c r="F6755" t="s">
        <v>651</v>
      </c>
      <c r="G6755">
        <v>160</v>
      </c>
      <c r="H6755" t="s">
        <v>739</v>
      </c>
      <c r="I6755">
        <v>4413</v>
      </c>
      <c r="J6755" t="s">
        <v>897</v>
      </c>
      <c r="K6755">
        <v>3</v>
      </c>
      <c r="L6755" t="s">
        <v>897</v>
      </c>
      <c r="M6755">
        <v>8</v>
      </c>
      <c r="N6755" t="s">
        <v>654</v>
      </c>
      <c r="O6755">
        <v>3</v>
      </c>
      <c r="P6755" t="s">
        <v>655</v>
      </c>
      <c r="Q6755">
        <v>1</v>
      </c>
      <c r="R6755" t="s">
        <v>669</v>
      </c>
      <c r="S6755">
        <v>1</v>
      </c>
      <c r="T6755" t="s">
        <v>661</v>
      </c>
      <c r="U6755">
        <v>8</v>
      </c>
      <c r="V6755">
        <v>3</v>
      </c>
      <c r="W6755">
        <v>180</v>
      </c>
      <c r="X6755">
        <v>2020</v>
      </c>
    </row>
    <row r="6756" spans="1:24" x14ac:dyDescent="0.25">
      <c r="A6756">
        <v>720</v>
      </c>
      <c r="B6756" t="s">
        <v>14</v>
      </c>
      <c r="C6756">
        <v>20</v>
      </c>
      <c r="D6756" t="s">
        <v>457</v>
      </c>
      <c r="E6756">
        <v>139</v>
      </c>
      <c r="F6756" t="s">
        <v>651</v>
      </c>
      <c r="G6756">
        <v>160</v>
      </c>
      <c r="H6756" t="s">
        <v>739</v>
      </c>
      <c r="I6756">
        <v>4413</v>
      </c>
      <c r="J6756" t="s">
        <v>705</v>
      </c>
      <c r="K6756">
        <v>70</v>
      </c>
      <c r="L6756" t="s">
        <v>3794</v>
      </c>
      <c r="M6756">
        <v>309</v>
      </c>
      <c r="N6756" t="s">
        <v>654</v>
      </c>
      <c r="O6756">
        <v>3</v>
      </c>
      <c r="P6756" t="s">
        <v>655</v>
      </c>
      <c r="Q6756">
        <v>1</v>
      </c>
      <c r="R6756" t="s">
        <v>669</v>
      </c>
      <c r="S6756">
        <v>1</v>
      </c>
      <c r="T6756" t="s">
        <v>657</v>
      </c>
      <c r="U6756">
        <v>7</v>
      </c>
      <c r="V6756">
        <v>4</v>
      </c>
      <c r="W6756">
        <v>240</v>
      </c>
      <c r="X6756">
        <v>2020</v>
      </c>
    </row>
    <row r="6757" spans="1:24" x14ac:dyDescent="0.25">
      <c r="A6757">
        <v>719</v>
      </c>
      <c r="B6757" t="s">
        <v>14</v>
      </c>
      <c r="C6757">
        <v>20</v>
      </c>
      <c r="D6757" t="s">
        <v>457</v>
      </c>
      <c r="E6757">
        <v>139</v>
      </c>
      <c r="F6757" t="s">
        <v>651</v>
      </c>
      <c r="G6757">
        <v>160</v>
      </c>
      <c r="H6757" t="s">
        <v>739</v>
      </c>
      <c r="I6757">
        <v>4413</v>
      </c>
      <c r="J6757" t="s">
        <v>705</v>
      </c>
      <c r="K6757">
        <v>70</v>
      </c>
      <c r="L6757" t="s">
        <v>3794</v>
      </c>
      <c r="M6757">
        <v>309</v>
      </c>
      <c r="N6757" t="s">
        <v>654</v>
      </c>
      <c r="O6757">
        <v>3</v>
      </c>
      <c r="P6757" t="s">
        <v>655</v>
      </c>
      <c r="Q6757">
        <v>1</v>
      </c>
      <c r="R6757" t="s">
        <v>669</v>
      </c>
      <c r="S6757">
        <v>1</v>
      </c>
      <c r="T6757" t="s">
        <v>661</v>
      </c>
      <c r="U6757">
        <v>8</v>
      </c>
      <c r="V6757">
        <v>4</v>
      </c>
      <c r="W6757">
        <v>240</v>
      </c>
      <c r="X6757">
        <v>2020</v>
      </c>
    </row>
    <row r="6758" spans="1:24" x14ac:dyDescent="0.25">
      <c r="A6758">
        <v>716</v>
      </c>
      <c r="B6758" t="s">
        <v>14</v>
      </c>
      <c r="C6758">
        <v>20</v>
      </c>
      <c r="D6758" t="s">
        <v>457</v>
      </c>
      <c r="E6758">
        <v>139</v>
      </c>
      <c r="F6758" t="s">
        <v>651</v>
      </c>
      <c r="G6758">
        <v>160</v>
      </c>
      <c r="H6758" t="s">
        <v>739</v>
      </c>
      <c r="I6758">
        <v>4413</v>
      </c>
      <c r="J6758" t="s">
        <v>726</v>
      </c>
      <c r="K6758">
        <v>2</v>
      </c>
      <c r="L6758" t="s">
        <v>1258</v>
      </c>
      <c r="M6758">
        <v>7</v>
      </c>
      <c r="N6758" t="s">
        <v>654</v>
      </c>
      <c r="O6758">
        <v>3</v>
      </c>
      <c r="P6758" t="s">
        <v>655</v>
      </c>
      <c r="Q6758">
        <v>1</v>
      </c>
      <c r="R6758" t="s">
        <v>669</v>
      </c>
      <c r="S6758">
        <v>1</v>
      </c>
      <c r="T6758" t="s">
        <v>657</v>
      </c>
      <c r="U6758">
        <v>7</v>
      </c>
      <c r="V6758">
        <v>3</v>
      </c>
      <c r="W6758">
        <v>180</v>
      </c>
      <c r="X6758">
        <v>2020</v>
      </c>
    </row>
    <row r="6759" spans="1:24" x14ac:dyDescent="0.25">
      <c r="A6759">
        <v>715</v>
      </c>
      <c r="B6759" t="s">
        <v>14</v>
      </c>
      <c r="C6759">
        <v>20</v>
      </c>
      <c r="D6759" t="s">
        <v>457</v>
      </c>
      <c r="E6759">
        <v>139</v>
      </c>
      <c r="F6759" t="s">
        <v>651</v>
      </c>
      <c r="G6759">
        <v>160</v>
      </c>
      <c r="H6759" t="s">
        <v>739</v>
      </c>
      <c r="I6759">
        <v>4413</v>
      </c>
      <c r="J6759" t="s">
        <v>726</v>
      </c>
      <c r="K6759">
        <v>2</v>
      </c>
      <c r="L6759" t="s">
        <v>1258</v>
      </c>
      <c r="M6759">
        <v>7</v>
      </c>
      <c r="N6759" t="s">
        <v>654</v>
      </c>
      <c r="O6759">
        <v>3</v>
      </c>
      <c r="P6759" t="s">
        <v>655</v>
      </c>
      <c r="Q6759">
        <v>1</v>
      </c>
      <c r="R6759" t="s">
        <v>669</v>
      </c>
      <c r="S6759">
        <v>1</v>
      </c>
      <c r="T6759" t="s">
        <v>661</v>
      </c>
      <c r="U6759">
        <v>8</v>
      </c>
      <c r="V6759">
        <v>3</v>
      </c>
      <c r="W6759">
        <v>180</v>
      </c>
      <c r="X6759">
        <v>2020</v>
      </c>
    </row>
    <row r="6760" spans="1:24" x14ac:dyDescent="0.25">
      <c r="A6760">
        <v>713</v>
      </c>
      <c r="B6760" t="s">
        <v>14</v>
      </c>
      <c r="C6760">
        <v>20</v>
      </c>
      <c r="D6760" t="s">
        <v>457</v>
      </c>
      <c r="E6760">
        <v>139</v>
      </c>
      <c r="F6760" t="s">
        <v>651</v>
      </c>
      <c r="G6760">
        <v>160</v>
      </c>
      <c r="H6760" t="s">
        <v>739</v>
      </c>
      <c r="I6760">
        <v>4413</v>
      </c>
      <c r="J6760" t="s">
        <v>726</v>
      </c>
      <c r="K6760">
        <v>2</v>
      </c>
      <c r="L6760" t="s">
        <v>1087</v>
      </c>
      <c r="M6760">
        <v>5</v>
      </c>
      <c r="N6760" t="s">
        <v>654</v>
      </c>
      <c r="O6760">
        <v>3</v>
      </c>
      <c r="P6760" t="s">
        <v>655</v>
      </c>
      <c r="Q6760">
        <v>1</v>
      </c>
      <c r="R6760" t="s">
        <v>669</v>
      </c>
      <c r="S6760">
        <v>1</v>
      </c>
      <c r="T6760" t="s">
        <v>661</v>
      </c>
      <c r="U6760">
        <v>8</v>
      </c>
      <c r="V6760">
        <v>3</v>
      </c>
      <c r="W6760">
        <v>180</v>
      </c>
      <c r="X6760">
        <v>2020</v>
      </c>
    </row>
    <row r="6761" spans="1:24" x14ac:dyDescent="0.25">
      <c r="A6761">
        <v>712</v>
      </c>
      <c r="B6761" t="s">
        <v>14</v>
      </c>
      <c r="C6761">
        <v>20</v>
      </c>
      <c r="D6761" t="s">
        <v>457</v>
      </c>
      <c r="E6761">
        <v>139</v>
      </c>
      <c r="F6761" t="s">
        <v>651</v>
      </c>
      <c r="G6761">
        <v>160</v>
      </c>
      <c r="H6761" t="s">
        <v>739</v>
      </c>
      <c r="I6761">
        <v>4413</v>
      </c>
      <c r="J6761" t="s">
        <v>726</v>
      </c>
      <c r="K6761">
        <v>2</v>
      </c>
      <c r="L6761" t="s">
        <v>726</v>
      </c>
      <c r="M6761">
        <v>4</v>
      </c>
      <c r="N6761" t="s">
        <v>654</v>
      </c>
      <c r="O6761">
        <v>3</v>
      </c>
      <c r="P6761" t="s">
        <v>655</v>
      </c>
      <c r="Q6761">
        <v>1</v>
      </c>
      <c r="R6761" t="s">
        <v>669</v>
      </c>
      <c r="S6761">
        <v>1</v>
      </c>
      <c r="T6761" t="s">
        <v>661</v>
      </c>
      <c r="U6761">
        <v>8</v>
      </c>
      <c r="V6761">
        <v>3</v>
      </c>
      <c r="W6761">
        <v>180</v>
      </c>
      <c r="X6761">
        <v>2020</v>
      </c>
    </row>
    <row r="6762" spans="1:24" x14ac:dyDescent="0.25">
      <c r="A6762">
        <v>710</v>
      </c>
      <c r="B6762" t="s">
        <v>14</v>
      </c>
      <c r="C6762">
        <v>20</v>
      </c>
      <c r="D6762" t="s">
        <v>458</v>
      </c>
      <c r="E6762">
        <v>138</v>
      </c>
      <c r="F6762" t="s">
        <v>651</v>
      </c>
      <c r="G6762">
        <v>160</v>
      </c>
      <c r="H6762" t="s">
        <v>739</v>
      </c>
      <c r="I6762">
        <v>4413</v>
      </c>
      <c r="J6762" t="s">
        <v>676</v>
      </c>
      <c r="K6762">
        <v>4</v>
      </c>
      <c r="L6762" t="s">
        <v>676</v>
      </c>
      <c r="M6762">
        <v>12</v>
      </c>
      <c r="N6762" t="s">
        <v>654</v>
      </c>
      <c r="O6762">
        <v>3</v>
      </c>
      <c r="P6762" t="s">
        <v>655</v>
      </c>
      <c r="Q6762">
        <v>1</v>
      </c>
      <c r="R6762" t="s">
        <v>669</v>
      </c>
      <c r="S6762">
        <v>1</v>
      </c>
      <c r="T6762" t="s">
        <v>657</v>
      </c>
      <c r="U6762">
        <v>7</v>
      </c>
      <c r="V6762">
        <v>3</v>
      </c>
      <c r="W6762">
        <v>180</v>
      </c>
      <c r="X6762">
        <v>2020</v>
      </c>
    </row>
    <row r="6763" spans="1:24" x14ac:dyDescent="0.25">
      <c r="A6763">
        <v>709</v>
      </c>
      <c r="B6763" t="s">
        <v>14</v>
      </c>
      <c r="C6763">
        <v>20</v>
      </c>
      <c r="D6763" t="s">
        <v>458</v>
      </c>
      <c r="E6763">
        <v>138</v>
      </c>
      <c r="F6763" t="s">
        <v>651</v>
      </c>
      <c r="G6763">
        <v>160</v>
      </c>
      <c r="H6763" t="s">
        <v>739</v>
      </c>
      <c r="I6763">
        <v>4413</v>
      </c>
      <c r="J6763" t="s">
        <v>676</v>
      </c>
      <c r="K6763">
        <v>4</v>
      </c>
      <c r="L6763" t="s">
        <v>676</v>
      </c>
      <c r="M6763">
        <v>12</v>
      </c>
      <c r="N6763" t="s">
        <v>654</v>
      </c>
      <c r="O6763">
        <v>3</v>
      </c>
      <c r="P6763" t="s">
        <v>655</v>
      </c>
      <c r="Q6763">
        <v>1</v>
      </c>
      <c r="R6763" t="s">
        <v>669</v>
      </c>
      <c r="S6763">
        <v>1</v>
      </c>
      <c r="T6763" t="s">
        <v>718</v>
      </c>
      <c r="U6763">
        <v>2</v>
      </c>
      <c r="V6763">
        <v>3</v>
      </c>
      <c r="W6763">
        <v>180</v>
      </c>
      <c r="X6763">
        <v>2020</v>
      </c>
    </row>
    <row r="6764" spans="1:24" x14ac:dyDescent="0.25">
      <c r="A6764">
        <v>708</v>
      </c>
      <c r="B6764" t="s">
        <v>14</v>
      </c>
      <c r="C6764">
        <v>20</v>
      </c>
      <c r="D6764" t="s">
        <v>458</v>
      </c>
      <c r="E6764">
        <v>138</v>
      </c>
      <c r="F6764" t="s">
        <v>651</v>
      </c>
      <c r="G6764">
        <v>160</v>
      </c>
      <c r="H6764" t="s">
        <v>739</v>
      </c>
      <c r="I6764">
        <v>4413</v>
      </c>
      <c r="J6764" t="s">
        <v>676</v>
      </c>
      <c r="K6764">
        <v>4</v>
      </c>
      <c r="L6764" t="s">
        <v>676</v>
      </c>
      <c r="M6764">
        <v>12</v>
      </c>
      <c r="N6764" t="s">
        <v>654</v>
      </c>
      <c r="O6764">
        <v>3</v>
      </c>
      <c r="P6764" t="s">
        <v>655</v>
      </c>
      <c r="Q6764">
        <v>1</v>
      </c>
      <c r="R6764" t="s">
        <v>669</v>
      </c>
      <c r="S6764">
        <v>1</v>
      </c>
      <c r="T6764" t="s">
        <v>661</v>
      </c>
      <c r="U6764">
        <v>8</v>
      </c>
      <c r="V6764">
        <v>3</v>
      </c>
      <c r="W6764">
        <v>180</v>
      </c>
      <c r="X6764">
        <v>2020</v>
      </c>
    </row>
    <row r="6765" spans="1:24" x14ac:dyDescent="0.25">
      <c r="A6765">
        <v>707</v>
      </c>
      <c r="B6765" t="s">
        <v>14</v>
      </c>
      <c r="C6765">
        <v>20</v>
      </c>
      <c r="D6765" t="s">
        <v>458</v>
      </c>
      <c r="E6765">
        <v>138</v>
      </c>
      <c r="F6765" t="s">
        <v>651</v>
      </c>
      <c r="G6765">
        <v>160</v>
      </c>
      <c r="H6765" t="s">
        <v>739</v>
      </c>
      <c r="I6765">
        <v>4413</v>
      </c>
      <c r="J6765" t="s">
        <v>885</v>
      </c>
      <c r="K6765">
        <v>1</v>
      </c>
      <c r="L6765" t="s">
        <v>1543</v>
      </c>
      <c r="M6765">
        <v>3</v>
      </c>
      <c r="N6765" t="s">
        <v>654</v>
      </c>
      <c r="O6765">
        <v>3</v>
      </c>
      <c r="P6765" t="s">
        <v>655</v>
      </c>
      <c r="Q6765">
        <v>1</v>
      </c>
      <c r="R6765" t="s">
        <v>669</v>
      </c>
      <c r="S6765">
        <v>1</v>
      </c>
      <c r="T6765" t="s">
        <v>661</v>
      </c>
      <c r="U6765">
        <v>8</v>
      </c>
      <c r="V6765">
        <v>3</v>
      </c>
      <c r="W6765">
        <v>180</v>
      </c>
      <c r="X6765">
        <v>2020</v>
      </c>
    </row>
    <row r="6766" spans="1:24" x14ac:dyDescent="0.25">
      <c r="A6766">
        <v>706</v>
      </c>
      <c r="B6766" t="s">
        <v>14</v>
      </c>
      <c r="C6766">
        <v>20</v>
      </c>
      <c r="D6766" t="s">
        <v>458</v>
      </c>
      <c r="E6766">
        <v>138</v>
      </c>
      <c r="F6766" t="s">
        <v>651</v>
      </c>
      <c r="G6766">
        <v>160</v>
      </c>
      <c r="H6766" t="s">
        <v>739</v>
      </c>
      <c r="I6766">
        <v>4413</v>
      </c>
      <c r="J6766" t="s">
        <v>885</v>
      </c>
      <c r="K6766">
        <v>1</v>
      </c>
      <c r="L6766" t="s">
        <v>885</v>
      </c>
      <c r="M6766">
        <v>1</v>
      </c>
      <c r="N6766" t="s">
        <v>654</v>
      </c>
      <c r="O6766">
        <v>3</v>
      </c>
      <c r="P6766" t="s">
        <v>655</v>
      </c>
      <c r="Q6766">
        <v>1</v>
      </c>
      <c r="R6766" t="s">
        <v>669</v>
      </c>
      <c r="S6766">
        <v>1</v>
      </c>
      <c r="T6766" t="s">
        <v>657</v>
      </c>
      <c r="U6766">
        <v>7</v>
      </c>
      <c r="V6766">
        <v>3</v>
      </c>
      <c r="W6766">
        <v>180</v>
      </c>
      <c r="X6766">
        <v>2020</v>
      </c>
    </row>
    <row r="6767" spans="1:24" x14ac:dyDescent="0.25">
      <c r="A6767">
        <v>705</v>
      </c>
      <c r="B6767" t="s">
        <v>14</v>
      </c>
      <c r="C6767">
        <v>20</v>
      </c>
      <c r="D6767" t="s">
        <v>458</v>
      </c>
      <c r="E6767">
        <v>138</v>
      </c>
      <c r="F6767" t="s">
        <v>651</v>
      </c>
      <c r="G6767">
        <v>160</v>
      </c>
      <c r="H6767" t="s">
        <v>739</v>
      </c>
      <c r="I6767">
        <v>4413</v>
      </c>
      <c r="J6767" t="s">
        <v>885</v>
      </c>
      <c r="K6767">
        <v>1</v>
      </c>
      <c r="L6767" t="s">
        <v>885</v>
      </c>
      <c r="M6767">
        <v>1</v>
      </c>
      <c r="N6767" t="s">
        <v>654</v>
      </c>
      <c r="O6767">
        <v>3</v>
      </c>
      <c r="P6767" t="s">
        <v>655</v>
      </c>
      <c r="Q6767">
        <v>1</v>
      </c>
      <c r="R6767" t="s">
        <v>669</v>
      </c>
      <c r="S6767">
        <v>1</v>
      </c>
      <c r="T6767" t="s">
        <v>661</v>
      </c>
      <c r="U6767">
        <v>8</v>
      </c>
      <c r="V6767">
        <v>3</v>
      </c>
      <c r="W6767">
        <v>180</v>
      </c>
      <c r="X6767">
        <v>2020</v>
      </c>
    </row>
    <row r="6768" spans="1:24" x14ac:dyDescent="0.25">
      <c r="A6768">
        <v>703</v>
      </c>
      <c r="B6768" t="s">
        <v>192</v>
      </c>
      <c r="C6768">
        <v>19</v>
      </c>
      <c r="D6768" t="s">
        <v>421</v>
      </c>
      <c r="E6768">
        <v>137</v>
      </c>
      <c r="F6768" t="s">
        <v>651</v>
      </c>
      <c r="G6768">
        <v>160</v>
      </c>
      <c r="H6768" t="s">
        <v>739</v>
      </c>
      <c r="I6768">
        <v>4413</v>
      </c>
      <c r="J6768" t="s">
        <v>1005</v>
      </c>
      <c r="K6768">
        <v>72</v>
      </c>
      <c r="L6768" t="s">
        <v>1005</v>
      </c>
      <c r="M6768">
        <v>326</v>
      </c>
      <c r="N6768" t="s">
        <v>654</v>
      </c>
      <c r="O6768">
        <v>3</v>
      </c>
      <c r="P6768" t="s">
        <v>655</v>
      </c>
      <c r="Q6768">
        <v>1</v>
      </c>
      <c r="R6768" t="s">
        <v>669</v>
      </c>
      <c r="S6768">
        <v>1</v>
      </c>
      <c r="T6768" t="s">
        <v>718</v>
      </c>
      <c r="U6768">
        <v>2</v>
      </c>
      <c r="V6768">
        <v>6</v>
      </c>
      <c r="W6768">
        <v>360</v>
      </c>
      <c r="X6768">
        <v>2020</v>
      </c>
    </row>
    <row r="6769" spans="1:24" x14ac:dyDescent="0.25">
      <c r="A6769">
        <v>702</v>
      </c>
      <c r="B6769" t="s">
        <v>192</v>
      </c>
      <c r="C6769">
        <v>19</v>
      </c>
      <c r="D6769" t="s">
        <v>421</v>
      </c>
      <c r="E6769">
        <v>137</v>
      </c>
      <c r="F6769" t="s">
        <v>651</v>
      </c>
      <c r="G6769">
        <v>160</v>
      </c>
      <c r="H6769" t="s">
        <v>739</v>
      </c>
      <c r="I6769">
        <v>4413</v>
      </c>
      <c r="J6769" t="s">
        <v>1005</v>
      </c>
      <c r="K6769">
        <v>72</v>
      </c>
      <c r="L6769" t="s">
        <v>1005</v>
      </c>
      <c r="M6769">
        <v>326</v>
      </c>
      <c r="N6769" t="s">
        <v>654</v>
      </c>
      <c r="O6769">
        <v>3</v>
      </c>
      <c r="P6769" t="s">
        <v>655</v>
      </c>
      <c r="Q6769">
        <v>1</v>
      </c>
      <c r="R6769" t="s">
        <v>669</v>
      </c>
      <c r="S6769">
        <v>1</v>
      </c>
      <c r="T6769" t="s">
        <v>661</v>
      </c>
      <c r="U6769">
        <v>8</v>
      </c>
      <c r="V6769">
        <v>6</v>
      </c>
      <c r="W6769">
        <v>360</v>
      </c>
      <c r="X6769">
        <v>2020</v>
      </c>
    </row>
    <row r="6770" spans="1:24" x14ac:dyDescent="0.25">
      <c r="A6770">
        <v>700</v>
      </c>
      <c r="B6770" t="s">
        <v>192</v>
      </c>
      <c r="C6770">
        <v>19</v>
      </c>
      <c r="D6770" t="s">
        <v>560</v>
      </c>
      <c r="E6770">
        <v>136</v>
      </c>
      <c r="F6770" t="s">
        <v>651</v>
      </c>
      <c r="G6770">
        <v>160</v>
      </c>
      <c r="H6770" t="s">
        <v>739</v>
      </c>
      <c r="I6770">
        <v>4413</v>
      </c>
      <c r="J6770" t="s">
        <v>851</v>
      </c>
      <c r="K6770">
        <v>43</v>
      </c>
      <c r="L6770" t="s">
        <v>3940</v>
      </c>
      <c r="M6770">
        <v>474</v>
      </c>
      <c r="N6770" t="s">
        <v>654</v>
      </c>
      <c r="O6770">
        <v>3</v>
      </c>
      <c r="P6770" t="s">
        <v>655</v>
      </c>
      <c r="Q6770">
        <v>1</v>
      </c>
      <c r="R6770" t="s">
        <v>669</v>
      </c>
      <c r="S6770">
        <v>1</v>
      </c>
      <c r="T6770" t="s">
        <v>661</v>
      </c>
      <c r="U6770">
        <v>8</v>
      </c>
      <c r="V6770">
        <v>4</v>
      </c>
      <c r="W6770">
        <v>240</v>
      </c>
      <c r="X6770">
        <v>2020</v>
      </c>
    </row>
    <row r="6771" spans="1:24" x14ac:dyDescent="0.25">
      <c r="A6771">
        <v>699</v>
      </c>
      <c r="B6771" t="s">
        <v>192</v>
      </c>
      <c r="C6771">
        <v>19</v>
      </c>
      <c r="D6771" t="s">
        <v>560</v>
      </c>
      <c r="E6771">
        <v>136</v>
      </c>
      <c r="F6771" t="s">
        <v>651</v>
      </c>
      <c r="G6771">
        <v>160</v>
      </c>
      <c r="H6771" t="s">
        <v>739</v>
      </c>
      <c r="I6771">
        <v>4413</v>
      </c>
      <c r="J6771" t="s">
        <v>851</v>
      </c>
      <c r="K6771">
        <v>43</v>
      </c>
      <c r="L6771" t="s">
        <v>1090</v>
      </c>
      <c r="M6771">
        <v>472</v>
      </c>
      <c r="N6771" t="s">
        <v>654</v>
      </c>
      <c r="O6771">
        <v>3</v>
      </c>
      <c r="P6771" t="s">
        <v>655</v>
      </c>
      <c r="Q6771">
        <v>1</v>
      </c>
      <c r="R6771" t="s">
        <v>669</v>
      </c>
      <c r="S6771">
        <v>1</v>
      </c>
      <c r="T6771" t="s">
        <v>661</v>
      </c>
      <c r="U6771">
        <v>8</v>
      </c>
      <c r="V6771">
        <v>4</v>
      </c>
      <c r="W6771">
        <v>240</v>
      </c>
      <c r="X6771">
        <v>2020</v>
      </c>
    </row>
    <row r="6772" spans="1:24" x14ac:dyDescent="0.25">
      <c r="A6772">
        <v>698</v>
      </c>
      <c r="B6772" t="s">
        <v>192</v>
      </c>
      <c r="C6772">
        <v>19</v>
      </c>
      <c r="D6772" t="s">
        <v>560</v>
      </c>
      <c r="E6772">
        <v>136</v>
      </c>
      <c r="F6772" t="s">
        <v>651</v>
      </c>
      <c r="G6772">
        <v>160</v>
      </c>
      <c r="H6772" t="s">
        <v>739</v>
      </c>
      <c r="I6772">
        <v>4413</v>
      </c>
      <c r="J6772" t="s">
        <v>1219</v>
      </c>
      <c r="K6772">
        <v>42</v>
      </c>
      <c r="L6772" t="s">
        <v>1263</v>
      </c>
      <c r="M6772">
        <v>149</v>
      </c>
      <c r="N6772" t="s">
        <v>654</v>
      </c>
      <c r="O6772">
        <v>3</v>
      </c>
      <c r="P6772" t="s">
        <v>655</v>
      </c>
      <c r="Q6772">
        <v>1</v>
      </c>
      <c r="R6772" t="s">
        <v>669</v>
      </c>
      <c r="S6772">
        <v>1</v>
      </c>
      <c r="T6772" t="s">
        <v>661</v>
      </c>
      <c r="U6772">
        <v>8</v>
      </c>
      <c r="V6772">
        <v>4</v>
      </c>
      <c r="W6772">
        <v>240</v>
      </c>
      <c r="X6772">
        <v>2020</v>
      </c>
    </row>
    <row r="6773" spans="1:24" x14ac:dyDescent="0.25">
      <c r="A6773">
        <v>697</v>
      </c>
      <c r="B6773" t="s">
        <v>192</v>
      </c>
      <c r="C6773">
        <v>19</v>
      </c>
      <c r="D6773" t="s">
        <v>560</v>
      </c>
      <c r="E6773">
        <v>136</v>
      </c>
      <c r="F6773" t="s">
        <v>651</v>
      </c>
      <c r="G6773">
        <v>160</v>
      </c>
      <c r="H6773" t="s">
        <v>739</v>
      </c>
      <c r="I6773">
        <v>4413</v>
      </c>
      <c r="J6773" t="s">
        <v>1219</v>
      </c>
      <c r="K6773">
        <v>42</v>
      </c>
      <c r="L6773" t="s">
        <v>1219</v>
      </c>
      <c r="M6773">
        <v>148</v>
      </c>
      <c r="N6773" t="s">
        <v>654</v>
      </c>
      <c r="O6773">
        <v>3</v>
      </c>
      <c r="P6773" t="s">
        <v>689</v>
      </c>
      <c r="Q6773">
        <v>4</v>
      </c>
      <c r="R6773" t="s">
        <v>669</v>
      </c>
      <c r="S6773">
        <v>1</v>
      </c>
      <c r="T6773" t="s">
        <v>661</v>
      </c>
      <c r="U6773">
        <v>8</v>
      </c>
      <c r="V6773">
        <v>4</v>
      </c>
      <c r="W6773">
        <v>240</v>
      </c>
      <c r="X6773">
        <v>2020</v>
      </c>
    </row>
    <row r="6774" spans="1:24" x14ac:dyDescent="0.25">
      <c r="A6774">
        <v>696</v>
      </c>
      <c r="B6774" t="s">
        <v>192</v>
      </c>
      <c r="C6774">
        <v>19</v>
      </c>
      <c r="D6774" t="s">
        <v>560</v>
      </c>
      <c r="E6774">
        <v>136</v>
      </c>
      <c r="F6774" t="s">
        <v>651</v>
      </c>
      <c r="G6774">
        <v>160</v>
      </c>
      <c r="H6774" t="s">
        <v>739</v>
      </c>
      <c r="I6774">
        <v>4413</v>
      </c>
      <c r="J6774" t="s">
        <v>1219</v>
      </c>
      <c r="K6774">
        <v>42</v>
      </c>
      <c r="L6774" t="s">
        <v>1219</v>
      </c>
      <c r="M6774">
        <v>148</v>
      </c>
      <c r="N6774" t="s">
        <v>654</v>
      </c>
      <c r="O6774">
        <v>3</v>
      </c>
      <c r="P6774" t="s">
        <v>655</v>
      </c>
      <c r="Q6774">
        <v>1</v>
      </c>
      <c r="R6774" t="s">
        <v>669</v>
      </c>
      <c r="S6774">
        <v>1</v>
      </c>
      <c r="T6774" t="s">
        <v>661</v>
      </c>
      <c r="U6774">
        <v>8</v>
      </c>
      <c r="V6774">
        <v>4</v>
      </c>
      <c r="W6774">
        <v>240</v>
      </c>
      <c r="X6774">
        <v>2020</v>
      </c>
    </row>
    <row r="6775" spans="1:24" x14ac:dyDescent="0.25">
      <c r="A6775">
        <v>695</v>
      </c>
      <c r="B6775" t="s">
        <v>192</v>
      </c>
      <c r="C6775">
        <v>19</v>
      </c>
      <c r="D6775" t="s">
        <v>329</v>
      </c>
      <c r="E6775">
        <v>135</v>
      </c>
      <c r="F6775" t="s">
        <v>651</v>
      </c>
      <c r="G6775">
        <v>160</v>
      </c>
      <c r="H6775" t="s">
        <v>739</v>
      </c>
      <c r="I6775">
        <v>4413</v>
      </c>
      <c r="J6775" t="s">
        <v>917</v>
      </c>
      <c r="K6775">
        <v>83</v>
      </c>
      <c r="L6775" t="s">
        <v>918</v>
      </c>
      <c r="M6775">
        <v>287</v>
      </c>
      <c r="N6775" t="s">
        <v>654</v>
      </c>
      <c r="O6775">
        <v>3</v>
      </c>
      <c r="P6775" t="s">
        <v>655</v>
      </c>
      <c r="Q6775">
        <v>1</v>
      </c>
      <c r="R6775" t="s">
        <v>669</v>
      </c>
      <c r="S6775">
        <v>1</v>
      </c>
      <c r="T6775" t="s">
        <v>661</v>
      </c>
      <c r="U6775">
        <v>8</v>
      </c>
      <c r="V6775">
        <v>4</v>
      </c>
      <c r="W6775">
        <v>240</v>
      </c>
      <c r="X6775">
        <v>2020</v>
      </c>
    </row>
    <row r="6776" spans="1:24" x14ac:dyDescent="0.25">
      <c r="A6776">
        <v>693</v>
      </c>
      <c r="B6776" t="s">
        <v>192</v>
      </c>
      <c r="C6776">
        <v>19</v>
      </c>
      <c r="D6776" t="s">
        <v>329</v>
      </c>
      <c r="E6776">
        <v>135</v>
      </c>
      <c r="F6776" t="s">
        <v>651</v>
      </c>
      <c r="G6776">
        <v>160</v>
      </c>
      <c r="H6776" t="s">
        <v>739</v>
      </c>
      <c r="I6776">
        <v>4413</v>
      </c>
      <c r="J6776" t="s">
        <v>917</v>
      </c>
      <c r="K6776">
        <v>83</v>
      </c>
      <c r="L6776" t="s">
        <v>3925</v>
      </c>
      <c r="M6776">
        <v>286</v>
      </c>
      <c r="N6776" t="s">
        <v>654</v>
      </c>
      <c r="O6776">
        <v>3</v>
      </c>
      <c r="P6776" t="s">
        <v>655</v>
      </c>
      <c r="Q6776">
        <v>1</v>
      </c>
      <c r="R6776" t="s">
        <v>669</v>
      </c>
      <c r="S6776">
        <v>1</v>
      </c>
      <c r="T6776" t="s">
        <v>661</v>
      </c>
      <c r="U6776">
        <v>8</v>
      </c>
      <c r="V6776">
        <v>4</v>
      </c>
      <c r="W6776">
        <v>240</v>
      </c>
      <c r="X6776">
        <v>2020</v>
      </c>
    </row>
    <row r="6777" spans="1:24" x14ac:dyDescent="0.25">
      <c r="A6777">
        <v>692</v>
      </c>
      <c r="B6777" t="s">
        <v>192</v>
      </c>
      <c r="C6777">
        <v>19</v>
      </c>
      <c r="D6777" t="s">
        <v>329</v>
      </c>
      <c r="E6777">
        <v>135</v>
      </c>
      <c r="F6777" t="s">
        <v>651</v>
      </c>
      <c r="G6777">
        <v>160</v>
      </c>
      <c r="H6777" t="s">
        <v>739</v>
      </c>
      <c r="I6777">
        <v>4413</v>
      </c>
      <c r="J6777" t="s">
        <v>1182</v>
      </c>
      <c r="K6777">
        <v>46</v>
      </c>
      <c r="L6777" t="s">
        <v>3689</v>
      </c>
      <c r="M6777">
        <v>158</v>
      </c>
      <c r="N6777" t="s">
        <v>654</v>
      </c>
      <c r="O6777">
        <v>3</v>
      </c>
      <c r="P6777" t="s">
        <v>655</v>
      </c>
      <c r="Q6777">
        <v>1</v>
      </c>
      <c r="R6777" t="s">
        <v>669</v>
      </c>
      <c r="S6777">
        <v>1</v>
      </c>
      <c r="T6777" t="s">
        <v>661</v>
      </c>
      <c r="U6777">
        <v>8</v>
      </c>
      <c r="V6777">
        <v>4</v>
      </c>
      <c r="W6777">
        <v>240</v>
      </c>
      <c r="X6777">
        <v>2020</v>
      </c>
    </row>
    <row r="6778" spans="1:24" x14ac:dyDescent="0.25">
      <c r="A6778">
        <v>691</v>
      </c>
      <c r="B6778" t="s">
        <v>192</v>
      </c>
      <c r="C6778">
        <v>19</v>
      </c>
      <c r="D6778" t="s">
        <v>329</v>
      </c>
      <c r="E6778">
        <v>135</v>
      </c>
      <c r="F6778" t="s">
        <v>651</v>
      </c>
      <c r="G6778">
        <v>160</v>
      </c>
      <c r="H6778" t="s">
        <v>739</v>
      </c>
      <c r="I6778">
        <v>4413</v>
      </c>
      <c r="J6778" t="s">
        <v>678</v>
      </c>
      <c r="K6778">
        <v>41</v>
      </c>
      <c r="L6778" t="s">
        <v>678</v>
      </c>
      <c r="M6778">
        <v>145</v>
      </c>
      <c r="N6778" t="s">
        <v>654</v>
      </c>
      <c r="O6778">
        <v>3</v>
      </c>
      <c r="P6778" t="s">
        <v>655</v>
      </c>
      <c r="Q6778">
        <v>1</v>
      </c>
      <c r="R6778" t="s">
        <v>669</v>
      </c>
      <c r="S6778">
        <v>1</v>
      </c>
      <c r="T6778" t="s">
        <v>661</v>
      </c>
      <c r="U6778">
        <v>8</v>
      </c>
      <c r="V6778">
        <v>4</v>
      </c>
      <c r="W6778">
        <v>240</v>
      </c>
      <c r="X6778">
        <v>2020</v>
      </c>
    </row>
    <row r="6779" spans="1:24" x14ac:dyDescent="0.25">
      <c r="A6779">
        <v>690</v>
      </c>
      <c r="B6779" t="s">
        <v>192</v>
      </c>
      <c r="C6779">
        <v>19</v>
      </c>
      <c r="D6779" t="s">
        <v>329</v>
      </c>
      <c r="E6779">
        <v>135</v>
      </c>
      <c r="F6779" t="s">
        <v>651</v>
      </c>
      <c r="G6779">
        <v>160</v>
      </c>
      <c r="H6779" t="s">
        <v>739</v>
      </c>
      <c r="I6779">
        <v>4413</v>
      </c>
      <c r="J6779" t="s">
        <v>794</v>
      </c>
      <c r="K6779">
        <v>40</v>
      </c>
      <c r="L6779" t="s">
        <v>3710</v>
      </c>
      <c r="M6779">
        <v>144</v>
      </c>
      <c r="N6779" t="s">
        <v>654</v>
      </c>
      <c r="O6779">
        <v>3</v>
      </c>
      <c r="P6779" t="s">
        <v>655</v>
      </c>
      <c r="Q6779">
        <v>1</v>
      </c>
      <c r="R6779" t="s">
        <v>669</v>
      </c>
      <c r="S6779">
        <v>1</v>
      </c>
      <c r="T6779" t="s">
        <v>661</v>
      </c>
      <c r="U6779">
        <v>8</v>
      </c>
      <c r="V6779">
        <v>4</v>
      </c>
      <c r="W6779">
        <v>240</v>
      </c>
      <c r="X6779">
        <v>2020</v>
      </c>
    </row>
    <row r="6780" spans="1:24" x14ac:dyDescent="0.25">
      <c r="A6780">
        <v>689</v>
      </c>
      <c r="B6780" t="s">
        <v>192</v>
      </c>
      <c r="C6780">
        <v>19</v>
      </c>
      <c r="D6780" t="s">
        <v>329</v>
      </c>
      <c r="E6780">
        <v>135</v>
      </c>
      <c r="F6780" t="s">
        <v>651</v>
      </c>
      <c r="G6780">
        <v>160</v>
      </c>
      <c r="H6780" t="s">
        <v>739</v>
      </c>
      <c r="I6780">
        <v>4413</v>
      </c>
      <c r="J6780" t="s">
        <v>794</v>
      </c>
      <c r="K6780">
        <v>40</v>
      </c>
      <c r="L6780" t="s">
        <v>794</v>
      </c>
      <c r="M6780">
        <v>143</v>
      </c>
      <c r="N6780" t="s">
        <v>654</v>
      </c>
      <c r="O6780">
        <v>3</v>
      </c>
      <c r="P6780" t="s">
        <v>689</v>
      </c>
      <c r="Q6780">
        <v>4</v>
      </c>
      <c r="R6780" t="s">
        <v>669</v>
      </c>
      <c r="S6780">
        <v>1</v>
      </c>
      <c r="T6780" t="s">
        <v>661</v>
      </c>
      <c r="U6780">
        <v>8</v>
      </c>
      <c r="V6780">
        <v>4</v>
      </c>
      <c r="W6780">
        <v>240</v>
      </c>
      <c r="X6780">
        <v>2020</v>
      </c>
    </row>
    <row r="6781" spans="1:24" x14ac:dyDescent="0.25">
      <c r="A6781">
        <v>688</v>
      </c>
      <c r="B6781" t="s">
        <v>192</v>
      </c>
      <c r="C6781">
        <v>19</v>
      </c>
      <c r="D6781" t="s">
        <v>329</v>
      </c>
      <c r="E6781">
        <v>135</v>
      </c>
      <c r="F6781" t="s">
        <v>651</v>
      </c>
      <c r="G6781">
        <v>160</v>
      </c>
      <c r="H6781" t="s">
        <v>739</v>
      </c>
      <c r="I6781">
        <v>4413</v>
      </c>
      <c r="J6781" t="s">
        <v>794</v>
      </c>
      <c r="K6781">
        <v>40</v>
      </c>
      <c r="L6781" t="s">
        <v>794</v>
      </c>
      <c r="M6781">
        <v>143</v>
      </c>
      <c r="N6781" t="s">
        <v>654</v>
      </c>
      <c r="O6781">
        <v>3</v>
      </c>
      <c r="P6781" t="s">
        <v>655</v>
      </c>
      <c r="Q6781">
        <v>1</v>
      </c>
      <c r="R6781" t="s">
        <v>669</v>
      </c>
      <c r="S6781">
        <v>1</v>
      </c>
      <c r="T6781" t="s">
        <v>661</v>
      </c>
      <c r="U6781">
        <v>8</v>
      </c>
      <c r="V6781">
        <v>4</v>
      </c>
      <c r="W6781">
        <v>240</v>
      </c>
      <c r="X6781">
        <v>2020</v>
      </c>
    </row>
    <row r="6782" spans="1:24" x14ac:dyDescent="0.25">
      <c r="A6782">
        <v>685</v>
      </c>
      <c r="B6782" t="s">
        <v>192</v>
      </c>
      <c r="C6782">
        <v>19</v>
      </c>
      <c r="D6782" t="s">
        <v>350</v>
      </c>
      <c r="E6782">
        <v>616</v>
      </c>
      <c r="F6782" t="s">
        <v>651</v>
      </c>
      <c r="G6782">
        <v>160</v>
      </c>
      <c r="H6782" t="s">
        <v>739</v>
      </c>
      <c r="I6782">
        <v>4413</v>
      </c>
      <c r="J6782" t="s">
        <v>880</v>
      </c>
      <c r="K6782">
        <v>58</v>
      </c>
      <c r="L6782" t="s">
        <v>1086</v>
      </c>
      <c r="M6782">
        <v>238</v>
      </c>
      <c r="N6782" t="s">
        <v>654</v>
      </c>
      <c r="O6782">
        <v>3</v>
      </c>
      <c r="P6782" t="s">
        <v>655</v>
      </c>
      <c r="Q6782">
        <v>1</v>
      </c>
      <c r="R6782" t="s">
        <v>669</v>
      </c>
      <c r="S6782">
        <v>1</v>
      </c>
      <c r="T6782" t="s">
        <v>661</v>
      </c>
      <c r="U6782">
        <v>8</v>
      </c>
      <c r="V6782">
        <v>4</v>
      </c>
      <c r="W6782">
        <v>240</v>
      </c>
      <c r="X6782">
        <v>2020</v>
      </c>
    </row>
    <row r="6783" spans="1:24" x14ac:dyDescent="0.25">
      <c r="A6783">
        <v>684</v>
      </c>
      <c r="B6783" t="s">
        <v>192</v>
      </c>
      <c r="C6783">
        <v>19</v>
      </c>
      <c r="D6783" t="s">
        <v>350</v>
      </c>
      <c r="E6783">
        <v>616</v>
      </c>
      <c r="F6783" t="s">
        <v>651</v>
      </c>
      <c r="G6783">
        <v>160</v>
      </c>
      <c r="H6783" t="s">
        <v>739</v>
      </c>
      <c r="I6783">
        <v>4413</v>
      </c>
      <c r="J6783" t="s">
        <v>880</v>
      </c>
      <c r="K6783">
        <v>58</v>
      </c>
      <c r="L6783" t="s">
        <v>880</v>
      </c>
      <c r="M6783">
        <v>236</v>
      </c>
      <c r="N6783" t="s">
        <v>654</v>
      </c>
      <c r="O6783">
        <v>3</v>
      </c>
      <c r="P6783" t="s">
        <v>655</v>
      </c>
      <c r="Q6783">
        <v>1</v>
      </c>
      <c r="R6783" t="s">
        <v>669</v>
      </c>
      <c r="S6783">
        <v>1</v>
      </c>
      <c r="T6783" t="s">
        <v>661</v>
      </c>
      <c r="U6783">
        <v>8</v>
      </c>
      <c r="V6783">
        <v>4</v>
      </c>
      <c r="W6783">
        <v>240</v>
      </c>
      <c r="X6783">
        <v>2020</v>
      </c>
    </row>
    <row r="6784" spans="1:24" x14ac:dyDescent="0.25">
      <c r="A6784">
        <v>683</v>
      </c>
      <c r="B6784" t="s">
        <v>192</v>
      </c>
      <c r="C6784">
        <v>19</v>
      </c>
      <c r="D6784" t="s">
        <v>350</v>
      </c>
      <c r="E6784">
        <v>616</v>
      </c>
      <c r="F6784" t="s">
        <v>651</v>
      </c>
      <c r="G6784">
        <v>160</v>
      </c>
      <c r="H6784" t="s">
        <v>739</v>
      </c>
      <c r="I6784">
        <v>4413</v>
      </c>
      <c r="J6784" t="s">
        <v>880</v>
      </c>
      <c r="K6784">
        <v>58</v>
      </c>
      <c r="L6784" t="s">
        <v>3937</v>
      </c>
      <c r="M6784">
        <v>237</v>
      </c>
      <c r="N6784" t="s">
        <v>654</v>
      </c>
      <c r="O6784">
        <v>3</v>
      </c>
      <c r="P6784" t="s">
        <v>689</v>
      </c>
      <c r="Q6784">
        <v>4</v>
      </c>
      <c r="R6784" t="s">
        <v>669</v>
      </c>
      <c r="S6784">
        <v>1</v>
      </c>
      <c r="T6784" t="s">
        <v>661</v>
      </c>
      <c r="U6784">
        <v>8</v>
      </c>
      <c r="V6784">
        <v>4</v>
      </c>
      <c r="W6784">
        <v>240</v>
      </c>
      <c r="X6784">
        <v>2020</v>
      </c>
    </row>
    <row r="6785" spans="1:24" x14ac:dyDescent="0.25">
      <c r="A6785">
        <v>682</v>
      </c>
      <c r="B6785" t="s">
        <v>192</v>
      </c>
      <c r="C6785">
        <v>19</v>
      </c>
      <c r="D6785" t="s">
        <v>350</v>
      </c>
      <c r="E6785">
        <v>616</v>
      </c>
      <c r="F6785" t="s">
        <v>651</v>
      </c>
      <c r="G6785">
        <v>160</v>
      </c>
      <c r="H6785" t="s">
        <v>739</v>
      </c>
      <c r="I6785">
        <v>4413</v>
      </c>
      <c r="J6785" t="s">
        <v>880</v>
      </c>
      <c r="K6785">
        <v>58</v>
      </c>
      <c r="L6785" t="s">
        <v>3937</v>
      </c>
      <c r="M6785">
        <v>237</v>
      </c>
      <c r="N6785" t="s">
        <v>654</v>
      </c>
      <c r="O6785">
        <v>3</v>
      </c>
      <c r="P6785" t="s">
        <v>655</v>
      </c>
      <c r="Q6785">
        <v>1</v>
      </c>
      <c r="R6785" t="s">
        <v>669</v>
      </c>
      <c r="S6785">
        <v>1</v>
      </c>
      <c r="T6785" t="s">
        <v>661</v>
      </c>
      <c r="U6785">
        <v>8</v>
      </c>
      <c r="V6785">
        <v>4</v>
      </c>
      <c r="W6785">
        <v>240</v>
      </c>
      <c r="X6785">
        <v>2020</v>
      </c>
    </row>
    <row r="6786" spans="1:24" x14ac:dyDescent="0.25">
      <c r="A6786">
        <v>681</v>
      </c>
      <c r="B6786" t="s">
        <v>192</v>
      </c>
      <c r="C6786">
        <v>19</v>
      </c>
      <c r="D6786" t="s">
        <v>463</v>
      </c>
      <c r="E6786">
        <v>134</v>
      </c>
      <c r="F6786" t="s">
        <v>651</v>
      </c>
      <c r="G6786">
        <v>160</v>
      </c>
      <c r="H6786" t="s">
        <v>739</v>
      </c>
      <c r="I6786">
        <v>4413</v>
      </c>
      <c r="J6786" t="s">
        <v>909</v>
      </c>
      <c r="K6786">
        <v>39</v>
      </c>
      <c r="L6786" t="s">
        <v>1942</v>
      </c>
      <c r="M6786">
        <v>142</v>
      </c>
      <c r="N6786" t="s">
        <v>654</v>
      </c>
      <c r="O6786">
        <v>3</v>
      </c>
      <c r="P6786" t="s">
        <v>655</v>
      </c>
      <c r="Q6786">
        <v>1</v>
      </c>
      <c r="R6786" t="s">
        <v>669</v>
      </c>
      <c r="S6786">
        <v>1</v>
      </c>
      <c r="T6786" t="s">
        <v>661</v>
      </c>
      <c r="U6786">
        <v>8</v>
      </c>
      <c r="V6786">
        <v>4</v>
      </c>
      <c r="W6786">
        <v>240</v>
      </c>
      <c r="X6786">
        <v>2020</v>
      </c>
    </row>
    <row r="6787" spans="1:24" x14ac:dyDescent="0.25">
      <c r="A6787">
        <v>679</v>
      </c>
      <c r="B6787" t="s">
        <v>192</v>
      </c>
      <c r="C6787">
        <v>19</v>
      </c>
      <c r="D6787" t="s">
        <v>463</v>
      </c>
      <c r="E6787">
        <v>134</v>
      </c>
      <c r="F6787" t="s">
        <v>651</v>
      </c>
      <c r="G6787">
        <v>160</v>
      </c>
      <c r="H6787" t="s">
        <v>739</v>
      </c>
      <c r="I6787">
        <v>4413</v>
      </c>
      <c r="J6787" t="s">
        <v>909</v>
      </c>
      <c r="K6787">
        <v>39</v>
      </c>
      <c r="L6787" t="s">
        <v>3692</v>
      </c>
      <c r="M6787">
        <v>140</v>
      </c>
      <c r="N6787" t="s">
        <v>654</v>
      </c>
      <c r="O6787">
        <v>3</v>
      </c>
      <c r="P6787" t="s">
        <v>655</v>
      </c>
      <c r="Q6787">
        <v>1</v>
      </c>
      <c r="R6787" t="s">
        <v>669</v>
      </c>
      <c r="S6787">
        <v>1</v>
      </c>
      <c r="T6787" t="s">
        <v>661</v>
      </c>
      <c r="U6787">
        <v>8</v>
      </c>
      <c r="V6787">
        <v>4</v>
      </c>
      <c r="W6787">
        <v>240</v>
      </c>
      <c r="X6787">
        <v>2020</v>
      </c>
    </row>
    <row r="6788" spans="1:24" x14ac:dyDescent="0.25">
      <c r="A6788">
        <v>676</v>
      </c>
      <c r="B6788" t="s">
        <v>192</v>
      </c>
      <c r="C6788">
        <v>19</v>
      </c>
      <c r="D6788" t="s">
        <v>463</v>
      </c>
      <c r="E6788">
        <v>134</v>
      </c>
      <c r="F6788" t="s">
        <v>651</v>
      </c>
      <c r="G6788">
        <v>160</v>
      </c>
      <c r="H6788" t="s">
        <v>739</v>
      </c>
      <c r="I6788">
        <v>4413</v>
      </c>
      <c r="J6788" t="s">
        <v>909</v>
      </c>
      <c r="K6788">
        <v>39</v>
      </c>
      <c r="L6788" t="s">
        <v>1925</v>
      </c>
      <c r="M6788">
        <v>138</v>
      </c>
      <c r="N6788" t="s">
        <v>654</v>
      </c>
      <c r="O6788">
        <v>3</v>
      </c>
      <c r="P6788" t="s">
        <v>689</v>
      </c>
      <c r="Q6788">
        <v>4</v>
      </c>
      <c r="R6788" t="s">
        <v>669</v>
      </c>
      <c r="S6788">
        <v>1</v>
      </c>
      <c r="T6788" t="s">
        <v>661</v>
      </c>
      <c r="U6788">
        <v>8</v>
      </c>
      <c r="V6788">
        <v>4</v>
      </c>
      <c r="W6788">
        <v>240</v>
      </c>
      <c r="X6788">
        <v>2020</v>
      </c>
    </row>
    <row r="6789" spans="1:24" x14ac:dyDescent="0.25">
      <c r="A6789">
        <v>675</v>
      </c>
      <c r="B6789" t="s">
        <v>192</v>
      </c>
      <c r="C6789">
        <v>19</v>
      </c>
      <c r="D6789" t="s">
        <v>463</v>
      </c>
      <c r="E6789">
        <v>134</v>
      </c>
      <c r="F6789" t="s">
        <v>651</v>
      </c>
      <c r="G6789">
        <v>160</v>
      </c>
      <c r="H6789" t="s">
        <v>739</v>
      </c>
      <c r="I6789">
        <v>4413</v>
      </c>
      <c r="J6789" t="s">
        <v>909</v>
      </c>
      <c r="K6789">
        <v>39</v>
      </c>
      <c r="L6789" t="s">
        <v>1925</v>
      </c>
      <c r="M6789">
        <v>138</v>
      </c>
      <c r="N6789" t="s">
        <v>654</v>
      </c>
      <c r="O6789">
        <v>3</v>
      </c>
      <c r="P6789" t="s">
        <v>655</v>
      </c>
      <c r="Q6789">
        <v>1</v>
      </c>
      <c r="R6789" t="s">
        <v>669</v>
      </c>
      <c r="S6789">
        <v>1</v>
      </c>
      <c r="T6789" t="s">
        <v>661</v>
      </c>
      <c r="U6789">
        <v>8</v>
      </c>
      <c r="V6789">
        <v>4</v>
      </c>
      <c r="W6789">
        <v>240</v>
      </c>
      <c r="X6789">
        <v>2020</v>
      </c>
    </row>
    <row r="6790" spans="1:24" x14ac:dyDescent="0.25">
      <c r="A6790">
        <v>673</v>
      </c>
      <c r="B6790" t="s">
        <v>192</v>
      </c>
      <c r="C6790">
        <v>19</v>
      </c>
      <c r="D6790" t="s">
        <v>463</v>
      </c>
      <c r="E6790">
        <v>134</v>
      </c>
      <c r="F6790" t="s">
        <v>651</v>
      </c>
      <c r="G6790">
        <v>160</v>
      </c>
      <c r="H6790" t="s">
        <v>739</v>
      </c>
      <c r="I6790">
        <v>4413</v>
      </c>
      <c r="J6790" t="s">
        <v>831</v>
      </c>
      <c r="K6790">
        <v>5</v>
      </c>
      <c r="L6790" t="s">
        <v>831</v>
      </c>
      <c r="M6790">
        <v>14</v>
      </c>
      <c r="N6790" t="s">
        <v>654</v>
      </c>
      <c r="O6790">
        <v>3</v>
      </c>
      <c r="P6790" t="s">
        <v>655</v>
      </c>
      <c r="Q6790">
        <v>1</v>
      </c>
      <c r="R6790" t="s">
        <v>669</v>
      </c>
      <c r="S6790">
        <v>1</v>
      </c>
      <c r="T6790" t="s">
        <v>661</v>
      </c>
      <c r="U6790">
        <v>8</v>
      </c>
      <c r="V6790">
        <v>3</v>
      </c>
      <c r="W6790">
        <v>180</v>
      </c>
      <c r="X6790">
        <v>2020</v>
      </c>
    </row>
    <row r="6791" spans="1:24" x14ac:dyDescent="0.25">
      <c r="A6791">
        <v>672</v>
      </c>
      <c r="B6791" t="s">
        <v>30</v>
      </c>
      <c r="C6791">
        <v>18</v>
      </c>
      <c r="D6791" t="s">
        <v>561</v>
      </c>
      <c r="E6791">
        <v>133</v>
      </c>
      <c r="F6791" t="s">
        <v>651</v>
      </c>
      <c r="G6791">
        <v>160</v>
      </c>
      <c r="H6791" t="s">
        <v>739</v>
      </c>
      <c r="I6791">
        <v>4413</v>
      </c>
      <c r="J6791" t="s">
        <v>848</v>
      </c>
      <c r="K6791">
        <v>62</v>
      </c>
      <c r="L6791" t="s">
        <v>1924</v>
      </c>
      <c r="M6791">
        <v>263</v>
      </c>
      <c r="N6791" t="s">
        <v>654</v>
      </c>
      <c r="O6791">
        <v>3</v>
      </c>
      <c r="P6791" t="s">
        <v>655</v>
      </c>
      <c r="Q6791">
        <v>1</v>
      </c>
      <c r="R6791" t="s">
        <v>669</v>
      </c>
      <c r="S6791">
        <v>1</v>
      </c>
      <c r="T6791" t="s">
        <v>661</v>
      </c>
      <c r="U6791">
        <v>8</v>
      </c>
      <c r="V6791">
        <v>4</v>
      </c>
      <c r="W6791">
        <v>240</v>
      </c>
      <c r="X6791">
        <v>2020</v>
      </c>
    </row>
    <row r="6792" spans="1:24" x14ac:dyDescent="0.25">
      <c r="A6792">
        <v>671</v>
      </c>
      <c r="B6792" t="s">
        <v>30</v>
      </c>
      <c r="C6792">
        <v>18</v>
      </c>
      <c r="D6792" t="s">
        <v>561</v>
      </c>
      <c r="E6792">
        <v>133</v>
      </c>
      <c r="F6792" t="s">
        <v>651</v>
      </c>
      <c r="G6792">
        <v>160</v>
      </c>
      <c r="H6792" t="s">
        <v>739</v>
      </c>
      <c r="I6792">
        <v>4413</v>
      </c>
      <c r="J6792" t="s">
        <v>738</v>
      </c>
      <c r="K6792">
        <v>61</v>
      </c>
      <c r="L6792" t="s">
        <v>3938</v>
      </c>
      <c r="M6792">
        <v>256</v>
      </c>
      <c r="N6792" t="s">
        <v>668</v>
      </c>
      <c r="O6792">
        <v>4</v>
      </c>
      <c r="P6792" t="s">
        <v>655</v>
      </c>
      <c r="Q6792">
        <v>1</v>
      </c>
      <c r="R6792" t="s">
        <v>669</v>
      </c>
      <c r="S6792">
        <v>1</v>
      </c>
      <c r="T6792" t="s">
        <v>661</v>
      </c>
      <c r="U6792">
        <v>8</v>
      </c>
      <c r="V6792">
        <v>4</v>
      </c>
      <c r="W6792">
        <v>240</v>
      </c>
      <c r="X6792">
        <v>2020</v>
      </c>
    </row>
    <row r="6793" spans="1:24" x14ac:dyDescent="0.25">
      <c r="A6793">
        <v>670</v>
      </c>
      <c r="B6793" t="s">
        <v>30</v>
      </c>
      <c r="C6793">
        <v>18</v>
      </c>
      <c r="D6793" t="s">
        <v>561</v>
      </c>
      <c r="E6793">
        <v>133</v>
      </c>
      <c r="F6793" t="s">
        <v>651</v>
      </c>
      <c r="G6793">
        <v>160</v>
      </c>
      <c r="H6793" t="s">
        <v>1269</v>
      </c>
      <c r="I6793">
        <v>10721</v>
      </c>
      <c r="J6793" t="s">
        <v>1236</v>
      </c>
      <c r="K6793">
        <v>60</v>
      </c>
      <c r="L6793" t="s">
        <v>3671</v>
      </c>
      <c r="M6793">
        <v>247</v>
      </c>
      <c r="N6793" t="s">
        <v>654</v>
      </c>
      <c r="O6793">
        <v>3</v>
      </c>
      <c r="P6793" t="s">
        <v>655</v>
      </c>
      <c r="Q6793">
        <v>1</v>
      </c>
      <c r="R6793" t="s">
        <v>669</v>
      </c>
      <c r="S6793">
        <v>1</v>
      </c>
      <c r="T6793" t="s">
        <v>661</v>
      </c>
      <c r="U6793">
        <v>8</v>
      </c>
      <c r="V6793">
        <v>4</v>
      </c>
      <c r="W6793">
        <v>240</v>
      </c>
      <c r="X6793">
        <v>2020</v>
      </c>
    </row>
    <row r="6794" spans="1:24" x14ac:dyDescent="0.25">
      <c r="A6794">
        <v>669</v>
      </c>
      <c r="B6794" t="s">
        <v>30</v>
      </c>
      <c r="C6794">
        <v>18</v>
      </c>
      <c r="D6794" t="s">
        <v>561</v>
      </c>
      <c r="E6794">
        <v>133</v>
      </c>
      <c r="F6794" t="s">
        <v>651</v>
      </c>
      <c r="G6794">
        <v>160</v>
      </c>
      <c r="H6794" t="s">
        <v>739</v>
      </c>
      <c r="I6794">
        <v>4413</v>
      </c>
      <c r="J6794" t="s">
        <v>1236</v>
      </c>
      <c r="K6794">
        <v>60</v>
      </c>
      <c r="L6794" t="s">
        <v>3671</v>
      </c>
      <c r="M6794">
        <v>247</v>
      </c>
      <c r="N6794" t="s">
        <v>654</v>
      </c>
      <c r="O6794">
        <v>3</v>
      </c>
      <c r="P6794" t="s">
        <v>655</v>
      </c>
      <c r="Q6794">
        <v>1</v>
      </c>
      <c r="R6794" t="s">
        <v>669</v>
      </c>
      <c r="S6794">
        <v>1</v>
      </c>
      <c r="T6794" t="s">
        <v>661</v>
      </c>
      <c r="U6794">
        <v>8</v>
      </c>
      <c r="V6794">
        <v>4</v>
      </c>
      <c r="W6794">
        <v>240</v>
      </c>
      <c r="X6794">
        <v>2020</v>
      </c>
    </row>
    <row r="6795" spans="1:24" x14ac:dyDescent="0.25">
      <c r="A6795">
        <v>668</v>
      </c>
      <c r="B6795" t="s">
        <v>30</v>
      </c>
      <c r="C6795">
        <v>18</v>
      </c>
      <c r="D6795" t="s">
        <v>561</v>
      </c>
      <c r="E6795">
        <v>133</v>
      </c>
      <c r="F6795" t="s">
        <v>651</v>
      </c>
      <c r="G6795">
        <v>160</v>
      </c>
      <c r="H6795" t="s">
        <v>739</v>
      </c>
      <c r="I6795">
        <v>4413</v>
      </c>
      <c r="J6795" t="s">
        <v>1236</v>
      </c>
      <c r="K6795">
        <v>60</v>
      </c>
      <c r="L6795" t="s">
        <v>3673</v>
      </c>
      <c r="M6795">
        <v>245</v>
      </c>
      <c r="N6795" t="s">
        <v>654</v>
      </c>
      <c r="O6795">
        <v>3</v>
      </c>
      <c r="P6795" t="s">
        <v>655</v>
      </c>
      <c r="Q6795">
        <v>1</v>
      </c>
      <c r="R6795" t="s">
        <v>669</v>
      </c>
      <c r="S6795">
        <v>1</v>
      </c>
      <c r="T6795" t="s">
        <v>661</v>
      </c>
      <c r="U6795">
        <v>8</v>
      </c>
      <c r="V6795">
        <v>4</v>
      </c>
      <c r="W6795">
        <v>240</v>
      </c>
      <c r="X6795">
        <v>2020</v>
      </c>
    </row>
    <row r="6796" spans="1:24" x14ac:dyDescent="0.25">
      <c r="A6796">
        <v>667</v>
      </c>
      <c r="B6796" t="s">
        <v>30</v>
      </c>
      <c r="C6796">
        <v>18</v>
      </c>
      <c r="D6796" t="s">
        <v>562</v>
      </c>
      <c r="E6796">
        <v>132</v>
      </c>
      <c r="F6796" t="s">
        <v>651</v>
      </c>
      <c r="G6796">
        <v>160</v>
      </c>
      <c r="H6796" t="s">
        <v>739</v>
      </c>
      <c r="I6796">
        <v>4413</v>
      </c>
      <c r="J6796" t="s">
        <v>716</v>
      </c>
      <c r="K6796">
        <v>68</v>
      </c>
      <c r="L6796" t="s">
        <v>1915</v>
      </c>
      <c r="M6796">
        <v>294</v>
      </c>
      <c r="N6796" t="s">
        <v>654</v>
      </c>
      <c r="O6796">
        <v>3</v>
      </c>
      <c r="P6796" t="s">
        <v>655</v>
      </c>
      <c r="Q6796">
        <v>1</v>
      </c>
      <c r="R6796" t="s">
        <v>669</v>
      </c>
      <c r="S6796">
        <v>1</v>
      </c>
      <c r="T6796" t="s">
        <v>661</v>
      </c>
      <c r="U6796">
        <v>8</v>
      </c>
      <c r="V6796">
        <v>4</v>
      </c>
      <c r="W6796">
        <v>240</v>
      </c>
      <c r="X6796">
        <v>2020</v>
      </c>
    </row>
    <row r="6797" spans="1:24" x14ac:dyDescent="0.25">
      <c r="A6797">
        <v>665</v>
      </c>
      <c r="B6797" t="s">
        <v>30</v>
      </c>
      <c r="C6797">
        <v>18</v>
      </c>
      <c r="D6797" t="s">
        <v>562</v>
      </c>
      <c r="E6797">
        <v>132</v>
      </c>
      <c r="F6797" t="s">
        <v>651</v>
      </c>
      <c r="G6797">
        <v>160</v>
      </c>
      <c r="H6797" t="s">
        <v>739</v>
      </c>
      <c r="I6797">
        <v>4413</v>
      </c>
      <c r="J6797" t="s">
        <v>738</v>
      </c>
      <c r="K6797">
        <v>61</v>
      </c>
      <c r="L6797" t="s">
        <v>1261</v>
      </c>
      <c r="M6797">
        <v>253</v>
      </c>
      <c r="N6797" t="s">
        <v>654</v>
      </c>
      <c r="O6797">
        <v>3</v>
      </c>
      <c r="P6797" t="s">
        <v>655</v>
      </c>
      <c r="Q6797">
        <v>1</v>
      </c>
      <c r="R6797" t="s">
        <v>669</v>
      </c>
      <c r="S6797">
        <v>1</v>
      </c>
      <c r="T6797" t="s">
        <v>661</v>
      </c>
      <c r="U6797">
        <v>8</v>
      </c>
      <c r="V6797">
        <v>4</v>
      </c>
      <c r="W6797">
        <v>240</v>
      </c>
      <c r="X6797">
        <v>2020</v>
      </c>
    </row>
    <row r="6798" spans="1:24" x14ac:dyDescent="0.25">
      <c r="A6798">
        <v>664</v>
      </c>
      <c r="B6798" t="s">
        <v>30</v>
      </c>
      <c r="C6798">
        <v>18</v>
      </c>
      <c r="D6798" t="s">
        <v>562</v>
      </c>
      <c r="E6798">
        <v>132</v>
      </c>
      <c r="F6798" t="s">
        <v>651</v>
      </c>
      <c r="G6798">
        <v>160</v>
      </c>
      <c r="H6798" t="s">
        <v>739</v>
      </c>
      <c r="I6798">
        <v>4413</v>
      </c>
      <c r="J6798" t="s">
        <v>738</v>
      </c>
      <c r="K6798">
        <v>61</v>
      </c>
      <c r="L6798" t="s">
        <v>3977</v>
      </c>
      <c r="M6798">
        <v>250</v>
      </c>
      <c r="N6798" t="s">
        <v>654</v>
      </c>
      <c r="O6798">
        <v>3</v>
      </c>
      <c r="P6798" t="s">
        <v>655</v>
      </c>
      <c r="Q6798">
        <v>1</v>
      </c>
      <c r="R6798" t="s">
        <v>669</v>
      </c>
      <c r="S6798">
        <v>1</v>
      </c>
      <c r="T6798" t="s">
        <v>661</v>
      </c>
      <c r="U6798">
        <v>8</v>
      </c>
      <c r="V6798">
        <v>4</v>
      </c>
      <c r="W6798">
        <v>240</v>
      </c>
      <c r="X6798">
        <v>2020</v>
      </c>
    </row>
    <row r="6799" spans="1:24" x14ac:dyDescent="0.25">
      <c r="A6799">
        <v>663</v>
      </c>
      <c r="B6799" t="s">
        <v>30</v>
      </c>
      <c r="C6799">
        <v>18</v>
      </c>
      <c r="D6799" t="s">
        <v>562</v>
      </c>
      <c r="E6799">
        <v>132</v>
      </c>
      <c r="F6799" t="s">
        <v>651</v>
      </c>
      <c r="G6799">
        <v>160</v>
      </c>
      <c r="H6799" t="s">
        <v>854</v>
      </c>
      <c r="I6799">
        <v>1</v>
      </c>
      <c r="J6799" t="s">
        <v>738</v>
      </c>
      <c r="K6799">
        <v>61</v>
      </c>
      <c r="L6799" t="s">
        <v>924</v>
      </c>
      <c r="M6799">
        <v>248</v>
      </c>
      <c r="N6799" t="s">
        <v>654</v>
      </c>
      <c r="O6799">
        <v>3</v>
      </c>
      <c r="P6799" t="s">
        <v>655</v>
      </c>
      <c r="Q6799">
        <v>1</v>
      </c>
      <c r="R6799" t="s">
        <v>669</v>
      </c>
      <c r="S6799">
        <v>1</v>
      </c>
      <c r="T6799" t="s">
        <v>661</v>
      </c>
      <c r="U6799">
        <v>8</v>
      </c>
      <c r="V6799">
        <v>4</v>
      </c>
      <c r="W6799">
        <v>240</v>
      </c>
      <c r="X6799">
        <v>2020</v>
      </c>
    </row>
    <row r="6800" spans="1:24" x14ac:dyDescent="0.25">
      <c r="A6800">
        <v>662</v>
      </c>
      <c r="B6800" t="s">
        <v>30</v>
      </c>
      <c r="C6800">
        <v>18</v>
      </c>
      <c r="D6800" t="s">
        <v>562</v>
      </c>
      <c r="E6800">
        <v>132</v>
      </c>
      <c r="F6800" t="s">
        <v>651</v>
      </c>
      <c r="G6800">
        <v>160</v>
      </c>
      <c r="H6800" t="s">
        <v>739</v>
      </c>
      <c r="I6800">
        <v>4413</v>
      </c>
      <c r="J6800" t="s">
        <v>738</v>
      </c>
      <c r="K6800">
        <v>61</v>
      </c>
      <c r="L6800" t="s">
        <v>924</v>
      </c>
      <c r="M6800">
        <v>248</v>
      </c>
      <c r="N6800" t="s">
        <v>654</v>
      </c>
      <c r="O6800">
        <v>3</v>
      </c>
      <c r="P6800" t="s">
        <v>655</v>
      </c>
      <c r="Q6800">
        <v>1</v>
      </c>
      <c r="R6800" t="s">
        <v>669</v>
      </c>
      <c r="S6800">
        <v>1</v>
      </c>
      <c r="T6800" t="s">
        <v>661</v>
      </c>
      <c r="U6800">
        <v>8</v>
      </c>
      <c r="V6800">
        <v>4</v>
      </c>
      <c r="W6800">
        <v>240</v>
      </c>
      <c r="X6800">
        <v>2020</v>
      </c>
    </row>
    <row r="6801" spans="1:24" x14ac:dyDescent="0.25">
      <c r="A6801">
        <v>661</v>
      </c>
      <c r="B6801" t="s">
        <v>30</v>
      </c>
      <c r="C6801">
        <v>18</v>
      </c>
      <c r="D6801" t="s">
        <v>562</v>
      </c>
      <c r="E6801">
        <v>132</v>
      </c>
      <c r="F6801" t="s">
        <v>651</v>
      </c>
      <c r="G6801">
        <v>160</v>
      </c>
      <c r="H6801" t="s">
        <v>739</v>
      </c>
      <c r="I6801">
        <v>4413</v>
      </c>
      <c r="J6801" t="s">
        <v>707</v>
      </c>
      <c r="K6801">
        <v>59</v>
      </c>
      <c r="L6801" t="s">
        <v>708</v>
      </c>
      <c r="M6801">
        <v>242</v>
      </c>
      <c r="N6801" t="s">
        <v>654</v>
      </c>
      <c r="O6801">
        <v>3</v>
      </c>
      <c r="P6801" t="s">
        <v>655</v>
      </c>
      <c r="Q6801">
        <v>1</v>
      </c>
      <c r="R6801" t="s">
        <v>669</v>
      </c>
      <c r="S6801">
        <v>1</v>
      </c>
      <c r="T6801" t="s">
        <v>661</v>
      </c>
      <c r="U6801">
        <v>8</v>
      </c>
      <c r="V6801">
        <v>4</v>
      </c>
      <c r="W6801">
        <v>240</v>
      </c>
      <c r="X6801">
        <v>2020</v>
      </c>
    </row>
    <row r="6802" spans="1:24" x14ac:dyDescent="0.25">
      <c r="A6802">
        <v>659</v>
      </c>
      <c r="B6802" t="s">
        <v>30</v>
      </c>
      <c r="C6802">
        <v>18</v>
      </c>
      <c r="D6802" t="s">
        <v>563</v>
      </c>
      <c r="E6802">
        <v>131</v>
      </c>
      <c r="F6802" t="s">
        <v>651</v>
      </c>
      <c r="G6802">
        <v>160</v>
      </c>
      <c r="H6802" t="s">
        <v>739</v>
      </c>
      <c r="I6802">
        <v>4413</v>
      </c>
      <c r="J6802" t="s">
        <v>3131</v>
      </c>
      <c r="K6802">
        <v>50</v>
      </c>
      <c r="L6802" t="s">
        <v>2728</v>
      </c>
      <c r="M6802">
        <v>191</v>
      </c>
      <c r="N6802" t="s">
        <v>654</v>
      </c>
      <c r="O6802">
        <v>3</v>
      </c>
      <c r="P6802" t="s">
        <v>655</v>
      </c>
      <c r="Q6802">
        <v>1</v>
      </c>
      <c r="R6802" t="s">
        <v>669</v>
      </c>
      <c r="S6802">
        <v>1</v>
      </c>
      <c r="T6802" t="s">
        <v>661</v>
      </c>
      <c r="U6802">
        <v>8</v>
      </c>
      <c r="V6802">
        <v>4</v>
      </c>
      <c r="W6802">
        <v>240</v>
      </c>
      <c r="X6802">
        <v>2020</v>
      </c>
    </row>
    <row r="6803" spans="1:24" x14ac:dyDescent="0.25">
      <c r="A6803">
        <v>658</v>
      </c>
      <c r="B6803" t="s">
        <v>30</v>
      </c>
      <c r="C6803">
        <v>18</v>
      </c>
      <c r="D6803" t="s">
        <v>361</v>
      </c>
      <c r="E6803">
        <v>130</v>
      </c>
      <c r="F6803" t="s">
        <v>651</v>
      </c>
      <c r="G6803">
        <v>160</v>
      </c>
      <c r="H6803" t="s">
        <v>1875</v>
      </c>
      <c r="I6803">
        <v>2551</v>
      </c>
      <c r="J6803" t="s">
        <v>705</v>
      </c>
      <c r="K6803">
        <v>70</v>
      </c>
      <c r="L6803" t="s">
        <v>890</v>
      </c>
      <c r="M6803">
        <v>301</v>
      </c>
      <c r="N6803" t="s">
        <v>654</v>
      </c>
      <c r="O6803">
        <v>3</v>
      </c>
      <c r="P6803" t="s">
        <v>655</v>
      </c>
      <c r="Q6803">
        <v>1</v>
      </c>
      <c r="R6803" t="s">
        <v>669</v>
      </c>
      <c r="S6803">
        <v>1</v>
      </c>
      <c r="T6803" t="s">
        <v>661</v>
      </c>
      <c r="U6803">
        <v>8</v>
      </c>
      <c r="V6803">
        <v>4</v>
      </c>
      <c r="W6803">
        <v>240</v>
      </c>
      <c r="X6803">
        <v>2020</v>
      </c>
    </row>
    <row r="6804" spans="1:24" x14ac:dyDescent="0.25">
      <c r="A6804">
        <v>657</v>
      </c>
      <c r="B6804" t="s">
        <v>30</v>
      </c>
      <c r="C6804">
        <v>18</v>
      </c>
      <c r="D6804" t="s">
        <v>361</v>
      </c>
      <c r="E6804">
        <v>130</v>
      </c>
      <c r="F6804" t="s">
        <v>651</v>
      </c>
      <c r="G6804">
        <v>160</v>
      </c>
      <c r="H6804" t="s">
        <v>739</v>
      </c>
      <c r="I6804">
        <v>4413</v>
      </c>
      <c r="J6804" t="s">
        <v>705</v>
      </c>
      <c r="K6804">
        <v>70</v>
      </c>
      <c r="L6804" t="s">
        <v>890</v>
      </c>
      <c r="M6804">
        <v>301</v>
      </c>
      <c r="N6804" t="s">
        <v>654</v>
      </c>
      <c r="O6804">
        <v>3</v>
      </c>
      <c r="P6804" t="s">
        <v>655</v>
      </c>
      <c r="Q6804">
        <v>1</v>
      </c>
      <c r="R6804" t="s">
        <v>669</v>
      </c>
      <c r="S6804">
        <v>1</v>
      </c>
      <c r="T6804" t="s">
        <v>661</v>
      </c>
      <c r="U6804">
        <v>8</v>
      </c>
      <c r="V6804">
        <v>4</v>
      </c>
      <c r="W6804">
        <v>240</v>
      </c>
      <c r="X6804">
        <v>2020</v>
      </c>
    </row>
    <row r="6805" spans="1:24" x14ac:dyDescent="0.25">
      <c r="A6805">
        <v>656</v>
      </c>
      <c r="B6805" t="s">
        <v>30</v>
      </c>
      <c r="C6805">
        <v>18</v>
      </c>
      <c r="D6805" t="s">
        <v>361</v>
      </c>
      <c r="E6805">
        <v>130</v>
      </c>
      <c r="F6805" t="s">
        <v>651</v>
      </c>
      <c r="G6805">
        <v>160</v>
      </c>
      <c r="H6805" t="s">
        <v>739</v>
      </c>
      <c r="I6805">
        <v>4413</v>
      </c>
      <c r="J6805" t="s">
        <v>730</v>
      </c>
      <c r="K6805">
        <v>66</v>
      </c>
      <c r="L6805" t="s">
        <v>3739</v>
      </c>
      <c r="M6805">
        <v>284</v>
      </c>
      <c r="N6805" t="s">
        <v>654</v>
      </c>
      <c r="O6805">
        <v>3</v>
      </c>
      <c r="P6805" t="s">
        <v>655</v>
      </c>
      <c r="Q6805">
        <v>1</v>
      </c>
      <c r="R6805" t="s">
        <v>669</v>
      </c>
      <c r="S6805">
        <v>1</v>
      </c>
      <c r="T6805" t="s">
        <v>661</v>
      </c>
      <c r="U6805">
        <v>8</v>
      </c>
      <c r="V6805">
        <v>4</v>
      </c>
      <c r="W6805">
        <v>240</v>
      </c>
      <c r="X6805">
        <v>2020</v>
      </c>
    </row>
    <row r="6806" spans="1:24" x14ac:dyDescent="0.25">
      <c r="A6806">
        <v>655</v>
      </c>
      <c r="B6806" t="s">
        <v>30</v>
      </c>
      <c r="C6806">
        <v>18</v>
      </c>
      <c r="D6806" t="s">
        <v>361</v>
      </c>
      <c r="E6806">
        <v>130</v>
      </c>
      <c r="F6806" t="s">
        <v>651</v>
      </c>
      <c r="G6806">
        <v>160</v>
      </c>
      <c r="H6806" t="s">
        <v>739</v>
      </c>
      <c r="I6806">
        <v>4413</v>
      </c>
      <c r="J6806" t="s">
        <v>695</v>
      </c>
      <c r="K6806">
        <v>54</v>
      </c>
      <c r="L6806" t="s">
        <v>1934</v>
      </c>
      <c r="M6806">
        <v>216</v>
      </c>
      <c r="N6806" t="s">
        <v>654</v>
      </c>
      <c r="O6806">
        <v>3</v>
      </c>
      <c r="P6806" t="s">
        <v>655</v>
      </c>
      <c r="Q6806">
        <v>1</v>
      </c>
      <c r="R6806" t="s">
        <v>669</v>
      </c>
      <c r="S6806">
        <v>1</v>
      </c>
      <c r="T6806" t="s">
        <v>661</v>
      </c>
      <c r="U6806">
        <v>8</v>
      </c>
      <c r="V6806">
        <v>4</v>
      </c>
      <c r="W6806">
        <v>240</v>
      </c>
      <c r="X6806">
        <v>2020</v>
      </c>
    </row>
    <row r="6807" spans="1:24" x14ac:dyDescent="0.25">
      <c r="A6807">
        <v>654</v>
      </c>
      <c r="B6807" t="s">
        <v>30</v>
      </c>
      <c r="C6807">
        <v>18</v>
      </c>
      <c r="D6807" t="s">
        <v>361</v>
      </c>
      <c r="E6807">
        <v>130</v>
      </c>
      <c r="F6807" t="s">
        <v>651</v>
      </c>
      <c r="G6807">
        <v>160</v>
      </c>
      <c r="H6807" t="s">
        <v>739</v>
      </c>
      <c r="I6807">
        <v>4413</v>
      </c>
      <c r="J6807" t="s">
        <v>714</v>
      </c>
      <c r="K6807">
        <v>52</v>
      </c>
      <c r="L6807" t="s">
        <v>928</v>
      </c>
      <c r="M6807">
        <v>202</v>
      </c>
      <c r="N6807" t="s">
        <v>654</v>
      </c>
      <c r="O6807">
        <v>3</v>
      </c>
      <c r="P6807" t="s">
        <v>655</v>
      </c>
      <c r="Q6807">
        <v>1</v>
      </c>
      <c r="R6807" t="s">
        <v>669</v>
      </c>
      <c r="S6807">
        <v>1</v>
      </c>
      <c r="T6807" t="s">
        <v>661</v>
      </c>
      <c r="U6807">
        <v>8</v>
      </c>
      <c r="V6807">
        <v>4</v>
      </c>
      <c r="W6807">
        <v>240</v>
      </c>
      <c r="X6807">
        <v>2020</v>
      </c>
    </row>
    <row r="6808" spans="1:24" x14ac:dyDescent="0.25">
      <c r="A6808">
        <v>653</v>
      </c>
      <c r="B6808" t="s">
        <v>30</v>
      </c>
      <c r="C6808">
        <v>18</v>
      </c>
      <c r="D6808" t="s">
        <v>361</v>
      </c>
      <c r="E6808">
        <v>130</v>
      </c>
      <c r="F6808" t="s">
        <v>651</v>
      </c>
      <c r="G6808">
        <v>160</v>
      </c>
      <c r="H6808" t="s">
        <v>739</v>
      </c>
      <c r="I6808">
        <v>4413</v>
      </c>
      <c r="J6808" t="s">
        <v>714</v>
      </c>
      <c r="K6808">
        <v>52</v>
      </c>
      <c r="L6808" t="s">
        <v>3974</v>
      </c>
      <c r="M6808">
        <v>201</v>
      </c>
      <c r="N6808" t="s">
        <v>654</v>
      </c>
      <c r="O6808">
        <v>3</v>
      </c>
      <c r="P6808" t="s">
        <v>655</v>
      </c>
      <c r="Q6808">
        <v>1</v>
      </c>
      <c r="R6808" t="s">
        <v>669</v>
      </c>
      <c r="S6808">
        <v>1</v>
      </c>
      <c r="T6808" t="s">
        <v>661</v>
      </c>
      <c r="U6808">
        <v>8</v>
      </c>
      <c r="V6808">
        <v>4</v>
      </c>
      <c r="W6808">
        <v>240</v>
      </c>
      <c r="X6808">
        <v>2020</v>
      </c>
    </row>
    <row r="6809" spans="1:24" x14ac:dyDescent="0.25">
      <c r="A6809">
        <v>652</v>
      </c>
      <c r="B6809" t="s">
        <v>30</v>
      </c>
      <c r="C6809">
        <v>18</v>
      </c>
      <c r="D6809" t="s">
        <v>361</v>
      </c>
      <c r="E6809">
        <v>130</v>
      </c>
      <c r="F6809" t="s">
        <v>651</v>
      </c>
      <c r="G6809">
        <v>160</v>
      </c>
      <c r="H6809" t="s">
        <v>739</v>
      </c>
      <c r="I6809">
        <v>4413</v>
      </c>
      <c r="J6809" t="s">
        <v>714</v>
      </c>
      <c r="K6809">
        <v>52</v>
      </c>
      <c r="L6809" t="s">
        <v>3975</v>
      </c>
      <c r="M6809">
        <v>199</v>
      </c>
      <c r="N6809" t="s">
        <v>654</v>
      </c>
      <c r="O6809">
        <v>3</v>
      </c>
      <c r="P6809" t="s">
        <v>655</v>
      </c>
      <c r="Q6809">
        <v>1</v>
      </c>
      <c r="R6809" t="s">
        <v>669</v>
      </c>
      <c r="S6809">
        <v>1</v>
      </c>
      <c r="T6809" t="s">
        <v>661</v>
      </c>
      <c r="U6809">
        <v>8</v>
      </c>
      <c r="V6809">
        <v>4</v>
      </c>
      <c r="W6809">
        <v>240</v>
      </c>
      <c r="X6809">
        <v>2020</v>
      </c>
    </row>
    <row r="6810" spans="1:24" x14ac:dyDescent="0.25">
      <c r="A6810">
        <v>650</v>
      </c>
      <c r="B6810" t="s">
        <v>30</v>
      </c>
      <c r="C6810">
        <v>18</v>
      </c>
      <c r="D6810" t="s">
        <v>522</v>
      </c>
      <c r="E6810">
        <v>129</v>
      </c>
      <c r="F6810" t="s">
        <v>651</v>
      </c>
      <c r="G6810">
        <v>160</v>
      </c>
      <c r="H6810" t="s">
        <v>739</v>
      </c>
      <c r="I6810">
        <v>4413</v>
      </c>
      <c r="J6810" t="s">
        <v>730</v>
      </c>
      <c r="K6810">
        <v>66</v>
      </c>
      <c r="L6810" t="s">
        <v>3739</v>
      </c>
      <c r="M6810">
        <v>284</v>
      </c>
      <c r="N6810" t="s">
        <v>654</v>
      </c>
      <c r="O6810">
        <v>3</v>
      </c>
      <c r="P6810" t="s">
        <v>655</v>
      </c>
      <c r="Q6810">
        <v>1</v>
      </c>
      <c r="R6810" t="s">
        <v>669</v>
      </c>
      <c r="S6810">
        <v>1</v>
      </c>
      <c r="T6810" t="s">
        <v>661</v>
      </c>
      <c r="U6810">
        <v>8</v>
      </c>
      <c r="V6810">
        <v>4</v>
      </c>
      <c r="W6810">
        <v>240</v>
      </c>
      <c r="X6810">
        <v>2020</v>
      </c>
    </row>
    <row r="6811" spans="1:24" x14ac:dyDescent="0.25">
      <c r="A6811">
        <v>649</v>
      </c>
      <c r="B6811" t="s">
        <v>30</v>
      </c>
      <c r="C6811">
        <v>18</v>
      </c>
      <c r="D6811" t="s">
        <v>522</v>
      </c>
      <c r="E6811">
        <v>129</v>
      </c>
      <c r="F6811" t="s">
        <v>651</v>
      </c>
      <c r="G6811">
        <v>160</v>
      </c>
      <c r="H6811" t="s">
        <v>739</v>
      </c>
      <c r="I6811">
        <v>4413</v>
      </c>
      <c r="J6811" t="s">
        <v>710</v>
      </c>
      <c r="K6811">
        <v>53</v>
      </c>
      <c r="L6811" t="s">
        <v>3888</v>
      </c>
      <c r="M6811">
        <v>205</v>
      </c>
      <c r="N6811" t="s">
        <v>654</v>
      </c>
      <c r="O6811">
        <v>3</v>
      </c>
      <c r="P6811" t="s">
        <v>655</v>
      </c>
      <c r="Q6811">
        <v>1</v>
      </c>
      <c r="R6811" t="s">
        <v>669</v>
      </c>
      <c r="S6811">
        <v>1</v>
      </c>
      <c r="T6811" t="s">
        <v>718</v>
      </c>
      <c r="U6811">
        <v>2</v>
      </c>
      <c r="V6811">
        <v>4</v>
      </c>
      <c r="W6811">
        <v>240</v>
      </c>
      <c r="X6811">
        <v>2020</v>
      </c>
    </row>
    <row r="6812" spans="1:24" x14ac:dyDescent="0.25">
      <c r="A6812">
        <v>648</v>
      </c>
      <c r="B6812" t="s">
        <v>30</v>
      </c>
      <c r="C6812">
        <v>18</v>
      </c>
      <c r="D6812" t="s">
        <v>522</v>
      </c>
      <c r="E6812">
        <v>129</v>
      </c>
      <c r="F6812" t="s">
        <v>651</v>
      </c>
      <c r="G6812">
        <v>160</v>
      </c>
      <c r="H6812" t="s">
        <v>739</v>
      </c>
      <c r="I6812">
        <v>4413</v>
      </c>
      <c r="J6812" t="s">
        <v>710</v>
      </c>
      <c r="K6812">
        <v>53</v>
      </c>
      <c r="L6812" t="s">
        <v>3888</v>
      </c>
      <c r="M6812">
        <v>205</v>
      </c>
      <c r="N6812" t="s">
        <v>654</v>
      </c>
      <c r="O6812">
        <v>3</v>
      </c>
      <c r="P6812" t="s">
        <v>655</v>
      </c>
      <c r="Q6812">
        <v>1</v>
      </c>
      <c r="R6812" t="s">
        <v>669</v>
      </c>
      <c r="S6812">
        <v>1</v>
      </c>
      <c r="T6812" t="s">
        <v>661</v>
      </c>
      <c r="U6812">
        <v>8</v>
      </c>
      <c r="V6812">
        <v>4</v>
      </c>
      <c r="W6812">
        <v>240</v>
      </c>
      <c r="X6812">
        <v>2020</v>
      </c>
    </row>
    <row r="6813" spans="1:24" x14ac:dyDescent="0.25">
      <c r="A6813">
        <v>647</v>
      </c>
      <c r="B6813" t="s">
        <v>30</v>
      </c>
      <c r="C6813">
        <v>18</v>
      </c>
      <c r="D6813" t="s">
        <v>522</v>
      </c>
      <c r="E6813">
        <v>129</v>
      </c>
      <c r="F6813" t="s">
        <v>651</v>
      </c>
      <c r="G6813">
        <v>160</v>
      </c>
      <c r="H6813" t="s">
        <v>739</v>
      </c>
      <c r="I6813">
        <v>4413</v>
      </c>
      <c r="J6813" t="s">
        <v>710</v>
      </c>
      <c r="K6813">
        <v>53</v>
      </c>
      <c r="L6813" t="s">
        <v>3931</v>
      </c>
      <c r="M6813">
        <v>204</v>
      </c>
      <c r="N6813" t="s">
        <v>654</v>
      </c>
      <c r="O6813">
        <v>3</v>
      </c>
      <c r="P6813" t="s">
        <v>655</v>
      </c>
      <c r="Q6813">
        <v>1</v>
      </c>
      <c r="R6813" t="s">
        <v>669</v>
      </c>
      <c r="S6813">
        <v>1</v>
      </c>
      <c r="T6813" t="s">
        <v>718</v>
      </c>
      <c r="U6813">
        <v>2</v>
      </c>
      <c r="V6813">
        <v>4</v>
      </c>
      <c r="W6813">
        <v>240</v>
      </c>
      <c r="X6813">
        <v>2020</v>
      </c>
    </row>
    <row r="6814" spans="1:24" x14ac:dyDescent="0.25">
      <c r="A6814">
        <v>646</v>
      </c>
      <c r="B6814" t="s">
        <v>30</v>
      </c>
      <c r="C6814">
        <v>18</v>
      </c>
      <c r="D6814" t="s">
        <v>522</v>
      </c>
      <c r="E6814">
        <v>129</v>
      </c>
      <c r="F6814" t="s">
        <v>651</v>
      </c>
      <c r="G6814">
        <v>160</v>
      </c>
      <c r="H6814" t="s">
        <v>739</v>
      </c>
      <c r="I6814">
        <v>4413</v>
      </c>
      <c r="J6814" t="s">
        <v>710</v>
      </c>
      <c r="K6814">
        <v>53</v>
      </c>
      <c r="L6814" t="s">
        <v>3931</v>
      </c>
      <c r="M6814">
        <v>204</v>
      </c>
      <c r="N6814" t="s">
        <v>654</v>
      </c>
      <c r="O6814">
        <v>3</v>
      </c>
      <c r="P6814" t="s">
        <v>655</v>
      </c>
      <c r="Q6814">
        <v>1</v>
      </c>
      <c r="R6814" t="s">
        <v>669</v>
      </c>
      <c r="S6814">
        <v>1</v>
      </c>
      <c r="T6814" t="s">
        <v>661</v>
      </c>
      <c r="U6814">
        <v>8</v>
      </c>
      <c r="V6814">
        <v>4</v>
      </c>
      <c r="W6814">
        <v>240</v>
      </c>
      <c r="X6814">
        <v>2020</v>
      </c>
    </row>
    <row r="6815" spans="1:24" x14ac:dyDescent="0.25">
      <c r="A6815">
        <v>644</v>
      </c>
      <c r="B6815" t="s">
        <v>30</v>
      </c>
      <c r="C6815">
        <v>18</v>
      </c>
      <c r="D6815" t="s">
        <v>564</v>
      </c>
      <c r="E6815">
        <v>128</v>
      </c>
      <c r="F6815" t="s">
        <v>651</v>
      </c>
      <c r="G6815">
        <v>160</v>
      </c>
      <c r="H6815" t="s">
        <v>1875</v>
      </c>
      <c r="I6815">
        <v>2551</v>
      </c>
      <c r="J6815" t="s">
        <v>716</v>
      </c>
      <c r="K6815">
        <v>68</v>
      </c>
      <c r="L6815" t="s">
        <v>717</v>
      </c>
      <c r="M6815">
        <v>295</v>
      </c>
      <c r="N6815" t="s">
        <v>654</v>
      </c>
      <c r="O6815">
        <v>3</v>
      </c>
      <c r="P6815" t="s">
        <v>655</v>
      </c>
      <c r="Q6815">
        <v>1</v>
      </c>
      <c r="R6815" t="s">
        <v>669</v>
      </c>
      <c r="S6815">
        <v>1</v>
      </c>
      <c r="T6815" t="s">
        <v>661</v>
      </c>
      <c r="U6815">
        <v>8</v>
      </c>
      <c r="V6815">
        <v>4</v>
      </c>
      <c r="W6815">
        <v>240</v>
      </c>
      <c r="X6815">
        <v>2020</v>
      </c>
    </row>
    <row r="6816" spans="1:24" x14ac:dyDescent="0.25">
      <c r="A6816">
        <v>643</v>
      </c>
      <c r="B6816" t="s">
        <v>30</v>
      </c>
      <c r="C6816">
        <v>18</v>
      </c>
      <c r="D6816" t="s">
        <v>564</v>
      </c>
      <c r="E6816">
        <v>128</v>
      </c>
      <c r="F6816" t="s">
        <v>651</v>
      </c>
      <c r="G6816">
        <v>160</v>
      </c>
      <c r="H6816" t="s">
        <v>739</v>
      </c>
      <c r="I6816">
        <v>4413</v>
      </c>
      <c r="J6816" t="s">
        <v>716</v>
      </c>
      <c r="K6816">
        <v>68</v>
      </c>
      <c r="L6816" t="s">
        <v>717</v>
      </c>
      <c r="M6816">
        <v>295</v>
      </c>
      <c r="N6816" t="s">
        <v>654</v>
      </c>
      <c r="O6816">
        <v>3</v>
      </c>
      <c r="P6816" t="s">
        <v>655</v>
      </c>
      <c r="Q6816">
        <v>1</v>
      </c>
      <c r="R6816" t="s">
        <v>669</v>
      </c>
      <c r="S6816">
        <v>1</v>
      </c>
      <c r="T6816" t="s">
        <v>718</v>
      </c>
      <c r="U6816">
        <v>2</v>
      </c>
      <c r="V6816">
        <v>4</v>
      </c>
      <c r="W6816">
        <v>240</v>
      </c>
      <c r="X6816">
        <v>2020</v>
      </c>
    </row>
    <row r="6817" spans="1:24" x14ac:dyDescent="0.25">
      <c r="A6817">
        <v>642</v>
      </c>
      <c r="B6817" t="s">
        <v>30</v>
      </c>
      <c r="C6817">
        <v>18</v>
      </c>
      <c r="D6817" t="s">
        <v>564</v>
      </c>
      <c r="E6817">
        <v>128</v>
      </c>
      <c r="F6817" t="s">
        <v>651</v>
      </c>
      <c r="G6817">
        <v>160</v>
      </c>
      <c r="H6817" t="s">
        <v>739</v>
      </c>
      <c r="I6817">
        <v>4413</v>
      </c>
      <c r="J6817" t="s">
        <v>716</v>
      </c>
      <c r="K6817">
        <v>68</v>
      </c>
      <c r="L6817" t="s">
        <v>717</v>
      </c>
      <c r="M6817">
        <v>295</v>
      </c>
      <c r="N6817" t="s">
        <v>654</v>
      </c>
      <c r="O6817">
        <v>3</v>
      </c>
      <c r="P6817" t="s">
        <v>655</v>
      </c>
      <c r="Q6817">
        <v>1</v>
      </c>
      <c r="R6817" t="s">
        <v>669</v>
      </c>
      <c r="S6817">
        <v>1</v>
      </c>
      <c r="T6817" t="s">
        <v>661</v>
      </c>
      <c r="U6817">
        <v>8</v>
      </c>
      <c r="V6817">
        <v>4</v>
      </c>
      <c r="W6817">
        <v>240</v>
      </c>
      <c r="X6817">
        <v>2020</v>
      </c>
    </row>
    <row r="6818" spans="1:24" x14ac:dyDescent="0.25">
      <c r="A6818">
        <v>640</v>
      </c>
      <c r="B6818" t="s">
        <v>30</v>
      </c>
      <c r="C6818">
        <v>18</v>
      </c>
      <c r="D6818" t="s">
        <v>564</v>
      </c>
      <c r="E6818">
        <v>128</v>
      </c>
      <c r="F6818" t="s">
        <v>651</v>
      </c>
      <c r="G6818">
        <v>160</v>
      </c>
      <c r="H6818" t="s">
        <v>779</v>
      </c>
      <c r="I6818">
        <v>10487</v>
      </c>
      <c r="J6818" t="s">
        <v>730</v>
      </c>
      <c r="K6818">
        <v>66</v>
      </c>
      <c r="L6818" t="s">
        <v>3789</v>
      </c>
      <c r="M6818">
        <v>279</v>
      </c>
      <c r="N6818" t="s">
        <v>654</v>
      </c>
      <c r="O6818">
        <v>3</v>
      </c>
      <c r="P6818" t="s">
        <v>655</v>
      </c>
      <c r="Q6818">
        <v>1</v>
      </c>
      <c r="R6818" t="s">
        <v>669</v>
      </c>
      <c r="S6818">
        <v>1</v>
      </c>
      <c r="T6818" t="s">
        <v>661</v>
      </c>
      <c r="U6818">
        <v>8</v>
      </c>
      <c r="V6818">
        <v>4</v>
      </c>
      <c r="W6818">
        <v>240</v>
      </c>
      <c r="X6818">
        <v>2020</v>
      </c>
    </row>
    <row r="6819" spans="1:24" x14ac:dyDescent="0.25">
      <c r="A6819">
        <v>639</v>
      </c>
      <c r="B6819" t="s">
        <v>30</v>
      </c>
      <c r="C6819">
        <v>18</v>
      </c>
      <c r="D6819" t="s">
        <v>564</v>
      </c>
      <c r="E6819">
        <v>128</v>
      </c>
      <c r="F6819" t="s">
        <v>651</v>
      </c>
      <c r="G6819">
        <v>160</v>
      </c>
      <c r="H6819" t="s">
        <v>854</v>
      </c>
      <c r="I6819">
        <v>1</v>
      </c>
      <c r="J6819" t="s">
        <v>730</v>
      </c>
      <c r="K6819">
        <v>66</v>
      </c>
      <c r="L6819" t="s">
        <v>3789</v>
      </c>
      <c r="M6819">
        <v>279</v>
      </c>
      <c r="N6819" t="s">
        <v>654</v>
      </c>
      <c r="O6819">
        <v>3</v>
      </c>
      <c r="P6819" t="s">
        <v>655</v>
      </c>
      <c r="Q6819">
        <v>1</v>
      </c>
      <c r="R6819" t="s">
        <v>669</v>
      </c>
      <c r="S6819">
        <v>1</v>
      </c>
      <c r="T6819" t="s">
        <v>661</v>
      </c>
      <c r="U6819">
        <v>8</v>
      </c>
      <c r="V6819">
        <v>4</v>
      </c>
      <c r="W6819">
        <v>240</v>
      </c>
      <c r="X6819">
        <v>2020</v>
      </c>
    </row>
    <row r="6820" spans="1:24" x14ac:dyDescent="0.25">
      <c r="A6820">
        <v>638</v>
      </c>
      <c r="B6820" t="s">
        <v>30</v>
      </c>
      <c r="C6820">
        <v>18</v>
      </c>
      <c r="D6820" t="s">
        <v>564</v>
      </c>
      <c r="E6820">
        <v>128</v>
      </c>
      <c r="F6820" t="s">
        <v>651</v>
      </c>
      <c r="G6820">
        <v>160</v>
      </c>
      <c r="H6820" t="s">
        <v>739</v>
      </c>
      <c r="I6820">
        <v>4413</v>
      </c>
      <c r="J6820" t="s">
        <v>730</v>
      </c>
      <c r="K6820">
        <v>66</v>
      </c>
      <c r="L6820" t="s">
        <v>3789</v>
      </c>
      <c r="M6820">
        <v>279</v>
      </c>
      <c r="N6820" t="s">
        <v>654</v>
      </c>
      <c r="O6820">
        <v>3</v>
      </c>
      <c r="P6820" t="s">
        <v>655</v>
      </c>
      <c r="Q6820">
        <v>1</v>
      </c>
      <c r="R6820" t="s">
        <v>669</v>
      </c>
      <c r="S6820">
        <v>1</v>
      </c>
      <c r="T6820" t="s">
        <v>718</v>
      </c>
      <c r="U6820">
        <v>2</v>
      </c>
      <c r="V6820">
        <v>4</v>
      </c>
      <c r="W6820">
        <v>240</v>
      </c>
      <c r="X6820">
        <v>2020</v>
      </c>
    </row>
    <row r="6821" spans="1:24" x14ac:dyDescent="0.25">
      <c r="A6821">
        <v>637</v>
      </c>
      <c r="B6821" t="s">
        <v>30</v>
      </c>
      <c r="C6821">
        <v>18</v>
      </c>
      <c r="D6821" t="s">
        <v>564</v>
      </c>
      <c r="E6821">
        <v>128</v>
      </c>
      <c r="F6821" t="s">
        <v>651</v>
      </c>
      <c r="G6821">
        <v>160</v>
      </c>
      <c r="H6821" t="s">
        <v>1875</v>
      </c>
      <c r="I6821">
        <v>2551</v>
      </c>
      <c r="J6821" t="s">
        <v>730</v>
      </c>
      <c r="K6821">
        <v>66</v>
      </c>
      <c r="L6821" t="s">
        <v>3789</v>
      </c>
      <c r="M6821">
        <v>279</v>
      </c>
      <c r="N6821" t="s">
        <v>654</v>
      </c>
      <c r="O6821">
        <v>3</v>
      </c>
      <c r="P6821" t="s">
        <v>655</v>
      </c>
      <c r="Q6821">
        <v>1</v>
      </c>
      <c r="R6821" t="s">
        <v>669</v>
      </c>
      <c r="S6821">
        <v>1</v>
      </c>
      <c r="T6821" t="s">
        <v>661</v>
      </c>
      <c r="U6821">
        <v>8</v>
      </c>
      <c r="V6821">
        <v>4</v>
      </c>
      <c r="W6821">
        <v>240</v>
      </c>
      <c r="X6821">
        <v>2020</v>
      </c>
    </row>
    <row r="6822" spans="1:24" x14ac:dyDescent="0.25">
      <c r="A6822">
        <v>636</v>
      </c>
      <c r="B6822" t="s">
        <v>30</v>
      </c>
      <c r="C6822">
        <v>18</v>
      </c>
      <c r="D6822" t="s">
        <v>564</v>
      </c>
      <c r="E6822">
        <v>128</v>
      </c>
      <c r="F6822" t="s">
        <v>651</v>
      </c>
      <c r="G6822">
        <v>160</v>
      </c>
      <c r="H6822" t="s">
        <v>739</v>
      </c>
      <c r="I6822">
        <v>4413</v>
      </c>
      <c r="J6822" t="s">
        <v>730</v>
      </c>
      <c r="K6822">
        <v>66</v>
      </c>
      <c r="L6822" t="s">
        <v>3789</v>
      </c>
      <c r="M6822">
        <v>279</v>
      </c>
      <c r="N6822" t="s">
        <v>654</v>
      </c>
      <c r="O6822">
        <v>3</v>
      </c>
      <c r="P6822" t="s">
        <v>655</v>
      </c>
      <c r="Q6822">
        <v>1</v>
      </c>
      <c r="R6822" t="s">
        <v>669</v>
      </c>
      <c r="S6822">
        <v>1</v>
      </c>
      <c r="T6822" t="s">
        <v>661</v>
      </c>
      <c r="U6822">
        <v>8</v>
      </c>
      <c r="V6822">
        <v>4</v>
      </c>
      <c r="W6822">
        <v>240</v>
      </c>
      <c r="X6822">
        <v>2020</v>
      </c>
    </row>
    <row r="6823" spans="1:24" x14ac:dyDescent="0.25">
      <c r="A6823">
        <v>634</v>
      </c>
      <c r="B6823" t="s">
        <v>30</v>
      </c>
      <c r="C6823">
        <v>18</v>
      </c>
      <c r="D6823" t="s">
        <v>564</v>
      </c>
      <c r="E6823">
        <v>128</v>
      </c>
      <c r="F6823" t="s">
        <v>651</v>
      </c>
      <c r="G6823">
        <v>160</v>
      </c>
      <c r="H6823" t="s">
        <v>739</v>
      </c>
      <c r="I6823">
        <v>4413</v>
      </c>
      <c r="J6823" t="s">
        <v>693</v>
      </c>
      <c r="K6823">
        <v>56</v>
      </c>
      <c r="L6823" t="s">
        <v>3125</v>
      </c>
      <c r="M6823">
        <v>224</v>
      </c>
      <c r="N6823" t="s">
        <v>654</v>
      </c>
      <c r="O6823">
        <v>3</v>
      </c>
      <c r="P6823" t="s">
        <v>655</v>
      </c>
      <c r="Q6823">
        <v>1</v>
      </c>
      <c r="R6823" t="s">
        <v>669</v>
      </c>
      <c r="S6823">
        <v>1</v>
      </c>
      <c r="T6823" t="s">
        <v>661</v>
      </c>
      <c r="U6823">
        <v>8</v>
      </c>
      <c r="V6823">
        <v>4</v>
      </c>
      <c r="W6823">
        <v>240</v>
      </c>
      <c r="X6823">
        <v>2020</v>
      </c>
    </row>
    <row r="6824" spans="1:24" x14ac:dyDescent="0.25">
      <c r="A6824">
        <v>631</v>
      </c>
      <c r="B6824" t="s">
        <v>30</v>
      </c>
      <c r="C6824">
        <v>18</v>
      </c>
      <c r="D6824" t="s">
        <v>564</v>
      </c>
      <c r="E6824">
        <v>128</v>
      </c>
      <c r="F6824" t="s">
        <v>651</v>
      </c>
      <c r="G6824">
        <v>160</v>
      </c>
      <c r="H6824" t="s">
        <v>1875</v>
      </c>
      <c r="I6824">
        <v>2551</v>
      </c>
      <c r="J6824" t="s">
        <v>693</v>
      </c>
      <c r="K6824">
        <v>56</v>
      </c>
      <c r="L6824" t="s">
        <v>694</v>
      </c>
      <c r="M6824">
        <v>222</v>
      </c>
      <c r="N6824" t="s">
        <v>654</v>
      </c>
      <c r="O6824">
        <v>3</v>
      </c>
      <c r="P6824" t="s">
        <v>655</v>
      </c>
      <c r="Q6824">
        <v>1</v>
      </c>
      <c r="R6824" t="s">
        <v>669</v>
      </c>
      <c r="S6824">
        <v>1</v>
      </c>
      <c r="T6824" t="s">
        <v>661</v>
      </c>
      <c r="U6824">
        <v>8</v>
      </c>
      <c r="V6824">
        <v>4</v>
      </c>
      <c r="W6824">
        <v>240</v>
      </c>
      <c r="X6824">
        <v>2020</v>
      </c>
    </row>
    <row r="6825" spans="1:24" x14ac:dyDescent="0.25">
      <c r="A6825">
        <v>629</v>
      </c>
      <c r="B6825" t="s">
        <v>30</v>
      </c>
      <c r="C6825">
        <v>18</v>
      </c>
      <c r="D6825" t="s">
        <v>564</v>
      </c>
      <c r="E6825">
        <v>128</v>
      </c>
      <c r="F6825" t="s">
        <v>651</v>
      </c>
      <c r="G6825">
        <v>160</v>
      </c>
      <c r="H6825" t="s">
        <v>1269</v>
      </c>
      <c r="I6825">
        <v>10721</v>
      </c>
      <c r="J6825" t="s">
        <v>693</v>
      </c>
      <c r="K6825">
        <v>56</v>
      </c>
      <c r="L6825" t="s">
        <v>3669</v>
      </c>
      <c r="M6825">
        <v>221</v>
      </c>
      <c r="N6825" t="s">
        <v>654</v>
      </c>
      <c r="O6825">
        <v>3</v>
      </c>
      <c r="P6825" t="s">
        <v>655</v>
      </c>
      <c r="Q6825">
        <v>1</v>
      </c>
      <c r="R6825" t="s">
        <v>669</v>
      </c>
      <c r="S6825">
        <v>1</v>
      </c>
      <c r="T6825" t="s">
        <v>661</v>
      </c>
      <c r="U6825">
        <v>8</v>
      </c>
      <c r="V6825">
        <v>4</v>
      </c>
      <c r="W6825">
        <v>240</v>
      </c>
      <c r="X6825">
        <v>2020</v>
      </c>
    </row>
    <row r="6826" spans="1:24" x14ac:dyDescent="0.25">
      <c r="A6826">
        <v>628</v>
      </c>
      <c r="B6826" t="s">
        <v>30</v>
      </c>
      <c r="C6826">
        <v>18</v>
      </c>
      <c r="D6826" t="s">
        <v>564</v>
      </c>
      <c r="E6826">
        <v>128</v>
      </c>
      <c r="F6826" t="s">
        <v>651</v>
      </c>
      <c r="G6826">
        <v>160</v>
      </c>
      <c r="H6826" t="s">
        <v>779</v>
      </c>
      <c r="I6826">
        <v>10487</v>
      </c>
      <c r="J6826" t="s">
        <v>693</v>
      </c>
      <c r="K6826">
        <v>56</v>
      </c>
      <c r="L6826" t="s">
        <v>3669</v>
      </c>
      <c r="M6826">
        <v>221</v>
      </c>
      <c r="N6826" t="s">
        <v>654</v>
      </c>
      <c r="O6826">
        <v>3</v>
      </c>
      <c r="P6826" t="s">
        <v>655</v>
      </c>
      <c r="Q6826">
        <v>1</v>
      </c>
      <c r="R6826" t="s">
        <v>669</v>
      </c>
      <c r="S6826">
        <v>1</v>
      </c>
      <c r="T6826" t="s">
        <v>661</v>
      </c>
      <c r="U6826">
        <v>8</v>
      </c>
      <c r="V6826">
        <v>4</v>
      </c>
      <c r="W6826">
        <v>240</v>
      </c>
      <c r="X6826">
        <v>2020</v>
      </c>
    </row>
    <row r="6827" spans="1:24" x14ac:dyDescent="0.25">
      <c r="A6827">
        <v>626</v>
      </c>
      <c r="B6827" t="s">
        <v>30</v>
      </c>
      <c r="C6827">
        <v>18</v>
      </c>
      <c r="D6827" t="s">
        <v>564</v>
      </c>
      <c r="E6827">
        <v>128</v>
      </c>
      <c r="F6827" t="s">
        <v>651</v>
      </c>
      <c r="G6827">
        <v>160</v>
      </c>
      <c r="H6827" t="s">
        <v>854</v>
      </c>
      <c r="I6827">
        <v>1</v>
      </c>
      <c r="J6827" t="s">
        <v>693</v>
      </c>
      <c r="K6827">
        <v>56</v>
      </c>
      <c r="L6827" t="s">
        <v>3669</v>
      </c>
      <c r="M6827">
        <v>221</v>
      </c>
      <c r="N6827" t="s">
        <v>654</v>
      </c>
      <c r="O6827">
        <v>3</v>
      </c>
      <c r="P6827" t="s">
        <v>655</v>
      </c>
      <c r="Q6827">
        <v>1</v>
      </c>
      <c r="R6827" t="s">
        <v>669</v>
      </c>
      <c r="S6827">
        <v>1</v>
      </c>
      <c r="T6827" t="s">
        <v>661</v>
      </c>
      <c r="U6827">
        <v>8</v>
      </c>
      <c r="V6827">
        <v>4</v>
      </c>
      <c r="W6827">
        <v>240</v>
      </c>
      <c r="X6827">
        <v>2020</v>
      </c>
    </row>
    <row r="6828" spans="1:24" x14ac:dyDescent="0.25">
      <c r="A6828">
        <v>625</v>
      </c>
      <c r="B6828" t="s">
        <v>30</v>
      </c>
      <c r="C6828">
        <v>18</v>
      </c>
      <c r="D6828" t="s">
        <v>564</v>
      </c>
      <c r="E6828">
        <v>128</v>
      </c>
      <c r="F6828" t="s">
        <v>651</v>
      </c>
      <c r="G6828">
        <v>160</v>
      </c>
      <c r="H6828" t="s">
        <v>739</v>
      </c>
      <c r="I6828">
        <v>4413</v>
      </c>
      <c r="J6828" t="s">
        <v>693</v>
      </c>
      <c r="K6828">
        <v>56</v>
      </c>
      <c r="L6828" t="s">
        <v>3669</v>
      </c>
      <c r="M6828">
        <v>221</v>
      </c>
      <c r="N6828" t="s">
        <v>654</v>
      </c>
      <c r="O6828">
        <v>3</v>
      </c>
      <c r="P6828" t="s">
        <v>655</v>
      </c>
      <c r="Q6828">
        <v>1</v>
      </c>
      <c r="R6828" t="s">
        <v>669</v>
      </c>
      <c r="S6828">
        <v>1</v>
      </c>
      <c r="T6828" t="s">
        <v>729</v>
      </c>
      <c r="U6828">
        <v>4</v>
      </c>
      <c r="V6828">
        <v>4</v>
      </c>
      <c r="W6828">
        <v>240</v>
      </c>
      <c r="X6828">
        <v>2020</v>
      </c>
    </row>
    <row r="6829" spans="1:24" x14ac:dyDescent="0.25">
      <c r="A6829">
        <v>624</v>
      </c>
      <c r="B6829" t="s">
        <v>30</v>
      </c>
      <c r="C6829">
        <v>18</v>
      </c>
      <c r="D6829" t="s">
        <v>564</v>
      </c>
      <c r="E6829">
        <v>128</v>
      </c>
      <c r="F6829" t="s">
        <v>651</v>
      </c>
      <c r="G6829">
        <v>160</v>
      </c>
      <c r="H6829" t="s">
        <v>739</v>
      </c>
      <c r="I6829">
        <v>4413</v>
      </c>
      <c r="J6829" t="s">
        <v>693</v>
      </c>
      <c r="K6829">
        <v>56</v>
      </c>
      <c r="L6829" t="s">
        <v>3669</v>
      </c>
      <c r="M6829">
        <v>221</v>
      </c>
      <c r="N6829" t="s">
        <v>654</v>
      </c>
      <c r="O6829">
        <v>3</v>
      </c>
      <c r="P6829" t="s">
        <v>655</v>
      </c>
      <c r="Q6829">
        <v>1</v>
      </c>
      <c r="R6829" t="s">
        <v>669</v>
      </c>
      <c r="S6829">
        <v>1</v>
      </c>
      <c r="T6829" t="s">
        <v>661</v>
      </c>
      <c r="U6829">
        <v>8</v>
      </c>
      <c r="V6829">
        <v>4</v>
      </c>
      <c r="W6829">
        <v>240</v>
      </c>
      <c r="X6829">
        <v>2020</v>
      </c>
    </row>
    <row r="6830" spans="1:24" x14ac:dyDescent="0.25">
      <c r="A6830">
        <v>623</v>
      </c>
      <c r="B6830" t="s">
        <v>30</v>
      </c>
      <c r="C6830">
        <v>18</v>
      </c>
      <c r="D6830" t="s">
        <v>470</v>
      </c>
      <c r="E6830">
        <v>127</v>
      </c>
      <c r="F6830" t="s">
        <v>651</v>
      </c>
      <c r="G6830">
        <v>160</v>
      </c>
      <c r="H6830" t="s">
        <v>739</v>
      </c>
      <c r="I6830">
        <v>4413</v>
      </c>
      <c r="J6830" t="s">
        <v>730</v>
      </c>
      <c r="K6830">
        <v>66</v>
      </c>
      <c r="L6830" t="s">
        <v>3930</v>
      </c>
      <c r="M6830">
        <v>281</v>
      </c>
      <c r="N6830" t="s">
        <v>654</v>
      </c>
      <c r="O6830">
        <v>3</v>
      </c>
      <c r="P6830" t="s">
        <v>655</v>
      </c>
      <c r="Q6830">
        <v>1</v>
      </c>
      <c r="R6830" t="s">
        <v>669</v>
      </c>
      <c r="S6830">
        <v>1</v>
      </c>
      <c r="T6830" t="s">
        <v>661</v>
      </c>
      <c r="U6830">
        <v>8</v>
      </c>
      <c r="V6830">
        <v>4</v>
      </c>
      <c r="W6830">
        <v>240</v>
      </c>
      <c r="X6830">
        <v>2020</v>
      </c>
    </row>
    <row r="6831" spans="1:24" x14ac:dyDescent="0.25">
      <c r="A6831">
        <v>622</v>
      </c>
      <c r="B6831" t="s">
        <v>30</v>
      </c>
      <c r="C6831">
        <v>18</v>
      </c>
      <c r="D6831" t="s">
        <v>470</v>
      </c>
      <c r="E6831">
        <v>127</v>
      </c>
      <c r="F6831" t="s">
        <v>651</v>
      </c>
      <c r="G6831">
        <v>160</v>
      </c>
      <c r="H6831" t="s">
        <v>739</v>
      </c>
      <c r="I6831">
        <v>4413</v>
      </c>
      <c r="J6831" t="s">
        <v>1080</v>
      </c>
      <c r="K6831">
        <v>49</v>
      </c>
      <c r="L6831" t="s">
        <v>1081</v>
      </c>
      <c r="M6831">
        <v>189</v>
      </c>
      <c r="N6831" t="s">
        <v>654</v>
      </c>
      <c r="O6831">
        <v>3</v>
      </c>
      <c r="P6831" t="s">
        <v>655</v>
      </c>
      <c r="Q6831">
        <v>1</v>
      </c>
      <c r="R6831" t="s">
        <v>669</v>
      </c>
      <c r="S6831">
        <v>1</v>
      </c>
      <c r="T6831" t="s">
        <v>661</v>
      </c>
      <c r="U6831">
        <v>8</v>
      </c>
      <c r="V6831">
        <v>4</v>
      </c>
      <c r="W6831">
        <v>240</v>
      </c>
      <c r="X6831">
        <v>2020</v>
      </c>
    </row>
    <row r="6832" spans="1:24" x14ac:dyDescent="0.25">
      <c r="A6832">
        <v>620</v>
      </c>
      <c r="B6832" t="s">
        <v>30</v>
      </c>
      <c r="C6832">
        <v>18</v>
      </c>
      <c r="D6832" t="s">
        <v>470</v>
      </c>
      <c r="E6832">
        <v>127</v>
      </c>
      <c r="F6832" t="s">
        <v>651</v>
      </c>
      <c r="G6832">
        <v>160</v>
      </c>
      <c r="H6832" t="s">
        <v>739</v>
      </c>
      <c r="I6832">
        <v>4413</v>
      </c>
      <c r="J6832" t="s">
        <v>1080</v>
      </c>
      <c r="K6832">
        <v>49</v>
      </c>
      <c r="L6832" t="s">
        <v>3780</v>
      </c>
      <c r="M6832">
        <v>184</v>
      </c>
      <c r="N6832" t="s">
        <v>654</v>
      </c>
      <c r="O6832">
        <v>3</v>
      </c>
      <c r="P6832" t="s">
        <v>655</v>
      </c>
      <c r="Q6832">
        <v>1</v>
      </c>
      <c r="R6832" t="s">
        <v>669</v>
      </c>
      <c r="S6832">
        <v>1</v>
      </c>
      <c r="T6832" t="s">
        <v>661</v>
      </c>
      <c r="U6832">
        <v>8</v>
      </c>
      <c r="V6832">
        <v>4</v>
      </c>
      <c r="W6832">
        <v>240</v>
      </c>
      <c r="X6832">
        <v>2020</v>
      </c>
    </row>
    <row r="6833" spans="1:24" x14ac:dyDescent="0.25">
      <c r="A6833">
        <v>619</v>
      </c>
      <c r="B6833" t="s">
        <v>30</v>
      </c>
      <c r="C6833">
        <v>18</v>
      </c>
      <c r="D6833" t="s">
        <v>470</v>
      </c>
      <c r="E6833">
        <v>127</v>
      </c>
      <c r="F6833" t="s">
        <v>651</v>
      </c>
      <c r="G6833">
        <v>160</v>
      </c>
      <c r="H6833" t="s">
        <v>739</v>
      </c>
      <c r="I6833">
        <v>4413</v>
      </c>
      <c r="J6833" t="s">
        <v>1080</v>
      </c>
      <c r="K6833">
        <v>49</v>
      </c>
      <c r="L6833" t="s">
        <v>3933</v>
      </c>
      <c r="M6833">
        <v>182</v>
      </c>
      <c r="N6833" t="s">
        <v>654</v>
      </c>
      <c r="O6833">
        <v>3</v>
      </c>
      <c r="P6833" t="s">
        <v>655</v>
      </c>
      <c r="Q6833">
        <v>1</v>
      </c>
      <c r="R6833" t="s">
        <v>669</v>
      </c>
      <c r="S6833">
        <v>1</v>
      </c>
      <c r="T6833" t="s">
        <v>661</v>
      </c>
      <c r="U6833">
        <v>8</v>
      </c>
      <c r="V6833">
        <v>4</v>
      </c>
      <c r="W6833">
        <v>240</v>
      </c>
      <c r="X6833">
        <v>2020</v>
      </c>
    </row>
    <row r="6834" spans="1:24" x14ac:dyDescent="0.25">
      <c r="A6834">
        <v>618</v>
      </c>
      <c r="B6834" t="s">
        <v>30</v>
      </c>
      <c r="C6834">
        <v>18</v>
      </c>
      <c r="D6834" t="s">
        <v>470</v>
      </c>
      <c r="E6834">
        <v>127</v>
      </c>
      <c r="F6834" t="s">
        <v>651</v>
      </c>
      <c r="G6834">
        <v>160</v>
      </c>
      <c r="H6834" t="s">
        <v>739</v>
      </c>
      <c r="I6834">
        <v>4413</v>
      </c>
      <c r="J6834" t="s">
        <v>1080</v>
      </c>
      <c r="K6834">
        <v>49</v>
      </c>
      <c r="L6834" t="s">
        <v>3687</v>
      </c>
      <c r="M6834">
        <v>181</v>
      </c>
      <c r="N6834" t="s">
        <v>654</v>
      </c>
      <c r="O6834">
        <v>3</v>
      </c>
      <c r="P6834" t="s">
        <v>655</v>
      </c>
      <c r="Q6834">
        <v>1</v>
      </c>
      <c r="R6834" t="s">
        <v>669</v>
      </c>
      <c r="S6834">
        <v>1</v>
      </c>
      <c r="T6834" t="s">
        <v>718</v>
      </c>
      <c r="U6834">
        <v>2</v>
      </c>
      <c r="V6834">
        <v>4</v>
      </c>
      <c r="W6834">
        <v>240</v>
      </c>
      <c r="X6834">
        <v>2020</v>
      </c>
    </row>
    <row r="6835" spans="1:24" x14ac:dyDescent="0.25">
      <c r="A6835">
        <v>617</v>
      </c>
      <c r="B6835" t="s">
        <v>30</v>
      </c>
      <c r="C6835">
        <v>18</v>
      </c>
      <c r="D6835" t="s">
        <v>470</v>
      </c>
      <c r="E6835">
        <v>127</v>
      </c>
      <c r="F6835" t="s">
        <v>651</v>
      </c>
      <c r="G6835">
        <v>160</v>
      </c>
      <c r="H6835" t="s">
        <v>739</v>
      </c>
      <c r="I6835">
        <v>4413</v>
      </c>
      <c r="J6835" t="s">
        <v>1080</v>
      </c>
      <c r="K6835">
        <v>49</v>
      </c>
      <c r="L6835" t="s">
        <v>3687</v>
      </c>
      <c r="M6835">
        <v>181</v>
      </c>
      <c r="N6835" t="s">
        <v>654</v>
      </c>
      <c r="O6835">
        <v>3</v>
      </c>
      <c r="P6835" t="s">
        <v>655</v>
      </c>
      <c r="Q6835">
        <v>1</v>
      </c>
      <c r="R6835" t="s">
        <v>669</v>
      </c>
      <c r="S6835">
        <v>1</v>
      </c>
      <c r="T6835" t="s">
        <v>661</v>
      </c>
      <c r="U6835">
        <v>8</v>
      </c>
      <c r="V6835">
        <v>4</v>
      </c>
      <c r="W6835">
        <v>240</v>
      </c>
      <c r="X6835">
        <v>2020</v>
      </c>
    </row>
    <row r="6836" spans="1:24" x14ac:dyDescent="0.25">
      <c r="A6836">
        <v>616</v>
      </c>
      <c r="B6836" t="s">
        <v>30</v>
      </c>
      <c r="C6836">
        <v>18</v>
      </c>
      <c r="D6836" t="s">
        <v>470</v>
      </c>
      <c r="E6836">
        <v>127</v>
      </c>
      <c r="F6836" t="s">
        <v>651</v>
      </c>
      <c r="G6836">
        <v>160</v>
      </c>
      <c r="H6836" t="s">
        <v>739</v>
      </c>
      <c r="I6836">
        <v>4413</v>
      </c>
      <c r="J6836" t="s">
        <v>1182</v>
      </c>
      <c r="K6836">
        <v>46</v>
      </c>
      <c r="L6836" t="s">
        <v>3689</v>
      </c>
      <c r="M6836">
        <v>158</v>
      </c>
      <c r="N6836" t="s">
        <v>654</v>
      </c>
      <c r="O6836">
        <v>3</v>
      </c>
      <c r="P6836" t="s">
        <v>655</v>
      </c>
      <c r="Q6836">
        <v>1</v>
      </c>
      <c r="R6836" t="s">
        <v>669</v>
      </c>
      <c r="S6836">
        <v>1</v>
      </c>
      <c r="T6836" t="s">
        <v>661</v>
      </c>
      <c r="U6836">
        <v>8</v>
      </c>
      <c r="V6836">
        <v>4</v>
      </c>
      <c r="W6836">
        <v>240</v>
      </c>
      <c r="X6836">
        <v>2020</v>
      </c>
    </row>
    <row r="6837" spans="1:24" x14ac:dyDescent="0.25">
      <c r="A6837">
        <v>615</v>
      </c>
      <c r="B6837" t="s">
        <v>30</v>
      </c>
      <c r="C6837">
        <v>18</v>
      </c>
      <c r="D6837" t="s">
        <v>472</v>
      </c>
      <c r="E6837">
        <v>126</v>
      </c>
      <c r="F6837" t="s">
        <v>651</v>
      </c>
      <c r="G6837">
        <v>160</v>
      </c>
      <c r="H6837" t="s">
        <v>779</v>
      </c>
      <c r="I6837">
        <v>10487</v>
      </c>
      <c r="J6837" t="s">
        <v>797</v>
      </c>
      <c r="K6837">
        <v>65</v>
      </c>
      <c r="L6837" t="s">
        <v>3892</v>
      </c>
      <c r="M6837">
        <v>276</v>
      </c>
      <c r="N6837" t="s">
        <v>654</v>
      </c>
      <c r="O6837">
        <v>3</v>
      </c>
      <c r="P6837" t="s">
        <v>655</v>
      </c>
      <c r="Q6837">
        <v>1</v>
      </c>
      <c r="R6837" t="s">
        <v>669</v>
      </c>
      <c r="S6837">
        <v>1</v>
      </c>
      <c r="T6837" t="s">
        <v>661</v>
      </c>
      <c r="U6837">
        <v>8</v>
      </c>
      <c r="V6837">
        <v>4</v>
      </c>
      <c r="W6837">
        <v>240</v>
      </c>
      <c r="X6837">
        <v>2020</v>
      </c>
    </row>
    <row r="6838" spans="1:24" x14ac:dyDescent="0.25">
      <c r="A6838">
        <v>614</v>
      </c>
      <c r="B6838" t="s">
        <v>30</v>
      </c>
      <c r="C6838">
        <v>18</v>
      </c>
      <c r="D6838" t="s">
        <v>472</v>
      </c>
      <c r="E6838">
        <v>126</v>
      </c>
      <c r="F6838" t="s">
        <v>651</v>
      </c>
      <c r="G6838">
        <v>160</v>
      </c>
      <c r="H6838" t="s">
        <v>739</v>
      </c>
      <c r="I6838">
        <v>4413</v>
      </c>
      <c r="J6838" t="s">
        <v>797</v>
      </c>
      <c r="K6838">
        <v>65</v>
      </c>
      <c r="L6838" t="s">
        <v>3892</v>
      </c>
      <c r="M6838">
        <v>276</v>
      </c>
      <c r="N6838" t="s">
        <v>654</v>
      </c>
      <c r="O6838">
        <v>3</v>
      </c>
      <c r="P6838" t="s">
        <v>655</v>
      </c>
      <c r="Q6838">
        <v>1</v>
      </c>
      <c r="R6838" t="s">
        <v>669</v>
      </c>
      <c r="S6838">
        <v>1</v>
      </c>
      <c r="T6838" t="s">
        <v>718</v>
      </c>
      <c r="U6838">
        <v>2</v>
      </c>
      <c r="V6838">
        <v>4</v>
      </c>
      <c r="W6838">
        <v>240</v>
      </c>
      <c r="X6838">
        <v>2020</v>
      </c>
    </row>
    <row r="6839" spans="1:24" x14ac:dyDescent="0.25">
      <c r="A6839">
        <v>613</v>
      </c>
      <c r="B6839" t="s">
        <v>30</v>
      </c>
      <c r="C6839">
        <v>18</v>
      </c>
      <c r="D6839" t="s">
        <v>472</v>
      </c>
      <c r="E6839">
        <v>126</v>
      </c>
      <c r="F6839" t="s">
        <v>651</v>
      </c>
      <c r="G6839">
        <v>160</v>
      </c>
      <c r="H6839" t="s">
        <v>739</v>
      </c>
      <c r="I6839">
        <v>4413</v>
      </c>
      <c r="J6839" t="s">
        <v>797</v>
      </c>
      <c r="K6839">
        <v>65</v>
      </c>
      <c r="L6839" t="s">
        <v>3892</v>
      </c>
      <c r="M6839">
        <v>276</v>
      </c>
      <c r="N6839" t="s">
        <v>654</v>
      </c>
      <c r="O6839">
        <v>3</v>
      </c>
      <c r="P6839" t="s">
        <v>655</v>
      </c>
      <c r="Q6839">
        <v>1</v>
      </c>
      <c r="R6839" t="s">
        <v>669</v>
      </c>
      <c r="S6839">
        <v>1</v>
      </c>
      <c r="T6839" t="s">
        <v>661</v>
      </c>
      <c r="U6839">
        <v>8</v>
      </c>
      <c r="V6839">
        <v>4</v>
      </c>
      <c r="W6839">
        <v>240</v>
      </c>
      <c r="X6839">
        <v>2020</v>
      </c>
    </row>
    <row r="6840" spans="1:24" x14ac:dyDescent="0.25">
      <c r="A6840">
        <v>612</v>
      </c>
      <c r="B6840" t="s">
        <v>30</v>
      </c>
      <c r="C6840">
        <v>18</v>
      </c>
      <c r="D6840" t="s">
        <v>472</v>
      </c>
      <c r="E6840">
        <v>126</v>
      </c>
      <c r="F6840" t="s">
        <v>651</v>
      </c>
      <c r="G6840">
        <v>160</v>
      </c>
      <c r="H6840" t="s">
        <v>739</v>
      </c>
      <c r="I6840">
        <v>4413</v>
      </c>
      <c r="J6840" t="s">
        <v>767</v>
      </c>
      <c r="K6840">
        <v>44</v>
      </c>
      <c r="L6840" t="s">
        <v>2347</v>
      </c>
      <c r="M6840">
        <v>153</v>
      </c>
      <c r="N6840" t="s">
        <v>654</v>
      </c>
      <c r="O6840">
        <v>3</v>
      </c>
      <c r="P6840" t="s">
        <v>655</v>
      </c>
      <c r="Q6840">
        <v>1</v>
      </c>
      <c r="R6840" t="s">
        <v>669</v>
      </c>
      <c r="S6840">
        <v>1</v>
      </c>
      <c r="T6840" t="s">
        <v>661</v>
      </c>
      <c r="U6840">
        <v>8</v>
      </c>
      <c r="V6840">
        <v>4</v>
      </c>
      <c r="W6840">
        <v>240</v>
      </c>
      <c r="X6840">
        <v>2020</v>
      </c>
    </row>
    <row r="6841" spans="1:24" x14ac:dyDescent="0.25">
      <c r="A6841">
        <v>611</v>
      </c>
      <c r="B6841" t="s">
        <v>30</v>
      </c>
      <c r="C6841">
        <v>18</v>
      </c>
      <c r="D6841" t="s">
        <v>472</v>
      </c>
      <c r="E6841">
        <v>126</v>
      </c>
      <c r="F6841" t="s">
        <v>651</v>
      </c>
      <c r="G6841">
        <v>160</v>
      </c>
      <c r="H6841" t="s">
        <v>739</v>
      </c>
      <c r="I6841">
        <v>4413</v>
      </c>
      <c r="J6841" t="s">
        <v>767</v>
      </c>
      <c r="K6841">
        <v>44</v>
      </c>
      <c r="L6841" t="s">
        <v>3893</v>
      </c>
      <c r="M6841">
        <v>152</v>
      </c>
      <c r="N6841" t="s">
        <v>654</v>
      </c>
      <c r="O6841">
        <v>3</v>
      </c>
      <c r="P6841" t="s">
        <v>655</v>
      </c>
      <c r="Q6841">
        <v>1</v>
      </c>
      <c r="R6841" t="s">
        <v>669</v>
      </c>
      <c r="S6841">
        <v>1</v>
      </c>
      <c r="T6841" t="s">
        <v>718</v>
      </c>
      <c r="U6841">
        <v>2</v>
      </c>
      <c r="V6841">
        <v>4</v>
      </c>
      <c r="W6841">
        <v>240</v>
      </c>
      <c r="X6841">
        <v>2020</v>
      </c>
    </row>
    <row r="6842" spans="1:24" x14ac:dyDescent="0.25">
      <c r="A6842">
        <v>610</v>
      </c>
      <c r="B6842" t="s">
        <v>30</v>
      </c>
      <c r="C6842">
        <v>18</v>
      </c>
      <c r="D6842" t="s">
        <v>472</v>
      </c>
      <c r="E6842">
        <v>126</v>
      </c>
      <c r="F6842" t="s">
        <v>651</v>
      </c>
      <c r="G6842">
        <v>160</v>
      </c>
      <c r="H6842" t="s">
        <v>739</v>
      </c>
      <c r="I6842">
        <v>4413</v>
      </c>
      <c r="J6842" t="s">
        <v>767</v>
      </c>
      <c r="K6842">
        <v>44</v>
      </c>
      <c r="L6842" t="s">
        <v>3893</v>
      </c>
      <c r="M6842">
        <v>152</v>
      </c>
      <c r="N6842" t="s">
        <v>654</v>
      </c>
      <c r="O6842">
        <v>3</v>
      </c>
      <c r="P6842" t="s">
        <v>655</v>
      </c>
      <c r="Q6842">
        <v>1</v>
      </c>
      <c r="R6842" t="s">
        <v>669</v>
      </c>
      <c r="S6842">
        <v>1</v>
      </c>
      <c r="T6842" t="s">
        <v>661</v>
      </c>
      <c r="U6842">
        <v>8</v>
      </c>
      <c r="V6842">
        <v>4</v>
      </c>
      <c r="W6842">
        <v>240</v>
      </c>
      <c r="X6842">
        <v>2020</v>
      </c>
    </row>
    <row r="6843" spans="1:24" x14ac:dyDescent="0.25">
      <c r="A6843">
        <v>609</v>
      </c>
      <c r="B6843" t="s">
        <v>30</v>
      </c>
      <c r="C6843">
        <v>18</v>
      </c>
      <c r="D6843" t="s">
        <v>469</v>
      </c>
      <c r="E6843">
        <v>125</v>
      </c>
      <c r="F6843" t="s">
        <v>651</v>
      </c>
      <c r="G6843">
        <v>160</v>
      </c>
      <c r="H6843" t="s">
        <v>739</v>
      </c>
      <c r="I6843">
        <v>4413</v>
      </c>
      <c r="J6843" t="s">
        <v>1538</v>
      </c>
      <c r="K6843">
        <v>36</v>
      </c>
      <c r="L6843" t="s">
        <v>1538</v>
      </c>
      <c r="M6843">
        <v>125</v>
      </c>
      <c r="N6843" t="s">
        <v>654</v>
      </c>
      <c r="O6843">
        <v>3</v>
      </c>
      <c r="P6843" t="s">
        <v>655</v>
      </c>
      <c r="Q6843">
        <v>1</v>
      </c>
      <c r="R6843" t="s">
        <v>669</v>
      </c>
      <c r="S6843">
        <v>1</v>
      </c>
      <c r="T6843" t="s">
        <v>661</v>
      </c>
      <c r="U6843">
        <v>8</v>
      </c>
      <c r="V6843">
        <v>6</v>
      </c>
      <c r="W6843">
        <v>360</v>
      </c>
      <c r="X6843">
        <v>2020</v>
      </c>
    </row>
    <row r="6844" spans="1:24" x14ac:dyDescent="0.25">
      <c r="A6844">
        <v>608</v>
      </c>
      <c r="B6844" t="s">
        <v>218</v>
      </c>
      <c r="C6844">
        <v>17</v>
      </c>
      <c r="D6844" t="s">
        <v>565</v>
      </c>
      <c r="E6844">
        <v>124</v>
      </c>
      <c r="F6844" t="s">
        <v>651</v>
      </c>
      <c r="G6844">
        <v>160</v>
      </c>
      <c r="H6844" t="s">
        <v>744</v>
      </c>
      <c r="I6844">
        <v>3143</v>
      </c>
      <c r="J6844" t="s">
        <v>691</v>
      </c>
      <c r="K6844">
        <v>21</v>
      </c>
      <c r="L6844" t="s">
        <v>1923</v>
      </c>
      <c r="M6844">
        <v>67</v>
      </c>
      <c r="N6844" t="s">
        <v>654</v>
      </c>
      <c r="O6844">
        <v>3</v>
      </c>
      <c r="P6844" t="s">
        <v>655</v>
      </c>
      <c r="Q6844">
        <v>1</v>
      </c>
      <c r="R6844" t="s">
        <v>669</v>
      </c>
      <c r="S6844">
        <v>1</v>
      </c>
      <c r="T6844" t="s">
        <v>661</v>
      </c>
      <c r="U6844">
        <v>8</v>
      </c>
      <c r="V6844">
        <v>3</v>
      </c>
      <c r="W6844">
        <v>180</v>
      </c>
      <c r="X6844">
        <v>2020</v>
      </c>
    </row>
    <row r="6845" spans="1:24" x14ac:dyDescent="0.25">
      <c r="A6845">
        <v>607</v>
      </c>
      <c r="B6845" t="s">
        <v>218</v>
      </c>
      <c r="C6845">
        <v>17</v>
      </c>
      <c r="D6845" t="s">
        <v>565</v>
      </c>
      <c r="E6845">
        <v>124</v>
      </c>
      <c r="F6845" t="s">
        <v>651</v>
      </c>
      <c r="G6845">
        <v>160</v>
      </c>
      <c r="H6845" t="s">
        <v>744</v>
      </c>
      <c r="I6845">
        <v>3143</v>
      </c>
      <c r="J6845" t="s">
        <v>1011</v>
      </c>
      <c r="K6845">
        <v>17</v>
      </c>
      <c r="L6845" t="s">
        <v>1011</v>
      </c>
      <c r="M6845">
        <v>57</v>
      </c>
      <c r="N6845" t="s">
        <v>654</v>
      </c>
      <c r="O6845">
        <v>3</v>
      </c>
      <c r="P6845" t="s">
        <v>655</v>
      </c>
      <c r="Q6845">
        <v>1</v>
      </c>
      <c r="R6845" t="s">
        <v>669</v>
      </c>
      <c r="S6845">
        <v>1</v>
      </c>
      <c r="T6845" t="s">
        <v>661</v>
      </c>
      <c r="U6845">
        <v>8</v>
      </c>
      <c r="V6845">
        <v>3</v>
      </c>
      <c r="W6845">
        <v>180</v>
      </c>
      <c r="X6845">
        <v>2020</v>
      </c>
    </row>
    <row r="6846" spans="1:24" x14ac:dyDescent="0.25">
      <c r="A6846">
        <v>606</v>
      </c>
      <c r="B6846" t="s">
        <v>218</v>
      </c>
      <c r="C6846">
        <v>17</v>
      </c>
      <c r="D6846" t="s">
        <v>565</v>
      </c>
      <c r="E6846">
        <v>124</v>
      </c>
      <c r="F6846" t="s">
        <v>651</v>
      </c>
      <c r="G6846">
        <v>160</v>
      </c>
      <c r="H6846" t="s">
        <v>744</v>
      </c>
      <c r="I6846">
        <v>3143</v>
      </c>
      <c r="J6846" t="s">
        <v>703</v>
      </c>
      <c r="K6846">
        <v>16</v>
      </c>
      <c r="L6846" t="s">
        <v>703</v>
      </c>
      <c r="M6846">
        <v>54</v>
      </c>
      <c r="N6846" t="s">
        <v>654</v>
      </c>
      <c r="O6846">
        <v>3</v>
      </c>
      <c r="P6846" t="s">
        <v>655</v>
      </c>
      <c r="Q6846">
        <v>1</v>
      </c>
      <c r="R6846" t="s">
        <v>669</v>
      </c>
      <c r="S6846">
        <v>1</v>
      </c>
      <c r="T6846" t="s">
        <v>661</v>
      </c>
      <c r="U6846">
        <v>8</v>
      </c>
      <c r="V6846">
        <v>3</v>
      </c>
      <c r="W6846">
        <v>180</v>
      </c>
      <c r="X6846">
        <v>2020</v>
      </c>
    </row>
    <row r="6847" spans="1:24" x14ac:dyDescent="0.25">
      <c r="A6847">
        <v>605</v>
      </c>
      <c r="B6847" t="s">
        <v>218</v>
      </c>
      <c r="C6847">
        <v>17</v>
      </c>
      <c r="D6847" t="s">
        <v>11</v>
      </c>
      <c r="E6847">
        <v>123</v>
      </c>
      <c r="F6847" t="s">
        <v>651</v>
      </c>
      <c r="G6847">
        <v>160</v>
      </c>
      <c r="H6847" t="s">
        <v>744</v>
      </c>
      <c r="I6847">
        <v>3143</v>
      </c>
      <c r="J6847" t="s">
        <v>65</v>
      </c>
      <c r="K6847">
        <v>15</v>
      </c>
      <c r="L6847" t="s">
        <v>65</v>
      </c>
      <c r="M6847">
        <v>51</v>
      </c>
      <c r="N6847" t="s">
        <v>654</v>
      </c>
      <c r="O6847">
        <v>3</v>
      </c>
      <c r="P6847" t="s">
        <v>746</v>
      </c>
      <c r="Q6847">
        <v>2</v>
      </c>
      <c r="R6847" t="s">
        <v>669</v>
      </c>
      <c r="S6847">
        <v>1</v>
      </c>
      <c r="T6847" t="s">
        <v>661</v>
      </c>
      <c r="U6847">
        <v>8</v>
      </c>
      <c r="V6847">
        <v>4</v>
      </c>
      <c r="W6847">
        <v>240</v>
      </c>
      <c r="X6847">
        <v>2020</v>
      </c>
    </row>
    <row r="6848" spans="1:24" x14ac:dyDescent="0.25">
      <c r="A6848">
        <v>604</v>
      </c>
      <c r="B6848" t="s">
        <v>218</v>
      </c>
      <c r="C6848">
        <v>17</v>
      </c>
      <c r="D6848" t="s">
        <v>11</v>
      </c>
      <c r="E6848">
        <v>123</v>
      </c>
      <c r="F6848" t="s">
        <v>651</v>
      </c>
      <c r="G6848">
        <v>160</v>
      </c>
      <c r="H6848" t="s">
        <v>744</v>
      </c>
      <c r="I6848">
        <v>3143</v>
      </c>
      <c r="J6848" t="s">
        <v>65</v>
      </c>
      <c r="K6848">
        <v>15</v>
      </c>
      <c r="L6848" t="s">
        <v>65</v>
      </c>
      <c r="M6848">
        <v>51</v>
      </c>
      <c r="N6848" t="s">
        <v>654</v>
      </c>
      <c r="O6848">
        <v>3</v>
      </c>
      <c r="P6848" t="s">
        <v>655</v>
      </c>
      <c r="Q6848">
        <v>1</v>
      </c>
      <c r="R6848" t="s">
        <v>669</v>
      </c>
      <c r="S6848">
        <v>1</v>
      </c>
      <c r="T6848" t="s">
        <v>661</v>
      </c>
      <c r="U6848">
        <v>8</v>
      </c>
      <c r="V6848">
        <v>4</v>
      </c>
      <c r="W6848">
        <v>240</v>
      </c>
      <c r="X6848">
        <v>2020</v>
      </c>
    </row>
    <row r="6849" spans="1:24" x14ac:dyDescent="0.25">
      <c r="A6849">
        <v>601</v>
      </c>
      <c r="B6849" t="s">
        <v>218</v>
      </c>
      <c r="C6849">
        <v>17</v>
      </c>
      <c r="D6849" t="s">
        <v>426</v>
      </c>
      <c r="E6849">
        <v>122</v>
      </c>
      <c r="F6849" t="s">
        <v>651</v>
      </c>
      <c r="G6849">
        <v>160</v>
      </c>
      <c r="H6849" t="s">
        <v>744</v>
      </c>
      <c r="I6849">
        <v>3143</v>
      </c>
      <c r="J6849" t="s">
        <v>895</v>
      </c>
      <c r="K6849">
        <v>13</v>
      </c>
      <c r="L6849" t="s">
        <v>1418</v>
      </c>
      <c r="M6849">
        <v>43</v>
      </c>
      <c r="N6849" t="s">
        <v>654</v>
      </c>
      <c r="O6849">
        <v>3</v>
      </c>
      <c r="P6849" t="s">
        <v>655</v>
      </c>
      <c r="Q6849">
        <v>1</v>
      </c>
      <c r="R6849" t="s">
        <v>669</v>
      </c>
      <c r="S6849">
        <v>1</v>
      </c>
      <c r="T6849" t="s">
        <v>718</v>
      </c>
      <c r="U6849">
        <v>2</v>
      </c>
      <c r="V6849">
        <v>3</v>
      </c>
      <c r="W6849">
        <v>180</v>
      </c>
      <c r="X6849">
        <v>2020</v>
      </c>
    </row>
    <row r="6850" spans="1:24" x14ac:dyDescent="0.25">
      <c r="A6850">
        <v>599</v>
      </c>
      <c r="B6850" t="s">
        <v>218</v>
      </c>
      <c r="C6850">
        <v>17</v>
      </c>
      <c r="D6850" t="s">
        <v>426</v>
      </c>
      <c r="E6850">
        <v>122</v>
      </c>
      <c r="F6850" t="s">
        <v>651</v>
      </c>
      <c r="G6850">
        <v>160</v>
      </c>
      <c r="H6850" t="s">
        <v>744</v>
      </c>
      <c r="I6850">
        <v>3143</v>
      </c>
      <c r="J6850" t="s">
        <v>667</v>
      </c>
      <c r="K6850">
        <v>11</v>
      </c>
      <c r="L6850" t="s">
        <v>667</v>
      </c>
      <c r="M6850">
        <v>35</v>
      </c>
      <c r="N6850" t="s">
        <v>654</v>
      </c>
      <c r="O6850">
        <v>3</v>
      </c>
      <c r="P6850" t="s">
        <v>655</v>
      </c>
      <c r="Q6850">
        <v>1</v>
      </c>
      <c r="R6850" t="s">
        <v>669</v>
      </c>
      <c r="S6850">
        <v>1</v>
      </c>
      <c r="T6850" t="s">
        <v>942</v>
      </c>
      <c r="U6850">
        <v>58</v>
      </c>
      <c r="V6850">
        <v>3</v>
      </c>
      <c r="W6850">
        <v>180</v>
      </c>
      <c r="X6850">
        <v>2020</v>
      </c>
    </row>
    <row r="6851" spans="1:24" x14ac:dyDescent="0.25">
      <c r="A6851">
        <v>598</v>
      </c>
      <c r="B6851" t="s">
        <v>218</v>
      </c>
      <c r="C6851">
        <v>17</v>
      </c>
      <c r="D6851" t="s">
        <v>426</v>
      </c>
      <c r="E6851">
        <v>122</v>
      </c>
      <c r="F6851" t="s">
        <v>651</v>
      </c>
      <c r="G6851">
        <v>160</v>
      </c>
      <c r="H6851" t="s">
        <v>744</v>
      </c>
      <c r="I6851">
        <v>3143</v>
      </c>
      <c r="J6851" t="s">
        <v>667</v>
      </c>
      <c r="K6851">
        <v>11</v>
      </c>
      <c r="L6851" t="s">
        <v>667</v>
      </c>
      <c r="M6851">
        <v>35</v>
      </c>
      <c r="N6851" t="s">
        <v>654</v>
      </c>
      <c r="O6851">
        <v>3</v>
      </c>
      <c r="P6851" t="s">
        <v>655</v>
      </c>
      <c r="Q6851">
        <v>1</v>
      </c>
      <c r="R6851" t="s">
        <v>669</v>
      </c>
      <c r="S6851">
        <v>1</v>
      </c>
      <c r="T6851" t="s">
        <v>1035</v>
      </c>
      <c r="U6851">
        <v>46</v>
      </c>
      <c r="V6851">
        <v>3</v>
      </c>
      <c r="W6851">
        <v>180</v>
      </c>
      <c r="X6851">
        <v>2020</v>
      </c>
    </row>
    <row r="6852" spans="1:24" x14ac:dyDescent="0.25">
      <c r="A6852">
        <v>597</v>
      </c>
      <c r="B6852" t="s">
        <v>218</v>
      </c>
      <c r="C6852">
        <v>17</v>
      </c>
      <c r="D6852" t="s">
        <v>426</v>
      </c>
      <c r="E6852">
        <v>122</v>
      </c>
      <c r="F6852" t="s">
        <v>651</v>
      </c>
      <c r="G6852">
        <v>160</v>
      </c>
      <c r="H6852" t="s">
        <v>744</v>
      </c>
      <c r="I6852">
        <v>3143</v>
      </c>
      <c r="J6852" t="s">
        <v>699</v>
      </c>
      <c r="K6852">
        <v>10</v>
      </c>
      <c r="L6852" t="s">
        <v>700</v>
      </c>
      <c r="M6852">
        <v>348</v>
      </c>
      <c r="N6852" t="s">
        <v>654</v>
      </c>
      <c r="O6852">
        <v>3</v>
      </c>
      <c r="P6852" t="s">
        <v>655</v>
      </c>
      <c r="Q6852">
        <v>1</v>
      </c>
      <c r="R6852" t="s">
        <v>669</v>
      </c>
      <c r="S6852">
        <v>1</v>
      </c>
      <c r="T6852" t="s">
        <v>1009</v>
      </c>
      <c r="U6852">
        <v>35</v>
      </c>
      <c r="V6852">
        <v>3</v>
      </c>
      <c r="W6852">
        <v>180</v>
      </c>
      <c r="X6852">
        <v>2020</v>
      </c>
    </row>
    <row r="6853" spans="1:24" x14ac:dyDescent="0.25">
      <c r="A6853">
        <v>596</v>
      </c>
      <c r="B6853" t="s">
        <v>218</v>
      </c>
      <c r="C6853">
        <v>17</v>
      </c>
      <c r="D6853" t="s">
        <v>426</v>
      </c>
      <c r="E6853">
        <v>122</v>
      </c>
      <c r="F6853" t="s">
        <v>651</v>
      </c>
      <c r="G6853">
        <v>160</v>
      </c>
      <c r="H6853" t="s">
        <v>744</v>
      </c>
      <c r="I6853">
        <v>3143</v>
      </c>
      <c r="J6853" t="s">
        <v>699</v>
      </c>
      <c r="K6853">
        <v>10</v>
      </c>
      <c r="L6853" t="s">
        <v>1096</v>
      </c>
      <c r="M6853">
        <v>341</v>
      </c>
      <c r="N6853" t="s">
        <v>654</v>
      </c>
      <c r="O6853">
        <v>3</v>
      </c>
      <c r="P6853" t="s">
        <v>689</v>
      </c>
      <c r="Q6853">
        <v>4</v>
      </c>
      <c r="R6853" t="s">
        <v>669</v>
      </c>
      <c r="S6853">
        <v>1</v>
      </c>
      <c r="T6853" t="s">
        <v>1295</v>
      </c>
      <c r="U6853">
        <v>10</v>
      </c>
      <c r="V6853">
        <v>3</v>
      </c>
      <c r="W6853">
        <v>180</v>
      </c>
      <c r="X6853">
        <v>2020</v>
      </c>
    </row>
    <row r="6854" spans="1:24" x14ac:dyDescent="0.25">
      <c r="A6854">
        <v>595</v>
      </c>
      <c r="B6854" t="s">
        <v>218</v>
      </c>
      <c r="C6854">
        <v>17</v>
      </c>
      <c r="D6854" t="s">
        <v>426</v>
      </c>
      <c r="E6854">
        <v>122</v>
      </c>
      <c r="F6854" t="s">
        <v>651</v>
      </c>
      <c r="G6854">
        <v>160</v>
      </c>
      <c r="H6854" t="s">
        <v>744</v>
      </c>
      <c r="I6854">
        <v>3143</v>
      </c>
      <c r="J6854" t="s">
        <v>699</v>
      </c>
      <c r="K6854">
        <v>10</v>
      </c>
      <c r="L6854" t="s">
        <v>1096</v>
      </c>
      <c r="M6854">
        <v>341</v>
      </c>
      <c r="N6854" t="s">
        <v>654</v>
      </c>
      <c r="O6854">
        <v>3</v>
      </c>
      <c r="P6854" t="s">
        <v>655</v>
      </c>
      <c r="Q6854">
        <v>1</v>
      </c>
      <c r="R6854" t="s">
        <v>669</v>
      </c>
      <c r="S6854">
        <v>1</v>
      </c>
      <c r="T6854" t="s">
        <v>1295</v>
      </c>
      <c r="U6854">
        <v>10</v>
      </c>
      <c r="V6854">
        <v>3</v>
      </c>
      <c r="W6854">
        <v>180</v>
      </c>
      <c r="X6854">
        <v>2020</v>
      </c>
    </row>
    <row r="6855" spans="1:24" x14ac:dyDescent="0.25">
      <c r="A6855">
        <v>594</v>
      </c>
      <c r="B6855" t="s">
        <v>218</v>
      </c>
      <c r="C6855">
        <v>17</v>
      </c>
      <c r="D6855" t="s">
        <v>322</v>
      </c>
      <c r="E6855">
        <v>121</v>
      </c>
      <c r="F6855" t="s">
        <v>651</v>
      </c>
      <c r="G6855">
        <v>160</v>
      </c>
      <c r="H6855" t="s">
        <v>744</v>
      </c>
      <c r="I6855">
        <v>3143</v>
      </c>
      <c r="J6855" t="s">
        <v>915</v>
      </c>
      <c r="K6855">
        <v>78</v>
      </c>
      <c r="L6855" t="s">
        <v>1266</v>
      </c>
      <c r="M6855">
        <v>334</v>
      </c>
      <c r="N6855" t="s">
        <v>654</v>
      </c>
      <c r="O6855">
        <v>3</v>
      </c>
      <c r="P6855" t="s">
        <v>655</v>
      </c>
      <c r="Q6855">
        <v>1</v>
      </c>
      <c r="R6855" t="s">
        <v>669</v>
      </c>
      <c r="S6855">
        <v>1</v>
      </c>
      <c r="T6855" t="s">
        <v>661</v>
      </c>
      <c r="U6855">
        <v>8</v>
      </c>
      <c r="V6855">
        <v>3</v>
      </c>
      <c r="W6855">
        <v>180</v>
      </c>
      <c r="X6855">
        <v>2020</v>
      </c>
    </row>
    <row r="6856" spans="1:24" x14ac:dyDescent="0.25">
      <c r="A6856">
        <v>593</v>
      </c>
      <c r="B6856" t="s">
        <v>218</v>
      </c>
      <c r="C6856">
        <v>17</v>
      </c>
      <c r="D6856" t="s">
        <v>322</v>
      </c>
      <c r="E6856">
        <v>121</v>
      </c>
      <c r="F6856" t="s">
        <v>651</v>
      </c>
      <c r="G6856">
        <v>160</v>
      </c>
      <c r="H6856" t="s">
        <v>744</v>
      </c>
      <c r="I6856">
        <v>3143</v>
      </c>
      <c r="J6856" t="s">
        <v>932</v>
      </c>
      <c r="K6856">
        <v>77</v>
      </c>
      <c r="L6856" t="s">
        <v>933</v>
      </c>
      <c r="M6856">
        <v>330</v>
      </c>
      <c r="N6856" t="s">
        <v>654</v>
      </c>
      <c r="O6856">
        <v>3</v>
      </c>
      <c r="P6856" t="s">
        <v>655</v>
      </c>
      <c r="Q6856">
        <v>1</v>
      </c>
      <c r="R6856" t="s">
        <v>669</v>
      </c>
      <c r="S6856">
        <v>1</v>
      </c>
      <c r="T6856" t="s">
        <v>661</v>
      </c>
      <c r="U6856">
        <v>8</v>
      </c>
      <c r="V6856">
        <v>4</v>
      </c>
      <c r="W6856">
        <v>240</v>
      </c>
      <c r="X6856">
        <v>2020</v>
      </c>
    </row>
    <row r="6857" spans="1:24" x14ac:dyDescent="0.25">
      <c r="A6857">
        <v>592</v>
      </c>
      <c r="B6857" t="s">
        <v>218</v>
      </c>
      <c r="C6857">
        <v>17</v>
      </c>
      <c r="D6857" t="s">
        <v>322</v>
      </c>
      <c r="E6857">
        <v>121</v>
      </c>
      <c r="F6857" t="s">
        <v>651</v>
      </c>
      <c r="G6857">
        <v>160</v>
      </c>
      <c r="H6857" t="s">
        <v>744</v>
      </c>
      <c r="I6857">
        <v>3143</v>
      </c>
      <c r="J6857" t="s">
        <v>932</v>
      </c>
      <c r="K6857">
        <v>77</v>
      </c>
      <c r="L6857" t="s">
        <v>839</v>
      </c>
      <c r="M6857">
        <v>327</v>
      </c>
      <c r="N6857" t="s">
        <v>654</v>
      </c>
      <c r="O6857">
        <v>3</v>
      </c>
      <c r="P6857" t="s">
        <v>655</v>
      </c>
      <c r="Q6857">
        <v>1</v>
      </c>
      <c r="R6857" t="s">
        <v>669</v>
      </c>
      <c r="S6857">
        <v>1</v>
      </c>
      <c r="T6857" t="s">
        <v>661</v>
      </c>
      <c r="U6857">
        <v>8</v>
      </c>
      <c r="V6857">
        <v>6</v>
      </c>
      <c r="W6857">
        <v>360</v>
      </c>
      <c r="X6857">
        <v>2020</v>
      </c>
    </row>
    <row r="6858" spans="1:24" x14ac:dyDescent="0.25">
      <c r="A6858">
        <v>591</v>
      </c>
      <c r="B6858" t="s">
        <v>218</v>
      </c>
      <c r="C6858">
        <v>17</v>
      </c>
      <c r="D6858" t="s">
        <v>566</v>
      </c>
      <c r="E6858">
        <v>120</v>
      </c>
      <c r="F6858" t="s">
        <v>651</v>
      </c>
      <c r="G6858">
        <v>160</v>
      </c>
      <c r="H6858" t="s">
        <v>744</v>
      </c>
      <c r="I6858">
        <v>3143</v>
      </c>
      <c r="J6858" t="s">
        <v>673</v>
      </c>
      <c r="K6858">
        <v>34</v>
      </c>
      <c r="L6858" t="s">
        <v>3792</v>
      </c>
      <c r="M6858">
        <v>108</v>
      </c>
      <c r="N6858" t="s">
        <v>654</v>
      </c>
      <c r="O6858">
        <v>3</v>
      </c>
      <c r="P6858" t="s">
        <v>655</v>
      </c>
      <c r="Q6858">
        <v>1</v>
      </c>
      <c r="R6858" t="s">
        <v>669</v>
      </c>
      <c r="S6858">
        <v>1</v>
      </c>
      <c r="T6858" t="s">
        <v>661</v>
      </c>
      <c r="U6858">
        <v>8</v>
      </c>
      <c r="V6858">
        <v>4</v>
      </c>
      <c r="W6858">
        <v>240</v>
      </c>
      <c r="X6858">
        <v>2020</v>
      </c>
    </row>
    <row r="6859" spans="1:24" x14ac:dyDescent="0.25">
      <c r="A6859">
        <v>590</v>
      </c>
      <c r="B6859" t="s">
        <v>218</v>
      </c>
      <c r="C6859">
        <v>17</v>
      </c>
      <c r="D6859" t="s">
        <v>566</v>
      </c>
      <c r="E6859">
        <v>120</v>
      </c>
      <c r="F6859" t="s">
        <v>651</v>
      </c>
      <c r="G6859">
        <v>160</v>
      </c>
      <c r="H6859" t="s">
        <v>744</v>
      </c>
      <c r="I6859">
        <v>3143</v>
      </c>
      <c r="J6859" t="s">
        <v>673</v>
      </c>
      <c r="K6859">
        <v>34</v>
      </c>
      <c r="L6859" t="s">
        <v>674</v>
      </c>
      <c r="M6859">
        <v>107</v>
      </c>
      <c r="N6859" t="s">
        <v>654</v>
      </c>
      <c r="O6859">
        <v>3</v>
      </c>
      <c r="P6859" t="s">
        <v>655</v>
      </c>
      <c r="Q6859">
        <v>1</v>
      </c>
      <c r="R6859" t="s">
        <v>669</v>
      </c>
      <c r="S6859">
        <v>1</v>
      </c>
      <c r="T6859" t="s">
        <v>661</v>
      </c>
      <c r="U6859">
        <v>8</v>
      </c>
      <c r="V6859">
        <v>4</v>
      </c>
      <c r="W6859">
        <v>240</v>
      </c>
      <c r="X6859">
        <v>2020</v>
      </c>
    </row>
    <row r="6860" spans="1:24" x14ac:dyDescent="0.25">
      <c r="A6860">
        <v>589</v>
      </c>
      <c r="B6860" t="s">
        <v>218</v>
      </c>
      <c r="C6860">
        <v>17</v>
      </c>
      <c r="D6860" t="s">
        <v>566</v>
      </c>
      <c r="E6860">
        <v>120</v>
      </c>
      <c r="F6860" t="s">
        <v>651</v>
      </c>
      <c r="G6860">
        <v>160</v>
      </c>
      <c r="H6860" t="s">
        <v>744</v>
      </c>
      <c r="I6860">
        <v>3143</v>
      </c>
      <c r="J6860" t="s">
        <v>673</v>
      </c>
      <c r="K6860">
        <v>34</v>
      </c>
      <c r="L6860" t="s">
        <v>673</v>
      </c>
      <c r="M6860">
        <v>104</v>
      </c>
      <c r="N6860" t="s">
        <v>654</v>
      </c>
      <c r="O6860">
        <v>3</v>
      </c>
      <c r="P6860" t="s">
        <v>655</v>
      </c>
      <c r="Q6860">
        <v>1</v>
      </c>
      <c r="R6860" t="s">
        <v>669</v>
      </c>
      <c r="S6860">
        <v>1</v>
      </c>
      <c r="T6860" t="s">
        <v>661</v>
      </c>
      <c r="U6860">
        <v>8</v>
      </c>
      <c r="V6860">
        <v>3</v>
      </c>
      <c r="W6860">
        <v>180</v>
      </c>
      <c r="X6860">
        <v>2020</v>
      </c>
    </row>
    <row r="6861" spans="1:24" x14ac:dyDescent="0.25">
      <c r="A6861">
        <v>588</v>
      </c>
      <c r="B6861" t="s">
        <v>218</v>
      </c>
      <c r="C6861">
        <v>17</v>
      </c>
      <c r="D6861" t="s">
        <v>567</v>
      </c>
      <c r="E6861">
        <v>119</v>
      </c>
      <c r="F6861" t="s">
        <v>651</v>
      </c>
      <c r="G6861">
        <v>160</v>
      </c>
      <c r="H6861" t="s">
        <v>744</v>
      </c>
      <c r="I6861">
        <v>3143</v>
      </c>
      <c r="J6861" t="s">
        <v>765</v>
      </c>
      <c r="K6861">
        <v>76</v>
      </c>
      <c r="L6861" t="s">
        <v>766</v>
      </c>
      <c r="M6861">
        <v>137</v>
      </c>
      <c r="N6861" t="s">
        <v>654</v>
      </c>
      <c r="O6861">
        <v>3</v>
      </c>
      <c r="P6861" t="s">
        <v>655</v>
      </c>
      <c r="Q6861">
        <v>1</v>
      </c>
      <c r="R6861" t="s">
        <v>669</v>
      </c>
      <c r="S6861">
        <v>1</v>
      </c>
      <c r="T6861" t="s">
        <v>661</v>
      </c>
      <c r="U6861">
        <v>8</v>
      </c>
      <c r="V6861">
        <v>3</v>
      </c>
      <c r="W6861">
        <v>180</v>
      </c>
      <c r="X6861">
        <v>2020</v>
      </c>
    </row>
    <row r="6862" spans="1:24" x14ac:dyDescent="0.25">
      <c r="A6862">
        <v>587</v>
      </c>
      <c r="B6862" t="s">
        <v>218</v>
      </c>
      <c r="C6862">
        <v>17</v>
      </c>
      <c r="D6862" t="s">
        <v>567</v>
      </c>
      <c r="E6862">
        <v>119</v>
      </c>
      <c r="F6862" t="s">
        <v>651</v>
      </c>
      <c r="G6862">
        <v>160</v>
      </c>
      <c r="H6862" t="s">
        <v>744</v>
      </c>
      <c r="I6862">
        <v>3143</v>
      </c>
      <c r="J6862" t="s">
        <v>1088</v>
      </c>
      <c r="K6862">
        <v>38</v>
      </c>
      <c r="L6862" t="s">
        <v>1265</v>
      </c>
      <c r="M6862">
        <v>136</v>
      </c>
      <c r="N6862" t="s">
        <v>654</v>
      </c>
      <c r="O6862">
        <v>3</v>
      </c>
      <c r="P6862" t="s">
        <v>746</v>
      </c>
      <c r="Q6862">
        <v>2</v>
      </c>
      <c r="R6862" t="s">
        <v>669</v>
      </c>
      <c r="S6862">
        <v>1</v>
      </c>
      <c r="T6862" t="s">
        <v>661</v>
      </c>
      <c r="U6862">
        <v>8</v>
      </c>
      <c r="V6862">
        <v>3</v>
      </c>
      <c r="W6862">
        <v>180</v>
      </c>
      <c r="X6862">
        <v>2020</v>
      </c>
    </row>
    <row r="6863" spans="1:24" x14ac:dyDescent="0.25">
      <c r="A6863">
        <v>586</v>
      </c>
      <c r="B6863" t="s">
        <v>218</v>
      </c>
      <c r="C6863">
        <v>17</v>
      </c>
      <c r="D6863" t="s">
        <v>567</v>
      </c>
      <c r="E6863">
        <v>119</v>
      </c>
      <c r="F6863" t="s">
        <v>651</v>
      </c>
      <c r="G6863">
        <v>160</v>
      </c>
      <c r="H6863" t="s">
        <v>744</v>
      </c>
      <c r="I6863">
        <v>3143</v>
      </c>
      <c r="J6863" t="s">
        <v>1088</v>
      </c>
      <c r="K6863">
        <v>38</v>
      </c>
      <c r="L6863" t="s">
        <v>1265</v>
      </c>
      <c r="M6863">
        <v>136</v>
      </c>
      <c r="N6863" t="s">
        <v>654</v>
      </c>
      <c r="O6863">
        <v>3</v>
      </c>
      <c r="P6863" t="s">
        <v>655</v>
      </c>
      <c r="Q6863">
        <v>1</v>
      </c>
      <c r="R6863" t="s">
        <v>669</v>
      </c>
      <c r="S6863">
        <v>1</v>
      </c>
      <c r="T6863" t="s">
        <v>661</v>
      </c>
      <c r="U6863">
        <v>8</v>
      </c>
      <c r="V6863">
        <v>3</v>
      </c>
      <c r="W6863">
        <v>180</v>
      </c>
      <c r="X6863">
        <v>2020</v>
      </c>
    </row>
    <row r="6864" spans="1:24" x14ac:dyDescent="0.25">
      <c r="A6864">
        <v>585</v>
      </c>
      <c r="B6864" t="s">
        <v>218</v>
      </c>
      <c r="C6864">
        <v>17</v>
      </c>
      <c r="D6864" t="s">
        <v>567</v>
      </c>
      <c r="E6864">
        <v>119</v>
      </c>
      <c r="F6864" t="s">
        <v>651</v>
      </c>
      <c r="G6864">
        <v>160</v>
      </c>
      <c r="H6864" t="s">
        <v>744</v>
      </c>
      <c r="I6864">
        <v>3143</v>
      </c>
      <c r="J6864" t="s">
        <v>1088</v>
      </c>
      <c r="K6864">
        <v>38</v>
      </c>
      <c r="L6864" t="s">
        <v>1089</v>
      </c>
      <c r="M6864">
        <v>135</v>
      </c>
      <c r="N6864" t="s">
        <v>654</v>
      </c>
      <c r="O6864">
        <v>3</v>
      </c>
      <c r="P6864" t="s">
        <v>746</v>
      </c>
      <c r="Q6864">
        <v>2</v>
      </c>
      <c r="R6864" t="s">
        <v>669</v>
      </c>
      <c r="S6864">
        <v>1</v>
      </c>
      <c r="T6864" t="s">
        <v>661</v>
      </c>
      <c r="U6864">
        <v>8</v>
      </c>
      <c r="V6864">
        <v>3</v>
      </c>
      <c r="W6864">
        <v>180</v>
      </c>
      <c r="X6864">
        <v>2020</v>
      </c>
    </row>
    <row r="6865" spans="1:24" x14ac:dyDescent="0.25">
      <c r="A6865">
        <v>584</v>
      </c>
      <c r="B6865" t="s">
        <v>218</v>
      </c>
      <c r="C6865">
        <v>17</v>
      </c>
      <c r="D6865" t="s">
        <v>567</v>
      </c>
      <c r="E6865">
        <v>119</v>
      </c>
      <c r="F6865" t="s">
        <v>651</v>
      </c>
      <c r="G6865">
        <v>160</v>
      </c>
      <c r="H6865" t="s">
        <v>744</v>
      </c>
      <c r="I6865">
        <v>3143</v>
      </c>
      <c r="J6865" t="s">
        <v>1088</v>
      </c>
      <c r="K6865">
        <v>38</v>
      </c>
      <c r="L6865" t="s">
        <v>1089</v>
      </c>
      <c r="M6865">
        <v>135</v>
      </c>
      <c r="N6865" t="s">
        <v>654</v>
      </c>
      <c r="O6865">
        <v>3</v>
      </c>
      <c r="P6865" t="s">
        <v>655</v>
      </c>
      <c r="Q6865">
        <v>1</v>
      </c>
      <c r="R6865" t="s">
        <v>669</v>
      </c>
      <c r="S6865">
        <v>1</v>
      </c>
      <c r="T6865" t="s">
        <v>661</v>
      </c>
      <c r="U6865">
        <v>8</v>
      </c>
      <c r="V6865">
        <v>3</v>
      </c>
      <c r="W6865">
        <v>180</v>
      </c>
      <c r="X6865">
        <v>2020</v>
      </c>
    </row>
    <row r="6866" spans="1:24" x14ac:dyDescent="0.25">
      <c r="A6866">
        <v>583</v>
      </c>
      <c r="B6866" t="s">
        <v>218</v>
      </c>
      <c r="C6866">
        <v>17</v>
      </c>
      <c r="D6866" t="s">
        <v>425</v>
      </c>
      <c r="E6866">
        <v>118</v>
      </c>
      <c r="F6866" t="s">
        <v>651</v>
      </c>
      <c r="G6866">
        <v>160</v>
      </c>
      <c r="H6866" t="s">
        <v>744</v>
      </c>
      <c r="I6866">
        <v>3143</v>
      </c>
      <c r="J6866" t="s">
        <v>868</v>
      </c>
      <c r="K6866">
        <v>23</v>
      </c>
      <c r="L6866" t="s">
        <v>868</v>
      </c>
      <c r="M6866">
        <v>73</v>
      </c>
      <c r="N6866" t="s">
        <v>654</v>
      </c>
      <c r="O6866">
        <v>3</v>
      </c>
      <c r="P6866" t="s">
        <v>689</v>
      </c>
      <c r="Q6866">
        <v>4</v>
      </c>
      <c r="R6866" t="s">
        <v>669</v>
      </c>
      <c r="S6866">
        <v>1</v>
      </c>
      <c r="T6866" t="s">
        <v>661</v>
      </c>
      <c r="U6866">
        <v>8</v>
      </c>
      <c r="V6866">
        <v>3</v>
      </c>
      <c r="W6866">
        <v>180</v>
      </c>
      <c r="X6866">
        <v>2020</v>
      </c>
    </row>
    <row r="6867" spans="1:24" x14ac:dyDescent="0.25">
      <c r="A6867">
        <v>582</v>
      </c>
      <c r="B6867" t="s">
        <v>218</v>
      </c>
      <c r="C6867">
        <v>17</v>
      </c>
      <c r="D6867" t="s">
        <v>425</v>
      </c>
      <c r="E6867">
        <v>118</v>
      </c>
      <c r="F6867" t="s">
        <v>651</v>
      </c>
      <c r="G6867">
        <v>160</v>
      </c>
      <c r="H6867" t="s">
        <v>744</v>
      </c>
      <c r="I6867">
        <v>3143</v>
      </c>
      <c r="J6867" t="s">
        <v>868</v>
      </c>
      <c r="K6867">
        <v>23</v>
      </c>
      <c r="L6867" t="s">
        <v>868</v>
      </c>
      <c r="M6867">
        <v>73</v>
      </c>
      <c r="N6867" t="s">
        <v>654</v>
      </c>
      <c r="O6867">
        <v>3</v>
      </c>
      <c r="P6867" t="s">
        <v>655</v>
      </c>
      <c r="Q6867">
        <v>1</v>
      </c>
      <c r="R6867" t="s">
        <v>669</v>
      </c>
      <c r="S6867">
        <v>1</v>
      </c>
      <c r="T6867" t="s">
        <v>661</v>
      </c>
      <c r="U6867">
        <v>8</v>
      </c>
      <c r="V6867">
        <v>3</v>
      </c>
      <c r="W6867">
        <v>180</v>
      </c>
      <c r="X6867">
        <v>2020</v>
      </c>
    </row>
    <row r="6868" spans="1:24" x14ac:dyDescent="0.25">
      <c r="A6868">
        <v>581</v>
      </c>
      <c r="B6868" t="s">
        <v>218</v>
      </c>
      <c r="C6868">
        <v>17</v>
      </c>
      <c r="D6868" t="s">
        <v>425</v>
      </c>
      <c r="E6868">
        <v>118</v>
      </c>
      <c r="F6868" t="s">
        <v>651</v>
      </c>
      <c r="G6868">
        <v>160</v>
      </c>
      <c r="H6868" t="s">
        <v>744</v>
      </c>
      <c r="I6868">
        <v>3143</v>
      </c>
      <c r="J6868" t="s">
        <v>684</v>
      </c>
      <c r="K6868">
        <v>22</v>
      </c>
      <c r="L6868" t="s">
        <v>685</v>
      </c>
      <c r="M6868">
        <v>72</v>
      </c>
      <c r="N6868" t="s">
        <v>654</v>
      </c>
      <c r="O6868">
        <v>3</v>
      </c>
      <c r="P6868" t="s">
        <v>689</v>
      </c>
      <c r="Q6868">
        <v>4</v>
      </c>
      <c r="R6868" t="s">
        <v>669</v>
      </c>
      <c r="S6868">
        <v>1</v>
      </c>
      <c r="T6868" t="s">
        <v>661</v>
      </c>
      <c r="U6868">
        <v>8</v>
      </c>
      <c r="V6868">
        <v>3</v>
      </c>
      <c r="W6868">
        <v>180</v>
      </c>
      <c r="X6868">
        <v>2020</v>
      </c>
    </row>
    <row r="6869" spans="1:24" x14ac:dyDescent="0.25">
      <c r="A6869">
        <v>580</v>
      </c>
      <c r="B6869" t="s">
        <v>218</v>
      </c>
      <c r="C6869">
        <v>17</v>
      </c>
      <c r="D6869" t="s">
        <v>425</v>
      </c>
      <c r="E6869">
        <v>118</v>
      </c>
      <c r="F6869" t="s">
        <v>651</v>
      </c>
      <c r="G6869">
        <v>160</v>
      </c>
      <c r="H6869" t="s">
        <v>744</v>
      </c>
      <c r="I6869">
        <v>3143</v>
      </c>
      <c r="J6869" t="s">
        <v>684</v>
      </c>
      <c r="K6869">
        <v>22</v>
      </c>
      <c r="L6869" t="s">
        <v>685</v>
      </c>
      <c r="M6869">
        <v>72</v>
      </c>
      <c r="N6869" t="s">
        <v>654</v>
      </c>
      <c r="O6869">
        <v>3</v>
      </c>
      <c r="P6869" t="s">
        <v>655</v>
      </c>
      <c r="Q6869">
        <v>1</v>
      </c>
      <c r="R6869" t="s">
        <v>669</v>
      </c>
      <c r="S6869">
        <v>1</v>
      </c>
      <c r="T6869" t="s">
        <v>661</v>
      </c>
      <c r="U6869">
        <v>8</v>
      </c>
      <c r="V6869">
        <v>3</v>
      </c>
      <c r="W6869">
        <v>180</v>
      </c>
      <c r="X6869">
        <v>2020</v>
      </c>
    </row>
    <row r="6870" spans="1:24" x14ac:dyDescent="0.25">
      <c r="A6870">
        <v>578</v>
      </c>
      <c r="B6870" t="s">
        <v>218</v>
      </c>
      <c r="C6870">
        <v>17</v>
      </c>
      <c r="D6870" t="s">
        <v>568</v>
      </c>
      <c r="E6870">
        <v>117</v>
      </c>
      <c r="F6870" t="s">
        <v>651</v>
      </c>
      <c r="G6870">
        <v>160</v>
      </c>
      <c r="H6870" t="s">
        <v>744</v>
      </c>
      <c r="I6870">
        <v>3143</v>
      </c>
      <c r="J6870" t="s">
        <v>294</v>
      </c>
      <c r="K6870">
        <v>31</v>
      </c>
      <c r="L6870" t="s">
        <v>294</v>
      </c>
      <c r="M6870">
        <v>98</v>
      </c>
      <c r="N6870" t="s">
        <v>654</v>
      </c>
      <c r="O6870">
        <v>3</v>
      </c>
      <c r="P6870" t="s">
        <v>689</v>
      </c>
      <c r="Q6870">
        <v>4</v>
      </c>
      <c r="R6870" t="s">
        <v>669</v>
      </c>
      <c r="S6870">
        <v>1</v>
      </c>
      <c r="T6870" t="s">
        <v>661</v>
      </c>
      <c r="U6870">
        <v>8</v>
      </c>
      <c r="V6870">
        <v>3</v>
      </c>
      <c r="W6870">
        <v>180</v>
      </c>
      <c r="X6870">
        <v>2020</v>
      </c>
    </row>
    <row r="6871" spans="1:24" x14ac:dyDescent="0.25">
      <c r="A6871">
        <v>577</v>
      </c>
      <c r="B6871" t="s">
        <v>218</v>
      </c>
      <c r="C6871">
        <v>17</v>
      </c>
      <c r="D6871" t="s">
        <v>568</v>
      </c>
      <c r="E6871">
        <v>117</v>
      </c>
      <c r="F6871" t="s">
        <v>651</v>
      </c>
      <c r="G6871">
        <v>160</v>
      </c>
      <c r="H6871" t="s">
        <v>744</v>
      </c>
      <c r="I6871">
        <v>3143</v>
      </c>
      <c r="J6871" t="s">
        <v>294</v>
      </c>
      <c r="K6871">
        <v>31</v>
      </c>
      <c r="L6871" t="s">
        <v>294</v>
      </c>
      <c r="M6871">
        <v>98</v>
      </c>
      <c r="N6871" t="s">
        <v>654</v>
      </c>
      <c r="O6871">
        <v>3</v>
      </c>
      <c r="P6871" t="s">
        <v>655</v>
      </c>
      <c r="Q6871">
        <v>1</v>
      </c>
      <c r="R6871" t="s">
        <v>669</v>
      </c>
      <c r="S6871">
        <v>1</v>
      </c>
      <c r="T6871" t="s">
        <v>661</v>
      </c>
      <c r="U6871">
        <v>8</v>
      </c>
      <c r="V6871">
        <v>3</v>
      </c>
      <c r="W6871">
        <v>180</v>
      </c>
      <c r="X6871">
        <v>2020</v>
      </c>
    </row>
    <row r="6872" spans="1:24" x14ac:dyDescent="0.25">
      <c r="A6872">
        <v>576</v>
      </c>
      <c r="B6872" t="s">
        <v>218</v>
      </c>
      <c r="C6872">
        <v>17</v>
      </c>
      <c r="D6872" t="s">
        <v>568</v>
      </c>
      <c r="E6872">
        <v>117</v>
      </c>
      <c r="F6872" t="s">
        <v>651</v>
      </c>
      <c r="G6872">
        <v>160</v>
      </c>
      <c r="H6872" t="s">
        <v>744</v>
      </c>
      <c r="I6872">
        <v>3143</v>
      </c>
      <c r="J6872" t="s">
        <v>295</v>
      </c>
      <c r="K6872">
        <v>30</v>
      </c>
      <c r="L6872" t="s">
        <v>295</v>
      </c>
      <c r="M6872">
        <v>96</v>
      </c>
      <c r="N6872" t="s">
        <v>654</v>
      </c>
      <c r="O6872">
        <v>3</v>
      </c>
      <c r="P6872" t="s">
        <v>689</v>
      </c>
      <c r="Q6872">
        <v>4</v>
      </c>
      <c r="R6872" t="s">
        <v>669</v>
      </c>
      <c r="S6872">
        <v>1</v>
      </c>
      <c r="T6872" t="s">
        <v>661</v>
      </c>
      <c r="U6872">
        <v>8</v>
      </c>
      <c r="V6872">
        <v>3</v>
      </c>
      <c r="W6872">
        <v>180</v>
      </c>
      <c r="X6872">
        <v>2020</v>
      </c>
    </row>
    <row r="6873" spans="1:24" x14ac:dyDescent="0.25">
      <c r="A6873">
        <v>575</v>
      </c>
      <c r="B6873" t="s">
        <v>218</v>
      </c>
      <c r="C6873">
        <v>17</v>
      </c>
      <c r="D6873" t="s">
        <v>568</v>
      </c>
      <c r="E6873">
        <v>117</v>
      </c>
      <c r="F6873" t="s">
        <v>651</v>
      </c>
      <c r="G6873">
        <v>160</v>
      </c>
      <c r="H6873" t="s">
        <v>744</v>
      </c>
      <c r="I6873">
        <v>3143</v>
      </c>
      <c r="J6873" t="s">
        <v>295</v>
      </c>
      <c r="K6873">
        <v>30</v>
      </c>
      <c r="L6873" t="s">
        <v>295</v>
      </c>
      <c r="M6873">
        <v>96</v>
      </c>
      <c r="N6873" t="s">
        <v>654</v>
      </c>
      <c r="O6873">
        <v>3</v>
      </c>
      <c r="P6873" t="s">
        <v>655</v>
      </c>
      <c r="Q6873">
        <v>1</v>
      </c>
      <c r="R6873" t="s">
        <v>669</v>
      </c>
      <c r="S6873">
        <v>1</v>
      </c>
      <c r="T6873" t="s">
        <v>661</v>
      </c>
      <c r="U6873">
        <v>8</v>
      </c>
      <c r="V6873">
        <v>3</v>
      </c>
      <c r="W6873">
        <v>180</v>
      </c>
      <c r="X6873">
        <v>2020</v>
      </c>
    </row>
    <row r="6874" spans="1:24" x14ac:dyDescent="0.25">
      <c r="A6874">
        <v>573</v>
      </c>
      <c r="B6874" t="s">
        <v>218</v>
      </c>
      <c r="C6874">
        <v>17</v>
      </c>
      <c r="D6874" t="s">
        <v>568</v>
      </c>
      <c r="E6874">
        <v>117</v>
      </c>
      <c r="F6874" t="s">
        <v>651</v>
      </c>
      <c r="G6874">
        <v>160</v>
      </c>
      <c r="H6874" t="s">
        <v>744</v>
      </c>
      <c r="I6874">
        <v>3143</v>
      </c>
      <c r="J6874" t="s">
        <v>955</v>
      </c>
      <c r="K6874">
        <v>29</v>
      </c>
      <c r="L6874" t="s">
        <v>2089</v>
      </c>
      <c r="M6874">
        <v>94</v>
      </c>
      <c r="N6874" t="s">
        <v>654</v>
      </c>
      <c r="O6874">
        <v>3</v>
      </c>
      <c r="P6874" t="s">
        <v>655</v>
      </c>
      <c r="Q6874">
        <v>1</v>
      </c>
      <c r="R6874" t="s">
        <v>669</v>
      </c>
      <c r="S6874">
        <v>1</v>
      </c>
      <c r="T6874" t="s">
        <v>661</v>
      </c>
      <c r="U6874">
        <v>8</v>
      </c>
      <c r="V6874">
        <v>3</v>
      </c>
      <c r="W6874">
        <v>180</v>
      </c>
      <c r="X6874">
        <v>2020</v>
      </c>
    </row>
    <row r="6875" spans="1:24" x14ac:dyDescent="0.25">
      <c r="A6875">
        <v>572</v>
      </c>
      <c r="B6875" t="s">
        <v>218</v>
      </c>
      <c r="C6875">
        <v>17</v>
      </c>
      <c r="D6875" t="s">
        <v>568</v>
      </c>
      <c r="E6875">
        <v>117</v>
      </c>
      <c r="F6875" t="s">
        <v>651</v>
      </c>
      <c r="G6875">
        <v>160</v>
      </c>
      <c r="H6875" t="s">
        <v>744</v>
      </c>
      <c r="I6875">
        <v>3143</v>
      </c>
      <c r="J6875" t="s">
        <v>1094</v>
      </c>
      <c r="K6875">
        <v>28</v>
      </c>
      <c r="L6875" t="s">
        <v>296</v>
      </c>
      <c r="M6875">
        <v>91</v>
      </c>
      <c r="N6875" t="s">
        <v>654</v>
      </c>
      <c r="O6875">
        <v>3</v>
      </c>
      <c r="P6875" t="s">
        <v>655</v>
      </c>
      <c r="Q6875">
        <v>1</v>
      </c>
      <c r="R6875" t="s">
        <v>669</v>
      </c>
      <c r="S6875">
        <v>1</v>
      </c>
      <c r="T6875" t="s">
        <v>661</v>
      </c>
      <c r="U6875">
        <v>8</v>
      </c>
      <c r="V6875">
        <v>3</v>
      </c>
      <c r="W6875">
        <v>180</v>
      </c>
      <c r="X6875">
        <v>2020</v>
      </c>
    </row>
    <row r="6876" spans="1:24" x14ac:dyDescent="0.25">
      <c r="A6876">
        <v>570</v>
      </c>
      <c r="B6876" t="s">
        <v>218</v>
      </c>
      <c r="C6876">
        <v>17</v>
      </c>
      <c r="D6876" t="s">
        <v>568</v>
      </c>
      <c r="E6876">
        <v>117</v>
      </c>
      <c r="F6876" t="s">
        <v>651</v>
      </c>
      <c r="G6876">
        <v>160</v>
      </c>
      <c r="H6876" t="s">
        <v>744</v>
      </c>
      <c r="I6876">
        <v>3143</v>
      </c>
      <c r="J6876" t="s">
        <v>299</v>
      </c>
      <c r="K6876">
        <v>27</v>
      </c>
      <c r="L6876" t="s">
        <v>690</v>
      </c>
      <c r="M6876">
        <v>89</v>
      </c>
      <c r="N6876" t="s">
        <v>654</v>
      </c>
      <c r="O6876">
        <v>3</v>
      </c>
      <c r="P6876" t="s">
        <v>655</v>
      </c>
      <c r="Q6876">
        <v>1</v>
      </c>
      <c r="R6876" t="s">
        <v>669</v>
      </c>
      <c r="S6876">
        <v>1</v>
      </c>
      <c r="T6876" t="s">
        <v>661</v>
      </c>
      <c r="U6876">
        <v>8</v>
      </c>
      <c r="V6876">
        <v>3</v>
      </c>
      <c r="W6876">
        <v>180</v>
      </c>
      <c r="X6876">
        <v>2020</v>
      </c>
    </row>
    <row r="6877" spans="1:24" x14ac:dyDescent="0.25">
      <c r="A6877">
        <v>569</v>
      </c>
      <c r="B6877" t="s">
        <v>218</v>
      </c>
      <c r="C6877">
        <v>17</v>
      </c>
      <c r="D6877" t="s">
        <v>568</v>
      </c>
      <c r="E6877">
        <v>117</v>
      </c>
      <c r="F6877" t="s">
        <v>651</v>
      </c>
      <c r="G6877">
        <v>160</v>
      </c>
      <c r="H6877" t="s">
        <v>744</v>
      </c>
      <c r="I6877">
        <v>3143</v>
      </c>
      <c r="J6877" t="s">
        <v>301</v>
      </c>
      <c r="K6877">
        <v>26</v>
      </c>
      <c r="L6877" t="s">
        <v>930</v>
      </c>
      <c r="M6877">
        <v>84</v>
      </c>
      <c r="N6877" t="s">
        <v>654</v>
      </c>
      <c r="O6877">
        <v>3</v>
      </c>
      <c r="P6877" t="s">
        <v>689</v>
      </c>
      <c r="Q6877">
        <v>4</v>
      </c>
      <c r="R6877" t="s">
        <v>669</v>
      </c>
      <c r="S6877">
        <v>1</v>
      </c>
      <c r="T6877" t="s">
        <v>661</v>
      </c>
      <c r="U6877">
        <v>8</v>
      </c>
      <c r="V6877">
        <v>3</v>
      </c>
      <c r="W6877">
        <v>180</v>
      </c>
      <c r="X6877">
        <v>2020</v>
      </c>
    </row>
    <row r="6878" spans="1:24" x14ac:dyDescent="0.25">
      <c r="A6878">
        <v>568</v>
      </c>
      <c r="B6878" t="s">
        <v>218</v>
      </c>
      <c r="C6878">
        <v>17</v>
      </c>
      <c r="D6878" t="s">
        <v>568</v>
      </c>
      <c r="E6878">
        <v>117</v>
      </c>
      <c r="F6878" t="s">
        <v>651</v>
      </c>
      <c r="G6878">
        <v>160</v>
      </c>
      <c r="H6878" t="s">
        <v>744</v>
      </c>
      <c r="I6878">
        <v>3143</v>
      </c>
      <c r="J6878" t="s">
        <v>301</v>
      </c>
      <c r="K6878">
        <v>26</v>
      </c>
      <c r="L6878" t="s">
        <v>930</v>
      </c>
      <c r="M6878">
        <v>84</v>
      </c>
      <c r="N6878" t="s">
        <v>654</v>
      </c>
      <c r="O6878">
        <v>3</v>
      </c>
      <c r="P6878" t="s">
        <v>655</v>
      </c>
      <c r="Q6878">
        <v>1</v>
      </c>
      <c r="R6878" t="s">
        <v>669</v>
      </c>
      <c r="S6878">
        <v>1</v>
      </c>
      <c r="T6878" t="s">
        <v>661</v>
      </c>
      <c r="U6878">
        <v>8</v>
      </c>
      <c r="V6878">
        <v>3</v>
      </c>
      <c r="W6878">
        <v>180</v>
      </c>
      <c r="X6878">
        <v>2020</v>
      </c>
    </row>
    <row r="6879" spans="1:24" x14ac:dyDescent="0.25">
      <c r="A6879">
        <v>567</v>
      </c>
      <c r="B6879" t="s">
        <v>218</v>
      </c>
      <c r="C6879">
        <v>17</v>
      </c>
      <c r="D6879" t="s">
        <v>568</v>
      </c>
      <c r="E6879">
        <v>117</v>
      </c>
      <c r="F6879" t="s">
        <v>651</v>
      </c>
      <c r="G6879">
        <v>160</v>
      </c>
      <c r="H6879" t="s">
        <v>744</v>
      </c>
      <c r="I6879">
        <v>3143</v>
      </c>
      <c r="J6879" t="s">
        <v>301</v>
      </c>
      <c r="K6879">
        <v>26</v>
      </c>
      <c r="L6879" t="s">
        <v>301</v>
      </c>
      <c r="M6879">
        <v>82</v>
      </c>
      <c r="N6879" t="s">
        <v>654</v>
      </c>
      <c r="O6879">
        <v>3</v>
      </c>
      <c r="P6879" t="s">
        <v>655</v>
      </c>
      <c r="Q6879">
        <v>1</v>
      </c>
      <c r="R6879" t="s">
        <v>669</v>
      </c>
      <c r="S6879">
        <v>1</v>
      </c>
      <c r="T6879" t="s">
        <v>718</v>
      </c>
      <c r="U6879">
        <v>2</v>
      </c>
      <c r="V6879">
        <v>3</v>
      </c>
      <c r="W6879">
        <v>180</v>
      </c>
      <c r="X6879">
        <v>2020</v>
      </c>
    </row>
    <row r="6880" spans="1:24" x14ac:dyDescent="0.25">
      <c r="A6880">
        <v>565</v>
      </c>
      <c r="B6880" t="s">
        <v>218</v>
      </c>
      <c r="C6880">
        <v>17</v>
      </c>
      <c r="D6880" t="s">
        <v>568</v>
      </c>
      <c r="E6880">
        <v>117</v>
      </c>
      <c r="F6880" t="s">
        <v>651</v>
      </c>
      <c r="G6880">
        <v>160</v>
      </c>
      <c r="H6880" t="s">
        <v>744</v>
      </c>
      <c r="I6880">
        <v>3143</v>
      </c>
      <c r="J6880" t="s">
        <v>807</v>
      </c>
      <c r="K6880">
        <v>25</v>
      </c>
      <c r="L6880" t="s">
        <v>1603</v>
      </c>
      <c r="M6880">
        <v>81</v>
      </c>
      <c r="N6880" t="s">
        <v>654</v>
      </c>
      <c r="O6880">
        <v>3</v>
      </c>
      <c r="P6880" t="s">
        <v>655</v>
      </c>
      <c r="Q6880">
        <v>1</v>
      </c>
      <c r="R6880" t="s">
        <v>669</v>
      </c>
      <c r="S6880">
        <v>1</v>
      </c>
      <c r="T6880" t="s">
        <v>661</v>
      </c>
      <c r="U6880">
        <v>8</v>
      </c>
      <c r="V6880">
        <v>3</v>
      </c>
      <c r="W6880">
        <v>180</v>
      </c>
      <c r="X6880">
        <v>2020</v>
      </c>
    </row>
    <row r="6881" spans="1:24" x14ac:dyDescent="0.25">
      <c r="A6881">
        <v>564</v>
      </c>
      <c r="B6881" t="s">
        <v>218</v>
      </c>
      <c r="C6881">
        <v>17</v>
      </c>
      <c r="D6881" t="s">
        <v>458</v>
      </c>
      <c r="E6881">
        <v>116</v>
      </c>
      <c r="F6881" t="s">
        <v>651</v>
      </c>
      <c r="G6881">
        <v>160</v>
      </c>
      <c r="H6881" t="s">
        <v>744</v>
      </c>
      <c r="I6881">
        <v>3143</v>
      </c>
      <c r="J6881" t="s">
        <v>676</v>
      </c>
      <c r="K6881">
        <v>4</v>
      </c>
      <c r="L6881" t="s">
        <v>936</v>
      </c>
      <c r="M6881">
        <v>13</v>
      </c>
      <c r="N6881" t="s">
        <v>654</v>
      </c>
      <c r="O6881">
        <v>3</v>
      </c>
      <c r="P6881" t="s">
        <v>655</v>
      </c>
      <c r="Q6881">
        <v>1</v>
      </c>
      <c r="R6881" t="s">
        <v>669</v>
      </c>
      <c r="S6881">
        <v>1</v>
      </c>
      <c r="T6881" t="s">
        <v>729</v>
      </c>
      <c r="U6881">
        <v>4</v>
      </c>
      <c r="V6881">
        <v>3</v>
      </c>
      <c r="W6881">
        <v>180</v>
      </c>
      <c r="X6881">
        <v>2020</v>
      </c>
    </row>
    <row r="6882" spans="1:24" x14ac:dyDescent="0.25">
      <c r="A6882">
        <v>563</v>
      </c>
      <c r="B6882" t="s">
        <v>218</v>
      </c>
      <c r="C6882">
        <v>17</v>
      </c>
      <c r="D6882" t="s">
        <v>458</v>
      </c>
      <c r="E6882">
        <v>116</v>
      </c>
      <c r="F6882" t="s">
        <v>651</v>
      </c>
      <c r="G6882">
        <v>160</v>
      </c>
      <c r="H6882" t="s">
        <v>744</v>
      </c>
      <c r="I6882">
        <v>3143</v>
      </c>
      <c r="J6882" t="s">
        <v>676</v>
      </c>
      <c r="K6882">
        <v>4</v>
      </c>
      <c r="L6882" t="s">
        <v>936</v>
      </c>
      <c r="M6882">
        <v>13</v>
      </c>
      <c r="N6882" t="s">
        <v>654</v>
      </c>
      <c r="O6882">
        <v>3</v>
      </c>
      <c r="P6882" t="s">
        <v>655</v>
      </c>
      <c r="Q6882">
        <v>1</v>
      </c>
      <c r="R6882" t="s">
        <v>669</v>
      </c>
      <c r="S6882">
        <v>1</v>
      </c>
      <c r="T6882" t="s">
        <v>661</v>
      </c>
      <c r="U6882">
        <v>8</v>
      </c>
      <c r="V6882">
        <v>3</v>
      </c>
      <c r="W6882">
        <v>180</v>
      </c>
      <c r="X6882">
        <v>2020</v>
      </c>
    </row>
    <row r="6883" spans="1:24" x14ac:dyDescent="0.25">
      <c r="A6883">
        <v>561</v>
      </c>
      <c r="B6883" t="s">
        <v>218</v>
      </c>
      <c r="C6883">
        <v>17</v>
      </c>
      <c r="D6883" t="s">
        <v>458</v>
      </c>
      <c r="E6883">
        <v>116</v>
      </c>
      <c r="F6883" t="s">
        <v>651</v>
      </c>
      <c r="G6883">
        <v>160</v>
      </c>
      <c r="H6883" t="s">
        <v>744</v>
      </c>
      <c r="I6883">
        <v>3143</v>
      </c>
      <c r="J6883" t="s">
        <v>676</v>
      </c>
      <c r="K6883">
        <v>4</v>
      </c>
      <c r="L6883" t="s">
        <v>676</v>
      </c>
      <c r="M6883">
        <v>12</v>
      </c>
      <c r="N6883" t="s">
        <v>654</v>
      </c>
      <c r="O6883">
        <v>3</v>
      </c>
      <c r="P6883" t="s">
        <v>689</v>
      </c>
      <c r="Q6883">
        <v>4</v>
      </c>
      <c r="R6883" t="s">
        <v>669</v>
      </c>
      <c r="S6883">
        <v>1</v>
      </c>
      <c r="T6883" t="s">
        <v>661</v>
      </c>
      <c r="U6883">
        <v>8</v>
      </c>
      <c r="V6883">
        <v>3</v>
      </c>
      <c r="W6883">
        <v>180</v>
      </c>
      <c r="X6883">
        <v>2020</v>
      </c>
    </row>
    <row r="6884" spans="1:24" x14ac:dyDescent="0.25">
      <c r="A6884">
        <v>560</v>
      </c>
      <c r="B6884" t="s">
        <v>218</v>
      </c>
      <c r="C6884">
        <v>17</v>
      </c>
      <c r="D6884" t="s">
        <v>458</v>
      </c>
      <c r="E6884">
        <v>116</v>
      </c>
      <c r="F6884" t="s">
        <v>651</v>
      </c>
      <c r="G6884">
        <v>160</v>
      </c>
      <c r="H6884" t="s">
        <v>744</v>
      </c>
      <c r="I6884">
        <v>3143</v>
      </c>
      <c r="J6884" t="s">
        <v>676</v>
      </c>
      <c r="K6884">
        <v>4</v>
      </c>
      <c r="L6884" t="s">
        <v>676</v>
      </c>
      <c r="M6884">
        <v>12</v>
      </c>
      <c r="N6884" t="s">
        <v>654</v>
      </c>
      <c r="O6884">
        <v>3</v>
      </c>
      <c r="P6884" t="s">
        <v>655</v>
      </c>
      <c r="Q6884">
        <v>1</v>
      </c>
      <c r="R6884" t="s">
        <v>669</v>
      </c>
      <c r="S6884">
        <v>1</v>
      </c>
      <c r="T6884" t="s">
        <v>661</v>
      </c>
      <c r="U6884">
        <v>8</v>
      </c>
      <c r="V6884">
        <v>3</v>
      </c>
      <c r="W6884">
        <v>180</v>
      </c>
      <c r="X6884">
        <v>2020</v>
      </c>
    </row>
    <row r="6885" spans="1:24" x14ac:dyDescent="0.25">
      <c r="A6885">
        <v>559</v>
      </c>
      <c r="B6885" t="s">
        <v>218</v>
      </c>
      <c r="C6885">
        <v>17</v>
      </c>
      <c r="D6885" t="s">
        <v>458</v>
      </c>
      <c r="E6885">
        <v>116</v>
      </c>
      <c r="F6885" t="s">
        <v>651</v>
      </c>
      <c r="G6885">
        <v>160</v>
      </c>
      <c r="H6885" t="s">
        <v>744</v>
      </c>
      <c r="I6885">
        <v>3143</v>
      </c>
      <c r="J6885" t="s">
        <v>885</v>
      </c>
      <c r="K6885">
        <v>1</v>
      </c>
      <c r="L6885" t="s">
        <v>1543</v>
      </c>
      <c r="M6885">
        <v>3</v>
      </c>
      <c r="N6885" t="s">
        <v>654</v>
      </c>
      <c r="O6885">
        <v>3</v>
      </c>
      <c r="P6885" t="s">
        <v>655</v>
      </c>
      <c r="Q6885">
        <v>1</v>
      </c>
      <c r="R6885" t="s">
        <v>669</v>
      </c>
      <c r="S6885">
        <v>1</v>
      </c>
      <c r="T6885" t="s">
        <v>661</v>
      </c>
      <c r="U6885">
        <v>8</v>
      </c>
      <c r="V6885">
        <v>3</v>
      </c>
      <c r="W6885">
        <v>180</v>
      </c>
      <c r="X6885">
        <v>2020</v>
      </c>
    </row>
    <row r="6886" spans="1:24" x14ac:dyDescent="0.25">
      <c r="A6886">
        <v>555</v>
      </c>
      <c r="B6886" t="s">
        <v>218</v>
      </c>
      <c r="C6886">
        <v>17</v>
      </c>
      <c r="D6886" t="s">
        <v>569</v>
      </c>
      <c r="E6886">
        <v>115</v>
      </c>
      <c r="F6886" t="s">
        <v>651</v>
      </c>
      <c r="G6886">
        <v>160</v>
      </c>
      <c r="H6886" t="s">
        <v>744</v>
      </c>
      <c r="I6886">
        <v>3143</v>
      </c>
      <c r="J6886" t="s">
        <v>848</v>
      </c>
      <c r="K6886">
        <v>62</v>
      </c>
      <c r="L6886" t="s">
        <v>1924</v>
      </c>
      <c r="M6886">
        <v>263</v>
      </c>
      <c r="N6886" t="s">
        <v>654</v>
      </c>
      <c r="O6886">
        <v>3</v>
      </c>
      <c r="P6886" t="s">
        <v>655</v>
      </c>
      <c r="Q6886">
        <v>1</v>
      </c>
      <c r="R6886" t="s">
        <v>669</v>
      </c>
      <c r="S6886">
        <v>1</v>
      </c>
      <c r="T6886" t="s">
        <v>661</v>
      </c>
      <c r="U6886">
        <v>8</v>
      </c>
      <c r="V6886">
        <v>4</v>
      </c>
      <c r="W6886">
        <v>240</v>
      </c>
      <c r="X6886">
        <v>2020</v>
      </c>
    </row>
    <row r="6887" spans="1:24" x14ac:dyDescent="0.25">
      <c r="A6887">
        <v>553</v>
      </c>
      <c r="B6887" t="s">
        <v>218</v>
      </c>
      <c r="C6887">
        <v>17</v>
      </c>
      <c r="D6887" t="s">
        <v>569</v>
      </c>
      <c r="E6887">
        <v>115</v>
      </c>
      <c r="F6887" t="s">
        <v>651</v>
      </c>
      <c r="G6887">
        <v>160</v>
      </c>
      <c r="H6887" t="s">
        <v>744</v>
      </c>
      <c r="I6887">
        <v>3143</v>
      </c>
      <c r="J6887" t="s">
        <v>693</v>
      </c>
      <c r="K6887">
        <v>56</v>
      </c>
      <c r="L6887" t="s">
        <v>3788</v>
      </c>
      <c r="M6887">
        <v>230</v>
      </c>
      <c r="N6887" t="s">
        <v>654</v>
      </c>
      <c r="O6887">
        <v>3</v>
      </c>
      <c r="P6887" t="s">
        <v>655</v>
      </c>
      <c r="Q6887">
        <v>1</v>
      </c>
      <c r="R6887" t="s">
        <v>669</v>
      </c>
      <c r="S6887">
        <v>1</v>
      </c>
      <c r="T6887" t="s">
        <v>661</v>
      </c>
      <c r="U6887">
        <v>8</v>
      </c>
      <c r="V6887">
        <v>4</v>
      </c>
      <c r="W6887">
        <v>240</v>
      </c>
      <c r="X6887">
        <v>2020</v>
      </c>
    </row>
    <row r="6888" spans="1:24" x14ac:dyDescent="0.25">
      <c r="A6888">
        <v>552</v>
      </c>
      <c r="B6888" t="s">
        <v>218</v>
      </c>
      <c r="C6888">
        <v>17</v>
      </c>
      <c r="D6888" t="s">
        <v>569</v>
      </c>
      <c r="E6888">
        <v>115</v>
      </c>
      <c r="F6888" t="s">
        <v>651</v>
      </c>
      <c r="G6888">
        <v>160</v>
      </c>
      <c r="H6888" t="s">
        <v>744</v>
      </c>
      <c r="I6888">
        <v>3143</v>
      </c>
      <c r="J6888" t="s">
        <v>693</v>
      </c>
      <c r="K6888">
        <v>56</v>
      </c>
      <c r="L6888" t="s">
        <v>3125</v>
      </c>
      <c r="M6888">
        <v>224</v>
      </c>
      <c r="N6888" t="s">
        <v>654</v>
      </c>
      <c r="O6888">
        <v>3</v>
      </c>
      <c r="P6888" t="s">
        <v>655</v>
      </c>
      <c r="Q6888">
        <v>1</v>
      </c>
      <c r="R6888" t="s">
        <v>669</v>
      </c>
      <c r="S6888">
        <v>1</v>
      </c>
      <c r="T6888" t="s">
        <v>718</v>
      </c>
      <c r="U6888">
        <v>2</v>
      </c>
      <c r="V6888">
        <v>4</v>
      </c>
      <c r="W6888">
        <v>240</v>
      </c>
      <c r="X6888">
        <v>2020</v>
      </c>
    </row>
    <row r="6889" spans="1:24" x14ac:dyDescent="0.25">
      <c r="A6889">
        <v>551</v>
      </c>
      <c r="B6889" t="s">
        <v>218</v>
      </c>
      <c r="C6889">
        <v>17</v>
      </c>
      <c r="D6889" t="s">
        <v>569</v>
      </c>
      <c r="E6889">
        <v>115</v>
      </c>
      <c r="F6889" t="s">
        <v>651</v>
      </c>
      <c r="G6889">
        <v>160</v>
      </c>
      <c r="H6889" t="s">
        <v>744</v>
      </c>
      <c r="I6889">
        <v>3143</v>
      </c>
      <c r="J6889" t="s">
        <v>693</v>
      </c>
      <c r="K6889">
        <v>56</v>
      </c>
      <c r="L6889" t="s">
        <v>3125</v>
      </c>
      <c r="M6889">
        <v>224</v>
      </c>
      <c r="N6889" t="s">
        <v>654</v>
      </c>
      <c r="O6889">
        <v>3</v>
      </c>
      <c r="P6889" t="s">
        <v>655</v>
      </c>
      <c r="Q6889">
        <v>1</v>
      </c>
      <c r="R6889" t="s">
        <v>669</v>
      </c>
      <c r="S6889">
        <v>1</v>
      </c>
      <c r="T6889" t="s">
        <v>661</v>
      </c>
      <c r="U6889">
        <v>8</v>
      </c>
      <c r="V6889">
        <v>4</v>
      </c>
      <c r="W6889">
        <v>240</v>
      </c>
      <c r="X6889">
        <v>2020</v>
      </c>
    </row>
    <row r="6890" spans="1:24" x14ac:dyDescent="0.25">
      <c r="A6890">
        <v>550</v>
      </c>
      <c r="B6890" t="s">
        <v>218</v>
      </c>
      <c r="C6890">
        <v>17</v>
      </c>
      <c r="D6890" t="s">
        <v>570</v>
      </c>
      <c r="E6890">
        <v>114</v>
      </c>
      <c r="F6890" t="s">
        <v>651</v>
      </c>
      <c r="G6890">
        <v>160</v>
      </c>
      <c r="H6890" t="s">
        <v>744</v>
      </c>
      <c r="I6890">
        <v>3143</v>
      </c>
      <c r="J6890" t="s">
        <v>730</v>
      </c>
      <c r="K6890">
        <v>66</v>
      </c>
      <c r="L6890" t="s">
        <v>3887</v>
      </c>
      <c r="M6890">
        <v>288</v>
      </c>
      <c r="N6890" t="s">
        <v>654</v>
      </c>
      <c r="O6890">
        <v>3</v>
      </c>
      <c r="P6890" t="s">
        <v>655</v>
      </c>
      <c r="Q6890">
        <v>1</v>
      </c>
      <c r="R6890" t="s">
        <v>669</v>
      </c>
      <c r="S6890">
        <v>1</v>
      </c>
      <c r="T6890" t="s">
        <v>661</v>
      </c>
      <c r="U6890">
        <v>8</v>
      </c>
      <c r="V6890">
        <v>4</v>
      </c>
      <c r="W6890">
        <v>240</v>
      </c>
      <c r="X6890">
        <v>2020</v>
      </c>
    </row>
    <row r="6891" spans="1:24" x14ac:dyDescent="0.25">
      <c r="A6891">
        <v>549</v>
      </c>
      <c r="B6891" t="s">
        <v>218</v>
      </c>
      <c r="C6891">
        <v>17</v>
      </c>
      <c r="D6891" t="s">
        <v>570</v>
      </c>
      <c r="E6891">
        <v>114</v>
      </c>
      <c r="F6891" t="s">
        <v>651</v>
      </c>
      <c r="G6891">
        <v>160</v>
      </c>
      <c r="H6891" t="s">
        <v>744</v>
      </c>
      <c r="I6891">
        <v>3143</v>
      </c>
      <c r="J6891" t="s">
        <v>917</v>
      </c>
      <c r="K6891">
        <v>83</v>
      </c>
      <c r="L6891" t="s">
        <v>918</v>
      </c>
      <c r="M6891">
        <v>287</v>
      </c>
      <c r="N6891" t="s">
        <v>654</v>
      </c>
      <c r="O6891">
        <v>3</v>
      </c>
      <c r="P6891" t="s">
        <v>655</v>
      </c>
      <c r="Q6891">
        <v>1</v>
      </c>
      <c r="R6891" t="s">
        <v>669</v>
      </c>
      <c r="S6891">
        <v>1</v>
      </c>
      <c r="T6891" t="s">
        <v>661</v>
      </c>
      <c r="U6891">
        <v>8</v>
      </c>
      <c r="V6891">
        <v>4</v>
      </c>
      <c r="W6891">
        <v>240</v>
      </c>
      <c r="X6891">
        <v>2020</v>
      </c>
    </row>
    <row r="6892" spans="1:24" x14ac:dyDescent="0.25">
      <c r="A6892">
        <v>547</v>
      </c>
      <c r="B6892" t="s">
        <v>218</v>
      </c>
      <c r="C6892">
        <v>17</v>
      </c>
      <c r="D6892" t="s">
        <v>570</v>
      </c>
      <c r="E6892">
        <v>114</v>
      </c>
      <c r="F6892" t="s">
        <v>651</v>
      </c>
      <c r="G6892">
        <v>160</v>
      </c>
      <c r="H6892" t="s">
        <v>744</v>
      </c>
      <c r="I6892">
        <v>3143</v>
      </c>
      <c r="J6892" t="s">
        <v>738</v>
      </c>
      <c r="K6892">
        <v>61</v>
      </c>
      <c r="L6892" t="s">
        <v>1261</v>
      </c>
      <c r="M6892">
        <v>253</v>
      </c>
      <c r="N6892" t="s">
        <v>654</v>
      </c>
      <c r="O6892">
        <v>3</v>
      </c>
      <c r="P6892" t="s">
        <v>655</v>
      </c>
      <c r="Q6892">
        <v>1</v>
      </c>
      <c r="R6892" t="s">
        <v>669</v>
      </c>
      <c r="S6892">
        <v>1</v>
      </c>
      <c r="T6892" t="s">
        <v>661</v>
      </c>
      <c r="U6892">
        <v>8</v>
      </c>
      <c r="V6892">
        <v>4</v>
      </c>
      <c r="W6892">
        <v>240</v>
      </c>
      <c r="X6892">
        <v>2020</v>
      </c>
    </row>
    <row r="6893" spans="1:24" x14ac:dyDescent="0.25">
      <c r="A6893">
        <v>546</v>
      </c>
      <c r="B6893" t="s">
        <v>218</v>
      </c>
      <c r="C6893">
        <v>17</v>
      </c>
      <c r="D6893" t="s">
        <v>570</v>
      </c>
      <c r="E6893">
        <v>114</v>
      </c>
      <c r="F6893" t="s">
        <v>651</v>
      </c>
      <c r="G6893">
        <v>160</v>
      </c>
      <c r="H6893" t="s">
        <v>744</v>
      </c>
      <c r="I6893">
        <v>3143</v>
      </c>
      <c r="J6893" t="s">
        <v>880</v>
      </c>
      <c r="K6893">
        <v>58</v>
      </c>
      <c r="L6893" t="s">
        <v>1086</v>
      </c>
      <c r="M6893">
        <v>238</v>
      </c>
      <c r="N6893" t="s">
        <v>654</v>
      </c>
      <c r="O6893">
        <v>3</v>
      </c>
      <c r="P6893" t="s">
        <v>655</v>
      </c>
      <c r="Q6893">
        <v>1</v>
      </c>
      <c r="R6893" t="s">
        <v>669</v>
      </c>
      <c r="S6893">
        <v>1</v>
      </c>
      <c r="T6893" t="s">
        <v>661</v>
      </c>
      <c r="U6893">
        <v>8</v>
      </c>
      <c r="V6893">
        <v>4</v>
      </c>
      <c r="W6893">
        <v>240</v>
      </c>
      <c r="X6893">
        <v>2020</v>
      </c>
    </row>
    <row r="6894" spans="1:24" x14ac:dyDescent="0.25">
      <c r="A6894">
        <v>545</v>
      </c>
      <c r="B6894" t="s">
        <v>218</v>
      </c>
      <c r="C6894">
        <v>17</v>
      </c>
      <c r="D6894" t="s">
        <v>570</v>
      </c>
      <c r="E6894">
        <v>114</v>
      </c>
      <c r="F6894" t="s">
        <v>651</v>
      </c>
      <c r="G6894">
        <v>160</v>
      </c>
      <c r="H6894" t="s">
        <v>744</v>
      </c>
      <c r="I6894">
        <v>3143</v>
      </c>
      <c r="J6894" t="s">
        <v>880</v>
      </c>
      <c r="K6894">
        <v>58</v>
      </c>
      <c r="L6894" t="s">
        <v>880</v>
      </c>
      <c r="M6894">
        <v>236</v>
      </c>
      <c r="N6894" t="s">
        <v>654</v>
      </c>
      <c r="O6894">
        <v>3</v>
      </c>
      <c r="P6894" t="s">
        <v>655</v>
      </c>
      <c r="Q6894">
        <v>1</v>
      </c>
      <c r="R6894" t="s">
        <v>669</v>
      </c>
      <c r="S6894">
        <v>1</v>
      </c>
      <c r="T6894" t="s">
        <v>661</v>
      </c>
      <c r="U6894">
        <v>8</v>
      </c>
      <c r="V6894">
        <v>4</v>
      </c>
      <c r="W6894">
        <v>240</v>
      </c>
      <c r="X6894">
        <v>2020</v>
      </c>
    </row>
    <row r="6895" spans="1:24" x14ac:dyDescent="0.25">
      <c r="A6895">
        <v>544</v>
      </c>
      <c r="B6895" t="s">
        <v>218</v>
      </c>
      <c r="C6895">
        <v>17</v>
      </c>
      <c r="D6895" t="s">
        <v>470</v>
      </c>
      <c r="E6895">
        <v>113</v>
      </c>
      <c r="F6895" t="s">
        <v>651</v>
      </c>
      <c r="G6895">
        <v>160</v>
      </c>
      <c r="H6895" t="s">
        <v>744</v>
      </c>
      <c r="I6895">
        <v>3143</v>
      </c>
      <c r="J6895" t="s">
        <v>3131</v>
      </c>
      <c r="K6895">
        <v>50</v>
      </c>
      <c r="L6895" t="s">
        <v>2728</v>
      </c>
      <c r="M6895">
        <v>191</v>
      </c>
      <c r="N6895" t="s">
        <v>654</v>
      </c>
      <c r="O6895">
        <v>3</v>
      </c>
      <c r="P6895" t="s">
        <v>655</v>
      </c>
      <c r="Q6895">
        <v>1</v>
      </c>
      <c r="R6895" t="s">
        <v>669</v>
      </c>
      <c r="S6895">
        <v>1</v>
      </c>
      <c r="T6895" t="s">
        <v>661</v>
      </c>
      <c r="U6895">
        <v>8</v>
      </c>
      <c r="V6895">
        <v>4</v>
      </c>
      <c r="W6895">
        <v>240</v>
      </c>
      <c r="X6895">
        <v>2020</v>
      </c>
    </row>
    <row r="6896" spans="1:24" x14ac:dyDescent="0.25">
      <c r="A6896">
        <v>543</v>
      </c>
      <c r="B6896" t="s">
        <v>218</v>
      </c>
      <c r="C6896">
        <v>17</v>
      </c>
      <c r="D6896" t="s">
        <v>470</v>
      </c>
      <c r="E6896">
        <v>113</v>
      </c>
      <c r="F6896" t="s">
        <v>651</v>
      </c>
      <c r="G6896">
        <v>160</v>
      </c>
      <c r="H6896" t="s">
        <v>744</v>
      </c>
      <c r="I6896">
        <v>3143</v>
      </c>
      <c r="J6896" t="s">
        <v>1080</v>
      </c>
      <c r="K6896">
        <v>49</v>
      </c>
      <c r="L6896" t="s">
        <v>3933</v>
      </c>
      <c r="M6896">
        <v>182</v>
      </c>
      <c r="N6896" t="s">
        <v>654</v>
      </c>
      <c r="O6896">
        <v>3</v>
      </c>
      <c r="P6896" t="s">
        <v>655</v>
      </c>
      <c r="Q6896">
        <v>1</v>
      </c>
      <c r="R6896" t="s">
        <v>669</v>
      </c>
      <c r="S6896">
        <v>1</v>
      </c>
      <c r="T6896" t="s">
        <v>661</v>
      </c>
      <c r="U6896">
        <v>8</v>
      </c>
      <c r="V6896">
        <v>4</v>
      </c>
      <c r="W6896">
        <v>240</v>
      </c>
      <c r="X6896">
        <v>2020</v>
      </c>
    </row>
    <row r="6897" spans="1:24" x14ac:dyDescent="0.25">
      <c r="A6897">
        <v>542</v>
      </c>
      <c r="B6897" t="s">
        <v>218</v>
      </c>
      <c r="C6897">
        <v>17</v>
      </c>
      <c r="D6897" t="s">
        <v>470</v>
      </c>
      <c r="E6897">
        <v>113</v>
      </c>
      <c r="F6897" t="s">
        <v>651</v>
      </c>
      <c r="G6897">
        <v>160</v>
      </c>
      <c r="H6897" t="s">
        <v>744</v>
      </c>
      <c r="I6897">
        <v>3143</v>
      </c>
      <c r="J6897" t="s">
        <v>1080</v>
      </c>
      <c r="K6897">
        <v>49</v>
      </c>
      <c r="L6897" t="s">
        <v>3687</v>
      </c>
      <c r="M6897">
        <v>181</v>
      </c>
      <c r="N6897" t="s">
        <v>654</v>
      </c>
      <c r="O6897">
        <v>3</v>
      </c>
      <c r="P6897" t="s">
        <v>655</v>
      </c>
      <c r="Q6897">
        <v>1</v>
      </c>
      <c r="R6897" t="s">
        <v>669</v>
      </c>
      <c r="S6897">
        <v>1</v>
      </c>
      <c r="T6897" t="s">
        <v>661</v>
      </c>
      <c r="U6897">
        <v>8</v>
      </c>
      <c r="V6897">
        <v>4</v>
      </c>
      <c r="W6897">
        <v>240</v>
      </c>
      <c r="X6897">
        <v>2020</v>
      </c>
    </row>
    <row r="6898" spans="1:24" x14ac:dyDescent="0.25">
      <c r="A6898">
        <v>540</v>
      </c>
      <c r="B6898" t="s">
        <v>218</v>
      </c>
      <c r="C6898">
        <v>17</v>
      </c>
      <c r="D6898" t="s">
        <v>571</v>
      </c>
      <c r="E6898">
        <v>112</v>
      </c>
      <c r="F6898" t="s">
        <v>651</v>
      </c>
      <c r="G6898">
        <v>160</v>
      </c>
      <c r="H6898" t="s">
        <v>744</v>
      </c>
      <c r="I6898">
        <v>3143</v>
      </c>
      <c r="J6898" t="s">
        <v>1259</v>
      </c>
      <c r="K6898">
        <v>57</v>
      </c>
      <c r="L6898" t="s">
        <v>1260</v>
      </c>
      <c r="M6898">
        <v>235</v>
      </c>
      <c r="N6898" t="s">
        <v>654</v>
      </c>
      <c r="O6898">
        <v>3</v>
      </c>
      <c r="P6898" t="s">
        <v>655</v>
      </c>
      <c r="Q6898">
        <v>1</v>
      </c>
      <c r="R6898" t="s">
        <v>669</v>
      </c>
      <c r="S6898">
        <v>1</v>
      </c>
      <c r="T6898" t="s">
        <v>661</v>
      </c>
      <c r="U6898">
        <v>8</v>
      </c>
      <c r="V6898">
        <v>4</v>
      </c>
      <c r="W6898">
        <v>240</v>
      </c>
      <c r="X6898">
        <v>2020</v>
      </c>
    </row>
    <row r="6899" spans="1:24" x14ac:dyDescent="0.25">
      <c r="A6899">
        <v>538</v>
      </c>
      <c r="B6899" t="s">
        <v>218</v>
      </c>
      <c r="C6899">
        <v>17</v>
      </c>
      <c r="D6899" t="s">
        <v>571</v>
      </c>
      <c r="E6899">
        <v>112</v>
      </c>
      <c r="F6899" t="s">
        <v>651</v>
      </c>
      <c r="G6899">
        <v>160</v>
      </c>
      <c r="H6899" t="s">
        <v>744</v>
      </c>
      <c r="I6899">
        <v>3143</v>
      </c>
      <c r="J6899" t="s">
        <v>1259</v>
      </c>
      <c r="K6899">
        <v>57</v>
      </c>
      <c r="L6899" t="s">
        <v>3951</v>
      </c>
      <c r="M6899">
        <v>234</v>
      </c>
      <c r="N6899" t="s">
        <v>654</v>
      </c>
      <c r="O6899">
        <v>3</v>
      </c>
      <c r="P6899" t="s">
        <v>746</v>
      </c>
      <c r="Q6899">
        <v>2</v>
      </c>
      <c r="R6899" t="s">
        <v>669</v>
      </c>
      <c r="S6899">
        <v>1</v>
      </c>
      <c r="T6899" t="s">
        <v>661</v>
      </c>
      <c r="U6899">
        <v>8</v>
      </c>
      <c r="V6899">
        <v>4</v>
      </c>
      <c r="W6899">
        <v>240</v>
      </c>
      <c r="X6899">
        <v>2020</v>
      </c>
    </row>
    <row r="6900" spans="1:24" x14ac:dyDescent="0.25">
      <c r="A6900">
        <v>537</v>
      </c>
      <c r="B6900" t="s">
        <v>218</v>
      </c>
      <c r="C6900">
        <v>17</v>
      </c>
      <c r="D6900" t="s">
        <v>571</v>
      </c>
      <c r="E6900">
        <v>112</v>
      </c>
      <c r="F6900" t="s">
        <v>651</v>
      </c>
      <c r="G6900">
        <v>160</v>
      </c>
      <c r="H6900" t="s">
        <v>744</v>
      </c>
      <c r="I6900">
        <v>3143</v>
      </c>
      <c r="J6900" t="s">
        <v>1259</v>
      </c>
      <c r="K6900">
        <v>57</v>
      </c>
      <c r="L6900" t="s">
        <v>3951</v>
      </c>
      <c r="M6900">
        <v>234</v>
      </c>
      <c r="N6900" t="s">
        <v>654</v>
      </c>
      <c r="O6900">
        <v>3</v>
      </c>
      <c r="P6900" t="s">
        <v>655</v>
      </c>
      <c r="Q6900">
        <v>1</v>
      </c>
      <c r="R6900" t="s">
        <v>669</v>
      </c>
      <c r="S6900">
        <v>1</v>
      </c>
      <c r="T6900" t="s">
        <v>661</v>
      </c>
      <c r="U6900">
        <v>8</v>
      </c>
      <c r="V6900">
        <v>4</v>
      </c>
      <c r="W6900">
        <v>240</v>
      </c>
      <c r="X6900">
        <v>2020</v>
      </c>
    </row>
    <row r="6901" spans="1:24" x14ac:dyDescent="0.25">
      <c r="A6901">
        <v>536</v>
      </c>
      <c r="B6901" t="s">
        <v>218</v>
      </c>
      <c r="C6901">
        <v>17</v>
      </c>
      <c r="D6901" t="s">
        <v>572</v>
      </c>
      <c r="E6901">
        <v>111</v>
      </c>
      <c r="F6901" t="s">
        <v>651</v>
      </c>
      <c r="G6901">
        <v>160</v>
      </c>
      <c r="H6901" t="s">
        <v>744</v>
      </c>
      <c r="I6901">
        <v>3143</v>
      </c>
      <c r="J6901" t="s">
        <v>1182</v>
      </c>
      <c r="K6901">
        <v>46</v>
      </c>
      <c r="L6901" t="s">
        <v>3689</v>
      </c>
      <c r="M6901">
        <v>158</v>
      </c>
      <c r="N6901" t="s">
        <v>654</v>
      </c>
      <c r="O6901">
        <v>3</v>
      </c>
      <c r="P6901" t="s">
        <v>655</v>
      </c>
      <c r="Q6901">
        <v>1</v>
      </c>
      <c r="R6901" t="s">
        <v>669</v>
      </c>
      <c r="S6901">
        <v>1</v>
      </c>
      <c r="T6901" t="s">
        <v>661</v>
      </c>
      <c r="U6901">
        <v>8</v>
      </c>
      <c r="V6901">
        <v>4</v>
      </c>
      <c r="W6901">
        <v>240</v>
      </c>
      <c r="X6901">
        <v>2020</v>
      </c>
    </row>
    <row r="6902" spans="1:24" x14ac:dyDescent="0.25">
      <c r="A6902">
        <v>535</v>
      </c>
      <c r="B6902" t="s">
        <v>218</v>
      </c>
      <c r="C6902">
        <v>17</v>
      </c>
      <c r="D6902" t="s">
        <v>572</v>
      </c>
      <c r="E6902">
        <v>111</v>
      </c>
      <c r="F6902" t="s">
        <v>651</v>
      </c>
      <c r="G6902">
        <v>160</v>
      </c>
      <c r="H6902" t="s">
        <v>744</v>
      </c>
      <c r="I6902">
        <v>3143</v>
      </c>
      <c r="J6902" t="s">
        <v>678</v>
      </c>
      <c r="K6902">
        <v>41</v>
      </c>
      <c r="L6902" t="s">
        <v>4004</v>
      </c>
      <c r="M6902">
        <v>147</v>
      </c>
      <c r="N6902" t="s">
        <v>654</v>
      </c>
      <c r="O6902">
        <v>3</v>
      </c>
      <c r="P6902" t="s">
        <v>689</v>
      </c>
      <c r="Q6902">
        <v>4</v>
      </c>
      <c r="R6902" t="s">
        <v>669</v>
      </c>
      <c r="S6902">
        <v>1</v>
      </c>
      <c r="T6902" t="s">
        <v>661</v>
      </c>
      <c r="U6902">
        <v>8</v>
      </c>
      <c r="V6902">
        <v>4</v>
      </c>
      <c r="W6902">
        <v>240</v>
      </c>
      <c r="X6902">
        <v>2020</v>
      </c>
    </row>
    <row r="6903" spans="1:24" x14ac:dyDescent="0.25">
      <c r="A6903">
        <v>534</v>
      </c>
      <c r="B6903" t="s">
        <v>218</v>
      </c>
      <c r="C6903">
        <v>17</v>
      </c>
      <c r="D6903" t="s">
        <v>572</v>
      </c>
      <c r="E6903">
        <v>111</v>
      </c>
      <c r="F6903" t="s">
        <v>651</v>
      </c>
      <c r="G6903">
        <v>160</v>
      </c>
      <c r="H6903" t="s">
        <v>744</v>
      </c>
      <c r="I6903">
        <v>3143</v>
      </c>
      <c r="J6903" t="s">
        <v>678</v>
      </c>
      <c r="K6903">
        <v>41</v>
      </c>
      <c r="L6903" t="s">
        <v>4004</v>
      </c>
      <c r="M6903">
        <v>147</v>
      </c>
      <c r="N6903" t="s">
        <v>654</v>
      </c>
      <c r="O6903">
        <v>3</v>
      </c>
      <c r="P6903" t="s">
        <v>655</v>
      </c>
      <c r="Q6903">
        <v>1</v>
      </c>
      <c r="R6903" t="s">
        <v>669</v>
      </c>
      <c r="S6903">
        <v>1</v>
      </c>
      <c r="T6903" t="s">
        <v>661</v>
      </c>
      <c r="U6903">
        <v>8</v>
      </c>
      <c r="V6903">
        <v>4</v>
      </c>
      <c r="W6903">
        <v>240</v>
      </c>
      <c r="X6903">
        <v>2020</v>
      </c>
    </row>
    <row r="6904" spans="1:24" x14ac:dyDescent="0.25">
      <c r="A6904">
        <v>533</v>
      </c>
      <c r="B6904" t="s">
        <v>218</v>
      </c>
      <c r="C6904">
        <v>17</v>
      </c>
      <c r="D6904" t="s">
        <v>572</v>
      </c>
      <c r="E6904">
        <v>111</v>
      </c>
      <c r="F6904" t="s">
        <v>651</v>
      </c>
      <c r="G6904">
        <v>160</v>
      </c>
      <c r="H6904" t="s">
        <v>744</v>
      </c>
      <c r="I6904">
        <v>3143</v>
      </c>
      <c r="J6904" t="s">
        <v>678</v>
      </c>
      <c r="K6904">
        <v>41</v>
      </c>
      <c r="L6904" t="s">
        <v>3952</v>
      </c>
      <c r="M6904">
        <v>146</v>
      </c>
      <c r="N6904" t="s">
        <v>654</v>
      </c>
      <c r="O6904">
        <v>3</v>
      </c>
      <c r="P6904" t="s">
        <v>655</v>
      </c>
      <c r="Q6904">
        <v>1</v>
      </c>
      <c r="R6904" t="s">
        <v>669</v>
      </c>
      <c r="S6904">
        <v>1</v>
      </c>
      <c r="T6904" t="s">
        <v>661</v>
      </c>
      <c r="U6904">
        <v>8</v>
      </c>
      <c r="V6904">
        <v>4</v>
      </c>
      <c r="W6904">
        <v>240</v>
      </c>
      <c r="X6904">
        <v>2020</v>
      </c>
    </row>
    <row r="6905" spans="1:24" x14ac:dyDescent="0.25">
      <c r="A6905">
        <v>532</v>
      </c>
      <c r="B6905" t="s">
        <v>218</v>
      </c>
      <c r="C6905">
        <v>17</v>
      </c>
      <c r="D6905" t="s">
        <v>572</v>
      </c>
      <c r="E6905">
        <v>111</v>
      </c>
      <c r="F6905" t="s">
        <v>651</v>
      </c>
      <c r="G6905">
        <v>160</v>
      </c>
      <c r="H6905" t="s">
        <v>744</v>
      </c>
      <c r="I6905">
        <v>3143</v>
      </c>
      <c r="J6905" t="s">
        <v>678</v>
      </c>
      <c r="K6905">
        <v>41</v>
      </c>
      <c r="L6905" t="s">
        <v>678</v>
      </c>
      <c r="M6905">
        <v>145</v>
      </c>
      <c r="N6905" t="s">
        <v>654</v>
      </c>
      <c r="O6905">
        <v>3</v>
      </c>
      <c r="P6905" t="s">
        <v>655</v>
      </c>
      <c r="Q6905">
        <v>1</v>
      </c>
      <c r="R6905" t="s">
        <v>669</v>
      </c>
      <c r="S6905">
        <v>1</v>
      </c>
      <c r="T6905" t="s">
        <v>661</v>
      </c>
      <c r="U6905">
        <v>8</v>
      </c>
      <c r="V6905">
        <v>4</v>
      </c>
      <c r="W6905">
        <v>240</v>
      </c>
      <c r="X6905">
        <v>2020</v>
      </c>
    </row>
    <row r="6906" spans="1:24" x14ac:dyDescent="0.25">
      <c r="A6906">
        <v>529</v>
      </c>
      <c r="B6906" t="s">
        <v>218</v>
      </c>
      <c r="C6906">
        <v>17</v>
      </c>
      <c r="D6906" t="s">
        <v>488</v>
      </c>
      <c r="E6906">
        <v>110</v>
      </c>
      <c r="F6906" t="s">
        <v>651</v>
      </c>
      <c r="G6906">
        <v>160</v>
      </c>
      <c r="H6906" t="s">
        <v>744</v>
      </c>
      <c r="I6906">
        <v>3143</v>
      </c>
      <c r="J6906" t="s">
        <v>797</v>
      </c>
      <c r="K6906">
        <v>65</v>
      </c>
      <c r="L6906" t="s">
        <v>3892</v>
      </c>
      <c r="M6906">
        <v>276</v>
      </c>
      <c r="N6906" t="s">
        <v>654</v>
      </c>
      <c r="O6906">
        <v>3</v>
      </c>
      <c r="P6906" t="s">
        <v>655</v>
      </c>
      <c r="Q6906">
        <v>1</v>
      </c>
      <c r="R6906" t="s">
        <v>669</v>
      </c>
      <c r="S6906">
        <v>1</v>
      </c>
      <c r="T6906" t="s">
        <v>661</v>
      </c>
      <c r="U6906">
        <v>8</v>
      </c>
      <c r="V6906">
        <v>4</v>
      </c>
      <c r="W6906">
        <v>240</v>
      </c>
      <c r="X6906">
        <v>2020</v>
      </c>
    </row>
    <row r="6907" spans="1:24" x14ac:dyDescent="0.25">
      <c r="A6907">
        <v>526</v>
      </c>
      <c r="B6907" t="s">
        <v>218</v>
      </c>
      <c r="C6907">
        <v>17</v>
      </c>
      <c r="D6907" t="s">
        <v>488</v>
      </c>
      <c r="E6907">
        <v>110</v>
      </c>
      <c r="F6907" t="s">
        <v>651</v>
      </c>
      <c r="G6907">
        <v>160</v>
      </c>
      <c r="H6907" t="s">
        <v>744</v>
      </c>
      <c r="I6907">
        <v>3143</v>
      </c>
      <c r="J6907" t="s">
        <v>710</v>
      </c>
      <c r="K6907">
        <v>53</v>
      </c>
      <c r="L6907" t="s">
        <v>3888</v>
      </c>
      <c r="M6907">
        <v>205</v>
      </c>
      <c r="N6907" t="s">
        <v>654</v>
      </c>
      <c r="O6907">
        <v>3</v>
      </c>
      <c r="P6907" t="s">
        <v>655</v>
      </c>
      <c r="Q6907">
        <v>1</v>
      </c>
      <c r="R6907" t="s">
        <v>669</v>
      </c>
      <c r="S6907">
        <v>1</v>
      </c>
      <c r="T6907" t="s">
        <v>661</v>
      </c>
      <c r="U6907">
        <v>8</v>
      </c>
      <c r="V6907">
        <v>4</v>
      </c>
      <c r="W6907">
        <v>240</v>
      </c>
      <c r="X6907">
        <v>2020</v>
      </c>
    </row>
    <row r="6908" spans="1:24" x14ac:dyDescent="0.25">
      <c r="A6908">
        <v>525</v>
      </c>
      <c r="B6908" t="s">
        <v>218</v>
      </c>
      <c r="C6908">
        <v>17</v>
      </c>
      <c r="D6908" t="s">
        <v>488</v>
      </c>
      <c r="E6908">
        <v>110</v>
      </c>
      <c r="F6908" t="s">
        <v>651</v>
      </c>
      <c r="G6908">
        <v>160</v>
      </c>
      <c r="H6908" t="s">
        <v>744</v>
      </c>
      <c r="I6908">
        <v>3143</v>
      </c>
      <c r="J6908" t="s">
        <v>710</v>
      </c>
      <c r="K6908">
        <v>53</v>
      </c>
      <c r="L6908" t="s">
        <v>3931</v>
      </c>
      <c r="M6908">
        <v>204</v>
      </c>
      <c r="N6908" t="s">
        <v>654</v>
      </c>
      <c r="O6908">
        <v>3</v>
      </c>
      <c r="P6908" t="s">
        <v>655</v>
      </c>
      <c r="Q6908">
        <v>1</v>
      </c>
      <c r="R6908" t="s">
        <v>669</v>
      </c>
      <c r="S6908">
        <v>1</v>
      </c>
      <c r="T6908" t="s">
        <v>661</v>
      </c>
      <c r="U6908">
        <v>8</v>
      </c>
      <c r="V6908">
        <v>4</v>
      </c>
      <c r="W6908">
        <v>240</v>
      </c>
      <c r="X6908">
        <v>2020</v>
      </c>
    </row>
    <row r="6909" spans="1:24" x14ac:dyDescent="0.25">
      <c r="A6909">
        <v>524</v>
      </c>
      <c r="B6909" t="s">
        <v>218</v>
      </c>
      <c r="C6909">
        <v>17</v>
      </c>
      <c r="D6909" t="s">
        <v>488</v>
      </c>
      <c r="E6909">
        <v>110</v>
      </c>
      <c r="F6909" t="s">
        <v>651</v>
      </c>
      <c r="G6909">
        <v>160</v>
      </c>
      <c r="H6909" t="s">
        <v>744</v>
      </c>
      <c r="I6909">
        <v>3143</v>
      </c>
      <c r="J6909" t="s">
        <v>714</v>
      </c>
      <c r="K6909">
        <v>52</v>
      </c>
      <c r="L6909" t="s">
        <v>926</v>
      </c>
      <c r="M6909">
        <v>203</v>
      </c>
      <c r="N6909" t="s">
        <v>654</v>
      </c>
      <c r="O6909">
        <v>3</v>
      </c>
      <c r="P6909" t="s">
        <v>655</v>
      </c>
      <c r="Q6909">
        <v>1</v>
      </c>
      <c r="R6909" t="s">
        <v>669</v>
      </c>
      <c r="S6909">
        <v>1</v>
      </c>
      <c r="T6909" t="s">
        <v>718</v>
      </c>
      <c r="U6909">
        <v>2</v>
      </c>
      <c r="V6909">
        <v>4</v>
      </c>
      <c r="W6909">
        <v>240</v>
      </c>
      <c r="X6909">
        <v>2020</v>
      </c>
    </row>
    <row r="6910" spans="1:24" x14ac:dyDescent="0.25">
      <c r="A6910">
        <v>521</v>
      </c>
      <c r="B6910" t="s">
        <v>218</v>
      </c>
      <c r="C6910">
        <v>17</v>
      </c>
      <c r="D6910" t="s">
        <v>488</v>
      </c>
      <c r="E6910">
        <v>110</v>
      </c>
      <c r="F6910" t="s">
        <v>651</v>
      </c>
      <c r="G6910">
        <v>160</v>
      </c>
      <c r="H6910" t="s">
        <v>744</v>
      </c>
      <c r="I6910">
        <v>3143</v>
      </c>
      <c r="J6910" t="s">
        <v>714</v>
      </c>
      <c r="K6910">
        <v>52</v>
      </c>
      <c r="L6910" t="s">
        <v>3801</v>
      </c>
      <c r="M6910">
        <v>200</v>
      </c>
      <c r="N6910" t="s">
        <v>654</v>
      </c>
      <c r="O6910">
        <v>3</v>
      </c>
      <c r="P6910" t="s">
        <v>655</v>
      </c>
      <c r="Q6910">
        <v>1</v>
      </c>
      <c r="R6910" t="s">
        <v>669</v>
      </c>
      <c r="S6910">
        <v>1</v>
      </c>
      <c r="T6910" t="s">
        <v>661</v>
      </c>
      <c r="U6910">
        <v>8</v>
      </c>
      <c r="V6910">
        <v>4</v>
      </c>
      <c r="W6910">
        <v>240</v>
      </c>
      <c r="X6910">
        <v>2020</v>
      </c>
    </row>
    <row r="6911" spans="1:24" x14ac:dyDescent="0.25">
      <c r="A6911">
        <v>520</v>
      </c>
      <c r="B6911" t="s">
        <v>218</v>
      </c>
      <c r="C6911">
        <v>17</v>
      </c>
      <c r="D6911" t="s">
        <v>488</v>
      </c>
      <c r="E6911">
        <v>110</v>
      </c>
      <c r="F6911" t="s">
        <v>651</v>
      </c>
      <c r="G6911">
        <v>160</v>
      </c>
      <c r="H6911" t="s">
        <v>744</v>
      </c>
      <c r="I6911">
        <v>3143</v>
      </c>
      <c r="J6911" t="s">
        <v>767</v>
      </c>
      <c r="K6911">
        <v>44</v>
      </c>
      <c r="L6911" t="s">
        <v>2347</v>
      </c>
      <c r="M6911">
        <v>153</v>
      </c>
      <c r="N6911" t="s">
        <v>654</v>
      </c>
      <c r="O6911">
        <v>3</v>
      </c>
      <c r="P6911" t="s">
        <v>655</v>
      </c>
      <c r="Q6911">
        <v>1</v>
      </c>
      <c r="R6911" t="s">
        <v>669</v>
      </c>
      <c r="S6911">
        <v>1</v>
      </c>
      <c r="T6911" t="s">
        <v>661</v>
      </c>
      <c r="U6911">
        <v>8</v>
      </c>
      <c r="V6911">
        <v>4</v>
      </c>
      <c r="W6911">
        <v>240</v>
      </c>
      <c r="X6911">
        <v>2020</v>
      </c>
    </row>
    <row r="6912" spans="1:24" x14ac:dyDescent="0.25">
      <c r="A6912">
        <v>519</v>
      </c>
      <c r="B6912" t="s">
        <v>218</v>
      </c>
      <c r="C6912">
        <v>17</v>
      </c>
      <c r="D6912" t="s">
        <v>488</v>
      </c>
      <c r="E6912">
        <v>110</v>
      </c>
      <c r="F6912" t="s">
        <v>651</v>
      </c>
      <c r="G6912">
        <v>160</v>
      </c>
      <c r="H6912" t="s">
        <v>744</v>
      </c>
      <c r="I6912">
        <v>3143</v>
      </c>
      <c r="J6912" t="s">
        <v>767</v>
      </c>
      <c r="K6912">
        <v>44</v>
      </c>
      <c r="L6912" t="s">
        <v>3893</v>
      </c>
      <c r="M6912">
        <v>152</v>
      </c>
      <c r="N6912" t="s">
        <v>654</v>
      </c>
      <c r="O6912">
        <v>3</v>
      </c>
      <c r="P6912" t="s">
        <v>655</v>
      </c>
      <c r="Q6912">
        <v>1</v>
      </c>
      <c r="R6912" t="s">
        <v>669</v>
      </c>
      <c r="S6912">
        <v>1</v>
      </c>
      <c r="T6912" t="s">
        <v>661</v>
      </c>
      <c r="U6912">
        <v>8</v>
      </c>
      <c r="V6912">
        <v>4</v>
      </c>
      <c r="W6912">
        <v>240</v>
      </c>
      <c r="X6912">
        <v>2020</v>
      </c>
    </row>
    <row r="6913" spans="1:24" x14ac:dyDescent="0.25">
      <c r="A6913">
        <v>516</v>
      </c>
      <c r="B6913" t="s">
        <v>218</v>
      </c>
      <c r="C6913">
        <v>17</v>
      </c>
      <c r="D6913" t="s">
        <v>519</v>
      </c>
      <c r="E6913">
        <v>109</v>
      </c>
      <c r="F6913" t="s">
        <v>651</v>
      </c>
      <c r="G6913">
        <v>160</v>
      </c>
      <c r="H6913" t="s">
        <v>744</v>
      </c>
      <c r="I6913">
        <v>3143</v>
      </c>
      <c r="J6913" t="s">
        <v>730</v>
      </c>
      <c r="K6913">
        <v>66</v>
      </c>
      <c r="L6913" t="s">
        <v>3926</v>
      </c>
      <c r="M6913">
        <v>280</v>
      </c>
      <c r="N6913" t="s">
        <v>654</v>
      </c>
      <c r="O6913">
        <v>3</v>
      </c>
      <c r="P6913" t="s">
        <v>655</v>
      </c>
      <c r="Q6913">
        <v>1</v>
      </c>
      <c r="R6913" t="s">
        <v>669</v>
      </c>
      <c r="S6913">
        <v>1</v>
      </c>
      <c r="T6913" t="s">
        <v>661</v>
      </c>
      <c r="U6913">
        <v>8</v>
      </c>
      <c r="V6913">
        <v>4</v>
      </c>
      <c r="W6913">
        <v>240</v>
      </c>
      <c r="X6913">
        <v>2020</v>
      </c>
    </row>
    <row r="6914" spans="1:24" x14ac:dyDescent="0.25">
      <c r="A6914">
        <v>510</v>
      </c>
      <c r="B6914" t="s">
        <v>218</v>
      </c>
      <c r="C6914">
        <v>17</v>
      </c>
      <c r="D6914" t="s">
        <v>519</v>
      </c>
      <c r="E6914">
        <v>109</v>
      </c>
      <c r="F6914" t="s">
        <v>651</v>
      </c>
      <c r="G6914">
        <v>160</v>
      </c>
      <c r="H6914" t="s">
        <v>744</v>
      </c>
      <c r="I6914">
        <v>3143</v>
      </c>
      <c r="J6914" t="s">
        <v>1236</v>
      </c>
      <c r="K6914">
        <v>60</v>
      </c>
      <c r="L6914" t="s">
        <v>3673</v>
      </c>
      <c r="M6914">
        <v>245</v>
      </c>
      <c r="N6914" t="s">
        <v>654</v>
      </c>
      <c r="O6914">
        <v>3</v>
      </c>
      <c r="P6914" t="s">
        <v>655</v>
      </c>
      <c r="Q6914">
        <v>1</v>
      </c>
      <c r="R6914" t="s">
        <v>669</v>
      </c>
      <c r="S6914">
        <v>1</v>
      </c>
      <c r="T6914" t="s">
        <v>661</v>
      </c>
      <c r="U6914">
        <v>8</v>
      </c>
      <c r="V6914">
        <v>4</v>
      </c>
      <c r="W6914">
        <v>240</v>
      </c>
      <c r="X6914">
        <v>2020</v>
      </c>
    </row>
    <row r="6915" spans="1:24" x14ac:dyDescent="0.25">
      <c r="A6915">
        <v>509</v>
      </c>
      <c r="B6915" t="s">
        <v>218</v>
      </c>
      <c r="C6915">
        <v>17</v>
      </c>
      <c r="D6915" t="s">
        <v>519</v>
      </c>
      <c r="E6915">
        <v>109</v>
      </c>
      <c r="F6915" t="s">
        <v>651</v>
      </c>
      <c r="G6915">
        <v>160</v>
      </c>
      <c r="H6915" t="s">
        <v>744</v>
      </c>
      <c r="I6915">
        <v>3143</v>
      </c>
      <c r="J6915" t="s">
        <v>693</v>
      </c>
      <c r="K6915">
        <v>56</v>
      </c>
      <c r="L6915" t="s">
        <v>3674</v>
      </c>
      <c r="M6915">
        <v>226</v>
      </c>
      <c r="N6915" t="s">
        <v>654</v>
      </c>
      <c r="O6915">
        <v>3</v>
      </c>
      <c r="P6915" t="s">
        <v>655</v>
      </c>
      <c r="Q6915">
        <v>1</v>
      </c>
      <c r="R6915" t="s">
        <v>669</v>
      </c>
      <c r="S6915">
        <v>1</v>
      </c>
      <c r="T6915" t="s">
        <v>661</v>
      </c>
      <c r="U6915">
        <v>8</v>
      </c>
      <c r="V6915">
        <v>4</v>
      </c>
      <c r="W6915">
        <v>240</v>
      </c>
      <c r="X6915">
        <v>2020</v>
      </c>
    </row>
    <row r="6916" spans="1:24" x14ac:dyDescent="0.25">
      <c r="A6916">
        <v>508</v>
      </c>
      <c r="B6916" t="s">
        <v>218</v>
      </c>
      <c r="C6916">
        <v>17</v>
      </c>
      <c r="D6916" t="s">
        <v>519</v>
      </c>
      <c r="E6916">
        <v>109</v>
      </c>
      <c r="F6916" t="s">
        <v>651</v>
      </c>
      <c r="G6916">
        <v>160</v>
      </c>
      <c r="H6916" t="s">
        <v>744</v>
      </c>
      <c r="I6916">
        <v>3143</v>
      </c>
      <c r="J6916" t="s">
        <v>693</v>
      </c>
      <c r="K6916">
        <v>56</v>
      </c>
      <c r="L6916" t="s">
        <v>3929</v>
      </c>
      <c r="M6916">
        <v>223</v>
      </c>
      <c r="N6916" t="s">
        <v>654</v>
      </c>
      <c r="O6916">
        <v>3</v>
      </c>
      <c r="P6916" t="s">
        <v>655</v>
      </c>
      <c r="Q6916">
        <v>1</v>
      </c>
      <c r="R6916" t="s">
        <v>669</v>
      </c>
      <c r="S6916">
        <v>1</v>
      </c>
      <c r="T6916" t="s">
        <v>661</v>
      </c>
      <c r="U6916">
        <v>8</v>
      </c>
      <c r="V6916">
        <v>4</v>
      </c>
      <c r="W6916">
        <v>240</v>
      </c>
      <c r="X6916">
        <v>2020</v>
      </c>
    </row>
    <row r="6917" spans="1:24" x14ac:dyDescent="0.25">
      <c r="A6917">
        <v>504</v>
      </c>
      <c r="B6917" t="s">
        <v>218</v>
      </c>
      <c r="C6917">
        <v>17</v>
      </c>
      <c r="D6917" t="s">
        <v>573</v>
      </c>
      <c r="E6917">
        <v>108</v>
      </c>
      <c r="F6917" t="s">
        <v>651</v>
      </c>
      <c r="G6917">
        <v>160</v>
      </c>
      <c r="H6917" t="s">
        <v>744</v>
      </c>
      <c r="I6917">
        <v>3143</v>
      </c>
      <c r="J6917" t="s">
        <v>730</v>
      </c>
      <c r="K6917">
        <v>66</v>
      </c>
      <c r="L6917" t="s">
        <v>3789</v>
      </c>
      <c r="M6917">
        <v>279</v>
      </c>
      <c r="N6917" t="s">
        <v>654</v>
      </c>
      <c r="O6917">
        <v>3</v>
      </c>
      <c r="P6917" t="s">
        <v>689</v>
      </c>
      <c r="Q6917">
        <v>4</v>
      </c>
      <c r="R6917" t="s">
        <v>669</v>
      </c>
      <c r="S6917">
        <v>1</v>
      </c>
      <c r="T6917" t="s">
        <v>661</v>
      </c>
      <c r="U6917">
        <v>8</v>
      </c>
      <c r="V6917">
        <v>4</v>
      </c>
      <c r="W6917">
        <v>240</v>
      </c>
      <c r="X6917">
        <v>2020</v>
      </c>
    </row>
    <row r="6918" spans="1:24" x14ac:dyDescent="0.25">
      <c r="A6918">
        <v>503</v>
      </c>
      <c r="B6918" t="s">
        <v>218</v>
      </c>
      <c r="C6918">
        <v>17</v>
      </c>
      <c r="D6918" t="s">
        <v>573</v>
      </c>
      <c r="E6918">
        <v>108</v>
      </c>
      <c r="F6918" t="s">
        <v>651</v>
      </c>
      <c r="G6918">
        <v>160</v>
      </c>
      <c r="H6918" t="s">
        <v>744</v>
      </c>
      <c r="I6918">
        <v>3143</v>
      </c>
      <c r="J6918" t="s">
        <v>730</v>
      </c>
      <c r="K6918">
        <v>66</v>
      </c>
      <c r="L6918" t="s">
        <v>3789</v>
      </c>
      <c r="M6918">
        <v>279</v>
      </c>
      <c r="N6918" t="s">
        <v>654</v>
      </c>
      <c r="O6918">
        <v>3</v>
      </c>
      <c r="P6918" t="s">
        <v>655</v>
      </c>
      <c r="Q6918">
        <v>1</v>
      </c>
      <c r="R6918" t="s">
        <v>669</v>
      </c>
      <c r="S6918">
        <v>1</v>
      </c>
      <c r="T6918" t="s">
        <v>661</v>
      </c>
      <c r="U6918">
        <v>8</v>
      </c>
      <c r="V6918">
        <v>4</v>
      </c>
      <c r="W6918">
        <v>240</v>
      </c>
      <c r="X6918">
        <v>2020</v>
      </c>
    </row>
    <row r="6919" spans="1:24" x14ac:dyDescent="0.25">
      <c r="A6919">
        <v>502</v>
      </c>
      <c r="B6919" t="s">
        <v>218</v>
      </c>
      <c r="C6919">
        <v>17</v>
      </c>
      <c r="D6919" t="s">
        <v>573</v>
      </c>
      <c r="E6919">
        <v>108</v>
      </c>
      <c r="F6919" t="s">
        <v>651</v>
      </c>
      <c r="G6919">
        <v>160</v>
      </c>
      <c r="H6919" t="s">
        <v>744</v>
      </c>
      <c r="I6919">
        <v>3143</v>
      </c>
      <c r="J6919" t="s">
        <v>693</v>
      </c>
      <c r="K6919">
        <v>56</v>
      </c>
      <c r="L6919" t="s">
        <v>1876</v>
      </c>
      <c r="M6919">
        <v>225</v>
      </c>
      <c r="N6919" t="s">
        <v>654</v>
      </c>
      <c r="O6919">
        <v>3</v>
      </c>
      <c r="P6919" t="s">
        <v>655</v>
      </c>
      <c r="Q6919">
        <v>1</v>
      </c>
      <c r="R6919" t="s">
        <v>669</v>
      </c>
      <c r="S6919">
        <v>1</v>
      </c>
      <c r="T6919" t="s">
        <v>661</v>
      </c>
      <c r="U6919">
        <v>8</v>
      </c>
      <c r="V6919">
        <v>4</v>
      </c>
      <c r="W6919">
        <v>240</v>
      </c>
      <c r="X6919">
        <v>2020</v>
      </c>
    </row>
    <row r="6920" spans="1:24" x14ac:dyDescent="0.25">
      <c r="A6920">
        <v>501</v>
      </c>
      <c r="B6920" t="s">
        <v>218</v>
      </c>
      <c r="C6920">
        <v>17</v>
      </c>
      <c r="D6920" t="s">
        <v>573</v>
      </c>
      <c r="E6920">
        <v>108</v>
      </c>
      <c r="F6920" t="s">
        <v>651</v>
      </c>
      <c r="G6920">
        <v>160</v>
      </c>
      <c r="H6920" t="s">
        <v>744</v>
      </c>
      <c r="I6920">
        <v>3143</v>
      </c>
      <c r="J6920" t="s">
        <v>693</v>
      </c>
      <c r="K6920">
        <v>56</v>
      </c>
      <c r="L6920" t="s">
        <v>694</v>
      </c>
      <c r="M6920">
        <v>222</v>
      </c>
      <c r="N6920" t="s">
        <v>654</v>
      </c>
      <c r="O6920">
        <v>3</v>
      </c>
      <c r="P6920" t="s">
        <v>655</v>
      </c>
      <c r="Q6920">
        <v>1</v>
      </c>
      <c r="R6920" t="s">
        <v>669</v>
      </c>
      <c r="S6920">
        <v>1</v>
      </c>
      <c r="T6920" t="s">
        <v>661</v>
      </c>
      <c r="U6920">
        <v>8</v>
      </c>
      <c r="V6920">
        <v>4</v>
      </c>
      <c r="W6920">
        <v>240</v>
      </c>
      <c r="X6920">
        <v>2020</v>
      </c>
    </row>
    <row r="6921" spans="1:24" x14ac:dyDescent="0.25">
      <c r="A6921">
        <v>499</v>
      </c>
      <c r="B6921" t="s">
        <v>218</v>
      </c>
      <c r="C6921">
        <v>17</v>
      </c>
      <c r="D6921" t="s">
        <v>573</v>
      </c>
      <c r="E6921">
        <v>108</v>
      </c>
      <c r="F6921" t="s">
        <v>651</v>
      </c>
      <c r="G6921">
        <v>160</v>
      </c>
      <c r="H6921" t="s">
        <v>744</v>
      </c>
      <c r="I6921">
        <v>3143</v>
      </c>
      <c r="J6921" t="s">
        <v>693</v>
      </c>
      <c r="K6921">
        <v>56</v>
      </c>
      <c r="L6921" t="s">
        <v>3669</v>
      </c>
      <c r="M6921">
        <v>221</v>
      </c>
      <c r="N6921" t="s">
        <v>654</v>
      </c>
      <c r="O6921">
        <v>3</v>
      </c>
      <c r="P6921" t="s">
        <v>655</v>
      </c>
      <c r="Q6921">
        <v>1</v>
      </c>
      <c r="R6921" t="s">
        <v>669</v>
      </c>
      <c r="S6921">
        <v>1</v>
      </c>
      <c r="T6921" t="s">
        <v>661</v>
      </c>
      <c r="U6921">
        <v>8</v>
      </c>
      <c r="V6921">
        <v>4</v>
      </c>
      <c r="W6921">
        <v>240</v>
      </c>
      <c r="X6921">
        <v>2020</v>
      </c>
    </row>
    <row r="6922" spans="1:24" x14ac:dyDescent="0.25">
      <c r="A6922">
        <v>498</v>
      </c>
      <c r="B6922" t="s">
        <v>218</v>
      </c>
      <c r="C6922">
        <v>17</v>
      </c>
      <c r="D6922" t="s">
        <v>573</v>
      </c>
      <c r="E6922">
        <v>108</v>
      </c>
      <c r="F6922" t="s">
        <v>651</v>
      </c>
      <c r="G6922">
        <v>160</v>
      </c>
      <c r="H6922" t="s">
        <v>744</v>
      </c>
      <c r="I6922">
        <v>3143</v>
      </c>
      <c r="J6922" t="s">
        <v>1514</v>
      </c>
      <c r="K6922">
        <v>47</v>
      </c>
      <c r="L6922" t="s">
        <v>4005</v>
      </c>
      <c r="M6922">
        <v>160</v>
      </c>
      <c r="N6922" t="s">
        <v>654</v>
      </c>
      <c r="O6922">
        <v>3</v>
      </c>
      <c r="P6922" t="s">
        <v>655</v>
      </c>
      <c r="Q6922">
        <v>1</v>
      </c>
      <c r="R6922" t="s">
        <v>669</v>
      </c>
      <c r="S6922">
        <v>1</v>
      </c>
      <c r="T6922" t="s">
        <v>661</v>
      </c>
      <c r="U6922">
        <v>8</v>
      </c>
      <c r="V6922">
        <v>4</v>
      </c>
      <c r="W6922">
        <v>240</v>
      </c>
      <c r="X6922">
        <v>2020</v>
      </c>
    </row>
    <row r="6923" spans="1:24" x14ac:dyDescent="0.25">
      <c r="A6923">
        <v>493</v>
      </c>
      <c r="B6923" t="s">
        <v>218</v>
      </c>
      <c r="C6923">
        <v>17</v>
      </c>
      <c r="D6923" t="s">
        <v>574</v>
      </c>
      <c r="E6923">
        <v>107</v>
      </c>
      <c r="F6923" t="s">
        <v>651</v>
      </c>
      <c r="G6923">
        <v>160</v>
      </c>
      <c r="H6923" t="s">
        <v>744</v>
      </c>
      <c r="I6923">
        <v>3143</v>
      </c>
      <c r="J6923" t="s">
        <v>980</v>
      </c>
      <c r="K6923">
        <v>67</v>
      </c>
      <c r="L6923" t="s">
        <v>3800</v>
      </c>
      <c r="M6923">
        <v>291</v>
      </c>
      <c r="N6923" t="s">
        <v>654</v>
      </c>
      <c r="O6923">
        <v>3</v>
      </c>
      <c r="P6923" t="s">
        <v>655</v>
      </c>
      <c r="Q6923">
        <v>1</v>
      </c>
      <c r="R6923" t="s">
        <v>669</v>
      </c>
      <c r="S6923">
        <v>1</v>
      </c>
      <c r="T6923" t="s">
        <v>661</v>
      </c>
      <c r="U6923">
        <v>8</v>
      </c>
      <c r="V6923">
        <v>4</v>
      </c>
      <c r="W6923">
        <v>240</v>
      </c>
      <c r="X6923">
        <v>2020</v>
      </c>
    </row>
    <row r="6924" spans="1:24" x14ac:dyDescent="0.25">
      <c r="A6924">
        <v>491</v>
      </c>
      <c r="B6924" t="s">
        <v>218</v>
      </c>
      <c r="C6924">
        <v>17</v>
      </c>
      <c r="D6924" t="s">
        <v>574</v>
      </c>
      <c r="E6924">
        <v>107</v>
      </c>
      <c r="F6924" t="s">
        <v>651</v>
      </c>
      <c r="G6924">
        <v>160</v>
      </c>
      <c r="H6924" t="s">
        <v>744</v>
      </c>
      <c r="I6924">
        <v>3143</v>
      </c>
      <c r="J6924" t="s">
        <v>738</v>
      </c>
      <c r="K6924">
        <v>61</v>
      </c>
      <c r="L6924" t="s">
        <v>738</v>
      </c>
      <c r="M6924">
        <v>252</v>
      </c>
      <c r="N6924" t="s">
        <v>654</v>
      </c>
      <c r="O6924">
        <v>3</v>
      </c>
      <c r="P6924" t="s">
        <v>655</v>
      </c>
      <c r="Q6924">
        <v>1</v>
      </c>
      <c r="R6924" t="s">
        <v>669</v>
      </c>
      <c r="S6924">
        <v>1</v>
      </c>
      <c r="T6924" t="s">
        <v>661</v>
      </c>
      <c r="U6924">
        <v>8</v>
      </c>
      <c r="V6924">
        <v>4</v>
      </c>
      <c r="W6924">
        <v>240</v>
      </c>
      <c r="X6924">
        <v>2020</v>
      </c>
    </row>
    <row r="6925" spans="1:24" x14ac:dyDescent="0.25">
      <c r="A6925">
        <v>489</v>
      </c>
      <c r="B6925" t="s">
        <v>218</v>
      </c>
      <c r="C6925">
        <v>17</v>
      </c>
      <c r="D6925" t="s">
        <v>574</v>
      </c>
      <c r="E6925">
        <v>107</v>
      </c>
      <c r="F6925" t="s">
        <v>651</v>
      </c>
      <c r="G6925">
        <v>160</v>
      </c>
      <c r="H6925" t="s">
        <v>744</v>
      </c>
      <c r="I6925">
        <v>3143</v>
      </c>
      <c r="J6925" t="s">
        <v>707</v>
      </c>
      <c r="K6925">
        <v>59</v>
      </c>
      <c r="L6925" t="s">
        <v>708</v>
      </c>
      <c r="M6925">
        <v>242</v>
      </c>
      <c r="N6925" t="s">
        <v>654</v>
      </c>
      <c r="O6925">
        <v>3</v>
      </c>
      <c r="P6925" t="s">
        <v>655</v>
      </c>
      <c r="Q6925">
        <v>1</v>
      </c>
      <c r="R6925" t="s">
        <v>669</v>
      </c>
      <c r="S6925">
        <v>1</v>
      </c>
      <c r="T6925" t="s">
        <v>718</v>
      </c>
      <c r="U6925">
        <v>2</v>
      </c>
      <c r="V6925">
        <v>4</v>
      </c>
      <c r="W6925">
        <v>240</v>
      </c>
      <c r="X6925">
        <v>2020</v>
      </c>
    </row>
    <row r="6926" spans="1:24" x14ac:dyDescent="0.25">
      <c r="A6926">
        <v>488</v>
      </c>
      <c r="B6926" t="s">
        <v>218</v>
      </c>
      <c r="C6926">
        <v>17</v>
      </c>
      <c r="D6926" t="s">
        <v>574</v>
      </c>
      <c r="E6926">
        <v>107</v>
      </c>
      <c r="F6926" t="s">
        <v>651</v>
      </c>
      <c r="G6926">
        <v>160</v>
      </c>
      <c r="H6926" t="s">
        <v>744</v>
      </c>
      <c r="I6926">
        <v>3143</v>
      </c>
      <c r="J6926" t="s">
        <v>707</v>
      </c>
      <c r="K6926">
        <v>59</v>
      </c>
      <c r="L6926" t="s">
        <v>708</v>
      </c>
      <c r="M6926">
        <v>242</v>
      </c>
      <c r="N6926" t="s">
        <v>654</v>
      </c>
      <c r="O6926">
        <v>3</v>
      </c>
      <c r="P6926" t="s">
        <v>746</v>
      </c>
      <c r="Q6926">
        <v>2</v>
      </c>
      <c r="R6926" t="s">
        <v>669</v>
      </c>
      <c r="S6926">
        <v>1</v>
      </c>
      <c r="T6926" t="s">
        <v>661</v>
      </c>
      <c r="U6926">
        <v>8</v>
      </c>
      <c r="V6926">
        <v>4</v>
      </c>
      <c r="W6926">
        <v>240</v>
      </c>
      <c r="X6926">
        <v>2020</v>
      </c>
    </row>
    <row r="6927" spans="1:24" x14ac:dyDescent="0.25">
      <c r="A6927">
        <v>487</v>
      </c>
      <c r="B6927" t="s">
        <v>218</v>
      </c>
      <c r="C6927">
        <v>17</v>
      </c>
      <c r="D6927" t="s">
        <v>574</v>
      </c>
      <c r="E6927">
        <v>107</v>
      </c>
      <c r="F6927" t="s">
        <v>651</v>
      </c>
      <c r="G6927">
        <v>160</v>
      </c>
      <c r="H6927" t="s">
        <v>744</v>
      </c>
      <c r="I6927">
        <v>3143</v>
      </c>
      <c r="J6927" t="s">
        <v>707</v>
      </c>
      <c r="K6927">
        <v>59</v>
      </c>
      <c r="L6927" t="s">
        <v>708</v>
      </c>
      <c r="M6927">
        <v>242</v>
      </c>
      <c r="N6927" t="s">
        <v>654</v>
      </c>
      <c r="O6927">
        <v>3</v>
      </c>
      <c r="P6927" t="s">
        <v>655</v>
      </c>
      <c r="Q6927">
        <v>1</v>
      </c>
      <c r="R6927" t="s">
        <v>669</v>
      </c>
      <c r="S6927">
        <v>1</v>
      </c>
      <c r="T6927" t="s">
        <v>661</v>
      </c>
      <c r="U6927">
        <v>8</v>
      </c>
      <c r="V6927">
        <v>4</v>
      </c>
      <c r="W6927">
        <v>240</v>
      </c>
      <c r="X6927">
        <v>2020</v>
      </c>
    </row>
    <row r="6928" spans="1:24" x14ac:dyDescent="0.25">
      <c r="A6928">
        <v>486</v>
      </c>
      <c r="B6928" t="s">
        <v>30</v>
      </c>
      <c r="C6928">
        <v>18</v>
      </c>
      <c r="D6928" t="s">
        <v>362</v>
      </c>
      <c r="E6928">
        <v>106</v>
      </c>
      <c r="F6928" t="s">
        <v>651</v>
      </c>
      <c r="G6928">
        <v>160</v>
      </c>
      <c r="H6928" t="s">
        <v>922</v>
      </c>
      <c r="I6928">
        <v>8163</v>
      </c>
      <c r="J6928" t="s">
        <v>880</v>
      </c>
      <c r="K6928">
        <v>58</v>
      </c>
      <c r="L6928" t="s">
        <v>1086</v>
      </c>
      <c r="M6928">
        <v>238</v>
      </c>
      <c r="N6928" t="s">
        <v>654</v>
      </c>
      <c r="O6928">
        <v>3</v>
      </c>
      <c r="P6928" t="s">
        <v>655</v>
      </c>
      <c r="Q6928">
        <v>1</v>
      </c>
      <c r="R6928" t="s">
        <v>669</v>
      </c>
      <c r="S6928">
        <v>1</v>
      </c>
      <c r="T6928" t="s">
        <v>661</v>
      </c>
      <c r="U6928">
        <v>8</v>
      </c>
      <c r="V6928">
        <v>4</v>
      </c>
      <c r="W6928">
        <v>240</v>
      </c>
      <c r="X6928">
        <v>2020</v>
      </c>
    </row>
    <row r="6929" spans="1:24" x14ac:dyDescent="0.25">
      <c r="A6929">
        <v>485</v>
      </c>
      <c r="B6929" t="s">
        <v>30</v>
      </c>
      <c r="C6929">
        <v>18</v>
      </c>
      <c r="D6929" t="s">
        <v>362</v>
      </c>
      <c r="E6929">
        <v>106</v>
      </c>
      <c r="F6929" t="s">
        <v>651</v>
      </c>
      <c r="G6929">
        <v>160</v>
      </c>
      <c r="H6929" t="s">
        <v>922</v>
      </c>
      <c r="I6929">
        <v>8163</v>
      </c>
      <c r="J6929" t="s">
        <v>880</v>
      </c>
      <c r="K6929">
        <v>58</v>
      </c>
      <c r="L6929" t="s">
        <v>880</v>
      </c>
      <c r="M6929">
        <v>236</v>
      </c>
      <c r="N6929" t="s">
        <v>654</v>
      </c>
      <c r="O6929">
        <v>3</v>
      </c>
      <c r="P6929" t="s">
        <v>655</v>
      </c>
      <c r="Q6929">
        <v>1</v>
      </c>
      <c r="R6929" t="s">
        <v>669</v>
      </c>
      <c r="S6929">
        <v>1</v>
      </c>
      <c r="T6929" t="s">
        <v>661</v>
      </c>
      <c r="U6929">
        <v>8</v>
      </c>
      <c r="V6929">
        <v>4</v>
      </c>
      <c r="W6929">
        <v>240</v>
      </c>
      <c r="X6929">
        <v>2020</v>
      </c>
    </row>
    <row r="6930" spans="1:24" x14ac:dyDescent="0.25">
      <c r="A6930">
        <v>484</v>
      </c>
      <c r="B6930" t="s">
        <v>30</v>
      </c>
      <c r="C6930">
        <v>18</v>
      </c>
      <c r="D6930" t="s">
        <v>362</v>
      </c>
      <c r="E6930">
        <v>106</v>
      </c>
      <c r="F6930" t="s">
        <v>651</v>
      </c>
      <c r="G6930">
        <v>160</v>
      </c>
      <c r="H6930" t="s">
        <v>922</v>
      </c>
      <c r="I6930">
        <v>8163</v>
      </c>
      <c r="J6930" t="s">
        <v>295</v>
      </c>
      <c r="K6930">
        <v>30</v>
      </c>
      <c r="L6930" t="s">
        <v>295</v>
      </c>
      <c r="M6930">
        <v>96</v>
      </c>
      <c r="N6930" t="s">
        <v>654</v>
      </c>
      <c r="O6930">
        <v>3</v>
      </c>
      <c r="P6930" t="s">
        <v>746</v>
      </c>
      <c r="Q6930">
        <v>2</v>
      </c>
      <c r="R6930" t="s">
        <v>669</v>
      </c>
      <c r="S6930">
        <v>1</v>
      </c>
      <c r="T6930" t="s">
        <v>661</v>
      </c>
      <c r="U6930">
        <v>8</v>
      </c>
      <c r="V6930">
        <v>3</v>
      </c>
      <c r="W6930">
        <v>180</v>
      </c>
      <c r="X6930">
        <v>2020</v>
      </c>
    </row>
    <row r="6931" spans="1:24" x14ac:dyDescent="0.25">
      <c r="A6931">
        <v>483</v>
      </c>
      <c r="B6931" t="s">
        <v>30</v>
      </c>
      <c r="C6931">
        <v>18</v>
      </c>
      <c r="D6931" t="s">
        <v>362</v>
      </c>
      <c r="E6931">
        <v>106</v>
      </c>
      <c r="F6931" t="s">
        <v>651</v>
      </c>
      <c r="G6931">
        <v>160</v>
      </c>
      <c r="H6931" t="s">
        <v>922</v>
      </c>
      <c r="I6931">
        <v>8163</v>
      </c>
      <c r="J6931" t="s">
        <v>295</v>
      </c>
      <c r="K6931">
        <v>30</v>
      </c>
      <c r="L6931" t="s">
        <v>295</v>
      </c>
      <c r="M6931">
        <v>96</v>
      </c>
      <c r="N6931" t="s">
        <v>654</v>
      </c>
      <c r="O6931">
        <v>3</v>
      </c>
      <c r="P6931" t="s">
        <v>655</v>
      </c>
      <c r="Q6931">
        <v>1</v>
      </c>
      <c r="R6931" t="s">
        <v>669</v>
      </c>
      <c r="S6931">
        <v>1</v>
      </c>
      <c r="T6931" t="s">
        <v>661</v>
      </c>
      <c r="U6931">
        <v>8</v>
      </c>
      <c r="V6931">
        <v>3</v>
      </c>
      <c r="W6931">
        <v>180</v>
      </c>
      <c r="X6931">
        <v>2020</v>
      </c>
    </row>
    <row r="6932" spans="1:24" x14ac:dyDescent="0.25">
      <c r="A6932">
        <v>482</v>
      </c>
      <c r="B6932" t="s">
        <v>30</v>
      </c>
      <c r="C6932">
        <v>18</v>
      </c>
      <c r="D6932" t="s">
        <v>362</v>
      </c>
      <c r="E6932">
        <v>106</v>
      </c>
      <c r="F6932" t="s">
        <v>651</v>
      </c>
      <c r="G6932">
        <v>160</v>
      </c>
      <c r="H6932" t="s">
        <v>922</v>
      </c>
      <c r="I6932">
        <v>8163</v>
      </c>
      <c r="J6932" t="s">
        <v>1094</v>
      </c>
      <c r="K6932">
        <v>28</v>
      </c>
      <c r="L6932" t="s">
        <v>296</v>
      </c>
      <c r="M6932">
        <v>91</v>
      </c>
      <c r="N6932" t="s">
        <v>654</v>
      </c>
      <c r="O6932">
        <v>3</v>
      </c>
      <c r="P6932" t="s">
        <v>655</v>
      </c>
      <c r="Q6932">
        <v>1</v>
      </c>
      <c r="R6932" t="s">
        <v>669</v>
      </c>
      <c r="S6932">
        <v>1</v>
      </c>
      <c r="T6932" t="s">
        <v>661</v>
      </c>
      <c r="U6932">
        <v>8</v>
      </c>
      <c r="V6932">
        <v>3</v>
      </c>
      <c r="W6932">
        <v>180</v>
      </c>
      <c r="X6932">
        <v>2020</v>
      </c>
    </row>
    <row r="6933" spans="1:24" x14ac:dyDescent="0.25">
      <c r="A6933">
        <v>481</v>
      </c>
      <c r="B6933" t="s">
        <v>30</v>
      </c>
      <c r="C6933">
        <v>18</v>
      </c>
      <c r="D6933" t="s">
        <v>362</v>
      </c>
      <c r="E6933">
        <v>106</v>
      </c>
      <c r="F6933" t="s">
        <v>651</v>
      </c>
      <c r="G6933">
        <v>160</v>
      </c>
      <c r="H6933" t="s">
        <v>922</v>
      </c>
      <c r="I6933">
        <v>8163</v>
      </c>
      <c r="J6933" t="s">
        <v>301</v>
      </c>
      <c r="K6933">
        <v>26</v>
      </c>
      <c r="L6933" t="s">
        <v>3716</v>
      </c>
      <c r="M6933">
        <v>83</v>
      </c>
      <c r="N6933" t="s">
        <v>654</v>
      </c>
      <c r="O6933">
        <v>3</v>
      </c>
      <c r="P6933" t="s">
        <v>655</v>
      </c>
      <c r="Q6933">
        <v>1</v>
      </c>
      <c r="R6933" t="s">
        <v>669</v>
      </c>
      <c r="S6933">
        <v>1</v>
      </c>
      <c r="T6933" t="s">
        <v>661</v>
      </c>
      <c r="U6933">
        <v>8</v>
      </c>
      <c r="V6933">
        <v>3</v>
      </c>
      <c r="W6933">
        <v>180</v>
      </c>
      <c r="X6933">
        <v>2020</v>
      </c>
    </row>
    <row r="6934" spans="1:24" x14ac:dyDescent="0.25">
      <c r="A6934">
        <v>480</v>
      </c>
      <c r="B6934" t="s">
        <v>30</v>
      </c>
      <c r="C6934">
        <v>18</v>
      </c>
      <c r="D6934" t="s">
        <v>362</v>
      </c>
      <c r="E6934">
        <v>106</v>
      </c>
      <c r="F6934" t="s">
        <v>651</v>
      </c>
      <c r="G6934">
        <v>160</v>
      </c>
      <c r="H6934" t="s">
        <v>922</v>
      </c>
      <c r="I6934">
        <v>8163</v>
      </c>
      <c r="J6934" t="s">
        <v>831</v>
      </c>
      <c r="K6934">
        <v>5</v>
      </c>
      <c r="L6934" t="s">
        <v>831</v>
      </c>
      <c r="M6934">
        <v>14</v>
      </c>
      <c r="N6934" t="s">
        <v>654</v>
      </c>
      <c r="O6934">
        <v>3</v>
      </c>
      <c r="P6934" t="s">
        <v>655</v>
      </c>
      <c r="Q6934">
        <v>1</v>
      </c>
      <c r="R6934" t="s">
        <v>669</v>
      </c>
      <c r="S6934">
        <v>1</v>
      </c>
      <c r="T6934" t="s">
        <v>661</v>
      </c>
      <c r="U6934">
        <v>8</v>
      </c>
      <c r="V6934">
        <v>3</v>
      </c>
      <c r="W6934">
        <v>180</v>
      </c>
      <c r="X6934">
        <v>2020</v>
      </c>
    </row>
    <row r="6935" spans="1:24" x14ac:dyDescent="0.25">
      <c r="A6935">
        <v>479</v>
      </c>
      <c r="B6935" t="s">
        <v>30</v>
      </c>
      <c r="C6935">
        <v>18</v>
      </c>
      <c r="D6935" t="s">
        <v>362</v>
      </c>
      <c r="E6935">
        <v>106</v>
      </c>
      <c r="F6935" t="s">
        <v>651</v>
      </c>
      <c r="G6935">
        <v>160</v>
      </c>
      <c r="H6935" t="s">
        <v>922</v>
      </c>
      <c r="I6935">
        <v>8163</v>
      </c>
      <c r="J6935" t="s">
        <v>676</v>
      </c>
      <c r="K6935">
        <v>4</v>
      </c>
      <c r="L6935" t="s">
        <v>676</v>
      </c>
      <c r="M6935">
        <v>12</v>
      </c>
      <c r="N6935" t="s">
        <v>654</v>
      </c>
      <c r="O6935">
        <v>3</v>
      </c>
      <c r="P6935" t="s">
        <v>655</v>
      </c>
      <c r="Q6935">
        <v>1</v>
      </c>
      <c r="R6935" t="s">
        <v>669</v>
      </c>
      <c r="S6935">
        <v>1</v>
      </c>
      <c r="T6935" t="s">
        <v>661</v>
      </c>
      <c r="U6935">
        <v>8</v>
      </c>
      <c r="V6935">
        <v>3</v>
      </c>
      <c r="W6935">
        <v>180</v>
      </c>
      <c r="X6935">
        <v>2020</v>
      </c>
    </row>
    <row r="6936" spans="1:24" x14ac:dyDescent="0.25">
      <c r="A6936">
        <v>478</v>
      </c>
      <c r="B6936" t="s">
        <v>30</v>
      </c>
      <c r="C6936">
        <v>18</v>
      </c>
      <c r="D6936" t="s">
        <v>362</v>
      </c>
      <c r="E6936">
        <v>106</v>
      </c>
      <c r="F6936" t="s">
        <v>651</v>
      </c>
      <c r="G6936">
        <v>160</v>
      </c>
      <c r="H6936" t="s">
        <v>922</v>
      </c>
      <c r="I6936">
        <v>8163</v>
      </c>
      <c r="J6936" t="s">
        <v>897</v>
      </c>
      <c r="K6936">
        <v>3</v>
      </c>
      <c r="L6936" t="s">
        <v>897</v>
      </c>
      <c r="M6936">
        <v>8</v>
      </c>
      <c r="N6936" t="s">
        <v>654</v>
      </c>
      <c r="O6936">
        <v>3</v>
      </c>
      <c r="P6936" t="s">
        <v>655</v>
      </c>
      <c r="Q6936">
        <v>1</v>
      </c>
      <c r="R6936" t="s">
        <v>669</v>
      </c>
      <c r="S6936">
        <v>1</v>
      </c>
      <c r="T6936" t="s">
        <v>661</v>
      </c>
      <c r="U6936">
        <v>8</v>
      </c>
      <c r="V6936">
        <v>3</v>
      </c>
      <c r="W6936">
        <v>180</v>
      </c>
      <c r="X6936">
        <v>2020</v>
      </c>
    </row>
    <row r="6937" spans="1:24" x14ac:dyDescent="0.25">
      <c r="A6937">
        <v>475</v>
      </c>
      <c r="B6937" t="s">
        <v>30</v>
      </c>
      <c r="C6937">
        <v>18</v>
      </c>
      <c r="D6937" t="s">
        <v>362</v>
      </c>
      <c r="E6937">
        <v>106</v>
      </c>
      <c r="F6937" t="s">
        <v>651</v>
      </c>
      <c r="G6937">
        <v>160</v>
      </c>
      <c r="H6937" t="s">
        <v>922</v>
      </c>
      <c r="I6937">
        <v>8163</v>
      </c>
      <c r="J6937" t="s">
        <v>885</v>
      </c>
      <c r="K6937">
        <v>1</v>
      </c>
      <c r="L6937" t="s">
        <v>1543</v>
      </c>
      <c r="M6937">
        <v>3</v>
      </c>
      <c r="N6937" t="s">
        <v>654</v>
      </c>
      <c r="O6937">
        <v>3</v>
      </c>
      <c r="P6937" t="s">
        <v>655</v>
      </c>
      <c r="Q6937">
        <v>1</v>
      </c>
      <c r="R6937" t="s">
        <v>669</v>
      </c>
      <c r="S6937">
        <v>1</v>
      </c>
      <c r="T6937" t="s">
        <v>661</v>
      </c>
      <c r="U6937">
        <v>8</v>
      </c>
      <c r="V6937">
        <v>3</v>
      </c>
      <c r="W6937">
        <v>180</v>
      </c>
      <c r="X6937">
        <v>2020</v>
      </c>
    </row>
    <row r="6938" spans="1:24" x14ac:dyDescent="0.25">
      <c r="A6938">
        <v>472</v>
      </c>
      <c r="B6938" t="s">
        <v>30</v>
      </c>
      <c r="C6938">
        <v>18</v>
      </c>
      <c r="D6938" t="s">
        <v>362</v>
      </c>
      <c r="E6938">
        <v>106</v>
      </c>
      <c r="F6938" t="s">
        <v>651</v>
      </c>
      <c r="G6938">
        <v>160</v>
      </c>
      <c r="H6938" t="s">
        <v>922</v>
      </c>
      <c r="I6938">
        <v>8163</v>
      </c>
      <c r="J6938" t="s">
        <v>885</v>
      </c>
      <c r="K6938">
        <v>1</v>
      </c>
      <c r="L6938" t="s">
        <v>885</v>
      </c>
      <c r="M6938">
        <v>1</v>
      </c>
      <c r="N6938" t="s">
        <v>654</v>
      </c>
      <c r="O6938">
        <v>3</v>
      </c>
      <c r="P6938" t="s">
        <v>655</v>
      </c>
      <c r="Q6938">
        <v>1</v>
      </c>
      <c r="R6938" t="s">
        <v>669</v>
      </c>
      <c r="S6938">
        <v>1</v>
      </c>
      <c r="T6938" t="s">
        <v>661</v>
      </c>
      <c r="U6938">
        <v>8</v>
      </c>
      <c r="V6938">
        <v>3</v>
      </c>
      <c r="W6938">
        <v>180</v>
      </c>
      <c r="X6938">
        <v>2020</v>
      </c>
    </row>
    <row r="6939" spans="1:24" x14ac:dyDescent="0.25">
      <c r="A6939">
        <v>471</v>
      </c>
      <c r="B6939" t="s">
        <v>30</v>
      </c>
      <c r="C6939">
        <v>18</v>
      </c>
      <c r="D6939" t="s">
        <v>426</v>
      </c>
      <c r="E6939">
        <v>105</v>
      </c>
      <c r="F6939" t="s">
        <v>651</v>
      </c>
      <c r="G6939">
        <v>160</v>
      </c>
      <c r="H6939" t="s">
        <v>922</v>
      </c>
      <c r="I6939">
        <v>8163</v>
      </c>
      <c r="J6939" t="s">
        <v>659</v>
      </c>
      <c r="K6939">
        <v>35</v>
      </c>
      <c r="L6939" t="s">
        <v>925</v>
      </c>
      <c r="M6939">
        <v>112</v>
      </c>
      <c r="N6939" t="s">
        <v>654</v>
      </c>
      <c r="O6939">
        <v>3</v>
      </c>
      <c r="P6939" t="s">
        <v>655</v>
      </c>
      <c r="Q6939">
        <v>1</v>
      </c>
      <c r="R6939" t="s">
        <v>669</v>
      </c>
      <c r="S6939">
        <v>1</v>
      </c>
      <c r="T6939" t="s">
        <v>661</v>
      </c>
      <c r="U6939">
        <v>8</v>
      </c>
      <c r="V6939">
        <v>3</v>
      </c>
      <c r="W6939">
        <v>180</v>
      </c>
      <c r="X6939">
        <v>2020</v>
      </c>
    </row>
    <row r="6940" spans="1:24" x14ac:dyDescent="0.25">
      <c r="A6940">
        <v>470</v>
      </c>
      <c r="B6940" t="s">
        <v>30</v>
      </c>
      <c r="C6940">
        <v>18</v>
      </c>
      <c r="D6940" t="s">
        <v>426</v>
      </c>
      <c r="E6940">
        <v>105</v>
      </c>
      <c r="F6940" t="s">
        <v>651</v>
      </c>
      <c r="G6940">
        <v>160</v>
      </c>
      <c r="H6940" t="s">
        <v>922</v>
      </c>
      <c r="I6940">
        <v>8163</v>
      </c>
      <c r="J6940" t="s">
        <v>691</v>
      </c>
      <c r="K6940">
        <v>21</v>
      </c>
      <c r="L6940" t="s">
        <v>1923</v>
      </c>
      <c r="M6940">
        <v>67</v>
      </c>
      <c r="N6940" t="s">
        <v>668</v>
      </c>
      <c r="O6940">
        <v>4</v>
      </c>
      <c r="P6940" t="s">
        <v>655</v>
      </c>
      <c r="Q6940">
        <v>1</v>
      </c>
      <c r="R6940" t="s">
        <v>669</v>
      </c>
      <c r="S6940">
        <v>1</v>
      </c>
      <c r="T6940" t="s">
        <v>661</v>
      </c>
      <c r="U6940">
        <v>8</v>
      </c>
      <c r="V6940">
        <v>3</v>
      </c>
      <c r="W6940">
        <v>180</v>
      </c>
      <c r="X6940">
        <v>2020</v>
      </c>
    </row>
    <row r="6941" spans="1:24" x14ac:dyDescent="0.25">
      <c r="A6941">
        <v>469</v>
      </c>
      <c r="B6941" t="s">
        <v>30</v>
      </c>
      <c r="C6941">
        <v>18</v>
      </c>
      <c r="D6941" t="s">
        <v>426</v>
      </c>
      <c r="E6941">
        <v>105</v>
      </c>
      <c r="F6941" t="s">
        <v>651</v>
      </c>
      <c r="G6941">
        <v>160</v>
      </c>
      <c r="H6941" t="s">
        <v>922</v>
      </c>
      <c r="I6941">
        <v>8163</v>
      </c>
      <c r="J6941" t="s">
        <v>691</v>
      </c>
      <c r="K6941">
        <v>21</v>
      </c>
      <c r="L6941" t="s">
        <v>1609</v>
      </c>
      <c r="M6941">
        <v>66</v>
      </c>
      <c r="N6941" t="s">
        <v>654</v>
      </c>
      <c r="O6941">
        <v>3</v>
      </c>
      <c r="P6941" t="s">
        <v>655</v>
      </c>
      <c r="Q6941">
        <v>1</v>
      </c>
      <c r="R6941" t="s">
        <v>669</v>
      </c>
      <c r="S6941">
        <v>1</v>
      </c>
      <c r="T6941" t="s">
        <v>661</v>
      </c>
      <c r="U6941">
        <v>8</v>
      </c>
      <c r="V6941">
        <v>3</v>
      </c>
      <c r="W6941">
        <v>180</v>
      </c>
      <c r="X6941">
        <v>2020</v>
      </c>
    </row>
    <row r="6942" spans="1:24" x14ac:dyDescent="0.25">
      <c r="A6942">
        <v>468</v>
      </c>
      <c r="B6942" t="s">
        <v>30</v>
      </c>
      <c r="C6942">
        <v>18</v>
      </c>
      <c r="D6942" t="s">
        <v>426</v>
      </c>
      <c r="E6942">
        <v>105</v>
      </c>
      <c r="F6942" t="s">
        <v>651</v>
      </c>
      <c r="G6942">
        <v>160</v>
      </c>
      <c r="H6942" t="s">
        <v>922</v>
      </c>
      <c r="I6942">
        <v>8163</v>
      </c>
      <c r="J6942" t="s">
        <v>1011</v>
      </c>
      <c r="K6942">
        <v>17</v>
      </c>
      <c r="L6942" t="s">
        <v>1011</v>
      </c>
      <c r="M6942">
        <v>57</v>
      </c>
      <c r="N6942" t="s">
        <v>654</v>
      </c>
      <c r="O6942">
        <v>3</v>
      </c>
      <c r="P6942" t="s">
        <v>655</v>
      </c>
      <c r="Q6942">
        <v>1</v>
      </c>
      <c r="R6942" t="s">
        <v>669</v>
      </c>
      <c r="S6942">
        <v>1</v>
      </c>
      <c r="T6942" t="s">
        <v>661</v>
      </c>
      <c r="U6942">
        <v>8</v>
      </c>
      <c r="V6942">
        <v>3</v>
      </c>
      <c r="W6942">
        <v>180</v>
      </c>
      <c r="X6942">
        <v>2020</v>
      </c>
    </row>
    <row r="6943" spans="1:24" x14ac:dyDescent="0.25">
      <c r="A6943">
        <v>465</v>
      </c>
      <c r="B6943" t="s">
        <v>30</v>
      </c>
      <c r="C6943">
        <v>18</v>
      </c>
      <c r="D6943" t="s">
        <v>426</v>
      </c>
      <c r="E6943">
        <v>105</v>
      </c>
      <c r="F6943" t="s">
        <v>651</v>
      </c>
      <c r="G6943">
        <v>160</v>
      </c>
      <c r="H6943" t="s">
        <v>922</v>
      </c>
      <c r="I6943">
        <v>8163</v>
      </c>
      <c r="J6943" t="s">
        <v>864</v>
      </c>
      <c r="K6943">
        <v>14</v>
      </c>
      <c r="L6943" t="s">
        <v>1257</v>
      </c>
      <c r="M6943">
        <v>354</v>
      </c>
      <c r="N6943" t="s">
        <v>654</v>
      </c>
      <c r="O6943">
        <v>3</v>
      </c>
      <c r="P6943" t="s">
        <v>655</v>
      </c>
      <c r="Q6943">
        <v>1</v>
      </c>
      <c r="R6943" t="s">
        <v>669</v>
      </c>
      <c r="S6943">
        <v>1</v>
      </c>
      <c r="T6943" t="s">
        <v>661</v>
      </c>
      <c r="U6943">
        <v>8</v>
      </c>
      <c r="V6943">
        <v>4</v>
      </c>
      <c r="W6943">
        <v>240</v>
      </c>
      <c r="X6943">
        <v>2020</v>
      </c>
    </row>
    <row r="6944" spans="1:24" x14ac:dyDescent="0.25">
      <c r="A6944">
        <v>463</v>
      </c>
      <c r="B6944" t="s">
        <v>30</v>
      </c>
      <c r="C6944">
        <v>18</v>
      </c>
      <c r="D6944" t="s">
        <v>426</v>
      </c>
      <c r="E6944">
        <v>105</v>
      </c>
      <c r="F6944" t="s">
        <v>651</v>
      </c>
      <c r="G6944">
        <v>160</v>
      </c>
      <c r="H6944" t="s">
        <v>922</v>
      </c>
      <c r="I6944">
        <v>8163</v>
      </c>
      <c r="J6944" t="s">
        <v>895</v>
      </c>
      <c r="K6944">
        <v>13</v>
      </c>
      <c r="L6944" t="s">
        <v>3995</v>
      </c>
      <c r="M6944">
        <v>41</v>
      </c>
      <c r="N6944" t="s">
        <v>654</v>
      </c>
      <c r="O6944">
        <v>3</v>
      </c>
      <c r="P6944" t="s">
        <v>655</v>
      </c>
      <c r="Q6944">
        <v>1</v>
      </c>
      <c r="R6944" t="s">
        <v>669</v>
      </c>
      <c r="S6944">
        <v>1</v>
      </c>
      <c r="T6944" t="s">
        <v>661</v>
      </c>
      <c r="U6944">
        <v>8</v>
      </c>
      <c r="V6944">
        <v>3</v>
      </c>
      <c r="W6944">
        <v>180</v>
      </c>
      <c r="X6944">
        <v>2020</v>
      </c>
    </row>
    <row r="6945" spans="1:24" x14ac:dyDescent="0.25">
      <c r="A6945">
        <v>461</v>
      </c>
      <c r="B6945" t="s">
        <v>30</v>
      </c>
      <c r="C6945">
        <v>18</v>
      </c>
      <c r="D6945" t="s">
        <v>426</v>
      </c>
      <c r="E6945">
        <v>105</v>
      </c>
      <c r="F6945" t="s">
        <v>651</v>
      </c>
      <c r="G6945">
        <v>160</v>
      </c>
      <c r="H6945" t="s">
        <v>922</v>
      </c>
      <c r="I6945">
        <v>8163</v>
      </c>
      <c r="J6945" t="s">
        <v>699</v>
      </c>
      <c r="K6945">
        <v>10</v>
      </c>
      <c r="L6945" t="s">
        <v>1096</v>
      </c>
      <c r="M6945">
        <v>341</v>
      </c>
      <c r="N6945" t="s">
        <v>654</v>
      </c>
      <c r="O6945">
        <v>3</v>
      </c>
      <c r="P6945" t="s">
        <v>655</v>
      </c>
      <c r="Q6945">
        <v>1</v>
      </c>
      <c r="R6945" t="s">
        <v>669</v>
      </c>
      <c r="S6945">
        <v>1</v>
      </c>
      <c r="T6945" t="s">
        <v>1295</v>
      </c>
      <c r="U6945">
        <v>10</v>
      </c>
      <c r="V6945">
        <v>3</v>
      </c>
      <c r="W6945">
        <v>180</v>
      </c>
      <c r="X6945">
        <v>2020</v>
      </c>
    </row>
    <row r="6946" spans="1:24" x14ac:dyDescent="0.25">
      <c r="A6946">
        <v>460</v>
      </c>
      <c r="B6946" t="s">
        <v>30</v>
      </c>
      <c r="C6946">
        <v>18</v>
      </c>
      <c r="D6946" t="s">
        <v>426</v>
      </c>
      <c r="E6946">
        <v>105</v>
      </c>
      <c r="F6946" t="s">
        <v>651</v>
      </c>
      <c r="G6946">
        <v>160</v>
      </c>
      <c r="H6946" t="s">
        <v>922</v>
      </c>
      <c r="I6946">
        <v>8163</v>
      </c>
      <c r="J6946" t="s">
        <v>699</v>
      </c>
      <c r="K6946">
        <v>10</v>
      </c>
      <c r="L6946" t="s">
        <v>4006</v>
      </c>
      <c r="M6946">
        <v>29</v>
      </c>
      <c r="N6946" t="s">
        <v>654</v>
      </c>
      <c r="O6946">
        <v>3</v>
      </c>
      <c r="P6946" t="s">
        <v>655</v>
      </c>
      <c r="Q6946">
        <v>1</v>
      </c>
      <c r="R6946" t="s">
        <v>669</v>
      </c>
      <c r="S6946">
        <v>1</v>
      </c>
      <c r="T6946" t="s">
        <v>661</v>
      </c>
      <c r="U6946">
        <v>8</v>
      </c>
      <c r="V6946">
        <v>3</v>
      </c>
      <c r="W6946">
        <v>180</v>
      </c>
      <c r="X6946">
        <v>2020</v>
      </c>
    </row>
    <row r="6947" spans="1:24" x14ac:dyDescent="0.25">
      <c r="A6947">
        <v>459</v>
      </c>
      <c r="B6947" t="s">
        <v>30</v>
      </c>
      <c r="C6947">
        <v>18</v>
      </c>
      <c r="D6947" t="s">
        <v>426</v>
      </c>
      <c r="E6947">
        <v>105</v>
      </c>
      <c r="F6947" t="s">
        <v>651</v>
      </c>
      <c r="G6947">
        <v>160</v>
      </c>
      <c r="H6947" t="s">
        <v>922</v>
      </c>
      <c r="I6947">
        <v>8163</v>
      </c>
      <c r="J6947" t="s">
        <v>866</v>
      </c>
      <c r="K6947">
        <v>9</v>
      </c>
      <c r="L6947" t="s">
        <v>866</v>
      </c>
      <c r="M6947">
        <v>28</v>
      </c>
      <c r="N6947" t="s">
        <v>654</v>
      </c>
      <c r="O6947">
        <v>3</v>
      </c>
      <c r="P6947" t="s">
        <v>655</v>
      </c>
      <c r="Q6947">
        <v>1</v>
      </c>
      <c r="R6947" t="s">
        <v>669</v>
      </c>
      <c r="S6947">
        <v>1</v>
      </c>
      <c r="T6947" t="s">
        <v>661</v>
      </c>
      <c r="U6947">
        <v>8</v>
      </c>
      <c r="V6947">
        <v>3</v>
      </c>
      <c r="W6947">
        <v>180</v>
      </c>
      <c r="X6947">
        <v>2020</v>
      </c>
    </row>
    <row r="6948" spans="1:24" x14ac:dyDescent="0.25">
      <c r="A6948">
        <v>450</v>
      </c>
      <c r="B6948" t="s">
        <v>30</v>
      </c>
      <c r="C6948">
        <v>18</v>
      </c>
      <c r="D6948" t="s">
        <v>477</v>
      </c>
      <c r="E6948">
        <v>103</v>
      </c>
      <c r="F6948" t="s">
        <v>651</v>
      </c>
      <c r="G6948">
        <v>160</v>
      </c>
      <c r="H6948" t="s">
        <v>922</v>
      </c>
      <c r="I6948">
        <v>8163</v>
      </c>
      <c r="J6948" t="s">
        <v>730</v>
      </c>
      <c r="K6948">
        <v>66</v>
      </c>
      <c r="L6948" t="s">
        <v>3926</v>
      </c>
      <c r="M6948">
        <v>280</v>
      </c>
      <c r="N6948" t="s">
        <v>654</v>
      </c>
      <c r="O6948">
        <v>3</v>
      </c>
      <c r="P6948" t="s">
        <v>655</v>
      </c>
      <c r="Q6948">
        <v>1</v>
      </c>
      <c r="R6948" t="s">
        <v>669</v>
      </c>
      <c r="S6948">
        <v>1</v>
      </c>
      <c r="T6948" t="s">
        <v>661</v>
      </c>
      <c r="U6948">
        <v>8</v>
      </c>
      <c r="V6948">
        <v>4</v>
      </c>
      <c r="W6948">
        <v>240</v>
      </c>
      <c r="X6948">
        <v>2020</v>
      </c>
    </row>
    <row r="6949" spans="1:24" x14ac:dyDescent="0.25">
      <c r="A6949">
        <v>449</v>
      </c>
      <c r="B6949" t="s">
        <v>30</v>
      </c>
      <c r="C6949">
        <v>18</v>
      </c>
      <c r="D6949" t="s">
        <v>477</v>
      </c>
      <c r="E6949">
        <v>103</v>
      </c>
      <c r="F6949" t="s">
        <v>651</v>
      </c>
      <c r="G6949">
        <v>160</v>
      </c>
      <c r="H6949" t="s">
        <v>922</v>
      </c>
      <c r="I6949">
        <v>8163</v>
      </c>
      <c r="J6949" t="s">
        <v>738</v>
      </c>
      <c r="K6949">
        <v>61</v>
      </c>
      <c r="L6949" t="s">
        <v>3938</v>
      </c>
      <c r="M6949">
        <v>256</v>
      </c>
      <c r="N6949" t="s">
        <v>654</v>
      </c>
      <c r="O6949">
        <v>3</v>
      </c>
      <c r="P6949" t="s">
        <v>655</v>
      </c>
      <c r="Q6949">
        <v>1</v>
      </c>
      <c r="R6949" t="s">
        <v>669</v>
      </c>
      <c r="S6949">
        <v>1</v>
      </c>
      <c r="T6949" t="s">
        <v>661</v>
      </c>
      <c r="U6949">
        <v>8</v>
      </c>
      <c r="V6949">
        <v>4</v>
      </c>
      <c r="W6949">
        <v>240</v>
      </c>
      <c r="X6949">
        <v>2020</v>
      </c>
    </row>
    <row r="6950" spans="1:24" x14ac:dyDescent="0.25">
      <c r="A6950">
        <v>448</v>
      </c>
      <c r="B6950" t="s">
        <v>30</v>
      </c>
      <c r="C6950">
        <v>18</v>
      </c>
      <c r="D6950" t="s">
        <v>477</v>
      </c>
      <c r="E6950">
        <v>103</v>
      </c>
      <c r="F6950" t="s">
        <v>651</v>
      </c>
      <c r="G6950">
        <v>160</v>
      </c>
      <c r="H6950" t="s">
        <v>922</v>
      </c>
      <c r="I6950">
        <v>8163</v>
      </c>
      <c r="J6950" t="s">
        <v>693</v>
      </c>
      <c r="K6950">
        <v>56</v>
      </c>
      <c r="L6950" t="s">
        <v>3669</v>
      </c>
      <c r="M6950">
        <v>221</v>
      </c>
      <c r="N6950" t="s">
        <v>654</v>
      </c>
      <c r="O6950">
        <v>3</v>
      </c>
      <c r="P6950" t="s">
        <v>655</v>
      </c>
      <c r="Q6950">
        <v>1</v>
      </c>
      <c r="R6950" t="s">
        <v>669</v>
      </c>
      <c r="S6950">
        <v>1</v>
      </c>
      <c r="T6950" t="s">
        <v>661</v>
      </c>
      <c r="U6950">
        <v>8</v>
      </c>
      <c r="V6950">
        <v>4</v>
      </c>
      <c r="W6950">
        <v>240</v>
      </c>
      <c r="X6950">
        <v>2020</v>
      </c>
    </row>
    <row r="6951" spans="1:24" x14ac:dyDescent="0.25">
      <c r="A6951">
        <v>447</v>
      </c>
      <c r="B6951" t="s">
        <v>30</v>
      </c>
      <c r="C6951">
        <v>18</v>
      </c>
      <c r="D6951" t="s">
        <v>477</v>
      </c>
      <c r="E6951">
        <v>103</v>
      </c>
      <c r="F6951" t="s">
        <v>651</v>
      </c>
      <c r="G6951">
        <v>160</v>
      </c>
      <c r="H6951" t="s">
        <v>922</v>
      </c>
      <c r="I6951">
        <v>8163</v>
      </c>
      <c r="J6951" t="s">
        <v>695</v>
      </c>
      <c r="K6951">
        <v>54</v>
      </c>
      <c r="L6951" t="s">
        <v>748</v>
      </c>
      <c r="M6951">
        <v>211</v>
      </c>
      <c r="N6951" t="s">
        <v>654</v>
      </c>
      <c r="O6951">
        <v>3</v>
      </c>
      <c r="P6951" t="s">
        <v>655</v>
      </c>
      <c r="Q6951">
        <v>1</v>
      </c>
      <c r="R6951" t="s">
        <v>669</v>
      </c>
      <c r="S6951">
        <v>1</v>
      </c>
      <c r="T6951" t="s">
        <v>661</v>
      </c>
      <c r="U6951">
        <v>8</v>
      </c>
      <c r="V6951">
        <v>4</v>
      </c>
      <c r="W6951">
        <v>240</v>
      </c>
      <c r="X6951">
        <v>2020</v>
      </c>
    </row>
    <row r="6952" spans="1:24" x14ac:dyDescent="0.25">
      <c r="A6952">
        <v>446</v>
      </c>
      <c r="B6952" t="s">
        <v>30</v>
      </c>
      <c r="C6952">
        <v>18</v>
      </c>
      <c r="D6952" t="s">
        <v>477</v>
      </c>
      <c r="E6952">
        <v>103</v>
      </c>
      <c r="F6952" t="s">
        <v>651</v>
      </c>
      <c r="G6952">
        <v>160</v>
      </c>
      <c r="H6952" t="s">
        <v>922</v>
      </c>
      <c r="I6952">
        <v>8163</v>
      </c>
      <c r="J6952" t="s">
        <v>710</v>
      </c>
      <c r="K6952">
        <v>53</v>
      </c>
      <c r="L6952" t="s">
        <v>3931</v>
      </c>
      <c r="M6952">
        <v>204</v>
      </c>
      <c r="N6952" t="s">
        <v>654</v>
      </c>
      <c r="O6952">
        <v>3</v>
      </c>
      <c r="P6952" t="s">
        <v>655</v>
      </c>
      <c r="Q6952">
        <v>1</v>
      </c>
      <c r="R6952" t="s">
        <v>669</v>
      </c>
      <c r="S6952">
        <v>1</v>
      </c>
      <c r="T6952" t="s">
        <v>661</v>
      </c>
      <c r="U6952">
        <v>8</v>
      </c>
      <c r="V6952">
        <v>4</v>
      </c>
      <c r="W6952">
        <v>240</v>
      </c>
      <c r="X6952">
        <v>2020</v>
      </c>
    </row>
    <row r="6953" spans="1:24" x14ac:dyDescent="0.25">
      <c r="A6953">
        <v>445</v>
      </c>
      <c r="B6953" t="s">
        <v>30</v>
      </c>
      <c r="C6953">
        <v>18</v>
      </c>
      <c r="D6953" t="s">
        <v>477</v>
      </c>
      <c r="E6953">
        <v>103</v>
      </c>
      <c r="F6953" t="s">
        <v>651</v>
      </c>
      <c r="G6953">
        <v>160</v>
      </c>
      <c r="H6953" t="s">
        <v>922</v>
      </c>
      <c r="I6953">
        <v>8163</v>
      </c>
      <c r="J6953" t="s">
        <v>714</v>
      </c>
      <c r="K6953">
        <v>52</v>
      </c>
      <c r="L6953" t="s">
        <v>928</v>
      </c>
      <c r="M6953">
        <v>202</v>
      </c>
      <c r="N6953" t="s">
        <v>654</v>
      </c>
      <c r="O6953">
        <v>3</v>
      </c>
      <c r="P6953" t="s">
        <v>655</v>
      </c>
      <c r="Q6953">
        <v>1</v>
      </c>
      <c r="R6953" t="s">
        <v>669</v>
      </c>
      <c r="S6953">
        <v>1</v>
      </c>
      <c r="T6953" t="s">
        <v>661</v>
      </c>
      <c r="U6953">
        <v>8</v>
      </c>
      <c r="V6953">
        <v>4</v>
      </c>
      <c r="W6953">
        <v>240</v>
      </c>
      <c r="X6953">
        <v>2020</v>
      </c>
    </row>
    <row r="6954" spans="1:24" x14ac:dyDescent="0.25">
      <c r="A6954">
        <v>444</v>
      </c>
      <c r="B6954" t="s">
        <v>30</v>
      </c>
      <c r="C6954">
        <v>18</v>
      </c>
      <c r="D6954" t="s">
        <v>477</v>
      </c>
      <c r="E6954">
        <v>103</v>
      </c>
      <c r="F6954" t="s">
        <v>651</v>
      </c>
      <c r="G6954">
        <v>160</v>
      </c>
      <c r="H6954" t="s">
        <v>922</v>
      </c>
      <c r="I6954">
        <v>8163</v>
      </c>
      <c r="J6954" t="s">
        <v>767</v>
      </c>
      <c r="K6954">
        <v>44</v>
      </c>
      <c r="L6954" t="s">
        <v>3893</v>
      </c>
      <c r="M6954">
        <v>152</v>
      </c>
      <c r="N6954" t="s">
        <v>654</v>
      </c>
      <c r="O6954">
        <v>3</v>
      </c>
      <c r="P6954" t="s">
        <v>655</v>
      </c>
      <c r="Q6954">
        <v>1</v>
      </c>
      <c r="R6954" t="s">
        <v>669</v>
      </c>
      <c r="S6954">
        <v>1</v>
      </c>
      <c r="T6954" t="s">
        <v>661</v>
      </c>
      <c r="U6954">
        <v>8</v>
      </c>
      <c r="V6954">
        <v>4</v>
      </c>
      <c r="W6954">
        <v>240</v>
      </c>
      <c r="X6954">
        <v>2020</v>
      </c>
    </row>
    <row r="6955" spans="1:24" x14ac:dyDescent="0.25">
      <c r="A6955">
        <v>443</v>
      </c>
      <c r="B6955" t="s">
        <v>213</v>
      </c>
      <c r="C6955">
        <v>15</v>
      </c>
      <c r="D6955" t="s">
        <v>426</v>
      </c>
      <c r="E6955">
        <v>98</v>
      </c>
      <c r="F6955" t="s">
        <v>651</v>
      </c>
      <c r="G6955">
        <v>160</v>
      </c>
      <c r="H6955" t="s">
        <v>741</v>
      </c>
      <c r="I6955">
        <v>1585</v>
      </c>
      <c r="J6955" t="s">
        <v>684</v>
      </c>
      <c r="K6955">
        <v>22</v>
      </c>
      <c r="L6955" t="s">
        <v>685</v>
      </c>
      <c r="M6955">
        <v>72</v>
      </c>
      <c r="N6955" t="s">
        <v>654</v>
      </c>
      <c r="O6955">
        <v>3</v>
      </c>
      <c r="P6955" t="s">
        <v>655</v>
      </c>
      <c r="Q6955">
        <v>1</v>
      </c>
      <c r="R6955" t="s">
        <v>669</v>
      </c>
      <c r="S6955">
        <v>1</v>
      </c>
      <c r="T6955" t="s">
        <v>661</v>
      </c>
      <c r="U6955">
        <v>8</v>
      </c>
      <c r="V6955">
        <v>3</v>
      </c>
      <c r="W6955">
        <v>180</v>
      </c>
      <c r="X6955">
        <v>2020</v>
      </c>
    </row>
    <row r="6956" spans="1:24" x14ac:dyDescent="0.25">
      <c r="A6956">
        <v>442</v>
      </c>
      <c r="B6956" t="s">
        <v>213</v>
      </c>
      <c r="C6956">
        <v>15</v>
      </c>
      <c r="D6956" t="s">
        <v>316</v>
      </c>
      <c r="E6956">
        <v>101</v>
      </c>
      <c r="F6956" t="s">
        <v>651</v>
      </c>
      <c r="G6956">
        <v>160</v>
      </c>
      <c r="H6956" t="s">
        <v>741</v>
      </c>
      <c r="I6956">
        <v>1585</v>
      </c>
      <c r="J6956" t="s">
        <v>294</v>
      </c>
      <c r="K6956">
        <v>31</v>
      </c>
      <c r="L6956" t="s">
        <v>294</v>
      </c>
      <c r="M6956">
        <v>98</v>
      </c>
      <c r="N6956" t="s">
        <v>654</v>
      </c>
      <c r="O6956">
        <v>3</v>
      </c>
      <c r="P6956" t="s">
        <v>689</v>
      </c>
      <c r="Q6956">
        <v>4</v>
      </c>
      <c r="R6956" t="s">
        <v>669</v>
      </c>
      <c r="S6956">
        <v>1</v>
      </c>
      <c r="T6956" t="s">
        <v>661</v>
      </c>
      <c r="U6956">
        <v>8</v>
      </c>
      <c r="V6956">
        <v>3</v>
      </c>
      <c r="W6956">
        <v>180</v>
      </c>
      <c r="X6956">
        <v>2020</v>
      </c>
    </row>
    <row r="6957" spans="1:24" x14ac:dyDescent="0.25">
      <c r="A6957">
        <v>441</v>
      </c>
      <c r="B6957" t="s">
        <v>213</v>
      </c>
      <c r="C6957">
        <v>15</v>
      </c>
      <c r="D6957" t="s">
        <v>316</v>
      </c>
      <c r="E6957">
        <v>101</v>
      </c>
      <c r="F6957" t="s">
        <v>651</v>
      </c>
      <c r="G6957">
        <v>160</v>
      </c>
      <c r="H6957" t="s">
        <v>741</v>
      </c>
      <c r="I6957">
        <v>1585</v>
      </c>
      <c r="J6957" t="s">
        <v>294</v>
      </c>
      <c r="K6957">
        <v>31</v>
      </c>
      <c r="L6957" t="s">
        <v>294</v>
      </c>
      <c r="M6957">
        <v>98</v>
      </c>
      <c r="N6957" t="s">
        <v>654</v>
      </c>
      <c r="O6957">
        <v>3</v>
      </c>
      <c r="P6957" t="s">
        <v>655</v>
      </c>
      <c r="Q6957">
        <v>1</v>
      </c>
      <c r="R6957" t="s">
        <v>669</v>
      </c>
      <c r="S6957">
        <v>1</v>
      </c>
      <c r="T6957" t="s">
        <v>661</v>
      </c>
      <c r="U6957">
        <v>8</v>
      </c>
      <c r="V6957">
        <v>3</v>
      </c>
      <c r="W6957">
        <v>180</v>
      </c>
      <c r="X6957">
        <v>2020</v>
      </c>
    </row>
    <row r="6958" spans="1:24" x14ac:dyDescent="0.25">
      <c r="A6958">
        <v>440</v>
      </c>
      <c r="B6958" t="s">
        <v>213</v>
      </c>
      <c r="C6958">
        <v>15</v>
      </c>
      <c r="D6958" t="s">
        <v>316</v>
      </c>
      <c r="E6958">
        <v>101</v>
      </c>
      <c r="F6958" t="s">
        <v>651</v>
      </c>
      <c r="G6958">
        <v>160</v>
      </c>
      <c r="H6958" t="s">
        <v>741</v>
      </c>
      <c r="I6958">
        <v>1585</v>
      </c>
      <c r="J6958" t="s">
        <v>299</v>
      </c>
      <c r="K6958">
        <v>27</v>
      </c>
      <c r="L6958" t="s">
        <v>690</v>
      </c>
      <c r="M6958">
        <v>89</v>
      </c>
      <c r="N6958" t="s">
        <v>654</v>
      </c>
      <c r="O6958">
        <v>3</v>
      </c>
      <c r="P6958" t="s">
        <v>746</v>
      </c>
      <c r="Q6958">
        <v>2</v>
      </c>
      <c r="R6958" t="s">
        <v>669</v>
      </c>
      <c r="S6958">
        <v>1</v>
      </c>
      <c r="T6958" t="s">
        <v>661</v>
      </c>
      <c r="U6958">
        <v>8</v>
      </c>
      <c r="V6958">
        <v>3</v>
      </c>
      <c r="W6958">
        <v>180</v>
      </c>
      <c r="X6958">
        <v>2020</v>
      </c>
    </row>
    <row r="6959" spans="1:24" x14ac:dyDescent="0.25">
      <c r="A6959">
        <v>439</v>
      </c>
      <c r="B6959" t="s">
        <v>213</v>
      </c>
      <c r="C6959">
        <v>15</v>
      </c>
      <c r="D6959" t="s">
        <v>316</v>
      </c>
      <c r="E6959">
        <v>101</v>
      </c>
      <c r="F6959" t="s">
        <v>651</v>
      </c>
      <c r="G6959">
        <v>160</v>
      </c>
      <c r="H6959" t="s">
        <v>741</v>
      </c>
      <c r="I6959">
        <v>1585</v>
      </c>
      <c r="J6959" t="s">
        <v>299</v>
      </c>
      <c r="K6959">
        <v>27</v>
      </c>
      <c r="L6959" t="s">
        <v>690</v>
      </c>
      <c r="M6959">
        <v>89</v>
      </c>
      <c r="N6959" t="s">
        <v>654</v>
      </c>
      <c r="O6959">
        <v>3</v>
      </c>
      <c r="P6959" t="s">
        <v>655</v>
      </c>
      <c r="Q6959">
        <v>1</v>
      </c>
      <c r="R6959" t="s">
        <v>669</v>
      </c>
      <c r="S6959">
        <v>1</v>
      </c>
      <c r="T6959" t="s">
        <v>661</v>
      </c>
      <c r="U6959">
        <v>8</v>
      </c>
      <c r="V6959">
        <v>3</v>
      </c>
      <c r="W6959">
        <v>180</v>
      </c>
      <c r="X6959">
        <v>2020</v>
      </c>
    </row>
    <row r="6960" spans="1:24" x14ac:dyDescent="0.25">
      <c r="A6960">
        <v>438</v>
      </c>
      <c r="B6960" t="s">
        <v>213</v>
      </c>
      <c r="C6960">
        <v>15</v>
      </c>
      <c r="D6960" t="s">
        <v>316</v>
      </c>
      <c r="E6960">
        <v>101</v>
      </c>
      <c r="F6960" t="s">
        <v>651</v>
      </c>
      <c r="G6960">
        <v>160</v>
      </c>
      <c r="H6960" t="s">
        <v>741</v>
      </c>
      <c r="I6960">
        <v>1585</v>
      </c>
      <c r="J6960" t="s">
        <v>301</v>
      </c>
      <c r="K6960">
        <v>26</v>
      </c>
      <c r="L6960" t="s">
        <v>301</v>
      </c>
      <c r="M6960">
        <v>82</v>
      </c>
      <c r="N6960" t="s">
        <v>654</v>
      </c>
      <c r="O6960">
        <v>3</v>
      </c>
      <c r="P6960" t="s">
        <v>655</v>
      </c>
      <c r="Q6960">
        <v>1</v>
      </c>
      <c r="R6960" t="s">
        <v>669</v>
      </c>
      <c r="S6960">
        <v>1</v>
      </c>
      <c r="T6960" t="s">
        <v>661</v>
      </c>
      <c r="U6960">
        <v>8</v>
      </c>
      <c r="V6960">
        <v>3</v>
      </c>
      <c r="W6960">
        <v>180</v>
      </c>
      <c r="X6960">
        <v>2020</v>
      </c>
    </row>
    <row r="6961" spans="1:24" x14ac:dyDescent="0.25">
      <c r="A6961">
        <v>436</v>
      </c>
      <c r="B6961" t="s">
        <v>213</v>
      </c>
      <c r="C6961">
        <v>15</v>
      </c>
      <c r="D6961" t="s">
        <v>362</v>
      </c>
      <c r="E6961">
        <v>100</v>
      </c>
      <c r="F6961" t="s">
        <v>651</v>
      </c>
      <c r="G6961">
        <v>160</v>
      </c>
      <c r="H6961" t="s">
        <v>741</v>
      </c>
      <c r="I6961">
        <v>1585</v>
      </c>
      <c r="J6961" t="s">
        <v>831</v>
      </c>
      <c r="K6961">
        <v>5</v>
      </c>
      <c r="L6961" t="s">
        <v>831</v>
      </c>
      <c r="M6961">
        <v>14</v>
      </c>
      <c r="N6961" t="s">
        <v>654</v>
      </c>
      <c r="O6961">
        <v>3</v>
      </c>
      <c r="P6961" t="s">
        <v>655</v>
      </c>
      <c r="Q6961">
        <v>1</v>
      </c>
      <c r="R6961" t="s">
        <v>669</v>
      </c>
      <c r="S6961">
        <v>1</v>
      </c>
      <c r="T6961" t="s">
        <v>661</v>
      </c>
      <c r="U6961">
        <v>8</v>
      </c>
      <c r="V6961">
        <v>3</v>
      </c>
      <c r="W6961">
        <v>180</v>
      </c>
      <c r="X6961">
        <v>2020</v>
      </c>
    </row>
    <row r="6962" spans="1:24" x14ac:dyDescent="0.25">
      <c r="A6962">
        <v>435</v>
      </c>
      <c r="B6962" t="s">
        <v>213</v>
      </c>
      <c r="C6962">
        <v>15</v>
      </c>
      <c r="D6962" t="s">
        <v>362</v>
      </c>
      <c r="E6962">
        <v>100</v>
      </c>
      <c r="F6962" t="s">
        <v>651</v>
      </c>
      <c r="G6962">
        <v>160</v>
      </c>
      <c r="H6962" t="s">
        <v>741</v>
      </c>
      <c r="I6962">
        <v>1585</v>
      </c>
      <c r="J6962" t="s">
        <v>676</v>
      </c>
      <c r="K6962">
        <v>4</v>
      </c>
      <c r="L6962" t="s">
        <v>676</v>
      </c>
      <c r="M6962">
        <v>12</v>
      </c>
      <c r="N6962" t="s">
        <v>654</v>
      </c>
      <c r="O6962">
        <v>3</v>
      </c>
      <c r="P6962" t="s">
        <v>746</v>
      </c>
      <c r="Q6962">
        <v>2</v>
      </c>
      <c r="R6962" t="s">
        <v>669</v>
      </c>
      <c r="S6962">
        <v>1</v>
      </c>
      <c r="T6962" t="s">
        <v>661</v>
      </c>
      <c r="U6962">
        <v>8</v>
      </c>
      <c r="V6962">
        <v>3</v>
      </c>
      <c r="W6962">
        <v>180</v>
      </c>
      <c r="X6962">
        <v>2020</v>
      </c>
    </row>
    <row r="6963" spans="1:24" x14ac:dyDescent="0.25">
      <c r="A6963">
        <v>434</v>
      </c>
      <c r="B6963" t="s">
        <v>213</v>
      </c>
      <c r="C6963">
        <v>15</v>
      </c>
      <c r="D6963" t="s">
        <v>362</v>
      </c>
      <c r="E6963">
        <v>100</v>
      </c>
      <c r="F6963" t="s">
        <v>651</v>
      </c>
      <c r="G6963">
        <v>160</v>
      </c>
      <c r="H6963" t="s">
        <v>741</v>
      </c>
      <c r="I6963">
        <v>1585</v>
      </c>
      <c r="J6963" t="s">
        <v>676</v>
      </c>
      <c r="K6963">
        <v>4</v>
      </c>
      <c r="L6963" t="s">
        <v>676</v>
      </c>
      <c r="M6963">
        <v>12</v>
      </c>
      <c r="N6963" t="s">
        <v>654</v>
      </c>
      <c r="O6963">
        <v>3</v>
      </c>
      <c r="P6963" t="s">
        <v>655</v>
      </c>
      <c r="Q6963">
        <v>1</v>
      </c>
      <c r="R6963" t="s">
        <v>669</v>
      </c>
      <c r="S6963">
        <v>1</v>
      </c>
      <c r="T6963" t="s">
        <v>661</v>
      </c>
      <c r="U6963">
        <v>8</v>
      </c>
      <c r="V6963">
        <v>3</v>
      </c>
      <c r="W6963">
        <v>180</v>
      </c>
      <c r="X6963">
        <v>2020</v>
      </c>
    </row>
    <row r="6964" spans="1:24" x14ac:dyDescent="0.25">
      <c r="A6964">
        <v>433</v>
      </c>
      <c r="B6964" t="s">
        <v>213</v>
      </c>
      <c r="C6964">
        <v>15</v>
      </c>
      <c r="D6964" t="s">
        <v>362</v>
      </c>
      <c r="E6964">
        <v>100</v>
      </c>
      <c r="F6964" t="s">
        <v>651</v>
      </c>
      <c r="G6964">
        <v>160</v>
      </c>
      <c r="H6964" t="s">
        <v>741</v>
      </c>
      <c r="I6964">
        <v>1585</v>
      </c>
      <c r="J6964" t="s">
        <v>885</v>
      </c>
      <c r="K6964">
        <v>1</v>
      </c>
      <c r="L6964" t="s">
        <v>885</v>
      </c>
      <c r="M6964">
        <v>1</v>
      </c>
      <c r="N6964" t="s">
        <v>654</v>
      </c>
      <c r="O6964">
        <v>3</v>
      </c>
      <c r="P6964" t="s">
        <v>655</v>
      </c>
      <c r="Q6964">
        <v>1</v>
      </c>
      <c r="R6964" t="s">
        <v>669</v>
      </c>
      <c r="S6964">
        <v>1</v>
      </c>
      <c r="T6964" t="s">
        <v>661</v>
      </c>
      <c r="U6964">
        <v>8</v>
      </c>
      <c r="V6964">
        <v>3</v>
      </c>
      <c r="W6964">
        <v>180</v>
      </c>
      <c r="X6964">
        <v>2020</v>
      </c>
    </row>
    <row r="6965" spans="1:24" x14ac:dyDescent="0.25">
      <c r="A6965">
        <v>432</v>
      </c>
      <c r="B6965" t="s">
        <v>213</v>
      </c>
      <c r="C6965">
        <v>15</v>
      </c>
      <c r="D6965" t="s">
        <v>575</v>
      </c>
      <c r="E6965">
        <v>99</v>
      </c>
      <c r="F6965" t="s">
        <v>651</v>
      </c>
      <c r="G6965">
        <v>160</v>
      </c>
      <c r="H6965" t="s">
        <v>741</v>
      </c>
      <c r="I6965">
        <v>1585</v>
      </c>
      <c r="J6965" t="s">
        <v>765</v>
      </c>
      <c r="K6965">
        <v>76</v>
      </c>
      <c r="L6965" t="s">
        <v>766</v>
      </c>
      <c r="M6965">
        <v>137</v>
      </c>
      <c r="N6965" t="s">
        <v>654</v>
      </c>
      <c r="O6965">
        <v>3</v>
      </c>
      <c r="P6965" t="s">
        <v>746</v>
      </c>
      <c r="Q6965">
        <v>2</v>
      </c>
      <c r="R6965" t="s">
        <v>669</v>
      </c>
      <c r="S6965">
        <v>1</v>
      </c>
      <c r="T6965" t="s">
        <v>661</v>
      </c>
      <c r="U6965">
        <v>8</v>
      </c>
      <c r="V6965">
        <v>3</v>
      </c>
      <c r="W6965">
        <v>180</v>
      </c>
      <c r="X6965">
        <v>2020</v>
      </c>
    </row>
    <row r="6966" spans="1:24" x14ac:dyDescent="0.25">
      <c r="A6966">
        <v>431</v>
      </c>
      <c r="B6966" t="s">
        <v>213</v>
      </c>
      <c r="C6966">
        <v>15</v>
      </c>
      <c r="D6966" t="s">
        <v>575</v>
      </c>
      <c r="E6966">
        <v>99</v>
      </c>
      <c r="F6966" t="s">
        <v>651</v>
      </c>
      <c r="G6966">
        <v>160</v>
      </c>
      <c r="H6966" t="s">
        <v>741</v>
      </c>
      <c r="I6966">
        <v>1585</v>
      </c>
      <c r="J6966" t="s">
        <v>765</v>
      </c>
      <c r="K6966">
        <v>76</v>
      </c>
      <c r="L6966" t="s">
        <v>766</v>
      </c>
      <c r="M6966">
        <v>137</v>
      </c>
      <c r="N6966" t="s">
        <v>654</v>
      </c>
      <c r="O6966">
        <v>3</v>
      </c>
      <c r="P6966" t="s">
        <v>655</v>
      </c>
      <c r="Q6966">
        <v>1</v>
      </c>
      <c r="R6966" t="s">
        <v>669</v>
      </c>
      <c r="S6966">
        <v>1</v>
      </c>
      <c r="T6966" t="s">
        <v>661</v>
      </c>
      <c r="U6966">
        <v>8</v>
      </c>
      <c r="V6966">
        <v>3</v>
      </c>
      <c r="W6966">
        <v>180</v>
      </c>
      <c r="X6966">
        <v>2020</v>
      </c>
    </row>
    <row r="6967" spans="1:24" x14ac:dyDescent="0.25">
      <c r="A6967">
        <v>430</v>
      </c>
      <c r="B6967" t="s">
        <v>213</v>
      </c>
      <c r="C6967">
        <v>15</v>
      </c>
      <c r="D6967" t="s">
        <v>575</v>
      </c>
      <c r="E6967">
        <v>99</v>
      </c>
      <c r="F6967" t="s">
        <v>651</v>
      </c>
      <c r="G6967">
        <v>160</v>
      </c>
      <c r="H6967" t="s">
        <v>741</v>
      </c>
      <c r="I6967">
        <v>1585</v>
      </c>
      <c r="J6967" t="s">
        <v>1088</v>
      </c>
      <c r="K6967">
        <v>38</v>
      </c>
      <c r="L6967" t="s">
        <v>1265</v>
      </c>
      <c r="M6967">
        <v>136</v>
      </c>
      <c r="N6967" t="s">
        <v>654</v>
      </c>
      <c r="O6967">
        <v>3</v>
      </c>
      <c r="P6967" t="s">
        <v>655</v>
      </c>
      <c r="Q6967">
        <v>1</v>
      </c>
      <c r="R6967" t="s">
        <v>669</v>
      </c>
      <c r="S6967">
        <v>1</v>
      </c>
      <c r="T6967" t="s">
        <v>661</v>
      </c>
      <c r="U6967">
        <v>8</v>
      </c>
      <c r="V6967">
        <v>3</v>
      </c>
      <c r="W6967">
        <v>180</v>
      </c>
      <c r="X6967">
        <v>2020</v>
      </c>
    </row>
    <row r="6968" spans="1:24" x14ac:dyDescent="0.25">
      <c r="A6968">
        <v>428</v>
      </c>
      <c r="B6968" t="s">
        <v>213</v>
      </c>
      <c r="C6968">
        <v>15</v>
      </c>
      <c r="D6968" t="s">
        <v>575</v>
      </c>
      <c r="E6968">
        <v>99</v>
      </c>
      <c r="F6968" t="s">
        <v>651</v>
      </c>
      <c r="G6968">
        <v>160</v>
      </c>
      <c r="H6968" t="s">
        <v>741</v>
      </c>
      <c r="I6968">
        <v>1585</v>
      </c>
      <c r="J6968" t="s">
        <v>1088</v>
      </c>
      <c r="K6968">
        <v>38</v>
      </c>
      <c r="L6968" t="s">
        <v>1089</v>
      </c>
      <c r="M6968">
        <v>135</v>
      </c>
      <c r="N6968" t="s">
        <v>654</v>
      </c>
      <c r="O6968">
        <v>3</v>
      </c>
      <c r="P6968" t="s">
        <v>746</v>
      </c>
      <c r="Q6968">
        <v>2</v>
      </c>
      <c r="R6968" t="s">
        <v>669</v>
      </c>
      <c r="S6968">
        <v>1</v>
      </c>
      <c r="T6968" t="s">
        <v>661</v>
      </c>
      <c r="U6968">
        <v>8</v>
      </c>
      <c r="V6968">
        <v>3</v>
      </c>
      <c r="W6968">
        <v>180</v>
      </c>
      <c r="X6968">
        <v>2020</v>
      </c>
    </row>
    <row r="6969" spans="1:24" x14ac:dyDescent="0.25">
      <c r="A6969">
        <v>427</v>
      </c>
      <c r="B6969" t="s">
        <v>213</v>
      </c>
      <c r="C6969">
        <v>15</v>
      </c>
      <c r="D6969" t="s">
        <v>575</v>
      </c>
      <c r="E6969">
        <v>99</v>
      </c>
      <c r="F6969" t="s">
        <v>651</v>
      </c>
      <c r="G6969">
        <v>160</v>
      </c>
      <c r="H6969" t="s">
        <v>741</v>
      </c>
      <c r="I6969">
        <v>1585</v>
      </c>
      <c r="J6969" t="s">
        <v>1088</v>
      </c>
      <c r="K6969">
        <v>38</v>
      </c>
      <c r="L6969" t="s">
        <v>1089</v>
      </c>
      <c r="M6969">
        <v>135</v>
      </c>
      <c r="N6969" t="s">
        <v>654</v>
      </c>
      <c r="O6969">
        <v>3</v>
      </c>
      <c r="P6969" t="s">
        <v>655</v>
      </c>
      <c r="Q6969">
        <v>1</v>
      </c>
      <c r="R6969" t="s">
        <v>669</v>
      </c>
      <c r="S6969">
        <v>1</v>
      </c>
      <c r="T6969" t="s">
        <v>661</v>
      </c>
      <c r="U6969">
        <v>8</v>
      </c>
      <c r="V6969">
        <v>3</v>
      </c>
      <c r="W6969">
        <v>180</v>
      </c>
      <c r="X6969">
        <v>2020</v>
      </c>
    </row>
    <row r="6970" spans="1:24" x14ac:dyDescent="0.25">
      <c r="A6970">
        <v>426</v>
      </c>
      <c r="B6970" t="s">
        <v>213</v>
      </c>
      <c r="C6970">
        <v>15</v>
      </c>
      <c r="D6970" t="s">
        <v>575</v>
      </c>
      <c r="E6970">
        <v>99</v>
      </c>
      <c r="F6970" t="s">
        <v>651</v>
      </c>
      <c r="G6970">
        <v>160</v>
      </c>
      <c r="H6970" t="s">
        <v>741</v>
      </c>
      <c r="I6970">
        <v>1585</v>
      </c>
      <c r="J6970" t="s">
        <v>868</v>
      </c>
      <c r="K6970">
        <v>23</v>
      </c>
      <c r="L6970" t="s">
        <v>1579</v>
      </c>
      <c r="M6970">
        <v>74</v>
      </c>
      <c r="N6970" t="s">
        <v>654</v>
      </c>
      <c r="O6970">
        <v>3</v>
      </c>
      <c r="P6970" t="s">
        <v>655</v>
      </c>
      <c r="Q6970">
        <v>1</v>
      </c>
      <c r="R6970" t="s">
        <v>669</v>
      </c>
      <c r="S6970">
        <v>1</v>
      </c>
      <c r="T6970" t="s">
        <v>661</v>
      </c>
      <c r="U6970">
        <v>8</v>
      </c>
      <c r="V6970">
        <v>3</v>
      </c>
      <c r="W6970">
        <v>180</v>
      </c>
      <c r="X6970">
        <v>2020</v>
      </c>
    </row>
    <row r="6971" spans="1:24" x14ac:dyDescent="0.25">
      <c r="A6971">
        <v>424</v>
      </c>
      <c r="B6971" t="s">
        <v>213</v>
      </c>
      <c r="C6971">
        <v>15</v>
      </c>
      <c r="D6971" t="s">
        <v>426</v>
      </c>
      <c r="E6971">
        <v>98</v>
      </c>
      <c r="F6971" t="s">
        <v>651</v>
      </c>
      <c r="G6971">
        <v>160</v>
      </c>
      <c r="H6971" t="s">
        <v>741</v>
      </c>
      <c r="I6971">
        <v>1585</v>
      </c>
      <c r="J6971" t="s">
        <v>691</v>
      </c>
      <c r="K6971">
        <v>21</v>
      </c>
      <c r="L6971" t="s">
        <v>1923</v>
      </c>
      <c r="M6971">
        <v>67</v>
      </c>
      <c r="N6971" t="s">
        <v>654</v>
      </c>
      <c r="O6971">
        <v>3</v>
      </c>
      <c r="P6971" t="s">
        <v>655</v>
      </c>
      <c r="Q6971">
        <v>1</v>
      </c>
      <c r="R6971" t="s">
        <v>669</v>
      </c>
      <c r="S6971">
        <v>1</v>
      </c>
      <c r="T6971" t="s">
        <v>661</v>
      </c>
      <c r="U6971">
        <v>8</v>
      </c>
      <c r="V6971">
        <v>3</v>
      </c>
      <c r="W6971">
        <v>180</v>
      </c>
      <c r="X6971">
        <v>2020</v>
      </c>
    </row>
    <row r="6972" spans="1:24" x14ac:dyDescent="0.25">
      <c r="A6972">
        <v>421</v>
      </c>
      <c r="B6972" t="s">
        <v>213</v>
      </c>
      <c r="C6972">
        <v>15</v>
      </c>
      <c r="D6972" t="s">
        <v>426</v>
      </c>
      <c r="E6972">
        <v>98</v>
      </c>
      <c r="F6972" t="s">
        <v>651</v>
      </c>
      <c r="G6972">
        <v>160</v>
      </c>
      <c r="H6972" t="s">
        <v>741</v>
      </c>
      <c r="I6972">
        <v>1585</v>
      </c>
      <c r="J6972" t="s">
        <v>699</v>
      </c>
      <c r="K6972">
        <v>10</v>
      </c>
      <c r="L6972" t="s">
        <v>700</v>
      </c>
      <c r="M6972">
        <v>348</v>
      </c>
      <c r="N6972" t="s">
        <v>654</v>
      </c>
      <c r="O6972">
        <v>3</v>
      </c>
      <c r="P6972" t="s">
        <v>655</v>
      </c>
      <c r="Q6972">
        <v>1</v>
      </c>
      <c r="R6972" t="s">
        <v>669</v>
      </c>
      <c r="S6972">
        <v>1</v>
      </c>
      <c r="T6972" t="s">
        <v>1009</v>
      </c>
      <c r="U6972">
        <v>35</v>
      </c>
      <c r="V6972">
        <v>3</v>
      </c>
      <c r="W6972">
        <v>180</v>
      </c>
      <c r="X6972">
        <v>2020</v>
      </c>
    </row>
    <row r="6973" spans="1:24" x14ac:dyDescent="0.25">
      <c r="A6973">
        <v>418</v>
      </c>
      <c r="B6973" t="s">
        <v>213</v>
      </c>
      <c r="C6973">
        <v>15</v>
      </c>
      <c r="D6973" t="s">
        <v>477</v>
      </c>
      <c r="E6973">
        <v>97</v>
      </c>
      <c r="F6973" t="s">
        <v>651</v>
      </c>
      <c r="G6973">
        <v>160</v>
      </c>
      <c r="H6973" t="s">
        <v>741</v>
      </c>
      <c r="I6973">
        <v>1585</v>
      </c>
      <c r="J6973" t="s">
        <v>716</v>
      </c>
      <c r="K6973">
        <v>68</v>
      </c>
      <c r="L6973" t="s">
        <v>1915</v>
      </c>
      <c r="M6973">
        <v>294</v>
      </c>
      <c r="N6973" t="s">
        <v>654</v>
      </c>
      <c r="O6973">
        <v>3</v>
      </c>
      <c r="P6973" t="s">
        <v>655</v>
      </c>
      <c r="Q6973">
        <v>1</v>
      </c>
      <c r="R6973" t="s">
        <v>669</v>
      </c>
      <c r="S6973">
        <v>1</v>
      </c>
      <c r="T6973" t="s">
        <v>661</v>
      </c>
      <c r="U6973">
        <v>8</v>
      </c>
      <c r="V6973">
        <v>4</v>
      </c>
      <c r="W6973">
        <v>240</v>
      </c>
      <c r="X6973">
        <v>2020</v>
      </c>
    </row>
    <row r="6974" spans="1:24" x14ac:dyDescent="0.25">
      <c r="A6974">
        <v>416</v>
      </c>
      <c r="B6974" t="s">
        <v>213</v>
      </c>
      <c r="C6974">
        <v>15</v>
      </c>
      <c r="D6974" t="s">
        <v>477</v>
      </c>
      <c r="E6974">
        <v>97</v>
      </c>
      <c r="F6974" t="s">
        <v>651</v>
      </c>
      <c r="G6974">
        <v>160</v>
      </c>
      <c r="H6974" t="s">
        <v>741</v>
      </c>
      <c r="I6974">
        <v>1585</v>
      </c>
      <c r="J6974" t="s">
        <v>730</v>
      </c>
      <c r="K6974">
        <v>66</v>
      </c>
      <c r="L6974" t="s">
        <v>3926</v>
      </c>
      <c r="M6974">
        <v>280</v>
      </c>
      <c r="N6974" t="s">
        <v>654</v>
      </c>
      <c r="O6974">
        <v>3</v>
      </c>
      <c r="P6974" t="s">
        <v>655</v>
      </c>
      <c r="Q6974">
        <v>1</v>
      </c>
      <c r="R6974" t="s">
        <v>669</v>
      </c>
      <c r="S6974">
        <v>1</v>
      </c>
      <c r="T6974" t="s">
        <v>661</v>
      </c>
      <c r="U6974">
        <v>8</v>
      </c>
      <c r="V6974">
        <v>4</v>
      </c>
      <c r="W6974">
        <v>240</v>
      </c>
      <c r="X6974">
        <v>2020</v>
      </c>
    </row>
    <row r="6975" spans="1:24" x14ac:dyDescent="0.25">
      <c r="A6975">
        <v>415</v>
      </c>
      <c r="B6975" t="s">
        <v>213</v>
      </c>
      <c r="C6975">
        <v>15</v>
      </c>
      <c r="D6975" t="s">
        <v>477</v>
      </c>
      <c r="E6975">
        <v>97</v>
      </c>
      <c r="F6975" t="s">
        <v>651</v>
      </c>
      <c r="G6975">
        <v>160</v>
      </c>
      <c r="H6975" t="s">
        <v>741</v>
      </c>
      <c r="I6975">
        <v>1585</v>
      </c>
      <c r="J6975" t="s">
        <v>848</v>
      </c>
      <c r="K6975">
        <v>62</v>
      </c>
      <c r="L6975" t="s">
        <v>1924</v>
      </c>
      <c r="M6975">
        <v>263</v>
      </c>
      <c r="N6975" t="s">
        <v>654</v>
      </c>
      <c r="O6975">
        <v>3</v>
      </c>
      <c r="P6975" t="s">
        <v>655</v>
      </c>
      <c r="Q6975">
        <v>1</v>
      </c>
      <c r="R6975" t="s">
        <v>669</v>
      </c>
      <c r="S6975">
        <v>1</v>
      </c>
      <c r="T6975" t="s">
        <v>661</v>
      </c>
      <c r="U6975">
        <v>8</v>
      </c>
      <c r="V6975">
        <v>4</v>
      </c>
      <c r="W6975">
        <v>240</v>
      </c>
      <c r="X6975">
        <v>2020</v>
      </c>
    </row>
    <row r="6976" spans="1:24" x14ac:dyDescent="0.25">
      <c r="A6976">
        <v>414</v>
      </c>
      <c r="B6976" t="s">
        <v>213</v>
      </c>
      <c r="C6976">
        <v>15</v>
      </c>
      <c r="D6976" t="s">
        <v>477</v>
      </c>
      <c r="E6976">
        <v>97</v>
      </c>
      <c r="F6976" t="s">
        <v>651</v>
      </c>
      <c r="G6976">
        <v>160</v>
      </c>
      <c r="H6976" t="s">
        <v>741</v>
      </c>
      <c r="I6976">
        <v>1585</v>
      </c>
      <c r="J6976" t="s">
        <v>738</v>
      </c>
      <c r="K6976">
        <v>61</v>
      </c>
      <c r="L6976" t="s">
        <v>3938</v>
      </c>
      <c r="M6976">
        <v>256</v>
      </c>
      <c r="N6976" t="s">
        <v>654</v>
      </c>
      <c r="O6976">
        <v>3</v>
      </c>
      <c r="P6976" t="s">
        <v>655</v>
      </c>
      <c r="Q6976">
        <v>1</v>
      </c>
      <c r="R6976" t="s">
        <v>669</v>
      </c>
      <c r="S6976">
        <v>1</v>
      </c>
      <c r="T6976" t="s">
        <v>661</v>
      </c>
      <c r="U6976">
        <v>8</v>
      </c>
      <c r="V6976">
        <v>4</v>
      </c>
      <c r="W6976">
        <v>240</v>
      </c>
      <c r="X6976">
        <v>2020</v>
      </c>
    </row>
    <row r="6977" spans="1:24" x14ac:dyDescent="0.25">
      <c r="A6977">
        <v>413</v>
      </c>
      <c r="B6977" t="s">
        <v>213</v>
      </c>
      <c r="C6977">
        <v>15</v>
      </c>
      <c r="D6977" t="s">
        <v>477</v>
      </c>
      <c r="E6977">
        <v>97</v>
      </c>
      <c r="F6977" t="s">
        <v>651</v>
      </c>
      <c r="G6977">
        <v>160</v>
      </c>
      <c r="H6977" t="s">
        <v>741</v>
      </c>
      <c r="I6977">
        <v>1585</v>
      </c>
      <c r="J6977" t="s">
        <v>880</v>
      </c>
      <c r="K6977">
        <v>58</v>
      </c>
      <c r="L6977" t="s">
        <v>880</v>
      </c>
      <c r="M6977">
        <v>236</v>
      </c>
      <c r="N6977" t="s">
        <v>654</v>
      </c>
      <c r="O6977">
        <v>3</v>
      </c>
      <c r="P6977" t="s">
        <v>655</v>
      </c>
      <c r="Q6977">
        <v>1</v>
      </c>
      <c r="R6977" t="s">
        <v>669</v>
      </c>
      <c r="S6977">
        <v>1</v>
      </c>
      <c r="T6977" t="s">
        <v>661</v>
      </c>
      <c r="U6977">
        <v>8</v>
      </c>
      <c r="V6977">
        <v>4</v>
      </c>
      <c r="W6977">
        <v>240</v>
      </c>
      <c r="X6977">
        <v>2020</v>
      </c>
    </row>
    <row r="6978" spans="1:24" x14ac:dyDescent="0.25">
      <c r="A6978">
        <v>412</v>
      </c>
      <c r="B6978" t="s">
        <v>213</v>
      </c>
      <c r="C6978">
        <v>15</v>
      </c>
      <c r="D6978" t="s">
        <v>477</v>
      </c>
      <c r="E6978">
        <v>97</v>
      </c>
      <c r="F6978" t="s">
        <v>651</v>
      </c>
      <c r="G6978">
        <v>160</v>
      </c>
      <c r="H6978" t="s">
        <v>741</v>
      </c>
      <c r="I6978">
        <v>1585</v>
      </c>
      <c r="J6978" t="s">
        <v>693</v>
      </c>
      <c r="K6978">
        <v>56</v>
      </c>
      <c r="L6978" t="s">
        <v>1876</v>
      </c>
      <c r="M6978">
        <v>225</v>
      </c>
      <c r="N6978" t="s">
        <v>668</v>
      </c>
      <c r="O6978">
        <v>4</v>
      </c>
      <c r="P6978" t="s">
        <v>655</v>
      </c>
      <c r="Q6978">
        <v>1</v>
      </c>
      <c r="R6978" t="s">
        <v>669</v>
      </c>
      <c r="S6978">
        <v>1</v>
      </c>
      <c r="T6978" t="s">
        <v>661</v>
      </c>
      <c r="U6978">
        <v>8</v>
      </c>
      <c r="V6978">
        <v>4</v>
      </c>
      <c r="W6978">
        <v>240</v>
      </c>
      <c r="X6978">
        <v>2020</v>
      </c>
    </row>
    <row r="6979" spans="1:24" x14ac:dyDescent="0.25">
      <c r="A6979">
        <v>411</v>
      </c>
      <c r="B6979" t="s">
        <v>213</v>
      </c>
      <c r="C6979">
        <v>15</v>
      </c>
      <c r="D6979" t="s">
        <v>477</v>
      </c>
      <c r="E6979">
        <v>97</v>
      </c>
      <c r="F6979" t="s">
        <v>651</v>
      </c>
      <c r="G6979">
        <v>160</v>
      </c>
      <c r="H6979" t="s">
        <v>741</v>
      </c>
      <c r="I6979">
        <v>1585</v>
      </c>
      <c r="J6979" t="s">
        <v>693</v>
      </c>
      <c r="K6979">
        <v>56</v>
      </c>
      <c r="L6979" t="s">
        <v>3125</v>
      </c>
      <c r="M6979">
        <v>224</v>
      </c>
      <c r="N6979" t="s">
        <v>654</v>
      </c>
      <c r="O6979">
        <v>3</v>
      </c>
      <c r="P6979" t="s">
        <v>655</v>
      </c>
      <c r="Q6979">
        <v>1</v>
      </c>
      <c r="R6979" t="s">
        <v>669</v>
      </c>
      <c r="S6979">
        <v>1</v>
      </c>
      <c r="T6979" t="s">
        <v>661</v>
      </c>
      <c r="U6979">
        <v>8</v>
      </c>
      <c r="V6979">
        <v>4</v>
      </c>
      <c r="W6979">
        <v>240</v>
      </c>
      <c r="X6979">
        <v>2020</v>
      </c>
    </row>
    <row r="6980" spans="1:24" x14ac:dyDescent="0.25">
      <c r="A6980">
        <v>410</v>
      </c>
      <c r="B6980" t="s">
        <v>213</v>
      </c>
      <c r="C6980">
        <v>15</v>
      </c>
      <c r="D6980" t="s">
        <v>477</v>
      </c>
      <c r="E6980">
        <v>97</v>
      </c>
      <c r="F6980" t="s">
        <v>651</v>
      </c>
      <c r="G6980">
        <v>160</v>
      </c>
      <c r="H6980" t="s">
        <v>741</v>
      </c>
      <c r="I6980">
        <v>1585</v>
      </c>
      <c r="J6980" t="s">
        <v>693</v>
      </c>
      <c r="K6980">
        <v>56</v>
      </c>
      <c r="L6980" t="s">
        <v>3669</v>
      </c>
      <c r="M6980">
        <v>221</v>
      </c>
      <c r="N6980" t="s">
        <v>654</v>
      </c>
      <c r="O6980">
        <v>3</v>
      </c>
      <c r="P6980" t="s">
        <v>655</v>
      </c>
      <c r="Q6980">
        <v>1</v>
      </c>
      <c r="R6980" t="s">
        <v>669</v>
      </c>
      <c r="S6980">
        <v>1</v>
      </c>
      <c r="T6980" t="s">
        <v>661</v>
      </c>
      <c r="U6980">
        <v>8</v>
      </c>
      <c r="V6980">
        <v>4</v>
      </c>
      <c r="W6980">
        <v>240</v>
      </c>
      <c r="X6980">
        <v>2020</v>
      </c>
    </row>
    <row r="6981" spans="1:24" x14ac:dyDescent="0.25">
      <c r="A6981">
        <v>409</v>
      </c>
      <c r="B6981" t="s">
        <v>213</v>
      </c>
      <c r="C6981">
        <v>15</v>
      </c>
      <c r="D6981" t="s">
        <v>477</v>
      </c>
      <c r="E6981">
        <v>97</v>
      </c>
      <c r="F6981" t="s">
        <v>651</v>
      </c>
      <c r="G6981">
        <v>160</v>
      </c>
      <c r="H6981" t="s">
        <v>741</v>
      </c>
      <c r="I6981">
        <v>1585</v>
      </c>
      <c r="J6981" t="s">
        <v>695</v>
      </c>
      <c r="K6981">
        <v>54</v>
      </c>
      <c r="L6981" t="s">
        <v>3787</v>
      </c>
      <c r="M6981">
        <v>214</v>
      </c>
      <c r="N6981" t="s">
        <v>654</v>
      </c>
      <c r="O6981">
        <v>3</v>
      </c>
      <c r="P6981" t="s">
        <v>655</v>
      </c>
      <c r="Q6981">
        <v>1</v>
      </c>
      <c r="R6981" t="s">
        <v>669</v>
      </c>
      <c r="S6981">
        <v>1</v>
      </c>
      <c r="T6981" t="s">
        <v>661</v>
      </c>
      <c r="U6981">
        <v>8</v>
      </c>
      <c r="V6981">
        <v>4</v>
      </c>
      <c r="W6981">
        <v>240</v>
      </c>
      <c r="X6981">
        <v>2020</v>
      </c>
    </row>
    <row r="6982" spans="1:24" x14ac:dyDescent="0.25">
      <c r="A6982">
        <v>407</v>
      </c>
      <c r="B6982" t="s">
        <v>213</v>
      </c>
      <c r="C6982">
        <v>15</v>
      </c>
      <c r="D6982" t="s">
        <v>477</v>
      </c>
      <c r="E6982">
        <v>97</v>
      </c>
      <c r="F6982" t="s">
        <v>651</v>
      </c>
      <c r="G6982">
        <v>160</v>
      </c>
      <c r="H6982" t="s">
        <v>741</v>
      </c>
      <c r="I6982">
        <v>1585</v>
      </c>
      <c r="J6982" t="s">
        <v>742</v>
      </c>
      <c r="K6982">
        <v>48</v>
      </c>
      <c r="L6982" t="s">
        <v>3980</v>
      </c>
      <c r="M6982">
        <v>173</v>
      </c>
      <c r="N6982" t="s">
        <v>654</v>
      </c>
      <c r="O6982">
        <v>3</v>
      </c>
      <c r="P6982" t="s">
        <v>655</v>
      </c>
      <c r="Q6982">
        <v>1</v>
      </c>
      <c r="R6982" t="s">
        <v>669</v>
      </c>
      <c r="S6982">
        <v>1</v>
      </c>
      <c r="T6982" t="s">
        <v>661</v>
      </c>
      <c r="U6982">
        <v>8</v>
      </c>
      <c r="V6982">
        <v>4</v>
      </c>
      <c r="W6982">
        <v>240</v>
      </c>
      <c r="X6982">
        <v>2020</v>
      </c>
    </row>
    <row r="6983" spans="1:24" x14ac:dyDescent="0.25">
      <c r="A6983">
        <v>406</v>
      </c>
      <c r="B6983" t="s">
        <v>213</v>
      </c>
      <c r="C6983">
        <v>15</v>
      </c>
      <c r="D6983" t="s">
        <v>477</v>
      </c>
      <c r="E6983">
        <v>97</v>
      </c>
      <c r="F6983" t="s">
        <v>651</v>
      </c>
      <c r="G6983">
        <v>160</v>
      </c>
      <c r="H6983" t="s">
        <v>741</v>
      </c>
      <c r="I6983">
        <v>1585</v>
      </c>
      <c r="J6983" t="s">
        <v>767</v>
      </c>
      <c r="K6983">
        <v>44</v>
      </c>
      <c r="L6983" t="s">
        <v>2347</v>
      </c>
      <c r="M6983">
        <v>153</v>
      </c>
      <c r="N6983" t="s">
        <v>654</v>
      </c>
      <c r="O6983">
        <v>3</v>
      </c>
      <c r="P6983" t="s">
        <v>655</v>
      </c>
      <c r="Q6983">
        <v>1</v>
      </c>
      <c r="R6983" t="s">
        <v>669</v>
      </c>
      <c r="S6983">
        <v>1</v>
      </c>
      <c r="T6983" t="s">
        <v>661</v>
      </c>
      <c r="U6983">
        <v>8</v>
      </c>
      <c r="V6983">
        <v>4</v>
      </c>
      <c r="W6983">
        <v>240</v>
      </c>
      <c r="X6983">
        <v>2020</v>
      </c>
    </row>
    <row r="6984" spans="1:24" x14ac:dyDescent="0.25">
      <c r="A6984">
        <v>405</v>
      </c>
      <c r="B6984" t="s">
        <v>20</v>
      </c>
      <c r="C6984">
        <v>14</v>
      </c>
      <c r="D6984" t="s">
        <v>576</v>
      </c>
      <c r="E6984">
        <v>96</v>
      </c>
      <c r="F6984" t="s">
        <v>651</v>
      </c>
      <c r="G6984">
        <v>160</v>
      </c>
      <c r="H6984" t="s">
        <v>681</v>
      </c>
      <c r="I6984">
        <v>717</v>
      </c>
      <c r="J6984" t="s">
        <v>659</v>
      </c>
      <c r="K6984">
        <v>35</v>
      </c>
      <c r="L6984" t="s">
        <v>3790</v>
      </c>
      <c r="M6984">
        <v>121</v>
      </c>
      <c r="N6984" t="s">
        <v>654</v>
      </c>
      <c r="O6984">
        <v>3</v>
      </c>
      <c r="P6984" t="s">
        <v>655</v>
      </c>
      <c r="Q6984">
        <v>1</v>
      </c>
      <c r="R6984" t="s">
        <v>669</v>
      </c>
      <c r="S6984">
        <v>1</v>
      </c>
      <c r="T6984" t="s">
        <v>661</v>
      </c>
      <c r="U6984">
        <v>8</v>
      </c>
      <c r="V6984">
        <v>3</v>
      </c>
      <c r="W6984">
        <v>180</v>
      </c>
      <c r="X6984">
        <v>2020</v>
      </c>
    </row>
    <row r="6985" spans="1:24" x14ac:dyDescent="0.25">
      <c r="A6985">
        <v>404</v>
      </c>
      <c r="B6985" t="s">
        <v>20</v>
      </c>
      <c r="C6985">
        <v>14</v>
      </c>
      <c r="D6985" t="s">
        <v>576</v>
      </c>
      <c r="E6985">
        <v>96</v>
      </c>
      <c r="F6985" t="s">
        <v>651</v>
      </c>
      <c r="G6985">
        <v>160</v>
      </c>
      <c r="H6985" t="s">
        <v>681</v>
      </c>
      <c r="I6985">
        <v>717</v>
      </c>
      <c r="J6985" t="s">
        <v>659</v>
      </c>
      <c r="K6985">
        <v>35</v>
      </c>
      <c r="L6985" t="s">
        <v>2610</v>
      </c>
      <c r="M6985">
        <v>114</v>
      </c>
      <c r="N6985" t="s">
        <v>654</v>
      </c>
      <c r="O6985">
        <v>3</v>
      </c>
      <c r="P6985" t="s">
        <v>655</v>
      </c>
      <c r="Q6985">
        <v>1</v>
      </c>
      <c r="R6985" t="s">
        <v>669</v>
      </c>
      <c r="S6985">
        <v>1</v>
      </c>
      <c r="T6985" t="s">
        <v>661</v>
      </c>
      <c r="U6985">
        <v>8</v>
      </c>
      <c r="V6985">
        <v>3</v>
      </c>
      <c r="W6985">
        <v>180</v>
      </c>
      <c r="X6985">
        <v>2020</v>
      </c>
    </row>
    <row r="6986" spans="1:24" x14ac:dyDescent="0.25">
      <c r="A6986">
        <v>403</v>
      </c>
      <c r="B6986" t="s">
        <v>20</v>
      </c>
      <c r="C6986">
        <v>14</v>
      </c>
      <c r="D6986" t="s">
        <v>402</v>
      </c>
      <c r="E6986">
        <v>95</v>
      </c>
      <c r="F6986" t="s">
        <v>651</v>
      </c>
      <c r="G6986">
        <v>160</v>
      </c>
      <c r="H6986" t="s">
        <v>681</v>
      </c>
      <c r="I6986">
        <v>717</v>
      </c>
      <c r="J6986" t="s">
        <v>1088</v>
      </c>
      <c r="K6986">
        <v>38</v>
      </c>
      <c r="L6986" t="s">
        <v>1089</v>
      </c>
      <c r="M6986">
        <v>135</v>
      </c>
      <c r="N6986" t="s">
        <v>654</v>
      </c>
      <c r="O6986">
        <v>3</v>
      </c>
      <c r="P6986" t="s">
        <v>655</v>
      </c>
      <c r="Q6986">
        <v>1</v>
      </c>
      <c r="R6986" t="s">
        <v>669</v>
      </c>
      <c r="S6986">
        <v>1</v>
      </c>
      <c r="T6986" t="s">
        <v>661</v>
      </c>
      <c r="U6986">
        <v>8</v>
      </c>
      <c r="V6986">
        <v>3</v>
      </c>
      <c r="W6986">
        <v>180</v>
      </c>
      <c r="X6986">
        <v>2020</v>
      </c>
    </row>
    <row r="6987" spans="1:24" x14ac:dyDescent="0.25">
      <c r="A6987">
        <v>402</v>
      </c>
      <c r="B6987" t="s">
        <v>20</v>
      </c>
      <c r="C6987">
        <v>14</v>
      </c>
      <c r="D6987" t="s">
        <v>577</v>
      </c>
      <c r="E6987">
        <v>94</v>
      </c>
      <c r="F6987" t="s">
        <v>651</v>
      </c>
      <c r="G6987">
        <v>160</v>
      </c>
      <c r="H6987" t="s">
        <v>681</v>
      </c>
      <c r="I6987">
        <v>717</v>
      </c>
      <c r="J6987" t="s">
        <v>868</v>
      </c>
      <c r="K6987">
        <v>23</v>
      </c>
      <c r="L6987" t="s">
        <v>868</v>
      </c>
      <c r="M6987">
        <v>73</v>
      </c>
      <c r="N6987" t="s">
        <v>654</v>
      </c>
      <c r="O6987">
        <v>3</v>
      </c>
      <c r="P6987" t="s">
        <v>655</v>
      </c>
      <c r="Q6987">
        <v>1</v>
      </c>
      <c r="R6987" t="s">
        <v>669</v>
      </c>
      <c r="S6987">
        <v>1</v>
      </c>
      <c r="T6987" t="s">
        <v>661</v>
      </c>
      <c r="U6987">
        <v>8</v>
      </c>
      <c r="V6987">
        <v>3</v>
      </c>
      <c r="W6987">
        <v>180</v>
      </c>
      <c r="X6987">
        <v>2020</v>
      </c>
    </row>
    <row r="6988" spans="1:24" x14ac:dyDescent="0.25">
      <c r="A6988">
        <v>401</v>
      </c>
      <c r="B6988" t="s">
        <v>20</v>
      </c>
      <c r="C6988">
        <v>14</v>
      </c>
      <c r="D6988" t="s">
        <v>577</v>
      </c>
      <c r="E6988">
        <v>94</v>
      </c>
      <c r="F6988" t="s">
        <v>651</v>
      </c>
      <c r="G6988">
        <v>160</v>
      </c>
      <c r="H6988" t="s">
        <v>681</v>
      </c>
      <c r="I6988">
        <v>717</v>
      </c>
      <c r="J6988" t="s">
        <v>684</v>
      </c>
      <c r="K6988">
        <v>22</v>
      </c>
      <c r="L6988" t="s">
        <v>685</v>
      </c>
      <c r="M6988">
        <v>72</v>
      </c>
      <c r="N6988" t="s">
        <v>654</v>
      </c>
      <c r="O6988">
        <v>3</v>
      </c>
      <c r="P6988" t="s">
        <v>655</v>
      </c>
      <c r="Q6988">
        <v>1</v>
      </c>
      <c r="R6988" t="s">
        <v>669</v>
      </c>
      <c r="S6988">
        <v>1</v>
      </c>
      <c r="T6988" t="s">
        <v>661</v>
      </c>
      <c r="U6988">
        <v>8</v>
      </c>
      <c r="V6988">
        <v>3</v>
      </c>
      <c r="W6988">
        <v>180</v>
      </c>
      <c r="X6988">
        <v>2020</v>
      </c>
    </row>
    <row r="6989" spans="1:24" x14ac:dyDescent="0.25">
      <c r="A6989">
        <v>400</v>
      </c>
      <c r="B6989" t="s">
        <v>20</v>
      </c>
      <c r="C6989">
        <v>14</v>
      </c>
      <c r="D6989" t="s">
        <v>577</v>
      </c>
      <c r="E6989">
        <v>94</v>
      </c>
      <c r="F6989" t="s">
        <v>651</v>
      </c>
      <c r="G6989">
        <v>160</v>
      </c>
      <c r="H6989" t="s">
        <v>681</v>
      </c>
      <c r="I6989">
        <v>717</v>
      </c>
      <c r="J6989" t="s">
        <v>684</v>
      </c>
      <c r="K6989">
        <v>22</v>
      </c>
      <c r="L6989" t="s">
        <v>3802</v>
      </c>
      <c r="M6989">
        <v>71</v>
      </c>
      <c r="N6989" t="s">
        <v>654</v>
      </c>
      <c r="O6989">
        <v>3</v>
      </c>
      <c r="P6989" t="s">
        <v>655</v>
      </c>
      <c r="Q6989">
        <v>1</v>
      </c>
      <c r="R6989" t="s">
        <v>669</v>
      </c>
      <c r="S6989">
        <v>1</v>
      </c>
      <c r="T6989" t="s">
        <v>661</v>
      </c>
      <c r="U6989">
        <v>8</v>
      </c>
      <c r="V6989">
        <v>3</v>
      </c>
      <c r="W6989">
        <v>180</v>
      </c>
      <c r="X6989">
        <v>2020</v>
      </c>
    </row>
    <row r="6990" spans="1:24" x14ac:dyDescent="0.25">
      <c r="A6990">
        <v>399</v>
      </c>
      <c r="B6990" t="s">
        <v>20</v>
      </c>
      <c r="C6990">
        <v>14</v>
      </c>
      <c r="D6990" t="s">
        <v>577</v>
      </c>
      <c r="E6990">
        <v>94</v>
      </c>
      <c r="F6990" t="s">
        <v>651</v>
      </c>
      <c r="G6990">
        <v>160</v>
      </c>
      <c r="H6990" t="s">
        <v>681</v>
      </c>
      <c r="I6990">
        <v>717</v>
      </c>
      <c r="J6990" t="s">
        <v>1011</v>
      </c>
      <c r="K6990">
        <v>17</v>
      </c>
      <c r="L6990" t="s">
        <v>1011</v>
      </c>
      <c r="M6990">
        <v>57</v>
      </c>
      <c r="N6990" t="s">
        <v>654</v>
      </c>
      <c r="O6990">
        <v>3</v>
      </c>
      <c r="P6990" t="s">
        <v>655</v>
      </c>
      <c r="Q6990">
        <v>1</v>
      </c>
      <c r="R6990" t="s">
        <v>669</v>
      </c>
      <c r="S6990">
        <v>1</v>
      </c>
      <c r="T6990" t="s">
        <v>661</v>
      </c>
      <c r="U6990">
        <v>8</v>
      </c>
      <c r="V6990">
        <v>3</v>
      </c>
      <c r="W6990">
        <v>180</v>
      </c>
      <c r="X6990">
        <v>2020</v>
      </c>
    </row>
    <row r="6991" spans="1:24" x14ac:dyDescent="0.25">
      <c r="A6991">
        <v>397</v>
      </c>
      <c r="B6991" t="s">
        <v>20</v>
      </c>
      <c r="C6991">
        <v>14</v>
      </c>
      <c r="D6991" t="s">
        <v>578</v>
      </c>
      <c r="E6991">
        <v>93</v>
      </c>
      <c r="F6991" t="s">
        <v>651</v>
      </c>
      <c r="G6991">
        <v>160</v>
      </c>
      <c r="H6991" t="s">
        <v>681</v>
      </c>
      <c r="I6991">
        <v>717</v>
      </c>
      <c r="J6991" t="s">
        <v>676</v>
      </c>
      <c r="K6991">
        <v>4</v>
      </c>
      <c r="L6991" t="s">
        <v>676</v>
      </c>
      <c r="M6991">
        <v>12</v>
      </c>
      <c r="N6991" t="s">
        <v>654</v>
      </c>
      <c r="O6991">
        <v>3</v>
      </c>
      <c r="P6991" t="s">
        <v>655</v>
      </c>
      <c r="Q6991">
        <v>1</v>
      </c>
      <c r="R6991" t="s">
        <v>669</v>
      </c>
      <c r="S6991">
        <v>1</v>
      </c>
      <c r="T6991" t="s">
        <v>661</v>
      </c>
      <c r="U6991">
        <v>8</v>
      </c>
      <c r="V6991">
        <v>3</v>
      </c>
      <c r="W6991">
        <v>180</v>
      </c>
      <c r="X6991">
        <v>2020</v>
      </c>
    </row>
    <row r="6992" spans="1:24" x14ac:dyDescent="0.25">
      <c r="A6992">
        <v>396</v>
      </c>
      <c r="B6992" t="s">
        <v>20</v>
      </c>
      <c r="C6992">
        <v>14</v>
      </c>
      <c r="D6992" t="s">
        <v>578</v>
      </c>
      <c r="E6992">
        <v>93</v>
      </c>
      <c r="F6992" t="s">
        <v>651</v>
      </c>
      <c r="G6992">
        <v>160</v>
      </c>
      <c r="H6992" t="s">
        <v>681</v>
      </c>
      <c r="I6992">
        <v>717</v>
      </c>
      <c r="J6992" t="s">
        <v>885</v>
      </c>
      <c r="K6992">
        <v>1</v>
      </c>
      <c r="L6992" t="s">
        <v>1543</v>
      </c>
      <c r="M6992">
        <v>3</v>
      </c>
      <c r="N6992" t="s">
        <v>654</v>
      </c>
      <c r="O6992">
        <v>3</v>
      </c>
      <c r="P6992" t="s">
        <v>655</v>
      </c>
      <c r="Q6992">
        <v>1</v>
      </c>
      <c r="R6992" t="s">
        <v>669</v>
      </c>
      <c r="S6992">
        <v>1</v>
      </c>
      <c r="T6992" t="s">
        <v>661</v>
      </c>
      <c r="U6992">
        <v>8</v>
      </c>
      <c r="V6992">
        <v>3</v>
      </c>
      <c r="W6992">
        <v>180</v>
      </c>
      <c r="X6992">
        <v>2020</v>
      </c>
    </row>
    <row r="6993" spans="1:24" x14ac:dyDescent="0.25">
      <c r="A6993">
        <v>393</v>
      </c>
      <c r="B6993" t="s">
        <v>20</v>
      </c>
      <c r="C6993">
        <v>14</v>
      </c>
      <c r="D6993" t="s">
        <v>579</v>
      </c>
      <c r="E6993">
        <v>92</v>
      </c>
      <c r="F6993" t="s">
        <v>651</v>
      </c>
      <c r="G6993">
        <v>160</v>
      </c>
      <c r="H6993" t="s">
        <v>681</v>
      </c>
      <c r="I6993">
        <v>717</v>
      </c>
      <c r="J6993" t="s">
        <v>864</v>
      </c>
      <c r="K6993">
        <v>14</v>
      </c>
      <c r="L6993" t="s">
        <v>1257</v>
      </c>
      <c r="M6993">
        <v>354</v>
      </c>
      <c r="N6993" t="s">
        <v>654</v>
      </c>
      <c r="O6993">
        <v>3</v>
      </c>
      <c r="P6993" t="s">
        <v>655</v>
      </c>
      <c r="Q6993">
        <v>1</v>
      </c>
      <c r="R6993" t="s">
        <v>669</v>
      </c>
      <c r="S6993">
        <v>1</v>
      </c>
      <c r="T6993" t="s">
        <v>661</v>
      </c>
      <c r="U6993">
        <v>8</v>
      </c>
      <c r="V6993">
        <v>4</v>
      </c>
      <c r="W6993">
        <v>240</v>
      </c>
      <c r="X6993">
        <v>2020</v>
      </c>
    </row>
    <row r="6994" spans="1:24" x14ac:dyDescent="0.25">
      <c r="A6994">
        <v>390</v>
      </c>
      <c r="B6994" t="s">
        <v>20</v>
      </c>
      <c r="C6994">
        <v>14</v>
      </c>
      <c r="D6994" t="s">
        <v>316</v>
      </c>
      <c r="E6994">
        <v>91</v>
      </c>
      <c r="F6994" t="s">
        <v>651</v>
      </c>
      <c r="G6994">
        <v>160</v>
      </c>
      <c r="H6994" t="s">
        <v>681</v>
      </c>
      <c r="I6994">
        <v>717</v>
      </c>
      <c r="J6994" t="s">
        <v>295</v>
      </c>
      <c r="K6994">
        <v>30</v>
      </c>
      <c r="L6994" t="s">
        <v>295</v>
      </c>
      <c r="M6994">
        <v>96</v>
      </c>
      <c r="N6994" t="s">
        <v>654</v>
      </c>
      <c r="O6994">
        <v>3</v>
      </c>
      <c r="P6994" t="s">
        <v>655</v>
      </c>
      <c r="Q6994">
        <v>1</v>
      </c>
      <c r="R6994" t="s">
        <v>669</v>
      </c>
      <c r="S6994">
        <v>1</v>
      </c>
      <c r="T6994" t="s">
        <v>661</v>
      </c>
      <c r="U6994">
        <v>8</v>
      </c>
      <c r="V6994">
        <v>3</v>
      </c>
      <c r="W6994">
        <v>180</v>
      </c>
      <c r="X6994">
        <v>2020</v>
      </c>
    </row>
    <row r="6995" spans="1:24" x14ac:dyDescent="0.25">
      <c r="A6995">
        <v>388</v>
      </c>
      <c r="B6995" t="s">
        <v>20</v>
      </c>
      <c r="C6995">
        <v>14</v>
      </c>
      <c r="D6995" t="s">
        <v>316</v>
      </c>
      <c r="E6995">
        <v>91</v>
      </c>
      <c r="F6995" t="s">
        <v>651</v>
      </c>
      <c r="G6995">
        <v>160</v>
      </c>
      <c r="H6995" t="s">
        <v>681</v>
      </c>
      <c r="I6995">
        <v>717</v>
      </c>
      <c r="J6995" t="s">
        <v>299</v>
      </c>
      <c r="K6995">
        <v>27</v>
      </c>
      <c r="L6995" t="s">
        <v>690</v>
      </c>
      <c r="M6995">
        <v>89</v>
      </c>
      <c r="N6995" t="s">
        <v>654</v>
      </c>
      <c r="O6995">
        <v>3</v>
      </c>
      <c r="P6995" t="s">
        <v>655</v>
      </c>
      <c r="Q6995">
        <v>1</v>
      </c>
      <c r="R6995" t="s">
        <v>669</v>
      </c>
      <c r="S6995">
        <v>1</v>
      </c>
      <c r="T6995" t="s">
        <v>661</v>
      </c>
      <c r="U6995">
        <v>8</v>
      </c>
      <c r="V6995">
        <v>3</v>
      </c>
      <c r="W6995">
        <v>180</v>
      </c>
      <c r="X6995">
        <v>2020</v>
      </c>
    </row>
    <row r="6996" spans="1:24" x14ac:dyDescent="0.25">
      <c r="A6996">
        <v>386</v>
      </c>
      <c r="B6996" t="s">
        <v>20</v>
      </c>
      <c r="C6996">
        <v>14</v>
      </c>
      <c r="D6996" t="s">
        <v>316</v>
      </c>
      <c r="E6996">
        <v>91</v>
      </c>
      <c r="F6996" t="s">
        <v>651</v>
      </c>
      <c r="G6996">
        <v>160</v>
      </c>
      <c r="H6996" t="s">
        <v>681</v>
      </c>
      <c r="I6996">
        <v>717</v>
      </c>
      <c r="J6996" t="s">
        <v>301</v>
      </c>
      <c r="K6996">
        <v>26</v>
      </c>
      <c r="L6996" t="s">
        <v>930</v>
      </c>
      <c r="M6996">
        <v>84</v>
      </c>
      <c r="N6996" t="s">
        <v>654</v>
      </c>
      <c r="O6996">
        <v>3</v>
      </c>
      <c r="P6996" t="s">
        <v>655</v>
      </c>
      <c r="Q6996">
        <v>1</v>
      </c>
      <c r="R6996" t="s">
        <v>669</v>
      </c>
      <c r="S6996">
        <v>1</v>
      </c>
      <c r="T6996" t="s">
        <v>661</v>
      </c>
      <c r="U6996">
        <v>8</v>
      </c>
      <c r="V6996">
        <v>3</v>
      </c>
      <c r="W6996">
        <v>180</v>
      </c>
      <c r="X6996">
        <v>2020</v>
      </c>
    </row>
    <row r="6997" spans="1:24" x14ac:dyDescent="0.25">
      <c r="A6997">
        <v>384</v>
      </c>
      <c r="B6997" t="s">
        <v>20</v>
      </c>
      <c r="C6997">
        <v>14</v>
      </c>
      <c r="D6997" t="s">
        <v>316</v>
      </c>
      <c r="E6997">
        <v>91</v>
      </c>
      <c r="F6997" t="s">
        <v>651</v>
      </c>
      <c r="G6997">
        <v>160</v>
      </c>
      <c r="H6997" t="s">
        <v>681</v>
      </c>
      <c r="I6997">
        <v>717</v>
      </c>
      <c r="J6997" t="s">
        <v>807</v>
      </c>
      <c r="K6997">
        <v>25</v>
      </c>
      <c r="L6997" t="s">
        <v>1603</v>
      </c>
      <c r="M6997">
        <v>81</v>
      </c>
      <c r="N6997" t="s">
        <v>654</v>
      </c>
      <c r="O6997">
        <v>3</v>
      </c>
      <c r="P6997" t="s">
        <v>655</v>
      </c>
      <c r="Q6997">
        <v>1</v>
      </c>
      <c r="R6997" t="s">
        <v>669</v>
      </c>
      <c r="S6997">
        <v>1</v>
      </c>
      <c r="T6997" t="s">
        <v>661</v>
      </c>
      <c r="U6997">
        <v>8</v>
      </c>
      <c r="V6997">
        <v>3</v>
      </c>
      <c r="W6997">
        <v>180</v>
      </c>
      <c r="X6997">
        <v>2020</v>
      </c>
    </row>
    <row r="6998" spans="1:24" x14ac:dyDescent="0.25">
      <c r="A6998">
        <v>383</v>
      </c>
      <c r="B6998" t="s">
        <v>20</v>
      </c>
      <c r="C6998">
        <v>14</v>
      </c>
      <c r="D6998" t="s">
        <v>580</v>
      </c>
      <c r="E6998">
        <v>90</v>
      </c>
      <c r="F6998" t="s">
        <v>651</v>
      </c>
      <c r="G6998">
        <v>160</v>
      </c>
      <c r="H6998" t="s">
        <v>681</v>
      </c>
      <c r="I6998">
        <v>717</v>
      </c>
      <c r="J6998" t="s">
        <v>691</v>
      </c>
      <c r="K6998">
        <v>21</v>
      </c>
      <c r="L6998" t="s">
        <v>1609</v>
      </c>
      <c r="M6998">
        <v>66</v>
      </c>
      <c r="N6998" t="s">
        <v>654</v>
      </c>
      <c r="O6998">
        <v>3</v>
      </c>
      <c r="P6998" t="s">
        <v>655</v>
      </c>
      <c r="Q6998">
        <v>1</v>
      </c>
      <c r="R6998" t="s">
        <v>669</v>
      </c>
      <c r="S6998">
        <v>1</v>
      </c>
      <c r="T6998" t="s">
        <v>661</v>
      </c>
      <c r="U6998">
        <v>8</v>
      </c>
      <c r="V6998">
        <v>3</v>
      </c>
      <c r="W6998">
        <v>180</v>
      </c>
      <c r="X6998">
        <v>2020</v>
      </c>
    </row>
    <row r="6999" spans="1:24" x14ac:dyDescent="0.25">
      <c r="A6999">
        <v>381</v>
      </c>
      <c r="B6999" t="s">
        <v>20</v>
      </c>
      <c r="C6999">
        <v>14</v>
      </c>
      <c r="D6999" t="s">
        <v>580</v>
      </c>
      <c r="E6999">
        <v>90</v>
      </c>
      <c r="F6999" t="s">
        <v>651</v>
      </c>
      <c r="G6999">
        <v>160</v>
      </c>
      <c r="H6999" t="s">
        <v>681</v>
      </c>
      <c r="I6999">
        <v>717</v>
      </c>
      <c r="J6999" t="s">
        <v>682</v>
      </c>
      <c r="K6999">
        <v>20</v>
      </c>
      <c r="L6999" t="s">
        <v>904</v>
      </c>
      <c r="M6999">
        <v>61</v>
      </c>
      <c r="N6999" t="s">
        <v>654</v>
      </c>
      <c r="O6999">
        <v>3</v>
      </c>
      <c r="P6999" t="s">
        <v>655</v>
      </c>
      <c r="Q6999">
        <v>1</v>
      </c>
      <c r="R6999" t="s">
        <v>669</v>
      </c>
      <c r="S6999">
        <v>1</v>
      </c>
      <c r="T6999" t="s">
        <v>661</v>
      </c>
      <c r="U6999">
        <v>8</v>
      </c>
      <c r="V6999">
        <v>3</v>
      </c>
      <c r="W6999">
        <v>180</v>
      </c>
      <c r="X6999">
        <v>2020</v>
      </c>
    </row>
    <row r="7000" spans="1:24" x14ac:dyDescent="0.25">
      <c r="A7000">
        <v>380</v>
      </c>
      <c r="B7000" t="s">
        <v>20</v>
      </c>
      <c r="C7000">
        <v>14</v>
      </c>
      <c r="D7000" t="s">
        <v>580</v>
      </c>
      <c r="E7000">
        <v>90</v>
      </c>
      <c r="F7000" t="s">
        <v>651</v>
      </c>
      <c r="G7000">
        <v>160</v>
      </c>
      <c r="H7000" t="s">
        <v>681</v>
      </c>
      <c r="I7000">
        <v>717</v>
      </c>
      <c r="J7000" t="s">
        <v>864</v>
      </c>
      <c r="K7000">
        <v>14</v>
      </c>
      <c r="L7000" t="s">
        <v>4007</v>
      </c>
      <c r="M7000">
        <v>368</v>
      </c>
      <c r="N7000" t="s">
        <v>654</v>
      </c>
      <c r="O7000">
        <v>3</v>
      </c>
      <c r="P7000" t="s">
        <v>655</v>
      </c>
      <c r="Q7000">
        <v>1</v>
      </c>
      <c r="R7000" t="s">
        <v>669</v>
      </c>
      <c r="S7000">
        <v>1</v>
      </c>
      <c r="T7000" t="s">
        <v>661</v>
      </c>
      <c r="U7000">
        <v>8</v>
      </c>
      <c r="V7000">
        <v>3</v>
      </c>
      <c r="W7000">
        <v>180</v>
      </c>
      <c r="X7000">
        <v>2020</v>
      </c>
    </row>
    <row r="7001" spans="1:24" x14ac:dyDescent="0.25">
      <c r="A7001">
        <v>378</v>
      </c>
      <c r="B7001" t="s">
        <v>20</v>
      </c>
      <c r="C7001">
        <v>14</v>
      </c>
      <c r="D7001" t="s">
        <v>580</v>
      </c>
      <c r="E7001">
        <v>90</v>
      </c>
      <c r="F7001" t="s">
        <v>651</v>
      </c>
      <c r="G7001">
        <v>160</v>
      </c>
      <c r="H7001" t="s">
        <v>681</v>
      </c>
      <c r="I7001">
        <v>717</v>
      </c>
      <c r="J7001" t="s">
        <v>699</v>
      </c>
      <c r="K7001">
        <v>10</v>
      </c>
      <c r="L7001" t="s">
        <v>1096</v>
      </c>
      <c r="M7001">
        <v>341</v>
      </c>
      <c r="N7001" t="s">
        <v>654</v>
      </c>
      <c r="O7001">
        <v>3</v>
      </c>
      <c r="P7001" t="s">
        <v>655</v>
      </c>
      <c r="Q7001">
        <v>1</v>
      </c>
      <c r="R7001" t="s">
        <v>669</v>
      </c>
      <c r="S7001">
        <v>1</v>
      </c>
      <c r="T7001" t="s">
        <v>1295</v>
      </c>
      <c r="U7001">
        <v>10</v>
      </c>
      <c r="V7001">
        <v>3</v>
      </c>
      <c r="W7001">
        <v>180</v>
      </c>
      <c r="X7001">
        <v>2020</v>
      </c>
    </row>
    <row r="7002" spans="1:24" x14ac:dyDescent="0.25">
      <c r="A7002">
        <v>377</v>
      </c>
      <c r="B7002" t="s">
        <v>20</v>
      </c>
      <c r="C7002">
        <v>14</v>
      </c>
      <c r="D7002" t="s">
        <v>581</v>
      </c>
      <c r="E7002">
        <v>89</v>
      </c>
      <c r="F7002" t="s">
        <v>651</v>
      </c>
      <c r="G7002">
        <v>160</v>
      </c>
      <c r="H7002" t="s">
        <v>681</v>
      </c>
      <c r="I7002">
        <v>717</v>
      </c>
      <c r="J7002" t="s">
        <v>917</v>
      </c>
      <c r="K7002">
        <v>83</v>
      </c>
      <c r="L7002" t="s">
        <v>918</v>
      </c>
      <c r="M7002">
        <v>287</v>
      </c>
      <c r="N7002" t="s">
        <v>654</v>
      </c>
      <c r="O7002">
        <v>3</v>
      </c>
      <c r="P7002" t="s">
        <v>655</v>
      </c>
      <c r="Q7002">
        <v>1</v>
      </c>
      <c r="R7002" t="s">
        <v>669</v>
      </c>
      <c r="S7002">
        <v>1</v>
      </c>
      <c r="T7002" t="s">
        <v>661</v>
      </c>
      <c r="U7002">
        <v>8</v>
      </c>
      <c r="V7002">
        <v>4</v>
      </c>
      <c r="W7002">
        <v>240</v>
      </c>
      <c r="X7002">
        <v>2020</v>
      </c>
    </row>
    <row r="7003" spans="1:24" x14ac:dyDescent="0.25">
      <c r="A7003">
        <v>376</v>
      </c>
      <c r="B7003" t="s">
        <v>20</v>
      </c>
      <c r="C7003">
        <v>14</v>
      </c>
      <c r="D7003" t="s">
        <v>581</v>
      </c>
      <c r="E7003">
        <v>89</v>
      </c>
      <c r="F7003" t="s">
        <v>651</v>
      </c>
      <c r="G7003">
        <v>160</v>
      </c>
      <c r="H7003" t="s">
        <v>681</v>
      </c>
      <c r="I7003">
        <v>717</v>
      </c>
      <c r="J7003" t="s">
        <v>848</v>
      </c>
      <c r="K7003">
        <v>62</v>
      </c>
      <c r="L7003" t="s">
        <v>3950</v>
      </c>
      <c r="M7003">
        <v>264</v>
      </c>
      <c r="N7003" t="s">
        <v>654</v>
      </c>
      <c r="O7003">
        <v>3</v>
      </c>
      <c r="P7003" t="s">
        <v>655</v>
      </c>
      <c r="Q7003">
        <v>1</v>
      </c>
      <c r="R7003" t="s">
        <v>669</v>
      </c>
      <c r="S7003">
        <v>1</v>
      </c>
      <c r="T7003" t="s">
        <v>661</v>
      </c>
      <c r="U7003">
        <v>8</v>
      </c>
      <c r="V7003">
        <v>4</v>
      </c>
      <c r="W7003">
        <v>240</v>
      </c>
      <c r="X7003">
        <v>2020</v>
      </c>
    </row>
    <row r="7004" spans="1:24" x14ac:dyDescent="0.25">
      <c r="A7004">
        <v>375</v>
      </c>
      <c r="B7004" t="s">
        <v>20</v>
      </c>
      <c r="C7004">
        <v>14</v>
      </c>
      <c r="D7004" t="s">
        <v>581</v>
      </c>
      <c r="E7004">
        <v>89</v>
      </c>
      <c r="F7004" t="s">
        <v>651</v>
      </c>
      <c r="G7004">
        <v>160</v>
      </c>
      <c r="H7004" t="s">
        <v>681</v>
      </c>
      <c r="I7004">
        <v>717</v>
      </c>
      <c r="J7004" t="s">
        <v>880</v>
      </c>
      <c r="K7004">
        <v>58</v>
      </c>
      <c r="L7004" t="s">
        <v>1086</v>
      </c>
      <c r="M7004">
        <v>238</v>
      </c>
      <c r="N7004" t="s">
        <v>654</v>
      </c>
      <c r="O7004">
        <v>3</v>
      </c>
      <c r="P7004" t="s">
        <v>655</v>
      </c>
      <c r="Q7004">
        <v>1</v>
      </c>
      <c r="R7004" t="s">
        <v>669</v>
      </c>
      <c r="S7004">
        <v>1</v>
      </c>
      <c r="T7004" t="s">
        <v>661</v>
      </c>
      <c r="U7004">
        <v>8</v>
      </c>
      <c r="V7004">
        <v>4</v>
      </c>
      <c r="W7004">
        <v>240</v>
      </c>
      <c r="X7004">
        <v>2020</v>
      </c>
    </row>
    <row r="7005" spans="1:24" x14ac:dyDescent="0.25">
      <c r="A7005">
        <v>374</v>
      </c>
      <c r="B7005" t="s">
        <v>20</v>
      </c>
      <c r="C7005">
        <v>14</v>
      </c>
      <c r="D7005" t="s">
        <v>581</v>
      </c>
      <c r="E7005">
        <v>89</v>
      </c>
      <c r="F7005" t="s">
        <v>651</v>
      </c>
      <c r="G7005">
        <v>160</v>
      </c>
      <c r="H7005" t="s">
        <v>681</v>
      </c>
      <c r="I7005">
        <v>717</v>
      </c>
      <c r="J7005" t="s">
        <v>880</v>
      </c>
      <c r="K7005">
        <v>58</v>
      </c>
      <c r="L7005" t="s">
        <v>880</v>
      </c>
      <c r="M7005">
        <v>236</v>
      </c>
      <c r="N7005" t="s">
        <v>654</v>
      </c>
      <c r="O7005">
        <v>3</v>
      </c>
      <c r="P7005" t="s">
        <v>655</v>
      </c>
      <c r="Q7005">
        <v>1</v>
      </c>
      <c r="R7005" t="s">
        <v>669</v>
      </c>
      <c r="S7005">
        <v>1</v>
      </c>
      <c r="T7005" t="s">
        <v>661</v>
      </c>
      <c r="U7005">
        <v>8</v>
      </c>
      <c r="V7005">
        <v>4</v>
      </c>
      <c r="W7005">
        <v>240</v>
      </c>
      <c r="X7005">
        <v>2020</v>
      </c>
    </row>
    <row r="7006" spans="1:24" x14ac:dyDescent="0.25">
      <c r="A7006">
        <v>371</v>
      </c>
      <c r="B7006" t="s">
        <v>20</v>
      </c>
      <c r="C7006">
        <v>14</v>
      </c>
      <c r="D7006" t="s">
        <v>477</v>
      </c>
      <c r="E7006">
        <v>88</v>
      </c>
      <c r="F7006" t="s">
        <v>651</v>
      </c>
      <c r="G7006">
        <v>160</v>
      </c>
      <c r="H7006" t="s">
        <v>681</v>
      </c>
      <c r="I7006">
        <v>717</v>
      </c>
      <c r="J7006" t="s">
        <v>730</v>
      </c>
      <c r="K7006">
        <v>66</v>
      </c>
      <c r="L7006" t="s">
        <v>3789</v>
      </c>
      <c r="M7006">
        <v>279</v>
      </c>
      <c r="N7006" t="s">
        <v>654</v>
      </c>
      <c r="O7006">
        <v>3</v>
      </c>
      <c r="P7006" t="s">
        <v>655</v>
      </c>
      <c r="Q7006">
        <v>1</v>
      </c>
      <c r="R7006" t="s">
        <v>669</v>
      </c>
      <c r="S7006">
        <v>1</v>
      </c>
      <c r="T7006" t="s">
        <v>661</v>
      </c>
      <c r="U7006">
        <v>8</v>
      </c>
      <c r="V7006">
        <v>4</v>
      </c>
      <c r="W7006">
        <v>240</v>
      </c>
      <c r="X7006">
        <v>2020</v>
      </c>
    </row>
    <row r="7007" spans="1:24" x14ac:dyDescent="0.25">
      <c r="A7007">
        <v>370</v>
      </c>
      <c r="B7007" t="s">
        <v>20</v>
      </c>
      <c r="C7007">
        <v>14</v>
      </c>
      <c r="D7007" t="s">
        <v>477</v>
      </c>
      <c r="E7007">
        <v>88</v>
      </c>
      <c r="F7007" t="s">
        <v>651</v>
      </c>
      <c r="G7007">
        <v>160</v>
      </c>
      <c r="H7007" t="s">
        <v>681</v>
      </c>
      <c r="I7007">
        <v>717</v>
      </c>
      <c r="J7007" t="s">
        <v>797</v>
      </c>
      <c r="K7007">
        <v>65</v>
      </c>
      <c r="L7007" t="s">
        <v>3892</v>
      </c>
      <c r="M7007">
        <v>276</v>
      </c>
      <c r="N7007" t="s">
        <v>654</v>
      </c>
      <c r="O7007">
        <v>3</v>
      </c>
      <c r="P7007" t="s">
        <v>655</v>
      </c>
      <c r="Q7007">
        <v>1</v>
      </c>
      <c r="R7007" t="s">
        <v>669</v>
      </c>
      <c r="S7007">
        <v>1</v>
      </c>
      <c r="T7007" t="s">
        <v>661</v>
      </c>
      <c r="U7007">
        <v>8</v>
      </c>
      <c r="V7007">
        <v>4</v>
      </c>
      <c r="W7007">
        <v>240</v>
      </c>
      <c r="X7007">
        <v>2020</v>
      </c>
    </row>
    <row r="7008" spans="1:24" x14ac:dyDescent="0.25">
      <c r="A7008">
        <v>368</v>
      </c>
      <c r="B7008" t="s">
        <v>20</v>
      </c>
      <c r="C7008">
        <v>14</v>
      </c>
      <c r="D7008" t="s">
        <v>477</v>
      </c>
      <c r="E7008">
        <v>88</v>
      </c>
      <c r="F7008" t="s">
        <v>651</v>
      </c>
      <c r="G7008">
        <v>160</v>
      </c>
      <c r="H7008" t="s">
        <v>681</v>
      </c>
      <c r="I7008">
        <v>717</v>
      </c>
      <c r="J7008" t="s">
        <v>707</v>
      </c>
      <c r="K7008">
        <v>59</v>
      </c>
      <c r="L7008" t="s">
        <v>708</v>
      </c>
      <c r="M7008">
        <v>242</v>
      </c>
      <c r="N7008" t="s">
        <v>654</v>
      </c>
      <c r="O7008">
        <v>3</v>
      </c>
      <c r="P7008" t="s">
        <v>655</v>
      </c>
      <c r="Q7008">
        <v>1</v>
      </c>
      <c r="R7008" t="s">
        <v>669</v>
      </c>
      <c r="S7008">
        <v>1</v>
      </c>
      <c r="T7008" t="s">
        <v>661</v>
      </c>
      <c r="U7008">
        <v>8</v>
      </c>
      <c r="V7008">
        <v>4</v>
      </c>
      <c r="W7008">
        <v>240</v>
      </c>
      <c r="X7008">
        <v>2020</v>
      </c>
    </row>
    <row r="7009" spans="1:24" x14ac:dyDescent="0.25">
      <c r="A7009">
        <v>367</v>
      </c>
      <c r="B7009" t="s">
        <v>20</v>
      </c>
      <c r="C7009">
        <v>14</v>
      </c>
      <c r="D7009" t="s">
        <v>477</v>
      </c>
      <c r="E7009">
        <v>88</v>
      </c>
      <c r="F7009" t="s">
        <v>651</v>
      </c>
      <c r="G7009">
        <v>160</v>
      </c>
      <c r="H7009" t="s">
        <v>681</v>
      </c>
      <c r="I7009">
        <v>717</v>
      </c>
      <c r="J7009" t="s">
        <v>693</v>
      </c>
      <c r="K7009">
        <v>56</v>
      </c>
      <c r="L7009" t="s">
        <v>3786</v>
      </c>
      <c r="M7009">
        <v>231</v>
      </c>
      <c r="N7009" t="s">
        <v>654</v>
      </c>
      <c r="O7009">
        <v>3</v>
      </c>
      <c r="P7009" t="s">
        <v>655</v>
      </c>
      <c r="Q7009">
        <v>1</v>
      </c>
      <c r="R7009" t="s">
        <v>669</v>
      </c>
      <c r="S7009">
        <v>1</v>
      </c>
      <c r="T7009" t="s">
        <v>661</v>
      </c>
      <c r="U7009">
        <v>8</v>
      </c>
      <c r="V7009">
        <v>4</v>
      </c>
      <c r="W7009">
        <v>240</v>
      </c>
      <c r="X7009">
        <v>2020</v>
      </c>
    </row>
    <row r="7010" spans="1:24" x14ac:dyDescent="0.25">
      <c r="A7010">
        <v>366</v>
      </c>
      <c r="B7010" t="s">
        <v>20</v>
      </c>
      <c r="C7010">
        <v>14</v>
      </c>
      <c r="D7010" t="s">
        <v>477</v>
      </c>
      <c r="E7010">
        <v>88</v>
      </c>
      <c r="F7010" t="s">
        <v>651</v>
      </c>
      <c r="G7010">
        <v>160</v>
      </c>
      <c r="H7010" t="s">
        <v>681</v>
      </c>
      <c r="I7010">
        <v>717</v>
      </c>
      <c r="J7010" t="s">
        <v>693</v>
      </c>
      <c r="K7010">
        <v>56</v>
      </c>
      <c r="L7010" t="s">
        <v>3970</v>
      </c>
      <c r="M7010">
        <v>228</v>
      </c>
      <c r="N7010" t="s">
        <v>654</v>
      </c>
      <c r="O7010">
        <v>3</v>
      </c>
      <c r="P7010" t="s">
        <v>655</v>
      </c>
      <c r="Q7010">
        <v>1</v>
      </c>
      <c r="R7010" t="s">
        <v>669</v>
      </c>
      <c r="S7010">
        <v>1</v>
      </c>
      <c r="T7010" t="s">
        <v>661</v>
      </c>
      <c r="U7010">
        <v>8</v>
      </c>
      <c r="V7010">
        <v>4</v>
      </c>
      <c r="W7010">
        <v>240</v>
      </c>
      <c r="X7010">
        <v>2020</v>
      </c>
    </row>
    <row r="7011" spans="1:24" x14ac:dyDescent="0.25">
      <c r="A7011">
        <v>365</v>
      </c>
      <c r="B7011" t="s">
        <v>20</v>
      </c>
      <c r="C7011">
        <v>14</v>
      </c>
      <c r="D7011" t="s">
        <v>477</v>
      </c>
      <c r="E7011">
        <v>88</v>
      </c>
      <c r="F7011" t="s">
        <v>651</v>
      </c>
      <c r="G7011">
        <v>160</v>
      </c>
      <c r="H7011" t="s">
        <v>681</v>
      </c>
      <c r="I7011">
        <v>717</v>
      </c>
      <c r="J7011" t="s">
        <v>693</v>
      </c>
      <c r="K7011">
        <v>56</v>
      </c>
      <c r="L7011" t="s">
        <v>3929</v>
      </c>
      <c r="M7011">
        <v>223</v>
      </c>
      <c r="N7011" t="s">
        <v>668</v>
      </c>
      <c r="O7011">
        <v>4</v>
      </c>
      <c r="P7011" t="s">
        <v>655</v>
      </c>
      <c r="Q7011">
        <v>1</v>
      </c>
      <c r="R7011" t="s">
        <v>669</v>
      </c>
      <c r="S7011">
        <v>1</v>
      </c>
      <c r="T7011" t="s">
        <v>661</v>
      </c>
      <c r="U7011">
        <v>8</v>
      </c>
      <c r="V7011">
        <v>4</v>
      </c>
      <c r="W7011">
        <v>240</v>
      </c>
      <c r="X7011">
        <v>2020</v>
      </c>
    </row>
    <row r="7012" spans="1:24" x14ac:dyDescent="0.25">
      <c r="A7012">
        <v>364</v>
      </c>
      <c r="B7012" t="s">
        <v>20</v>
      </c>
      <c r="C7012">
        <v>14</v>
      </c>
      <c r="D7012" t="s">
        <v>477</v>
      </c>
      <c r="E7012">
        <v>88</v>
      </c>
      <c r="F7012" t="s">
        <v>651</v>
      </c>
      <c r="G7012">
        <v>160</v>
      </c>
      <c r="H7012" t="s">
        <v>681</v>
      </c>
      <c r="I7012">
        <v>717</v>
      </c>
      <c r="J7012" t="s">
        <v>693</v>
      </c>
      <c r="K7012">
        <v>56</v>
      </c>
      <c r="L7012" t="s">
        <v>3669</v>
      </c>
      <c r="M7012">
        <v>221</v>
      </c>
      <c r="N7012" t="s">
        <v>654</v>
      </c>
      <c r="O7012">
        <v>3</v>
      </c>
      <c r="P7012" t="s">
        <v>655</v>
      </c>
      <c r="Q7012">
        <v>1</v>
      </c>
      <c r="R7012" t="s">
        <v>669</v>
      </c>
      <c r="S7012">
        <v>1</v>
      </c>
      <c r="T7012" t="s">
        <v>661</v>
      </c>
      <c r="U7012">
        <v>8</v>
      </c>
      <c r="V7012">
        <v>4</v>
      </c>
      <c r="W7012">
        <v>240</v>
      </c>
      <c r="X7012">
        <v>2020</v>
      </c>
    </row>
    <row r="7013" spans="1:24" x14ac:dyDescent="0.25">
      <c r="A7013">
        <v>361</v>
      </c>
      <c r="B7013" t="s">
        <v>108</v>
      </c>
      <c r="C7013">
        <v>13</v>
      </c>
      <c r="D7013" t="s">
        <v>509</v>
      </c>
      <c r="E7013">
        <v>87</v>
      </c>
      <c r="F7013" t="s">
        <v>651</v>
      </c>
      <c r="G7013">
        <v>160</v>
      </c>
      <c r="H7013" t="s">
        <v>854</v>
      </c>
      <c r="I7013">
        <v>1</v>
      </c>
      <c r="J7013" t="s">
        <v>864</v>
      </c>
      <c r="K7013">
        <v>14</v>
      </c>
      <c r="L7013" t="s">
        <v>1257</v>
      </c>
      <c r="M7013">
        <v>354</v>
      </c>
      <c r="N7013" t="s">
        <v>654</v>
      </c>
      <c r="O7013">
        <v>3</v>
      </c>
      <c r="P7013" t="s">
        <v>655</v>
      </c>
      <c r="Q7013">
        <v>1</v>
      </c>
      <c r="R7013" t="s">
        <v>669</v>
      </c>
      <c r="S7013">
        <v>1</v>
      </c>
      <c r="T7013" t="s">
        <v>661</v>
      </c>
      <c r="U7013">
        <v>8</v>
      </c>
      <c r="V7013">
        <v>4</v>
      </c>
      <c r="W7013">
        <v>240</v>
      </c>
      <c r="X7013">
        <v>2020</v>
      </c>
    </row>
    <row r="7014" spans="1:24" x14ac:dyDescent="0.25">
      <c r="A7014">
        <v>360</v>
      </c>
      <c r="B7014" t="s">
        <v>108</v>
      </c>
      <c r="C7014">
        <v>13</v>
      </c>
      <c r="D7014" t="s">
        <v>582</v>
      </c>
      <c r="E7014">
        <v>86</v>
      </c>
      <c r="F7014" t="s">
        <v>651</v>
      </c>
      <c r="G7014">
        <v>160</v>
      </c>
      <c r="H7014" t="s">
        <v>854</v>
      </c>
      <c r="I7014">
        <v>1</v>
      </c>
      <c r="J7014" t="s">
        <v>1088</v>
      </c>
      <c r="K7014">
        <v>38</v>
      </c>
      <c r="L7014" t="s">
        <v>1089</v>
      </c>
      <c r="M7014">
        <v>135</v>
      </c>
      <c r="N7014" t="s">
        <v>654</v>
      </c>
      <c r="O7014">
        <v>3</v>
      </c>
      <c r="P7014" t="s">
        <v>655</v>
      </c>
      <c r="Q7014">
        <v>1</v>
      </c>
      <c r="R7014" t="s">
        <v>669</v>
      </c>
      <c r="S7014">
        <v>1</v>
      </c>
      <c r="T7014" t="s">
        <v>661</v>
      </c>
      <c r="U7014">
        <v>8</v>
      </c>
      <c r="V7014">
        <v>3</v>
      </c>
      <c r="W7014">
        <v>180</v>
      </c>
      <c r="X7014">
        <v>2020</v>
      </c>
    </row>
    <row r="7015" spans="1:24" x14ac:dyDescent="0.25">
      <c r="A7015">
        <v>359</v>
      </c>
      <c r="B7015" t="s">
        <v>108</v>
      </c>
      <c r="C7015">
        <v>13</v>
      </c>
      <c r="D7015" t="s">
        <v>582</v>
      </c>
      <c r="E7015">
        <v>86</v>
      </c>
      <c r="F7015" t="s">
        <v>651</v>
      </c>
      <c r="G7015">
        <v>160</v>
      </c>
      <c r="H7015" t="s">
        <v>854</v>
      </c>
      <c r="I7015">
        <v>1</v>
      </c>
      <c r="J7015" t="s">
        <v>684</v>
      </c>
      <c r="K7015">
        <v>22</v>
      </c>
      <c r="L7015" t="s">
        <v>685</v>
      </c>
      <c r="M7015">
        <v>72</v>
      </c>
      <c r="N7015" t="s">
        <v>654</v>
      </c>
      <c r="O7015">
        <v>3</v>
      </c>
      <c r="P7015" t="s">
        <v>655</v>
      </c>
      <c r="Q7015">
        <v>1</v>
      </c>
      <c r="R7015" t="s">
        <v>669</v>
      </c>
      <c r="S7015">
        <v>1</v>
      </c>
      <c r="T7015" t="s">
        <v>661</v>
      </c>
      <c r="U7015">
        <v>8</v>
      </c>
      <c r="V7015">
        <v>3</v>
      </c>
      <c r="W7015">
        <v>180</v>
      </c>
      <c r="X7015">
        <v>2020</v>
      </c>
    </row>
    <row r="7016" spans="1:24" x14ac:dyDescent="0.25">
      <c r="A7016">
        <v>356</v>
      </c>
      <c r="B7016" t="s">
        <v>108</v>
      </c>
      <c r="C7016">
        <v>13</v>
      </c>
      <c r="D7016" t="s">
        <v>582</v>
      </c>
      <c r="E7016">
        <v>86</v>
      </c>
      <c r="F7016" t="s">
        <v>651</v>
      </c>
      <c r="G7016">
        <v>160</v>
      </c>
      <c r="H7016" t="s">
        <v>854</v>
      </c>
      <c r="I7016">
        <v>1</v>
      </c>
      <c r="J7016" t="s">
        <v>682</v>
      </c>
      <c r="K7016">
        <v>20</v>
      </c>
      <c r="L7016" t="s">
        <v>904</v>
      </c>
      <c r="M7016">
        <v>61</v>
      </c>
      <c r="N7016" t="s">
        <v>654</v>
      </c>
      <c r="O7016">
        <v>3</v>
      </c>
      <c r="P7016" t="s">
        <v>655</v>
      </c>
      <c r="Q7016">
        <v>1</v>
      </c>
      <c r="R7016" t="s">
        <v>669</v>
      </c>
      <c r="S7016">
        <v>1</v>
      </c>
      <c r="T7016" t="s">
        <v>661</v>
      </c>
      <c r="U7016">
        <v>8</v>
      </c>
      <c r="V7016">
        <v>3</v>
      </c>
      <c r="W7016">
        <v>180</v>
      </c>
      <c r="X7016">
        <v>2020</v>
      </c>
    </row>
    <row r="7017" spans="1:24" x14ac:dyDescent="0.25">
      <c r="A7017">
        <v>354</v>
      </c>
      <c r="B7017" t="s">
        <v>108</v>
      </c>
      <c r="C7017">
        <v>13</v>
      </c>
      <c r="D7017" t="s">
        <v>582</v>
      </c>
      <c r="E7017">
        <v>86</v>
      </c>
      <c r="F7017" t="s">
        <v>651</v>
      </c>
      <c r="G7017">
        <v>160</v>
      </c>
      <c r="H7017" t="s">
        <v>854</v>
      </c>
      <c r="I7017">
        <v>1</v>
      </c>
      <c r="J7017" t="s">
        <v>1011</v>
      </c>
      <c r="K7017">
        <v>17</v>
      </c>
      <c r="L7017" t="s">
        <v>1011</v>
      </c>
      <c r="M7017">
        <v>57</v>
      </c>
      <c r="N7017" t="s">
        <v>654</v>
      </c>
      <c r="O7017">
        <v>3</v>
      </c>
      <c r="P7017" t="s">
        <v>655</v>
      </c>
      <c r="Q7017">
        <v>1</v>
      </c>
      <c r="R7017" t="s">
        <v>669</v>
      </c>
      <c r="S7017">
        <v>1</v>
      </c>
      <c r="T7017" t="s">
        <v>661</v>
      </c>
      <c r="U7017">
        <v>8</v>
      </c>
      <c r="V7017">
        <v>3</v>
      </c>
      <c r="W7017">
        <v>180</v>
      </c>
      <c r="X7017">
        <v>2020</v>
      </c>
    </row>
    <row r="7018" spans="1:24" x14ac:dyDescent="0.25">
      <c r="A7018">
        <v>353</v>
      </c>
      <c r="B7018" t="s">
        <v>108</v>
      </c>
      <c r="C7018">
        <v>13</v>
      </c>
      <c r="D7018" t="s">
        <v>582</v>
      </c>
      <c r="E7018">
        <v>86</v>
      </c>
      <c r="F7018" t="s">
        <v>651</v>
      </c>
      <c r="G7018">
        <v>160</v>
      </c>
      <c r="H7018" t="s">
        <v>854</v>
      </c>
      <c r="I7018">
        <v>1</v>
      </c>
      <c r="J7018" t="s">
        <v>703</v>
      </c>
      <c r="K7018">
        <v>16</v>
      </c>
      <c r="L7018" t="s">
        <v>703</v>
      </c>
      <c r="M7018">
        <v>54</v>
      </c>
      <c r="N7018" t="s">
        <v>654</v>
      </c>
      <c r="O7018">
        <v>3</v>
      </c>
      <c r="P7018" t="s">
        <v>655</v>
      </c>
      <c r="Q7018">
        <v>1</v>
      </c>
      <c r="R7018" t="s">
        <v>669</v>
      </c>
      <c r="S7018">
        <v>1</v>
      </c>
      <c r="T7018" t="s">
        <v>661</v>
      </c>
      <c r="U7018">
        <v>8</v>
      </c>
      <c r="V7018">
        <v>3</v>
      </c>
      <c r="W7018">
        <v>180</v>
      </c>
      <c r="X7018">
        <v>2020</v>
      </c>
    </row>
    <row r="7019" spans="1:24" x14ac:dyDescent="0.25">
      <c r="A7019">
        <v>352</v>
      </c>
      <c r="B7019" t="s">
        <v>108</v>
      </c>
      <c r="C7019">
        <v>13</v>
      </c>
      <c r="D7019" t="s">
        <v>582</v>
      </c>
      <c r="E7019">
        <v>86</v>
      </c>
      <c r="F7019" t="s">
        <v>651</v>
      </c>
      <c r="G7019">
        <v>160</v>
      </c>
      <c r="H7019" t="s">
        <v>854</v>
      </c>
      <c r="I7019">
        <v>1</v>
      </c>
      <c r="J7019" t="s">
        <v>65</v>
      </c>
      <c r="K7019">
        <v>15</v>
      </c>
      <c r="L7019" t="s">
        <v>65</v>
      </c>
      <c r="M7019">
        <v>51</v>
      </c>
      <c r="N7019" t="s">
        <v>654</v>
      </c>
      <c r="O7019">
        <v>3</v>
      </c>
      <c r="P7019" t="s">
        <v>655</v>
      </c>
      <c r="Q7019">
        <v>1</v>
      </c>
      <c r="R7019" t="s">
        <v>669</v>
      </c>
      <c r="S7019">
        <v>1</v>
      </c>
      <c r="T7019" t="s">
        <v>661</v>
      </c>
      <c r="U7019">
        <v>8</v>
      </c>
      <c r="V7019">
        <v>4</v>
      </c>
      <c r="W7019">
        <v>240</v>
      </c>
      <c r="X7019">
        <v>2020</v>
      </c>
    </row>
    <row r="7020" spans="1:24" x14ac:dyDescent="0.25">
      <c r="A7020">
        <v>351</v>
      </c>
      <c r="B7020" t="s">
        <v>108</v>
      </c>
      <c r="C7020">
        <v>13</v>
      </c>
      <c r="D7020" t="s">
        <v>336</v>
      </c>
      <c r="E7020">
        <v>644</v>
      </c>
      <c r="F7020" t="s">
        <v>651</v>
      </c>
      <c r="G7020">
        <v>160</v>
      </c>
      <c r="H7020" t="s">
        <v>854</v>
      </c>
      <c r="I7020">
        <v>1</v>
      </c>
      <c r="J7020" t="s">
        <v>848</v>
      </c>
      <c r="K7020">
        <v>62</v>
      </c>
      <c r="L7020" t="s">
        <v>848</v>
      </c>
      <c r="M7020">
        <v>268</v>
      </c>
      <c r="N7020" t="s">
        <v>654</v>
      </c>
      <c r="O7020">
        <v>3</v>
      </c>
      <c r="P7020" t="s">
        <v>655</v>
      </c>
      <c r="Q7020">
        <v>1</v>
      </c>
      <c r="R7020" t="s">
        <v>669</v>
      </c>
      <c r="S7020">
        <v>1</v>
      </c>
      <c r="T7020" t="s">
        <v>661</v>
      </c>
      <c r="U7020">
        <v>8</v>
      </c>
      <c r="V7020">
        <v>4</v>
      </c>
      <c r="W7020">
        <v>240</v>
      </c>
      <c r="X7020">
        <v>2020</v>
      </c>
    </row>
    <row r="7021" spans="1:24" x14ac:dyDescent="0.25">
      <c r="A7021">
        <v>350</v>
      </c>
      <c r="B7021" t="s">
        <v>108</v>
      </c>
      <c r="C7021">
        <v>13</v>
      </c>
      <c r="D7021" t="s">
        <v>336</v>
      </c>
      <c r="E7021">
        <v>644</v>
      </c>
      <c r="F7021" t="s">
        <v>651</v>
      </c>
      <c r="G7021">
        <v>160</v>
      </c>
      <c r="H7021" t="s">
        <v>854</v>
      </c>
      <c r="I7021">
        <v>1</v>
      </c>
      <c r="J7021" t="s">
        <v>710</v>
      </c>
      <c r="K7021">
        <v>53</v>
      </c>
      <c r="L7021" t="s">
        <v>3931</v>
      </c>
      <c r="M7021">
        <v>204</v>
      </c>
      <c r="N7021" t="s">
        <v>654</v>
      </c>
      <c r="O7021">
        <v>3</v>
      </c>
      <c r="P7021" t="s">
        <v>655</v>
      </c>
      <c r="Q7021">
        <v>1</v>
      </c>
      <c r="R7021" t="s">
        <v>669</v>
      </c>
      <c r="S7021">
        <v>1</v>
      </c>
      <c r="T7021" t="s">
        <v>661</v>
      </c>
      <c r="U7021">
        <v>8</v>
      </c>
      <c r="V7021">
        <v>4</v>
      </c>
      <c r="W7021">
        <v>240</v>
      </c>
      <c r="X7021">
        <v>2020</v>
      </c>
    </row>
    <row r="7022" spans="1:24" x14ac:dyDescent="0.25">
      <c r="A7022">
        <v>349</v>
      </c>
      <c r="B7022" t="s">
        <v>108</v>
      </c>
      <c r="C7022">
        <v>13</v>
      </c>
      <c r="D7022" t="s">
        <v>336</v>
      </c>
      <c r="E7022">
        <v>644</v>
      </c>
      <c r="F7022" t="s">
        <v>651</v>
      </c>
      <c r="G7022">
        <v>160</v>
      </c>
      <c r="H7022" t="s">
        <v>854</v>
      </c>
      <c r="I7022">
        <v>1</v>
      </c>
      <c r="J7022" t="s">
        <v>1182</v>
      </c>
      <c r="K7022">
        <v>46</v>
      </c>
      <c r="L7022" t="s">
        <v>3689</v>
      </c>
      <c r="M7022">
        <v>158</v>
      </c>
      <c r="N7022" t="s">
        <v>654</v>
      </c>
      <c r="O7022">
        <v>3</v>
      </c>
      <c r="P7022" t="s">
        <v>655</v>
      </c>
      <c r="Q7022">
        <v>1</v>
      </c>
      <c r="R7022" t="s">
        <v>669</v>
      </c>
      <c r="S7022">
        <v>1</v>
      </c>
      <c r="T7022" t="s">
        <v>661</v>
      </c>
      <c r="U7022">
        <v>8</v>
      </c>
      <c r="V7022">
        <v>4</v>
      </c>
      <c r="W7022">
        <v>240</v>
      </c>
      <c r="X7022">
        <v>2020</v>
      </c>
    </row>
    <row r="7023" spans="1:24" x14ac:dyDescent="0.25">
      <c r="A7023">
        <v>348</v>
      </c>
      <c r="B7023" t="s">
        <v>108</v>
      </c>
      <c r="C7023">
        <v>13</v>
      </c>
      <c r="D7023" t="s">
        <v>316</v>
      </c>
      <c r="E7023">
        <v>85</v>
      </c>
      <c r="F7023" t="s">
        <v>651</v>
      </c>
      <c r="G7023">
        <v>160</v>
      </c>
      <c r="H7023" t="s">
        <v>854</v>
      </c>
      <c r="I7023">
        <v>1</v>
      </c>
      <c r="J7023" t="s">
        <v>294</v>
      </c>
      <c r="K7023">
        <v>31</v>
      </c>
      <c r="L7023" t="s">
        <v>294</v>
      </c>
      <c r="M7023">
        <v>98</v>
      </c>
      <c r="N7023" t="s">
        <v>654</v>
      </c>
      <c r="O7023">
        <v>3</v>
      </c>
      <c r="P7023" t="s">
        <v>655</v>
      </c>
      <c r="Q7023">
        <v>1</v>
      </c>
      <c r="R7023" t="s">
        <v>669</v>
      </c>
      <c r="S7023">
        <v>1</v>
      </c>
      <c r="T7023" t="s">
        <v>661</v>
      </c>
      <c r="U7023">
        <v>8</v>
      </c>
      <c r="V7023">
        <v>3</v>
      </c>
      <c r="W7023">
        <v>180</v>
      </c>
      <c r="X7023">
        <v>2020</v>
      </c>
    </row>
    <row r="7024" spans="1:24" x14ac:dyDescent="0.25">
      <c r="A7024">
        <v>347</v>
      </c>
      <c r="B7024" t="s">
        <v>108</v>
      </c>
      <c r="C7024">
        <v>13</v>
      </c>
      <c r="D7024" t="s">
        <v>316</v>
      </c>
      <c r="E7024">
        <v>85</v>
      </c>
      <c r="F7024" t="s">
        <v>651</v>
      </c>
      <c r="G7024">
        <v>160</v>
      </c>
      <c r="H7024" t="s">
        <v>854</v>
      </c>
      <c r="I7024">
        <v>1</v>
      </c>
      <c r="J7024" t="s">
        <v>299</v>
      </c>
      <c r="K7024">
        <v>27</v>
      </c>
      <c r="L7024" t="s">
        <v>690</v>
      </c>
      <c r="M7024">
        <v>89</v>
      </c>
      <c r="N7024" t="s">
        <v>654</v>
      </c>
      <c r="O7024">
        <v>3</v>
      </c>
      <c r="P7024" t="s">
        <v>689</v>
      </c>
      <c r="Q7024">
        <v>4</v>
      </c>
      <c r="R7024" t="s">
        <v>669</v>
      </c>
      <c r="S7024">
        <v>1</v>
      </c>
      <c r="T7024" t="s">
        <v>661</v>
      </c>
      <c r="U7024">
        <v>8</v>
      </c>
      <c r="V7024">
        <v>3</v>
      </c>
      <c r="W7024">
        <v>180</v>
      </c>
      <c r="X7024">
        <v>2020</v>
      </c>
    </row>
    <row r="7025" spans="1:24" x14ac:dyDescent="0.25">
      <c r="A7025">
        <v>346</v>
      </c>
      <c r="B7025" t="s">
        <v>108</v>
      </c>
      <c r="C7025">
        <v>13</v>
      </c>
      <c r="D7025" t="s">
        <v>316</v>
      </c>
      <c r="E7025">
        <v>85</v>
      </c>
      <c r="F7025" t="s">
        <v>651</v>
      </c>
      <c r="G7025">
        <v>160</v>
      </c>
      <c r="H7025" t="s">
        <v>854</v>
      </c>
      <c r="I7025">
        <v>1</v>
      </c>
      <c r="J7025" t="s">
        <v>299</v>
      </c>
      <c r="K7025">
        <v>27</v>
      </c>
      <c r="L7025" t="s">
        <v>690</v>
      </c>
      <c r="M7025">
        <v>89</v>
      </c>
      <c r="N7025" t="s">
        <v>654</v>
      </c>
      <c r="O7025">
        <v>3</v>
      </c>
      <c r="P7025" t="s">
        <v>655</v>
      </c>
      <c r="Q7025">
        <v>1</v>
      </c>
      <c r="R7025" t="s">
        <v>669</v>
      </c>
      <c r="S7025">
        <v>1</v>
      </c>
      <c r="T7025" t="s">
        <v>661</v>
      </c>
      <c r="U7025">
        <v>8</v>
      </c>
      <c r="V7025">
        <v>3</v>
      </c>
      <c r="W7025">
        <v>180</v>
      </c>
      <c r="X7025">
        <v>2020</v>
      </c>
    </row>
    <row r="7026" spans="1:24" x14ac:dyDescent="0.25">
      <c r="A7026">
        <v>345</v>
      </c>
      <c r="B7026" t="s">
        <v>108</v>
      </c>
      <c r="C7026">
        <v>13</v>
      </c>
      <c r="D7026" t="s">
        <v>316</v>
      </c>
      <c r="E7026">
        <v>85</v>
      </c>
      <c r="F7026" t="s">
        <v>651</v>
      </c>
      <c r="G7026">
        <v>160</v>
      </c>
      <c r="H7026" t="s">
        <v>854</v>
      </c>
      <c r="I7026">
        <v>1</v>
      </c>
      <c r="J7026" t="s">
        <v>301</v>
      </c>
      <c r="K7026">
        <v>26</v>
      </c>
      <c r="L7026" t="s">
        <v>930</v>
      </c>
      <c r="M7026">
        <v>84</v>
      </c>
      <c r="N7026" t="s">
        <v>654</v>
      </c>
      <c r="O7026">
        <v>3</v>
      </c>
      <c r="P7026" t="s">
        <v>689</v>
      </c>
      <c r="Q7026">
        <v>4</v>
      </c>
      <c r="R7026" t="s">
        <v>669</v>
      </c>
      <c r="S7026">
        <v>1</v>
      </c>
      <c r="T7026" t="s">
        <v>661</v>
      </c>
      <c r="U7026">
        <v>8</v>
      </c>
      <c r="V7026">
        <v>3</v>
      </c>
      <c r="W7026">
        <v>180</v>
      </c>
      <c r="X7026">
        <v>2020</v>
      </c>
    </row>
    <row r="7027" spans="1:24" x14ac:dyDescent="0.25">
      <c r="A7027">
        <v>344</v>
      </c>
      <c r="B7027" t="s">
        <v>108</v>
      </c>
      <c r="C7027">
        <v>13</v>
      </c>
      <c r="D7027" t="s">
        <v>316</v>
      </c>
      <c r="E7027">
        <v>85</v>
      </c>
      <c r="F7027" t="s">
        <v>651</v>
      </c>
      <c r="G7027">
        <v>160</v>
      </c>
      <c r="H7027" t="s">
        <v>854</v>
      </c>
      <c r="I7027">
        <v>1</v>
      </c>
      <c r="J7027" t="s">
        <v>301</v>
      </c>
      <c r="K7027">
        <v>26</v>
      </c>
      <c r="L7027" t="s">
        <v>930</v>
      </c>
      <c r="M7027">
        <v>84</v>
      </c>
      <c r="N7027" t="s">
        <v>654</v>
      </c>
      <c r="O7027">
        <v>3</v>
      </c>
      <c r="P7027" t="s">
        <v>655</v>
      </c>
      <c r="Q7027">
        <v>1</v>
      </c>
      <c r="R7027" t="s">
        <v>669</v>
      </c>
      <c r="S7027">
        <v>1</v>
      </c>
      <c r="T7027" t="s">
        <v>661</v>
      </c>
      <c r="U7027">
        <v>8</v>
      </c>
      <c r="V7027">
        <v>3</v>
      </c>
      <c r="W7027">
        <v>180</v>
      </c>
      <c r="X7027">
        <v>2020</v>
      </c>
    </row>
    <row r="7028" spans="1:24" x14ac:dyDescent="0.25">
      <c r="A7028">
        <v>343</v>
      </c>
      <c r="B7028" t="s">
        <v>108</v>
      </c>
      <c r="C7028">
        <v>13</v>
      </c>
      <c r="D7028" t="s">
        <v>316</v>
      </c>
      <c r="E7028">
        <v>85</v>
      </c>
      <c r="F7028" t="s">
        <v>651</v>
      </c>
      <c r="G7028">
        <v>160</v>
      </c>
      <c r="H7028" t="s">
        <v>854</v>
      </c>
      <c r="I7028">
        <v>1</v>
      </c>
      <c r="J7028" t="s">
        <v>301</v>
      </c>
      <c r="K7028">
        <v>26</v>
      </c>
      <c r="L7028" t="s">
        <v>301</v>
      </c>
      <c r="M7028">
        <v>82</v>
      </c>
      <c r="N7028" t="s">
        <v>654</v>
      </c>
      <c r="O7028">
        <v>3</v>
      </c>
      <c r="P7028" t="s">
        <v>689</v>
      </c>
      <c r="Q7028">
        <v>4</v>
      </c>
      <c r="R7028" t="s">
        <v>669</v>
      </c>
      <c r="S7028">
        <v>1</v>
      </c>
      <c r="T7028" t="s">
        <v>661</v>
      </c>
      <c r="U7028">
        <v>8</v>
      </c>
      <c r="V7028">
        <v>3</v>
      </c>
      <c r="W7028">
        <v>180</v>
      </c>
      <c r="X7028">
        <v>2020</v>
      </c>
    </row>
    <row r="7029" spans="1:24" x14ac:dyDescent="0.25">
      <c r="A7029">
        <v>342</v>
      </c>
      <c r="B7029" t="s">
        <v>108</v>
      </c>
      <c r="C7029">
        <v>13</v>
      </c>
      <c r="D7029" t="s">
        <v>316</v>
      </c>
      <c r="E7029">
        <v>85</v>
      </c>
      <c r="F7029" t="s">
        <v>651</v>
      </c>
      <c r="G7029">
        <v>160</v>
      </c>
      <c r="H7029" t="s">
        <v>854</v>
      </c>
      <c r="I7029">
        <v>1</v>
      </c>
      <c r="J7029" t="s">
        <v>301</v>
      </c>
      <c r="K7029">
        <v>26</v>
      </c>
      <c r="L7029" t="s">
        <v>301</v>
      </c>
      <c r="M7029">
        <v>82</v>
      </c>
      <c r="N7029" t="s">
        <v>654</v>
      </c>
      <c r="O7029">
        <v>3</v>
      </c>
      <c r="P7029" t="s">
        <v>655</v>
      </c>
      <c r="Q7029">
        <v>1</v>
      </c>
      <c r="R7029" t="s">
        <v>669</v>
      </c>
      <c r="S7029">
        <v>1</v>
      </c>
      <c r="T7029" t="s">
        <v>661</v>
      </c>
      <c r="U7029">
        <v>8</v>
      </c>
      <c r="V7029">
        <v>3</v>
      </c>
      <c r="W7029">
        <v>180</v>
      </c>
      <c r="X7029">
        <v>2020</v>
      </c>
    </row>
    <row r="7030" spans="1:24" x14ac:dyDescent="0.25">
      <c r="A7030">
        <v>341</v>
      </c>
      <c r="B7030" t="s">
        <v>108</v>
      </c>
      <c r="C7030">
        <v>13</v>
      </c>
      <c r="D7030" t="s">
        <v>316</v>
      </c>
      <c r="E7030">
        <v>85</v>
      </c>
      <c r="F7030" t="s">
        <v>651</v>
      </c>
      <c r="G7030">
        <v>160</v>
      </c>
      <c r="H7030" t="s">
        <v>854</v>
      </c>
      <c r="I7030">
        <v>1</v>
      </c>
      <c r="J7030" t="s">
        <v>807</v>
      </c>
      <c r="K7030">
        <v>25</v>
      </c>
      <c r="L7030" t="s">
        <v>1603</v>
      </c>
      <c r="M7030">
        <v>81</v>
      </c>
      <c r="N7030" t="s">
        <v>654</v>
      </c>
      <c r="O7030">
        <v>3</v>
      </c>
      <c r="P7030" t="s">
        <v>655</v>
      </c>
      <c r="Q7030">
        <v>1</v>
      </c>
      <c r="R7030" t="s">
        <v>669</v>
      </c>
      <c r="S7030">
        <v>1</v>
      </c>
      <c r="T7030" t="s">
        <v>661</v>
      </c>
      <c r="U7030">
        <v>8</v>
      </c>
      <c r="V7030">
        <v>3</v>
      </c>
      <c r="W7030">
        <v>180</v>
      </c>
      <c r="X7030">
        <v>2020</v>
      </c>
    </row>
    <row r="7031" spans="1:24" x14ac:dyDescent="0.25">
      <c r="A7031">
        <v>340</v>
      </c>
      <c r="B7031" t="s">
        <v>108</v>
      </c>
      <c r="C7031">
        <v>13</v>
      </c>
      <c r="D7031" t="s">
        <v>336</v>
      </c>
      <c r="E7031">
        <v>644</v>
      </c>
      <c r="F7031" t="s">
        <v>651</v>
      </c>
      <c r="G7031">
        <v>160</v>
      </c>
      <c r="H7031" t="s">
        <v>854</v>
      </c>
      <c r="I7031">
        <v>1</v>
      </c>
      <c r="J7031" t="s">
        <v>676</v>
      </c>
      <c r="K7031">
        <v>4</v>
      </c>
      <c r="L7031" t="s">
        <v>676</v>
      </c>
      <c r="M7031">
        <v>12</v>
      </c>
      <c r="N7031" t="s">
        <v>654</v>
      </c>
      <c r="O7031">
        <v>3</v>
      </c>
      <c r="P7031" t="s">
        <v>655</v>
      </c>
      <c r="Q7031">
        <v>1</v>
      </c>
      <c r="R7031" t="s">
        <v>669</v>
      </c>
      <c r="S7031">
        <v>1</v>
      </c>
      <c r="T7031" t="s">
        <v>661</v>
      </c>
      <c r="U7031">
        <v>8</v>
      </c>
      <c r="V7031">
        <v>3</v>
      </c>
      <c r="W7031">
        <v>180</v>
      </c>
      <c r="X7031">
        <v>2020</v>
      </c>
    </row>
    <row r="7032" spans="1:24" x14ac:dyDescent="0.25">
      <c r="A7032">
        <v>335</v>
      </c>
      <c r="B7032" t="s">
        <v>108</v>
      </c>
      <c r="C7032">
        <v>13</v>
      </c>
      <c r="D7032" t="s">
        <v>583</v>
      </c>
      <c r="E7032">
        <v>84</v>
      </c>
      <c r="F7032" t="s">
        <v>651</v>
      </c>
      <c r="G7032">
        <v>160</v>
      </c>
      <c r="H7032" t="s">
        <v>854</v>
      </c>
      <c r="I7032">
        <v>1</v>
      </c>
      <c r="J7032" t="s">
        <v>802</v>
      </c>
      <c r="K7032">
        <v>12</v>
      </c>
      <c r="L7032" t="s">
        <v>802</v>
      </c>
      <c r="M7032">
        <v>36</v>
      </c>
      <c r="N7032" t="s">
        <v>654</v>
      </c>
      <c r="O7032">
        <v>3</v>
      </c>
      <c r="P7032" t="s">
        <v>655</v>
      </c>
      <c r="Q7032">
        <v>1</v>
      </c>
      <c r="R7032" t="s">
        <v>669</v>
      </c>
      <c r="S7032">
        <v>1</v>
      </c>
      <c r="T7032" t="s">
        <v>661</v>
      </c>
      <c r="U7032">
        <v>8</v>
      </c>
      <c r="V7032">
        <v>3</v>
      </c>
      <c r="W7032">
        <v>180</v>
      </c>
      <c r="X7032">
        <v>2020</v>
      </c>
    </row>
    <row r="7033" spans="1:24" x14ac:dyDescent="0.25">
      <c r="A7033">
        <v>331</v>
      </c>
      <c r="B7033" t="s">
        <v>108</v>
      </c>
      <c r="C7033">
        <v>13</v>
      </c>
      <c r="D7033" t="s">
        <v>583</v>
      </c>
      <c r="E7033">
        <v>84</v>
      </c>
      <c r="F7033" t="s">
        <v>651</v>
      </c>
      <c r="G7033">
        <v>160</v>
      </c>
      <c r="H7033" t="s">
        <v>854</v>
      </c>
      <c r="I7033">
        <v>1</v>
      </c>
      <c r="J7033" t="s">
        <v>699</v>
      </c>
      <c r="K7033">
        <v>10</v>
      </c>
      <c r="L7033" t="s">
        <v>1096</v>
      </c>
      <c r="M7033">
        <v>341</v>
      </c>
      <c r="N7033" t="s">
        <v>654</v>
      </c>
      <c r="O7033">
        <v>3</v>
      </c>
      <c r="P7033" t="s">
        <v>655</v>
      </c>
      <c r="Q7033">
        <v>1</v>
      </c>
      <c r="R7033" t="s">
        <v>669</v>
      </c>
      <c r="S7033">
        <v>1</v>
      </c>
      <c r="T7033" t="s">
        <v>1295</v>
      </c>
      <c r="U7033">
        <v>10</v>
      </c>
      <c r="V7033">
        <v>3</v>
      </c>
      <c r="W7033">
        <v>180</v>
      </c>
      <c r="X7033">
        <v>2020</v>
      </c>
    </row>
    <row r="7034" spans="1:24" x14ac:dyDescent="0.25">
      <c r="A7034">
        <v>330</v>
      </c>
      <c r="B7034" t="s">
        <v>289</v>
      </c>
      <c r="C7034">
        <v>12</v>
      </c>
      <c r="D7034" t="s">
        <v>396</v>
      </c>
      <c r="E7034">
        <v>83</v>
      </c>
      <c r="F7034" t="s">
        <v>651</v>
      </c>
      <c r="G7034">
        <v>160</v>
      </c>
      <c r="H7034" t="s">
        <v>658</v>
      </c>
      <c r="I7034">
        <v>13755</v>
      </c>
      <c r="J7034" t="s">
        <v>295</v>
      </c>
      <c r="K7034">
        <v>30</v>
      </c>
      <c r="L7034" t="s">
        <v>295</v>
      </c>
      <c r="M7034">
        <v>96</v>
      </c>
      <c r="N7034" t="s">
        <v>654</v>
      </c>
      <c r="O7034">
        <v>3</v>
      </c>
      <c r="P7034" t="s">
        <v>655</v>
      </c>
      <c r="Q7034">
        <v>1</v>
      </c>
      <c r="R7034" t="s">
        <v>669</v>
      </c>
      <c r="S7034">
        <v>1</v>
      </c>
      <c r="T7034" t="s">
        <v>661</v>
      </c>
      <c r="U7034">
        <v>8</v>
      </c>
      <c r="V7034">
        <v>3</v>
      </c>
      <c r="W7034">
        <v>180</v>
      </c>
      <c r="X7034">
        <v>2020</v>
      </c>
    </row>
    <row r="7035" spans="1:24" x14ac:dyDescent="0.25">
      <c r="A7035">
        <v>329</v>
      </c>
      <c r="B7035" t="s">
        <v>289</v>
      </c>
      <c r="C7035">
        <v>12</v>
      </c>
      <c r="D7035" t="s">
        <v>585</v>
      </c>
      <c r="E7035">
        <v>81</v>
      </c>
      <c r="F7035" t="s">
        <v>651</v>
      </c>
      <c r="G7035">
        <v>160</v>
      </c>
      <c r="H7035" t="s">
        <v>658</v>
      </c>
      <c r="I7035">
        <v>13755</v>
      </c>
      <c r="J7035" t="s">
        <v>868</v>
      </c>
      <c r="K7035">
        <v>23</v>
      </c>
      <c r="L7035" t="s">
        <v>868</v>
      </c>
      <c r="M7035">
        <v>73</v>
      </c>
      <c r="N7035" t="s">
        <v>654</v>
      </c>
      <c r="O7035">
        <v>3</v>
      </c>
      <c r="P7035" t="s">
        <v>655</v>
      </c>
      <c r="Q7035">
        <v>1</v>
      </c>
      <c r="R7035" t="s">
        <v>669</v>
      </c>
      <c r="S7035">
        <v>1</v>
      </c>
      <c r="T7035" t="s">
        <v>661</v>
      </c>
      <c r="U7035">
        <v>8</v>
      </c>
      <c r="V7035">
        <v>3</v>
      </c>
      <c r="W7035">
        <v>180</v>
      </c>
      <c r="X7035">
        <v>2020</v>
      </c>
    </row>
    <row r="7036" spans="1:24" x14ac:dyDescent="0.25">
      <c r="A7036">
        <v>328</v>
      </c>
      <c r="B7036" t="s">
        <v>289</v>
      </c>
      <c r="C7036">
        <v>12</v>
      </c>
      <c r="D7036" t="s">
        <v>584</v>
      </c>
      <c r="E7036">
        <v>82</v>
      </c>
      <c r="F7036" t="s">
        <v>651</v>
      </c>
      <c r="G7036">
        <v>160</v>
      </c>
      <c r="H7036" t="s">
        <v>658</v>
      </c>
      <c r="I7036">
        <v>13755</v>
      </c>
      <c r="J7036" t="s">
        <v>691</v>
      </c>
      <c r="K7036">
        <v>21</v>
      </c>
      <c r="L7036" t="s">
        <v>2991</v>
      </c>
      <c r="M7036">
        <v>68</v>
      </c>
      <c r="N7036" t="s">
        <v>654</v>
      </c>
      <c r="O7036">
        <v>3</v>
      </c>
      <c r="P7036" t="s">
        <v>655</v>
      </c>
      <c r="Q7036">
        <v>1</v>
      </c>
      <c r="R7036" t="s">
        <v>669</v>
      </c>
      <c r="S7036">
        <v>1</v>
      </c>
      <c r="T7036" t="s">
        <v>661</v>
      </c>
      <c r="U7036">
        <v>8</v>
      </c>
      <c r="V7036">
        <v>3</v>
      </c>
      <c r="W7036">
        <v>180</v>
      </c>
      <c r="X7036">
        <v>2020</v>
      </c>
    </row>
    <row r="7037" spans="1:24" x14ac:dyDescent="0.25">
      <c r="A7037">
        <v>326</v>
      </c>
      <c r="B7037" t="s">
        <v>289</v>
      </c>
      <c r="C7037">
        <v>12</v>
      </c>
      <c r="D7037" t="s">
        <v>584</v>
      </c>
      <c r="E7037">
        <v>82</v>
      </c>
      <c r="F7037" t="s">
        <v>651</v>
      </c>
      <c r="G7037">
        <v>160</v>
      </c>
      <c r="H7037" t="s">
        <v>658</v>
      </c>
      <c r="I7037">
        <v>13755</v>
      </c>
      <c r="J7037" t="s">
        <v>691</v>
      </c>
      <c r="K7037">
        <v>21</v>
      </c>
      <c r="L7037" t="s">
        <v>1923</v>
      </c>
      <c r="M7037">
        <v>67</v>
      </c>
      <c r="N7037" t="s">
        <v>654</v>
      </c>
      <c r="O7037">
        <v>3</v>
      </c>
      <c r="P7037" t="s">
        <v>655</v>
      </c>
      <c r="Q7037">
        <v>1</v>
      </c>
      <c r="R7037" t="s">
        <v>669</v>
      </c>
      <c r="S7037">
        <v>1</v>
      </c>
      <c r="T7037" t="s">
        <v>661</v>
      </c>
      <c r="U7037">
        <v>8</v>
      </c>
      <c r="V7037">
        <v>3</v>
      </c>
      <c r="W7037">
        <v>180</v>
      </c>
      <c r="X7037">
        <v>2020</v>
      </c>
    </row>
    <row r="7038" spans="1:24" x14ac:dyDescent="0.25">
      <c r="A7038">
        <v>325</v>
      </c>
      <c r="B7038" t="s">
        <v>289</v>
      </c>
      <c r="C7038">
        <v>12</v>
      </c>
      <c r="D7038" t="s">
        <v>585</v>
      </c>
      <c r="E7038">
        <v>81</v>
      </c>
      <c r="F7038" t="s">
        <v>651</v>
      </c>
      <c r="G7038">
        <v>160</v>
      </c>
      <c r="H7038" t="s">
        <v>658</v>
      </c>
      <c r="I7038">
        <v>13755</v>
      </c>
      <c r="J7038" t="s">
        <v>756</v>
      </c>
      <c r="K7038">
        <v>19</v>
      </c>
      <c r="L7038" t="s">
        <v>756</v>
      </c>
      <c r="M7038">
        <v>60</v>
      </c>
      <c r="N7038" t="s">
        <v>654</v>
      </c>
      <c r="O7038">
        <v>3</v>
      </c>
      <c r="P7038" t="s">
        <v>655</v>
      </c>
      <c r="Q7038">
        <v>1</v>
      </c>
      <c r="R7038" t="s">
        <v>669</v>
      </c>
      <c r="S7038">
        <v>1</v>
      </c>
      <c r="T7038" t="s">
        <v>661</v>
      </c>
      <c r="U7038">
        <v>8</v>
      </c>
      <c r="V7038">
        <v>3</v>
      </c>
      <c r="W7038">
        <v>180</v>
      </c>
      <c r="X7038">
        <v>2020</v>
      </c>
    </row>
    <row r="7039" spans="1:24" x14ac:dyDescent="0.25">
      <c r="A7039">
        <v>323</v>
      </c>
      <c r="B7039" t="s">
        <v>289</v>
      </c>
      <c r="C7039">
        <v>12</v>
      </c>
      <c r="D7039" t="s">
        <v>585</v>
      </c>
      <c r="E7039">
        <v>81</v>
      </c>
      <c r="F7039" t="s">
        <v>651</v>
      </c>
      <c r="G7039">
        <v>160</v>
      </c>
      <c r="H7039" t="s">
        <v>658</v>
      </c>
      <c r="I7039">
        <v>13755</v>
      </c>
      <c r="J7039" t="s">
        <v>894</v>
      </c>
      <c r="K7039">
        <v>18</v>
      </c>
      <c r="L7039" t="s">
        <v>894</v>
      </c>
      <c r="M7039">
        <v>58</v>
      </c>
      <c r="N7039" t="s">
        <v>654</v>
      </c>
      <c r="O7039">
        <v>3</v>
      </c>
      <c r="P7039" t="s">
        <v>655</v>
      </c>
      <c r="Q7039">
        <v>1</v>
      </c>
      <c r="R7039" t="s">
        <v>669</v>
      </c>
      <c r="S7039">
        <v>1</v>
      </c>
      <c r="T7039" t="s">
        <v>661</v>
      </c>
      <c r="U7039">
        <v>8</v>
      </c>
      <c r="V7039">
        <v>3</v>
      </c>
      <c r="W7039">
        <v>180</v>
      </c>
      <c r="X7039">
        <v>2020</v>
      </c>
    </row>
    <row r="7040" spans="1:24" x14ac:dyDescent="0.25">
      <c r="A7040">
        <v>322</v>
      </c>
      <c r="B7040" t="s">
        <v>289</v>
      </c>
      <c r="C7040">
        <v>12</v>
      </c>
      <c r="D7040" t="s">
        <v>585</v>
      </c>
      <c r="E7040">
        <v>81</v>
      </c>
      <c r="F7040" t="s">
        <v>651</v>
      </c>
      <c r="G7040">
        <v>160</v>
      </c>
      <c r="H7040" t="s">
        <v>658</v>
      </c>
      <c r="I7040">
        <v>13755</v>
      </c>
      <c r="J7040" t="s">
        <v>703</v>
      </c>
      <c r="K7040">
        <v>16</v>
      </c>
      <c r="L7040" t="s">
        <v>703</v>
      </c>
      <c r="M7040">
        <v>54</v>
      </c>
      <c r="N7040" t="s">
        <v>654</v>
      </c>
      <c r="O7040">
        <v>3</v>
      </c>
      <c r="P7040" t="s">
        <v>655</v>
      </c>
      <c r="Q7040">
        <v>1</v>
      </c>
      <c r="R7040" t="s">
        <v>669</v>
      </c>
      <c r="S7040">
        <v>1</v>
      </c>
      <c r="T7040" t="s">
        <v>661</v>
      </c>
      <c r="U7040">
        <v>8</v>
      </c>
      <c r="V7040">
        <v>3</v>
      </c>
      <c r="W7040">
        <v>180</v>
      </c>
      <c r="X7040">
        <v>2020</v>
      </c>
    </row>
    <row r="7041" spans="1:24" x14ac:dyDescent="0.25">
      <c r="A7041">
        <v>321</v>
      </c>
      <c r="B7041" t="s">
        <v>289</v>
      </c>
      <c r="C7041">
        <v>12</v>
      </c>
      <c r="D7041" t="s">
        <v>408</v>
      </c>
      <c r="E7041">
        <v>80</v>
      </c>
      <c r="F7041" t="s">
        <v>651</v>
      </c>
      <c r="G7041">
        <v>160</v>
      </c>
      <c r="H7041" t="s">
        <v>658</v>
      </c>
      <c r="I7041">
        <v>13755</v>
      </c>
      <c r="J7041" t="s">
        <v>682</v>
      </c>
      <c r="K7041">
        <v>20</v>
      </c>
      <c r="L7041" t="s">
        <v>3994</v>
      </c>
      <c r="M7041">
        <v>62</v>
      </c>
      <c r="N7041" t="s">
        <v>654</v>
      </c>
      <c r="O7041">
        <v>3</v>
      </c>
      <c r="P7041" t="s">
        <v>655</v>
      </c>
      <c r="Q7041">
        <v>1</v>
      </c>
      <c r="R7041" t="s">
        <v>669</v>
      </c>
      <c r="S7041">
        <v>1</v>
      </c>
      <c r="T7041" t="s">
        <v>661</v>
      </c>
      <c r="U7041">
        <v>8</v>
      </c>
      <c r="V7041">
        <v>3</v>
      </c>
      <c r="W7041">
        <v>180</v>
      </c>
      <c r="X7041">
        <v>2020</v>
      </c>
    </row>
    <row r="7042" spans="1:24" x14ac:dyDescent="0.25">
      <c r="A7042">
        <v>320</v>
      </c>
      <c r="B7042" t="s">
        <v>289</v>
      </c>
      <c r="C7042">
        <v>12</v>
      </c>
      <c r="D7042" t="s">
        <v>408</v>
      </c>
      <c r="E7042">
        <v>80</v>
      </c>
      <c r="F7042" t="s">
        <v>651</v>
      </c>
      <c r="G7042">
        <v>160</v>
      </c>
      <c r="H7042" t="s">
        <v>658</v>
      </c>
      <c r="I7042">
        <v>13755</v>
      </c>
      <c r="J7042" t="s">
        <v>682</v>
      </c>
      <c r="K7042">
        <v>20</v>
      </c>
      <c r="L7042" t="s">
        <v>904</v>
      </c>
      <c r="M7042">
        <v>61</v>
      </c>
      <c r="N7042" t="s">
        <v>654</v>
      </c>
      <c r="O7042">
        <v>3</v>
      </c>
      <c r="P7042" t="s">
        <v>689</v>
      </c>
      <c r="Q7042">
        <v>4</v>
      </c>
      <c r="R7042" t="s">
        <v>669</v>
      </c>
      <c r="S7042">
        <v>1</v>
      </c>
      <c r="T7042" t="s">
        <v>661</v>
      </c>
      <c r="U7042">
        <v>8</v>
      </c>
      <c r="V7042">
        <v>3</v>
      </c>
      <c r="W7042">
        <v>180</v>
      </c>
      <c r="X7042">
        <v>2020</v>
      </c>
    </row>
    <row r="7043" spans="1:24" x14ac:dyDescent="0.25">
      <c r="A7043">
        <v>319</v>
      </c>
      <c r="B7043" t="s">
        <v>289</v>
      </c>
      <c r="C7043">
        <v>12</v>
      </c>
      <c r="D7043" t="s">
        <v>408</v>
      </c>
      <c r="E7043">
        <v>80</v>
      </c>
      <c r="F7043" t="s">
        <v>651</v>
      </c>
      <c r="G7043">
        <v>160</v>
      </c>
      <c r="H7043" t="s">
        <v>658</v>
      </c>
      <c r="I7043">
        <v>13755</v>
      </c>
      <c r="J7043" t="s">
        <v>682</v>
      </c>
      <c r="K7043">
        <v>20</v>
      </c>
      <c r="L7043" t="s">
        <v>904</v>
      </c>
      <c r="M7043">
        <v>61</v>
      </c>
      <c r="N7043" t="s">
        <v>654</v>
      </c>
      <c r="O7043">
        <v>3</v>
      </c>
      <c r="P7043" t="s">
        <v>655</v>
      </c>
      <c r="Q7043">
        <v>1</v>
      </c>
      <c r="R7043" t="s">
        <v>669</v>
      </c>
      <c r="S7043">
        <v>1</v>
      </c>
      <c r="T7043" t="s">
        <v>661</v>
      </c>
      <c r="U7043">
        <v>8</v>
      </c>
      <c r="V7043">
        <v>3</v>
      </c>
      <c r="W7043">
        <v>180</v>
      </c>
      <c r="X7043">
        <v>2020</v>
      </c>
    </row>
    <row r="7044" spans="1:24" x14ac:dyDescent="0.25">
      <c r="A7044">
        <v>318</v>
      </c>
      <c r="B7044" t="s">
        <v>125</v>
      </c>
      <c r="C7044">
        <v>11</v>
      </c>
      <c r="D7044" t="s">
        <v>586</v>
      </c>
      <c r="E7044">
        <v>79</v>
      </c>
      <c r="F7044" t="s">
        <v>651</v>
      </c>
      <c r="G7044">
        <v>160</v>
      </c>
      <c r="H7044" t="s">
        <v>658</v>
      </c>
      <c r="I7044">
        <v>13755</v>
      </c>
      <c r="J7044" t="s">
        <v>765</v>
      </c>
      <c r="K7044">
        <v>76</v>
      </c>
      <c r="L7044" t="s">
        <v>766</v>
      </c>
      <c r="M7044">
        <v>137</v>
      </c>
      <c r="N7044" t="s">
        <v>654</v>
      </c>
      <c r="O7044">
        <v>3</v>
      </c>
      <c r="P7044" t="s">
        <v>655</v>
      </c>
      <c r="Q7044">
        <v>1</v>
      </c>
      <c r="R7044" t="s">
        <v>669</v>
      </c>
      <c r="S7044">
        <v>1</v>
      </c>
      <c r="T7044" t="s">
        <v>661</v>
      </c>
      <c r="U7044">
        <v>8</v>
      </c>
      <c r="V7044">
        <v>3</v>
      </c>
      <c r="W7044">
        <v>180</v>
      </c>
      <c r="X7044">
        <v>2020</v>
      </c>
    </row>
    <row r="7045" spans="1:24" x14ac:dyDescent="0.25">
      <c r="A7045">
        <v>317</v>
      </c>
      <c r="B7045" t="s">
        <v>125</v>
      </c>
      <c r="C7045">
        <v>11</v>
      </c>
      <c r="D7045" t="s">
        <v>402</v>
      </c>
      <c r="E7045">
        <v>78</v>
      </c>
      <c r="F7045" t="s">
        <v>651</v>
      </c>
      <c r="G7045">
        <v>160</v>
      </c>
      <c r="H7045" t="s">
        <v>658</v>
      </c>
      <c r="I7045">
        <v>13755</v>
      </c>
      <c r="J7045" t="s">
        <v>1088</v>
      </c>
      <c r="K7045">
        <v>38</v>
      </c>
      <c r="L7045" t="s">
        <v>1089</v>
      </c>
      <c r="M7045">
        <v>135</v>
      </c>
      <c r="N7045" t="s">
        <v>654</v>
      </c>
      <c r="O7045">
        <v>3</v>
      </c>
      <c r="P7045" t="s">
        <v>655</v>
      </c>
      <c r="Q7045">
        <v>1</v>
      </c>
      <c r="R7045" t="s">
        <v>669</v>
      </c>
      <c r="S7045">
        <v>1</v>
      </c>
      <c r="T7045" t="s">
        <v>769</v>
      </c>
      <c r="U7045">
        <v>3</v>
      </c>
      <c r="V7045">
        <v>3</v>
      </c>
      <c r="W7045">
        <v>180</v>
      </c>
      <c r="X7045">
        <v>2020</v>
      </c>
    </row>
    <row r="7046" spans="1:24" x14ac:dyDescent="0.25">
      <c r="A7046">
        <v>316</v>
      </c>
      <c r="B7046" t="s">
        <v>125</v>
      </c>
      <c r="C7046">
        <v>11</v>
      </c>
      <c r="D7046" t="s">
        <v>402</v>
      </c>
      <c r="E7046">
        <v>78</v>
      </c>
      <c r="F7046" t="s">
        <v>651</v>
      </c>
      <c r="G7046">
        <v>160</v>
      </c>
      <c r="H7046" t="s">
        <v>658</v>
      </c>
      <c r="I7046">
        <v>13755</v>
      </c>
      <c r="J7046" t="s">
        <v>1088</v>
      </c>
      <c r="K7046">
        <v>38</v>
      </c>
      <c r="L7046" t="s">
        <v>1265</v>
      </c>
      <c r="M7046">
        <v>136</v>
      </c>
      <c r="N7046" t="s">
        <v>654</v>
      </c>
      <c r="O7046">
        <v>3</v>
      </c>
      <c r="P7046" t="s">
        <v>655</v>
      </c>
      <c r="Q7046">
        <v>1</v>
      </c>
      <c r="R7046" t="s">
        <v>669</v>
      </c>
      <c r="S7046">
        <v>1</v>
      </c>
      <c r="T7046" t="s">
        <v>661</v>
      </c>
      <c r="U7046">
        <v>8</v>
      </c>
      <c r="V7046">
        <v>3</v>
      </c>
      <c r="W7046">
        <v>180</v>
      </c>
      <c r="X7046">
        <v>2020</v>
      </c>
    </row>
    <row r="7047" spans="1:24" x14ac:dyDescent="0.25">
      <c r="A7047">
        <v>315</v>
      </c>
      <c r="B7047" t="s">
        <v>125</v>
      </c>
      <c r="C7047">
        <v>11</v>
      </c>
      <c r="D7047" t="s">
        <v>402</v>
      </c>
      <c r="E7047">
        <v>78</v>
      </c>
      <c r="F7047" t="s">
        <v>651</v>
      </c>
      <c r="G7047">
        <v>160</v>
      </c>
      <c r="H7047" t="s">
        <v>658</v>
      </c>
      <c r="I7047">
        <v>13755</v>
      </c>
      <c r="J7047" t="s">
        <v>1088</v>
      </c>
      <c r="K7047">
        <v>38</v>
      </c>
      <c r="L7047" t="s">
        <v>1089</v>
      </c>
      <c r="M7047">
        <v>135</v>
      </c>
      <c r="N7047" t="s">
        <v>654</v>
      </c>
      <c r="O7047">
        <v>3</v>
      </c>
      <c r="P7047" t="s">
        <v>655</v>
      </c>
      <c r="Q7047">
        <v>1</v>
      </c>
      <c r="R7047" t="s">
        <v>669</v>
      </c>
      <c r="S7047">
        <v>1</v>
      </c>
      <c r="T7047" t="s">
        <v>661</v>
      </c>
      <c r="U7047">
        <v>8</v>
      </c>
      <c r="V7047">
        <v>3</v>
      </c>
      <c r="W7047">
        <v>180</v>
      </c>
      <c r="X7047">
        <v>2020</v>
      </c>
    </row>
    <row r="7048" spans="1:24" x14ac:dyDescent="0.25">
      <c r="A7048">
        <v>314</v>
      </c>
      <c r="B7048" t="s">
        <v>129</v>
      </c>
      <c r="C7048">
        <v>10</v>
      </c>
      <c r="D7048" t="s">
        <v>587</v>
      </c>
      <c r="E7048">
        <v>77</v>
      </c>
      <c r="F7048" t="s">
        <v>651</v>
      </c>
      <c r="G7048">
        <v>160</v>
      </c>
      <c r="H7048" t="s">
        <v>658</v>
      </c>
      <c r="I7048">
        <v>13755</v>
      </c>
      <c r="J7048" t="s">
        <v>1028</v>
      </c>
      <c r="K7048">
        <v>33</v>
      </c>
      <c r="L7048" t="s">
        <v>4008</v>
      </c>
      <c r="M7048">
        <v>469</v>
      </c>
      <c r="N7048" t="s">
        <v>654</v>
      </c>
      <c r="O7048">
        <v>3</v>
      </c>
      <c r="P7048" t="s">
        <v>655</v>
      </c>
      <c r="Q7048">
        <v>1</v>
      </c>
      <c r="R7048" t="s">
        <v>669</v>
      </c>
      <c r="S7048">
        <v>1</v>
      </c>
      <c r="T7048" t="s">
        <v>661</v>
      </c>
      <c r="U7048">
        <v>8</v>
      </c>
      <c r="V7048">
        <v>3</v>
      </c>
      <c r="W7048">
        <v>180</v>
      </c>
      <c r="X7048">
        <v>2020</v>
      </c>
    </row>
    <row r="7049" spans="1:24" x14ac:dyDescent="0.25">
      <c r="A7049">
        <v>313</v>
      </c>
      <c r="B7049" t="s">
        <v>129</v>
      </c>
      <c r="C7049">
        <v>10</v>
      </c>
      <c r="D7049" t="s">
        <v>348</v>
      </c>
      <c r="E7049">
        <v>76</v>
      </c>
      <c r="F7049" t="s">
        <v>651</v>
      </c>
      <c r="G7049">
        <v>160</v>
      </c>
      <c r="H7049" t="s">
        <v>658</v>
      </c>
      <c r="I7049">
        <v>13755</v>
      </c>
      <c r="J7049" t="s">
        <v>679</v>
      </c>
      <c r="K7049">
        <v>32</v>
      </c>
      <c r="L7049" t="s">
        <v>4009</v>
      </c>
      <c r="M7049">
        <v>101</v>
      </c>
      <c r="N7049" t="s">
        <v>654</v>
      </c>
      <c r="O7049">
        <v>3</v>
      </c>
      <c r="P7049" t="s">
        <v>655</v>
      </c>
      <c r="Q7049">
        <v>1</v>
      </c>
      <c r="R7049" t="s">
        <v>669</v>
      </c>
      <c r="S7049">
        <v>1</v>
      </c>
      <c r="T7049" t="s">
        <v>661</v>
      </c>
      <c r="U7049">
        <v>8</v>
      </c>
      <c r="V7049">
        <v>3</v>
      </c>
      <c r="W7049">
        <v>180</v>
      </c>
      <c r="X7049">
        <v>2020</v>
      </c>
    </row>
    <row r="7050" spans="1:24" x14ac:dyDescent="0.25">
      <c r="A7050">
        <v>311</v>
      </c>
      <c r="B7050" t="s">
        <v>129</v>
      </c>
      <c r="C7050">
        <v>10</v>
      </c>
      <c r="D7050" t="s">
        <v>348</v>
      </c>
      <c r="E7050">
        <v>76</v>
      </c>
      <c r="F7050" t="s">
        <v>651</v>
      </c>
      <c r="G7050">
        <v>160</v>
      </c>
      <c r="H7050" t="s">
        <v>658</v>
      </c>
      <c r="I7050">
        <v>13755</v>
      </c>
      <c r="J7050" t="s">
        <v>679</v>
      </c>
      <c r="K7050">
        <v>32</v>
      </c>
      <c r="L7050" t="s">
        <v>680</v>
      </c>
      <c r="M7050">
        <v>466</v>
      </c>
      <c r="N7050" t="s">
        <v>654</v>
      </c>
      <c r="O7050">
        <v>3</v>
      </c>
      <c r="P7050" t="s">
        <v>655</v>
      </c>
      <c r="Q7050">
        <v>1</v>
      </c>
      <c r="R7050" t="s">
        <v>669</v>
      </c>
      <c r="S7050">
        <v>1</v>
      </c>
      <c r="T7050" t="s">
        <v>661</v>
      </c>
      <c r="U7050">
        <v>8</v>
      </c>
      <c r="V7050">
        <v>3</v>
      </c>
      <c r="W7050">
        <v>180</v>
      </c>
      <c r="X7050">
        <v>2020</v>
      </c>
    </row>
    <row r="7051" spans="1:24" x14ac:dyDescent="0.25">
      <c r="A7051">
        <v>310</v>
      </c>
      <c r="B7051" t="s">
        <v>127</v>
      </c>
      <c r="C7051">
        <v>9</v>
      </c>
      <c r="D7051" t="s">
        <v>588</v>
      </c>
      <c r="E7051">
        <v>75</v>
      </c>
      <c r="F7051" t="s">
        <v>651</v>
      </c>
      <c r="G7051">
        <v>160</v>
      </c>
      <c r="H7051" t="s">
        <v>658</v>
      </c>
      <c r="I7051">
        <v>13755</v>
      </c>
      <c r="J7051" t="s">
        <v>659</v>
      </c>
      <c r="K7051">
        <v>35</v>
      </c>
      <c r="L7051" t="s">
        <v>1936</v>
      </c>
      <c r="M7051">
        <v>118</v>
      </c>
      <c r="N7051" t="s">
        <v>654</v>
      </c>
      <c r="O7051">
        <v>3</v>
      </c>
      <c r="P7051" t="s">
        <v>655</v>
      </c>
      <c r="Q7051">
        <v>1</v>
      </c>
      <c r="R7051" t="s">
        <v>669</v>
      </c>
      <c r="S7051">
        <v>1</v>
      </c>
      <c r="T7051" t="s">
        <v>661</v>
      </c>
      <c r="U7051">
        <v>8</v>
      </c>
      <c r="V7051">
        <v>3</v>
      </c>
      <c r="W7051">
        <v>180</v>
      </c>
      <c r="X7051">
        <v>2020</v>
      </c>
    </row>
    <row r="7052" spans="1:24" x14ac:dyDescent="0.25">
      <c r="A7052">
        <v>309</v>
      </c>
      <c r="B7052" t="s">
        <v>127</v>
      </c>
      <c r="C7052">
        <v>9</v>
      </c>
      <c r="D7052" t="s">
        <v>588</v>
      </c>
      <c r="E7052">
        <v>75</v>
      </c>
      <c r="F7052" t="s">
        <v>651</v>
      </c>
      <c r="G7052">
        <v>160</v>
      </c>
      <c r="H7052" t="s">
        <v>658</v>
      </c>
      <c r="I7052">
        <v>13755</v>
      </c>
      <c r="J7052" t="s">
        <v>659</v>
      </c>
      <c r="K7052">
        <v>35</v>
      </c>
      <c r="L7052" t="s">
        <v>1049</v>
      </c>
      <c r="M7052">
        <v>115</v>
      </c>
      <c r="N7052" t="s">
        <v>654</v>
      </c>
      <c r="O7052">
        <v>3</v>
      </c>
      <c r="P7052" t="s">
        <v>655</v>
      </c>
      <c r="Q7052">
        <v>1</v>
      </c>
      <c r="R7052" t="s">
        <v>669</v>
      </c>
      <c r="S7052">
        <v>1</v>
      </c>
      <c r="T7052" t="s">
        <v>661</v>
      </c>
      <c r="U7052">
        <v>8</v>
      </c>
      <c r="V7052">
        <v>3</v>
      </c>
      <c r="W7052">
        <v>180</v>
      </c>
      <c r="X7052">
        <v>2020</v>
      </c>
    </row>
    <row r="7053" spans="1:24" x14ac:dyDescent="0.25">
      <c r="A7053">
        <v>308</v>
      </c>
      <c r="B7053" t="s">
        <v>127</v>
      </c>
      <c r="C7053">
        <v>9</v>
      </c>
      <c r="D7053" t="s">
        <v>543</v>
      </c>
      <c r="E7053">
        <v>74</v>
      </c>
      <c r="F7053" t="s">
        <v>651</v>
      </c>
      <c r="G7053">
        <v>160</v>
      </c>
      <c r="H7053" t="s">
        <v>658</v>
      </c>
      <c r="I7053">
        <v>13755</v>
      </c>
      <c r="J7053" t="s">
        <v>659</v>
      </c>
      <c r="K7053">
        <v>35</v>
      </c>
      <c r="L7053" t="s">
        <v>3713</v>
      </c>
      <c r="M7053">
        <v>122</v>
      </c>
      <c r="N7053" t="s">
        <v>654</v>
      </c>
      <c r="O7053">
        <v>3</v>
      </c>
      <c r="P7053" t="s">
        <v>655</v>
      </c>
      <c r="Q7053">
        <v>1</v>
      </c>
      <c r="R7053" t="s">
        <v>669</v>
      </c>
      <c r="S7053">
        <v>1</v>
      </c>
      <c r="T7053" t="s">
        <v>661</v>
      </c>
      <c r="U7053">
        <v>8</v>
      </c>
      <c r="V7053">
        <v>3</v>
      </c>
      <c r="W7053">
        <v>180</v>
      </c>
      <c r="X7053">
        <v>2020</v>
      </c>
    </row>
    <row r="7054" spans="1:24" x14ac:dyDescent="0.25">
      <c r="A7054">
        <v>307</v>
      </c>
      <c r="B7054" t="s">
        <v>127</v>
      </c>
      <c r="C7054">
        <v>9</v>
      </c>
      <c r="D7054" t="s">
        <v>543</v>
      </c>
      <c r="E7054">
        <v>74</v>
      </c>
      <c r="F7054" t="s">
        <v>651</v>
      </c>
      <c r="G7054">
        <v>160</v>
      </c>
      <c r="H7054" t="s">
        <v>658</v>
      </c>
      <c r="I7054">
        <v>13755</v>
      </c>
      <c r="J7054" t="s">
        <v>659</v>
      </c>
      <c r="K7054">
        <v>35</v>
      </c>
      <c r="L7054" t="s">
        <v>3790</v>
      </c>
      <c r="M7054">
        <v>121</v>
      </c>
      <c r="N7054" t="s">
        <v>654</v>
      </c>
      <c r="O7054">
        <v>3</v>
      </c>
      <c r="P7054" t="s">
        <v>655</v>
      </c>
      <c r="Q7054">
        <v>1</v>
      </c>
      <c r="R7054" t="s">
        <v>669</v>
      </c>
      <c r="S7054">
        <v>1</v>
      </c>
      <c r="T7054" t="s">
        <v>661</v>
      </c>
      <c r="U7054">
        <v>8</v>
      </c>
      <c r="V7054">
        <v>3</v>
      </c>
      <c r="W7054">
        <v>180</v>
      </c>
      <c r="X7054">
        <v>2020</v>
      </c>
    </row>
    <row r="7055" spans="1:24" x14ac:dyDescent="0.25">
      <c r="A7055">
        <v>306</v>
      </c>
      <c r="B7055" t="s">
        <v>127</v>
      </c>
      <c r="C7055">
        <v>9</v>
      </c>
      <c r="D7055" t="s">
        <v>543</v>
      </c>
      <c r="E7055">
        <v>74</v>
      </c>
      <c r="F7055" t="s">
        <v>651</v>
      </c>
      <c r="G7055">
        <v>160</v>
      </c>
      <c r="H7055" t="s">
        <v>658</v>
      </c>
      <c r="I7055">
        <v>13755</v>
      </c>
      <c r="J7055" t="s">
        <v>659</v>
      </c>
      <c r="K7055">
        <v>35</v>
      </c>
      <c r="L7055" t="s">
        <v>3953</v>
      </c>
      <c r="M7055">
        <v>120</v>
      </c>
      <c r="N7055" t="s">
        <v>654</v>
      </c>
      <c r="O7055">
        <v>3</v>
      </c>
      <c r="P7055" t="s">
        <v>655</v>
      </c>
      <c r="Q7055">
        <v>1</v>
      </c>
      <c r="R7055" t="s">
        <v>669</v>
      </c>
      <c r="S7055">
        <v>1</v>
      </c>
      <c r="T7055" t="s">
        <v>661</v>
      </c>
      <c r="U7055">
        <v>8</v>
      </c>
      <c r="V7055">
        <v>3</v>
      </c>
      <c r="W7055">
        <v>180</v>
      </c>
      <c r="X7055">
        <v>2020</v>
      </c>
    </row>
    <row r="7056" spans="1:24" x14ac:dyDescent="0.25">
      <c r="A7056">
        <v>305</v>
      </c>
      <c r="B7056" t="s">
        <v>127</v>
      </c>
      <c r="C7056">
        <v>9</v>
      </c>
      <c r="D7056" t="s">
        <v>543</v>
      </c>
      <c r="E7056">
        <v>74</v>
      </c>
      <c r="F7056" t="s">
        <v>651</v>
      </c>
      <c r="G7056">
        <v>160</v>
      </c>
      <c r="H7056" t="s">
        <v>658</v>
      </c>
      <c r="I7056">
        <v>13755</v>
      </c>
      <c r="J7056" t="s">
        <v>659</v>
      </c>
      <c r="K7056">
        <v>35</v>
      </c>
      <c r="L7056" t="s">
        <v>3293</v>
      </c>
      <c r="M7056">
        <v>119</v>
      </c>
      <c r="N7056" t="s">
        <v>654</v>
      </c>
      <c r="O7056">
        <v>3</v>
      </c>
      <c r="P7056" t="s">
        <v>655</v>
      </c>
      <c r="Q7056">
        <v>1</v>
      </c>
      <c r="R7056" t="s">
        <v>669</v>
      </c>
      <c r="S7056">
        <v>1</v>
      </c>
      <c r="T7056" t="s">
        <v>661</v>
      </c>
      <c r="U7056">
        <v>8</v>
      </c>
      <c r="V7056">
        <v>3</v>
      </c>
      <c r="W7056">
        <v>180</v>
      </c>
      <c r="X7056">
        <v>2020</v>
      </c>
    </row>
    <row r="7057" spans="1:24" x14ac:dyDescent="0.25">
      <c r="A7057">
        <v>304</v>
      </c>
      <c r="B7057" t="s">
        <v>127</v>
      </c>
      <c r="C7057">
        <v>9</v>
      </c>
      <c r="D7057" t="s">
        <v>543</v>
      </c>
      <c r="E7057">
        <v>74</v>
      </c>
      <c r="F7057" t="s">
        <v>651</v>
      </c>
      <c r="G7057">
        <v>160</v>
      </c>
      <c r="H7057" t="s">
        <v>658</v>
      </c>
      <c r="I7057">
        <v>13755</v>
      </c>
      <c r="J7057" t="s">
        <v>659</v>
      </c>
      <c r="K7057">
        <v>35</v>
      </c>
      <c r="L7057" t="s">
        <v>3955</v>
      </c>
      <c r="M7057">
        <v>116</v>
      </c>
      <c r="N7057" t="s">
        <v>654</v>
      </c>
      <c r="O7057">
        <v>3</v>
      </c>
      <c r="P7057" t="s">
        <v>655</v>
      </c>
      <c r="Q7057">
        <v>1</v>
      </c>
      <c r="R7057" t="s">
        <v>669</v>
      </c>
      <c r="S7057">
        <v>1</v>
      </c>
      <c r="T7057" t="s">
        <v>661</v>
      </c>
      <c r="U7057">
        <v>8</v>
      </c>
      <c r="V7057">
        <v>3</v>
      </c>
      <c r="W7057">
        <v>180</v>
      </c>
      <c r="X7057">
        <v>2020</v>
      </c>
    </row>
    <row r="7058" spans="1:24" x14ac:dyDescent="0.25">
      <c r="A7058">
        <v>303</v>
      </c>
      <c r="B7058" t="s">
        <v>127</v>
      </c>
      <c r="C7058">
        <v>9</v>
      </c>
      <c r="D7058" t="s">
        <v>543</v>
      </c>
      <c r="E7058">
        <v>74</v>
      </c>
      <c r="F7058" t="s">
        <v>651</v>
      </c>
      <c r="G7058">
        <v>160</v>
      </c>
      <c r="H7058" t="s">
        <v>658</v>
      </c>
      <c r="I7058">
        <v>13755</v>
      </c>
      <c r="J7058" t="s">
        <v>659</v>
      </c>
      <c r="K7058">
        <v>35</v>
      </c>
      <c r="L7058" t="s">
        <v>2610</v>
      </c>
      <c r="M7058">
        <v>114</v>
      </c>
      <c r="N7058" t="s">
        <v>654</v>
      </c>
      <c r="O7058">
        <v>3</v>
      </c>
      <c r="P7058" t="s">
        <v>655</v>
      </c>
      <c r="Q7058">
        <v>1</v>
      </c>
      <c r="R7058" t="s">
        <v>669</v>
      </c>
      <c r="S7058">
        <v>1</v>
      </c>
      <c r="T7058" t="s">
        <v>661</v>
      </c>
      <c r="U7058">
        <v>8</v>
      </c>
      <c r="V7058">
        <v>3</v>
      </c>
      <c r="W7058">
        <v>180</v>
      </c>
      <c r="X7058">
        <v>2020</v>
      </c>
    </row>
    <row r="7059" spans="1:24" x14ac:dyDescent="0.25">
      <c r="A7059">
        <v>301</v>
      </c>
      <c r="B7059" t="s">
        <v>127</v>
      </c>
      <c r="C7059">
        <v>9</v>
      </c>
      <c r="D7059" t="s">
        <v>544</v>
      </c>
      <c r="E7059">
        <v>73</v>
      </c>
      <c r="F7059" t="s">
        <v>651</v>
      </c>
      <c r="G7059">
        <v>160</v>
      </c>
      <c r="H7059" t="s">
        <v>658</v>
      </c>
      <c r="I7059">
        <v>13755</v>
      </c>
      <c r="J7059" t="s">
        <v>659</v>
      </c>
      <c r="K7059">
        <v>35</v>
      </c>
      <c r="L7059" t="s">
        <v>3954</v>
      </c>
      <c r="M7059">
        <v>117</v>
      </c>
      <c r="N7059" t="s">
        <v>654</v>
      </c>
      <c r="O7059">
        <v>3</v>
      </c>
      <c r="P7059" t="s">
        <v>655</v>
      </c>
      <c r="Q7059">
        <v>1</v>
      </c>
      <c r="R7059" t="s">
        <v>669</v>
      </c>
      <c r="S7059">
        <v>1</v>
      </c>
      <c r="T7059" t="s">
        <v>661</v>
      </c>
      <c r="U7059">
        <v>8</v>
      </c>
      <c r="V7059">
        <v>3</v>
      </c>
      <c r="W7059">
        <v>180</v>
      </c>
      <c r="X7059">
        <v>2020</v>
      </c>
    </row>
    <row r="7060" spans="1:24" x14ac:dyDescent="0.25">
      <c r="A7060">
        <v>300</v>
      </c>
      <c r="B7060" t="s">
        <v>127</v>
      </c>
      <c r="C7060">
        <v>9</v>
      </c>
      <c r="D7060" t="s">
        <v>544</v>
      </c>
      <c r="E7060">
        <v>73</v>
      </c>
      <c r="F7060" t="s">
        <v>651</v>
      </c>
      <c r="G7060">
        <v>160</v>
      </c>
      <c r="H7060" t="s">
        <v>658</v>
      </c>
      <c r="I7060">
        <v>13755</v>
      </c>
      <c r="J7060" t="s">
        <v>659</v>
      </c>
      <c r="K7060">
        <v>35</v>
      </c>
      <c r="L7060" t="s">
        <v>3793</v>
      </c>
      <c r="M7060">
        <v>380</v>
      </c>
      <c r="N7060" t="s">
        <v>654</v>
      </c>
      <c r="O7060">
        <v>3</v>
      </c>
      <c r="P7060" t="s">
        <v>655</v>
      </c>
      <c r="Q7060">
        <v>1</v>
      </c>
      <c r="R7060" t="s">
        <v>669</v>
      </c>
      <c r="S7060">
        <v>1</v>
      </c>
      <c r="T7060" t="s">
        <v>661</v>
      </c>
      <c r="U7060">
        <v>8</v>
      </c>
      <c r="V7060">
        <v>3</v>
      </c>
      <c r="W7060">
        <v>180</v>
      </c>
      <c r="X7060">
        <v>2020</v>
      </c>
    </row>
    <row r="7061" spans="1:24" x14ac:dyDescent="0.25">
      <c r="A7061">
        <v>299</v>
      </c>
      <c r="B7061" t="s">
        <v>127</v>
      </c>
      <c r="C7061">
        <v>9</v>
      </c>
      <c r="D7061" t="s">
        <v>544</v>
      </c>
      <c r="E7061">
        <v>73</v>
      </c>
      <c r="F7061" t="s">
        <v>651</v>
      </c>
      <c r="G7061">
        <v>160</v>
      </c>
      <c r="H7061" t="s">
        <v>658</v>
      </c>
      <c r="I7061">
        <v>13755</v>
      </c>
      <c r="J7061" t="s">
        <v>659</v>
      </c>
      <c r="K7061">
        <v>35</v>
      </c>
      <c r="L7061" t="s">
        <v>3921</v>
      </c>
      <c r="M7061">
        <v>494</v>
      </c>
      <c r="N7061" t="s">
        <v>654</v>
      </c>
      <c r="O7061">
        <v>3</v>
      </c>
      <c r="P7061" t="s">
        <v>655</v>
      </c>
      <c r="Q7061">
        <v>1</v>
      </c>
      <c r="R7061" t="s">
        <v>669</v>
      </c>
      <c r="S7061">
        <v>1</v>
      </c>
      <c r="T7061" t="s">
        <v>661</v>
      </c>
      <c r="U7061">
        <v>8</v>
      </c>
      <c r="V7061">
        <v>3</v>
      </c>
      <c r="W7061">
        <v>180</v>
      </c>
      <c r="X7061">
        <v>2020</v>
      </c>
    </row>
    <row r="7062" spans="1:24" x14ac:dyDescent="0.25">
      <c r="A7062">
        <v>298</v>
      </c>
      <c r="B7062" t="s">
        <v>123</v>
      </c>
      <c r="C7062">
        <v>8</v>
      </c>
      <c r="D7062" t="s">
        <v>589</v>
      </c>
      <c r="E7062">
        <v>72</v>
      </c>
      <c r="F7062" t="s">
        <v>651</v>
      </c>
      <c r="G7062">
        <v>160</v>
      </c>
      <c r="H7062" t="s">
        <v>658</v>
      </c>
      <c r="I7062">
        <v>13755</v>
      </c>
      <c r="J7062" t="s">
        <v>673</v>
      </c>
      <c r="K7062">
        <v>34</v>
      </c>
      <c r="L7062" t="s">
        <v>3957</v>
      </c>
      <c r="M7062">
        <v>110</v>
      </c>
      <c r="N7062" t="s">
        <v>654</v>
      </c>
      <c r="O7062">
        <v>3</v>
      </c>
      <c r="P7062" t="s">
        <v>655</v>
      </c>
      <c r="Q7062">
        <v>1</v>
      </c>
      <c r="R7062" t="s">
        <v>669</v>
      </c>
      <c r="S7062">
        <v>1</v>
      </c>
      <c r="T7062" t="s">
        <v>661</v>
      </c>
      <c r="U7062">
        <v>8</v>
      </c>
      <c r="V7062">
        <v>4</v>
      </c>
      <c r="W7062">
        <v>240</v>
      </c>
      <c r="X7062">
        <v>2020</v>
      </c>
    </row>
    <row r="7063" spans="1:24" x14ac:dyDescent="0.25">
      <c r="A7063">
        <v>297</v>
      </c>
      <c r="B7063" t="s">
        <v>123</v>
      </c>
      <c r="C7063">
        <v>8</v>
      </c>
      <c r="D7063" t="s">
        <v>589</v>
      </c>
      <c r="E7063">
        <v>72</v>
      </c>
      <c r="F7063" t="s">
        <v>651</v>
      </c>
      <c r="G7063">
        <v>160</v>
      </c>
      <c r="H7063" t="s">
        <v>658</v>
      </c>
      <c r="I7063">
        <v>13755</v>
      </c>
      <c r="J7063" t="s">
        <v>673</v>
      </c>
      <c r="K7063">
        <v>34</v>
      </c>
      <c r="L7063" t="s">
        <v>3958</v>
      </c>
      <c r="M7063">
        <v>109</v>
      </c>
      <c r="N7063" t="s">
        <v>654</v>
      </c>
      <c r="O7063">
        <v>3</v>
      </c>
      <c r="P7063" t="s">
        <v>655</v>
      </c>
      <c r="Q7063">
        <v>1</v>
      </c>
      <c r="R7063" t="s">
        <v>669</v>
      </c>
      <c r="S7063">
        <v>1</v>
      </c>
      <c r="T7063" t="s">
        <v>661</v>
      </c>
      <c r="U7063">
        <v>8</v>
      </c>
      <c r="V7063">
        <v>4</v>
      </c>
      <c r="W7063">
        <v>240</v>
      </c>
      <c r="X7063">
        <v>2020</v>
      </c>
    </row>
    <row r="7064" spans="1:24" x14ac:dyDescent="0.25">
      <c r="A7064">
        <v>296</v>
      </c>
      <c r="B7064" t="s">
        <v>123</v>
      </c>
      <c r="C7064">
        <v>8</v>
      </c>
      <c r="D7064" t="s">
        <v>589</v>
      </c>
      <c r="E7064">
        <v>72</v>
      </c>
      <c r="F7064" t="s">
        <v>651</v>
      </c>
      <c r="G7064">
        <v>160</v>
      </c>
      <c r="H7064" t="s">
        <v>658</v>
      </c>
      <c r="I7064">
        <v>13755</v>
      </c>
      <c r="J7064" t="s">
        <v>673</v>
      </c>
      <c r="K7064">
        <v>34</v>
      </c>
      <c r="L7064" t="s">
        <v>3959</v>
      </c>
      <c r="M7064">
        <v>106</v>
      </c>
      <c r="N7064" t="s">
        <v>654</v>
      </c>
      <c r="O7064">
        <v>3</v>
      </c>
      <c r="P7064" t="s">
        <v>655</v>
      </c>
      <c r="Q7064">
        <v>1</v>
      </c>
      <c r="R7064" t="s">
        <v>669</v>
      </c>
      <c r="S7064">
        <v>1</v>
      </c>
      <c r="T7064" t="s">
        <v>661</v>
      </c>
      <c r="U7064">
        <v>8</v>
      </c>
      <c r="V7064">
        <v>4</v>
      </c>
      <c r="W7064">
        <v>240</v>
      </c>
      <c r="X7064">
        <v>2020</v>
      </c>
    </row>
    <row r="7065" spans="1:24" x14ac:dyDescent="0.25">
      <c r="A7065">
        <v>295</v>
      </c>
      <c r="B7065" t="s">
        <v>123</v>
      </c>
      <c r="C7065">
        <v>8</v>
      </c>
      <c r="D7065" t="s">
        <v>589</v>
      </c>
      <c r="E7065">
        <v>72</v>
      </c>
      <c r="F7065" t="s">
        <v>651</v>
      </c>
      <c r="G7065">
        <v>160</v>
      </c>
      <c r="H7065" t="s">
        <v>658</v>
      </c>
      <c r="I7065">
        <v>13755</v>
      </c>
      <c r="J7065" t="s">
        <v>673</v>
      </c>
      <c r="K7065">
        <v>34</v>
      </c>
      <c r="L7065" t="s">
        <v>1618</v>
      </c>
      <c r="M7065">
        <v>105</v>
      </c>
      <c r="N7065" t="s">
        <v>654</v>
      </c>
      <c r="O7065">
        <v>3</v>
      </c>
      <c r="P7065" t="s">
        <v>655</v>
      </c>
      <c r="Q7065">
        <v>1</v>
      </c>
      <c r="R7065" t="s">
        <v>669</v>
      </c>
      <c r="S7065">
        <v>1</v>
      </c>
      <c r="T7065" t="s">
        <v>661</v>
      </c>
      <c r="U7065">
        <v>8</v>
      </c>
      <c r="V7065">
        <v>3</v>
      </c>
      <c r="W7065">
        <v>180</v>
      </c>
      <c r="X7065">
        <v>2020</v>
      </c>
    </row>
    <row r="7066" spans="1:24" x14ac:dyDescent="0.25">
      <c r="A7066">
        <v>294</v>
      </c>
      <c r="B7066" t="s">
        <v>123</v>
      </c>
      <c r="C7066">
        <v>8</v>
      </c>
      <c r="D7066" t="s">
        <v>589</v>
      </c>
      <c r="E7066">
        <v>72</v>
      </c>
      <c r="F7066" t="s">
        <v>651</v>
      </c>
      <c r="G7066">
        <v>160</v>
      </c>
      <c r="H7066" t="s">
        <v>658</v>
      </c>
      <c r="I7066">
        <v>13755</v>
      </c>
      <c r="J7066" t="s">
        <v>673</v>
      </c>
      <c r="K7066">
        <v>34</v>
      </c>
      <c r="L7066" t="s">
        <v>673</v>
      </c>
      <c r="M7066">
        <v>104</v>
      </c>
      <c r="N7066" t="s">
        <v>654</v>
      </c>
      <c r="O7066">
        <v>3</v>
      </c>
      <c r="P7066" t="s">
        <v>655</v>
      </c>
      <c r="Q7066">
        <v>1</v>
      </c>
      <c r="R7066" t="s">
        <v>669</v>
      </c>
      <c r="S7066">
        <v>1</v>
      </c>
      <c r="T7066" t="s">
        <v>661</v>
      </c>
      <c r="U7066">
        <v>8</v>
      </c>
      <c r="V7066">
        <v>3</v>
      </c>
      <c r="W7066">
        <v>180</v>
      </c>
      <c r="X7066">
        <v>2020</v>
      </c>
    </row>
    <row r="7067" spans="1:24" x14ac:dyDescent="0.25">
      <c r="A7067">
        <v>292</v>
      </c>
      <c r="B7067" t="s">
        <v>123</v>
      </c>
      <c r="C7067">
        <v>8</v>
      </c>
      <c r="D7067" t="s">
        <v>546</v>
      </c>
      <c r="E7067">
        <v>71</v>
      </c>
      <c r="F7067" t="s">
        <v>651</v>
      </c>
      <c r="G7067">
        <v>160</v>
      </c>
      <c r="H7067" t="s">
        <v>658</v>
      </c>
      <c r="I7067">
        <v>13755</v>
      </c>
      <c r="J7067" t="s">
        <v>673</v>
      </c>
      <c r="K7067">
        <v>34</v>
      </c>
      <c r="L7067" t="s">
        <v>3792</v>
      </c>
      <c r="M7067">
        <v>108</v>
      </c>
      <c r="N7067" t="s">
        <v>654</v>
      </c>
      <c r="O7067">
        <v>3</v>
      </c>
      <c r="P7067" t="s">
        <v>655</v>
      </c>
      <c r="Q7067">
        <v>1</v>
      </c>
      <c r="R7067" t="s">
        <v>669</v>
      </c>
      <c r="S7067">
        <v>1</v>
      </c>
      <c r="T7067" t="s">
        <v>661</v>
      </c>
      <c r="U7067">
        <v>8</v>
      </c>
      <c r="V7067">
        <v>4</v>
      </c>
      <c r="W7067">
        <v>240</v>
      </c>
      <c r="X7067">
        <v>2020</v>
      </c>
    </row>
    <row r="7068" spans="1:24" x14ac:dyDescent="0.25">
      <c r="A7068">
        <v>291</v>
      </c>
      <c r="B7068" t="s">
        <v>123</v>
      </c>
      <c r="C7068">
        <v>8</v>
      </c>
      <c r="D7068" t="s">
        <v>546</v>
      </c>
      <c r="E7068">
        <v>71</v>
      </c>
      <c r="F7068" t="s">
        <v>651</v>
      </c>
      <c r="G7068">
        <v>160</v>
      </c>
      <c r="H7068" t="s">
        <v>658</v>
      </c>
      <c r="I7068">
        <v>13755</v>
      </c>
      <c r="J7068" t="s">
        <v>673</v>
      </c>
      <c r="K7068">
        <v>34</v>
      </c>
      <c r="L7068" t="s">
        <v>674</v>
      </c>
      <c r="M7068">
        <v>107</v>
      </c>
      <c r="N7068" t="s">
        <v>654</v>
      </c>
      <c r="O7068">
        <v>3</v>
      </c>
      <c r="P7068" t="s">
        <v>655</v>
      </c>
      <c r="Q7068">
        <v>1</v>
      </c>
      <c r="R7068" t="s">
        <v>669</v>
      </c>
      <c r="S7068">
        <v>1</v>
      </c>
      <c r="T7068" t="s">
        <v>661</v>
      </c>
      <c r="U7068">
        <v>8</v>
      </c>
      <c r="V7068">
        <v>4</v>
      </c>
      <c r="W7068">
        <v>240</v>
      </c>
      <c r="X7068">
        <v>2020</v>
      </c>
    </row>
    <row r="7069" spans="1:24" x14ac:dyDescent="0.25">
      <c r="A7069">
        <v>289</v>
      </c>
      <c r="B7069" t="s">
        <v>12</v>
      </c>
      <c r="C7069">
        <v>7</v>
      </c>
      <c r="D7069" t="s">
        <v>591</v>
      </c>
      <c r="E7069">
        <v>69</v>
      </c>
      <c r="F7069" t="s">
        <v>651</v>
      </c>
      <c r="G7069">
        <v>160</v>
      </c>
      <c r="H7069" t="s">
        <v>658</v>
      </c>
      <c r="I7069">
        <v>13755</v>
      </c>
      <c r="J7069" t="s">
        <v>955</v>
      </c>
      <c r="K7069">
        <v>29</v>
      </c>
      <c r="L7069" t="s">
        <v>955</v>
      </c>
      <c r="M7069">
        <v>95</v>
      </c>
      <c r="N7069" t="s">
        <v>654</v>
      </c>
      <c r="O7069">
        <v>3</v>
      </c>
      <c r="P7069" t="s">
        <v>655</v>
      </c>
      <c r="Q7069">
        <v>1</v>
      </c>
      <c r="R7069" t="s">
        <v>669</v>
      </c>
      <c r="S7069">
        <v>1</v>
      </c>
      <c r="T7069" t="s">
        <v>661</v>
      </c>
      <c r="U7069">
        <v>8</v>
      </c>
      <c r="V7069">
        <v>3</v>
      </c>
      <c r="W7069">
        <v>180</v>
      </c>
      <c r="X7069">
        <v>2020</v>
      </c>
    </row>
    <row r="7070" spans="1:24" x14ac:dyDescent="0.25">
      <c r="A7070">
        <v>288</v>
      </c>
      <c r="B7070" t="s">
        <v>12</v>
      </c>
      <c r="C7070">
        <v>7</v>
      </c>
      <c r="D7070" t="s">
        <v>592</v>
      </c>
      <c r="E7070">
        <v>68</v>
      </c>
      <c r="F7070" t="s">
        <v>651</v>
      </c>
      <c r="G7070">
        <v>160</v>
      </c>
      <c r="H7070" t="s">
        <v>658</v>
      </c>
      <c r="I7070">
        <v>13755</v>
      </c>
      <c r="J7070" t="s">
        <v>299</v>
      </c>
      <c r="K7070">
        <v>27</v>
      </c>
      <c r="L7070" t="s">
        <v>690</v>
      </c>
      <c r="M7070">
        <v>89</v>
      </c>
      <c r="N7070" t="s">
        <v>654</v>
      </c>
      <c r="O7070">
        <v>3</v>
      </c>
      <c r="P7070" t="s">
        <v>689</v>
      </c>
      <c r="Q7070">
        <v>4</v>
      </c>
      <c r="R7070" t="s">
        <v>669</v>
      </c>
      <c r="S7070">
        <v>1</v>
      </c>
      <c r="T7070" t="s">
        <v>661</v>
      </c>
      <c r="U7070">
        <v>8</v>
      </c>
      <c r="V7070">
        <v>3</v>
      </c>
      <c r="W7070">
        <v>180</v>
      </c>
      <c r="X7070">
        <v>2020</v>
      </c>
    </row>
    <row r="7071" spans="1:24" x14ac:dyDescent="0.25">
      <c r="A7071">
        <v>287</v>
      </c>
      <c r="B7071" t="s">
        <v>12</v>
      </c>
      <c r="C7071">
        <v>7</v>
      </c>
      <c r="D7071" t="s">
        <v>592</v>
      </c>
      <c r="E7071">
        <v>68</v>
      </c>
      <c r="F7071" t="s">
        <v>651</v>
      </c>
      <c r="G7071">
        <v>160</v>
      </c>
      <c r="H7071" t="s">
        <v>658</v>
      </c>
      <c r="I7071">
        <v>13755</v>
      </c>
      <c r="J7071" t="s">
        <v>299</v>
      </c>
      <c r="K7071">
        <v>27</v>
      </c>
      <c r="L7071" t="s">
        <v>690</v>
      </c>
      <c r="M7071">
        <v>89</v>
      </c>
      <c r="N7071" t="s">
        <v>654</v>
      </c>
      <c r="O7071">
        <v>3</v>
      </c>
      <c r="P7071" t="s">
        <v>655</v>
      </c>
      <c r="Q7071">
        <v>1</v>
      </c>
      <c r="R7071" t="s">
        <v>669</v>
      </c>
      <c r="S7071">
        <v>1</v>
      </c>
      <c r="T7071" t="s">
        <v>661</v>
      </c>
      <c r="U7071">
        <v>8</v>
      </c>
      <c r="V7071">
        <v>3</v>
      </c>
      <c r="W7071">
        <v>180</v>
      </c>
      <c r="X7071">
        <v>2020</v>
      </c>
    </row>
    <row r="7072" spans="1:24" x14ac:dyDescent="0.25">
      <c r="A7072">
        <v>286</v>
      </c>
      <c r="B7072" t="s">
        <v>12</v>
      </c>
      <c r="C7072">
        <v>7</v>
      </c>
      <c r="D7072" t="s">
        <v>593</v>
      </c>
      <c r="E7072">
        <v>67</v>
      </c>
      <c r="F7072" t="s">
        <v>651</v>
      </c>
      <c r="G7072">
        <v>160</v>
      </c>
      <c r="H7072" t="s">
        <v>658</v>
      </c>
      <c r="I7072">
        <v>13755</v>
      </c>
      <c r="J7072" t="s">
        <v>807</v>
      </c>
      <c r="K7072">
        <v>25</v>
      </c>
      <c r="L7072" t="s">
        <v>1603</v>
      </c>
      <c r="M7072">
        <v>81</v>
      </c>
      <c r="N7072" t="s">
        <v>654</v>
      </c>
      <c r="O7072">
        <v>3</v>
      </c>
      <c r="P7072" t="s">
        <v>689</v>
      </c>
      <c r="Q7072">
        <v>4</v>
      </c>
      <c r="R7072" t="s">
        <v>669</v>
      </c>
      <c r="S7072">
        <v>1</v>
      </c>
      <c r="T7072" t="s">
        <v>661</v>
      </c>
      <c r="U7072">
        <v>8</v>
      </c>
      <c r="V7072">
        <v>3</v>
      </c>
      <c r="W7072">
        <v>180</v>
      </c>
      <c r="X7072">
        <v>2020</v>
      </c>
    </row>
    <row r="7073" spans="1:24" x14ac:dyDescent="0.25">
      <c r="A7073">
        <v>285</v>
      </c>
      <c r="B7073" t="s">
        <v>12</v>
      </c>
      <c r="C7073">
        <v>7</v>
      </c>
      <c r="D7073" t="s">
        <v>593</v>
      </c>
      <c r="E7073">
        <v>67</v>
      </c>
      <c r="F7073" t="s">
        <v>651</v>
      </c>
      <c r="G7073">
        <v>160</v>
      </c>
      <c r="H7073" t="s">
        <v>658</v>
      </c>
      <c r="I7073">
        <v>13755</v>
      </c>
      <c r="J7073" t="s">
        <v>807</v>
      </c>
      <c r="K7073">
        <v>25</v>
      </c>
      <c r="L7073" t="s">
        <v>1603</v>
      </c>
      <c r="M7073">
        <v>81</v>
      </c>
      <c r="N7073" t="s">
        <v>654</v>
      </c>
      <c r="O7073">
        <v>3</v>
      </c>
      <c r="P7073" t="s">
        <v>655</v>
      </c>
      <c r="Q7073">
        <v>1</v>
      </c>
      <c r="R7073" t="s">
        <v>669</v>
      </c>
      <c r="S7073">
        <v>1</v>
      </c>
      <c r="T7073" t="s">
        <v>661</v>
      </c>
      <c r="U7073">
        <v>8</v>
      </c>
      <c r="V7073">
        <v>3</v>
      </c>
      <c r="W7073">
        <v>180</v>
      </c>
      <c r="X7073">
        <v>2020</v>
      </c>
    </row>
    <row r="7074" spans="1:24" x14ac:dyDescent="0.25">
      <c r="A7074">
        <v>284</v>
      </c>
      <c r="B7074" t="s">
        <v>12</v>
      </c>
      <c r="C7074">
        <v>7</v>
      </c>
      <c r="D7074" t="s">
        <v>594</v>
      </c>
      <c r="E7074">
        <v>66</v>
      </c>
      <c r="F7074" t="s">
        <v>651</v>
      </c>
      <c r="G7074">
        <v>160</v>
      </c>
      <c r="H7074" t="s">
        <v>658</v>
      </c>
      <c r="I7074">
        <v>13755</v>
      </c>
      <c r="J7074" t="s">
        <v>1094</v>
      </c>
      <c r="K7074">
        <v>28</v>
      </c>
      <c r="L7074" t="s">
        <v>3967</v>
      </c>
      <c r="M7074">
        <v>92</v>
      </c>
      <c r="N7074" t="s">
        <v>654</v>
      </c>
      <c r="O7074">
        <v>3</v>
      </c>
      <c r="P7074" t="s">
        <v>655</v>
      </c>
      <c r="Q7074">
        <v>1</v>
      </c>
      <c r="R7074" t="s">
        <v>669</v>
      </c>
      <c r="S7074">
        <v>1</v>
      </c>
      <c r="T7074" t="s">
        <v>661</v>
      </c>
      <c r="U7074">
        <v>8</v>
      </c>
      <c r="V7074">
        <v>3</v>
      </c>
      <c r="W7074">
        <v>180</v>
      </c>
      <c r="X7074">
        <v>2020</v>
      </c>
    </row>
    <row r="7075" spans="1:24" x14ac:dyDescent="0.25">
      <c r="A7075">
        <v>283</v>
      </c>
      <c r="B7075" t="s">
        <v>12</v>
      </c>
      <c r="C7075">
        <v>7</v>
      </c>
      <c r="D7075" t="s">
        <v>594</v>
      </c>
      <c r="E7075">
        <v>66</v>
      </c>
      <c r="F7075" t="s">
        <v>651</v>
      </c>
      <c r="G7075">
        <v>160</v>
      </c>
      <c r="H7075" t="s">
        <v>658</v>
      </c>
      <c r="I7075">
        <v>13755</v>
      </c>
      <c r="J7075" t="s">
        <v>1094</v>
      </c>
      <c r="K7075">
        <v>28</v>
      </c>
      <c r="L7075" t="s">
        <v>296</v>
      </c>
      <c r="M7075">
        <v>91</v>
      </c>
      <c r="N7075" t="s">
        <v>654</v>
      </c>
      <c r="O7075">
        <v>3</v>
      </c>
      <c r="P7075" t="s">
        <v>689</v>
      </c>
      <c r="Q7075">
        <v>4</v>
      </c>
      <c r="R7075" t="s">
        <v>669</v>
      </c>
      <c r="S7075">
        <v>1</v>
      </c>
      <c r="T7075" t="s">
        <v>661</v>
      </c>
      <c r="U7075">
        <v>8</v>
      </c>
      <c r="V7075">
        <v>3</v>
      </c>
      <c r="W7075">
        <v>180</v>
      </c>
      <c r="X7075">
        <v>2020</v>
      </c>
    </row>
    <row r="7076" spans="1:24" x14ac:dyDescent="0.25">
      <c r="A7076">
        <v>282</v>
      </c>
      <c r="B7076" t="s">
        <v>12</v>
      </c>
      <c r="C7076">
        <v>7</v>
      </c>
      <c r="D7076" t="s">
        <v>594</v>
      </c>
      <c r="E7076">
        <v>66</v>
      </c>
      <c r="F7076" t="s">
        <v>651</v>
      </c>
      <c r="G7076">
        <v>160</v>
      </c>
      <c r="H7076" t="s">
        <v>658</v>
      </c>
      <c r="I7076">
        <v>13755</v>
      </c>
      <c r="J7076" t="s">
        <v>1094</v>
      </c>
      <c r="K7076">
        <v>28</v>
      </c>
      <c r="L7076" t="s">
        <v>296</v>
      </c>
      <c r="M7076">
        <v>91</v>
      </c>
      <c r="N7076" t="s">
        <v>654</v>
      </c>
      <c r="O7076">
        <v>3</v>
      </c>
      <c r="P7076" t="s">
        <v>655</v>
      </c>
      <c r="Q7076">
        <v>1</v>
      </c>
      <c r="R7076" t="s">
        <v>669</v>
      </c>
      <c r="S7076">
        <v>1</v>
      </c>
      <c r="T7076" t="s">
        <v>661</v>
      </c>
      <c r="U7076">
        <v>8</v>
      </c>
      <c r="V7076">
        <v>3</v>
      </c>
      <c r="W7076">
        <v>180</v>
      </c>
      <c r="X7076">
        <v>2020</v>
      </c>
    </row>
    <row r="7077" spans="1:24" x14ac:dyDescent="0.25">
      <c r="A7077">
        <v>281</v>
      </c>
      <c r="B7077" t="s">
        <v>12</v>
      </c>
      <c r="C7077">
        <v>7</v>
      </c>
      <c r="D7077" t="s">
        <v>594</v>
      </c>
      <c r="E7077">
        <v>66</v>
      </c>
      <c r="F7077" t="s">
        <v>651</v>
      </c>
      <c r="G7077">
        <v>160</v>
      </c>
      <c r="H7077" t="s">
        <v>658</v>
      </c>
      <c r="I7077">
        <v>13755</v>
      </c>
      <c r="J7077" t="s">
        <v>1094</v>
      </c>
      <c r="K7077">
        <v>28</v>
      </c>
      <c r="L7077" t="s">
        <v>1233</v>
      </c>
      <c r="M7077">
        <v>90</v>
      </c>
      <c r="N7077" t="s">
        <v>654</v>
      </c>
      <c r="O7077">
        <v>3</v>
      </c>
      <c r="P7077" t="s">
        <v>655</v>
      </c>
      <c r="Q7077">
        <v>1</v>
      </c>
      <c r="R7077" t="s">
        <v>669</v>
      </c>
      <c r="S7077">
        <v>1</v>
      </c>
      <c r="T7077" t="s">
        <v>661</v>
      </c>
      <c r="U7077">
        <v>8</v>
      </c>
      <c r="V7077">
        <v>3</v>
      </c>
      <c r="W7077">
        <v>180</v>
      </c>
      <c r="X7077">
        <v>2020</v>
      </c>
    </row>
    <row r="7078" spans="1:24" x14ac:dyDescent="0.25">
      <c r="A7078">
        <v>280</v>
      </c>
      <c r="B7078" t="s">
        <v>12</v>
      </c>
      <c r="C7078">
        <v>7</v>
      </c>
      <c r="D7078" t="s">
        <v>595</v>
      </c>
      <c r="E7078">
        <v>65</v>
      </c>
      <c r="F7078" t="s">
        <v>651</v>
      </c>
      <c r="G7078">
        <v>160</v>
      </c>
      <c r="H7078" t="s">
        <v>658</v>
      </c>
      <c r="I7078">
        <v>13755</v>
      </c>
      <c r="J7078" t="s">
        <v>294</v>
      </c>
      <c r="K7078">
        <v>31</v>
      </c>
      <c r="L7078" t="s">
        <v>294</v>
      </c>
      <c r="M7078">
        <v>98</v>
      </c>
      <c r="N7078" t="s">
        <v>654</v>
      </c>
      <c r="O7078">
        <v>3</v>
      </c>
      <c r="P7078" t="s">
        <v>689</v>
      </c>
      <c r="Q7078">
        <v>4</v>
      </c>
      <c r="R7078" t="s">
        <v>669</v>
      </c>
      <c r="S7078">
        <v>1</v>
      </c>
      <c r="T7078" t="s">
        <v>661</v>
      </c>
      <c r="U7078">
        <v>8</v>
      </c>
      <c r="V7078">
        <v>3</v>
      </c>
      <c r="W7078">
        <v>180</v>
      </c>
      <c r="X7078">
        <v>2020</v>
      </c>
    </row>
    <row r="7079" spans="1:24" x14ac:dyDescent="0.25">
      <c r="A7079">
        <v>279</v>
      </c>
      <c r="B7079" t="s">
        <v>12</v>
      </c>
      <c r="C7079">
        <v>7</v>
      </c>
      <c r="D7079" t="s">
        <v>595</v>
      </c>
      <c r="E7079">
        <v>65</v>
      </c>
      <c r="F7079" t="s">
        <v>651</v>
      </c>
      <c r="G7079">
        <v>160</v>
      </c>
      <c r="H7079" t="s">
        <v>658</v>
      </c>
      <c r="I7079">
        <v>13755</v>
      </c>
      <c r="J7079" t="s">
        <v>294</v>
      </c>
      <c r="K7079">
        <v>31</v>
      </c>
      <c r="L7079" t="s">
        <v>294</v>
      </c>
      <c r="M7079">
        <v>98</v>
      </c>
      <c r="N7079" t="s">
        <v>654</v>
      </c>
      <c r="O7079">
        <v>3</v>
      </c>
      <c r="P7079" t="s">
        <v>655</v>
      </c>
      <c r="Q7079">
        <v>1</v>
      </c>
      <c r="R7079" t="s">
        <v>669</v>
      </c>
      <c r="S7079">
        <v>1</v>
      </c>
      <c r="T7079" t="s">
        <v>661</v>
      </c>
      <c r="U7079">
        <v>8</v>
      </c>
      <c r="V7079">
        <v>3</v>
      </c>
      <c r="W7079">
        <v>180</v>
      </c>
      <c r="X7079">
        <v>2020</v>
      </c>
    </row>
    <row r="7080" spans="1:24" x14ac:dyDescent="0.25">
      <c r="A7080">
        <v>278</v>
      </c>
      <c r="B7080" t="s">
        <v>12</v>
      </c>
      <c r="C7080">
        <v>7</v>
      </c>
      <c r="D7080" t="s">
        <v>396</v>
      </c>
      <c r="E7080">
        <v>64</v>
      </c>
      <c r="F7080" t="s">
        <v>651</v>
      </c>
      <c r="G7080">
        <v>160</v>
      </c>
      <c r="H7080" t="s">
        <v>658</v>
      </c>
      <c r="I7080">
        <v>13755</v>
      </c>
      <c r="J7080" t="s">
        <v>295</v>
      </c>
      <c r="K7080">
        <v>30</v>
      </c>
      <c r="L7080" t="s">
        <v>295</v>
      </c>
      <c r="M7080">
        <v>96</v>
      </c>
      <c r="N7080" t="s">
        <v>654</v>
      </c>
      <c r="O7080">
        <v>3</v>
      </c>
      <c r="P7080" t="s">
        <v>689</v>
      </c>
      <c r="Q7080">
        <v>4</v>
      </c>
      <c r="R7080" t="s">
        <v>669</v>
      </c>
      <c r="S7080">
        <v>1</v>
      </c>
      <c r="T7080" t="s">
        <v>661</v>
      </c>
      <c r="U7080">
        <v>8</v>
      </c>
      <c r="V7080">
        <v>3</v>
      </c>
      <c r="W7080">
        <v>180</v>
      </c>
      <c r="X7080">
        <v>2020</v>
      </c>
    </row>
    <row r="7081" spans="1:24" x14ac:dyDescent="0.25">
      <c r="A7081">
        <v>277</v>
      </c>
      <c r="B7081" t="s">
        <v>12</v>
      </c>
      <c r="C7081">
        <v>7</v>
      </c>
      <c r="D7081" t="s">
        <v>396</v>
      </c>
      <c r="E7081">
        <v>64</v>
      </c>
      <c r="F7081" t="s">
        <v>651</v>
      </c>
      <c r="G7081">
        <v>160</v>
      </c>
      <c r="H7081" t="s">
        <v>658</v>
      </c>
      <c r="I7081">
        <v>13755</v>
      </c>
      <c r="J7081" t="s">
        <v>295</v>
      </c>
      <c r="K7081">
        <v>30</v>
      </c>
      <c r="L7081" t="s">
        <v>295</v>
      </c>
      <c r="M7081">
        <v>96</v>
      </c>
      <c r="N7081" t="s">
        <v>654</v>
      </c>
      <c r="O7081">
        <v>3</v>
      </c>
      <c r="P7081" t="s">
        <v>655</v>
      </c>
      <c r="Q7081">
        <v>1</v>
      </c>
      <c r="R7081" t="s">
        <v>669</v>
      </c>
      <c r="S7081">
        <v>1</v>
      </c>
      <c r="T7081" t="s">
        <v>661</v>
      </c>
      <c r="U7081">
        <v>8</v>
      </c>
      <c r="V7081">
        <v>3</v>
      </c>
      <c r="W7081">
        <v>180</v>
      </c>
      <c r="X7081">
        <v>2020</v>
      </c>
    </row>
    <row r="7082" spans="1:24" x14ac:dyDescent="0.25">
      <c r="A7082">
        <v>275</v>
      </c>
      <c r="B7082" t="s">
        <v>12</v>
      </c>
      <c r="C7082">
        <v>7</v>
      </c>
      <c r="D7082" t="s">
        <v>590</v>
      </c>
      <c r="E7082">
        <v>70</v>
      </c>
      <c r="F7082" t="s">
        <v>651</v>
      </c>
      <c r="G7082">
        <v>160</v>
      </c>
      <c r="H7082" t="s">
        <v>658</v>
      </c>
      <c r="I7082">
        <v>13755</v>
      </c>
      <c r="J7082" t="s">
        <v>682</v>
      </c>
      <c r="K7082">
        <v>20</v>
      </c>
      <c r="L7082" t="s">
        <v>904</v>
      </c>
      <c r="M7082">
        <v>61</v>
      </c>
      <c r="N7082" t="s">
        <v>654</v>
      </c>
      <c r="O7082">
        <v>3</v>
      </c>
      <c r="P7082" t="s">
        <v>655</v>
      </c>
      <c r="Q7082">
        <v>1</v>
      </c>
      <c r="R7082" t="s">
        <v>669</v>
      </c>
      <c r="S7082">
        <v>1</v>
      </c>
      <c r="T7082" t="s">
        <v>661</v>
      </c>
      <c r="U7082">
        <v>8</v>
      </c>
      <c r="V7082">
        <v>3</v>
      </c>
      <c r="W7082">
        <v>180</v>
      </c>
      <c r="X7082">
        <v>2020</v>
      </c>
    </row>
    <row r="7083" spans="1:24" x14ac:dyDescent="0.25">
      <c r="A7083">
        <v>273</v>
      </c>
      <c r="B7083" t="s">
        <v>12</v>
      </c>
      <c r="C7083">
        <v>7</v>
      </c>
      <c r="D7083" t="s">
        <v>596</v>
      </c>
      <c r="E7083">
        <v>63</v>
      </c>
      <c r="F7083" t="s">
        <v>651</v>
      </c>
      <c r="G7083">
        <v>160</v>
      </c>
      <c r="H7083" t="s">
        <v>658</v>
      </c>
      <c r="I7083">
        <v>13755</v>
      </c>
      <c r="J7083" t="s">
        <v>301</v>
      </c>
      <c r="K7083">
        <v>26</v>
      </c>
      <c r="L7083" t="s">
        <v>3708</v>
      </c>
      <c r="M7083">
        <v>88</v>
      </c>
      <c r="N7083" t="s">
        <v>654</v>
      </c>
      <c r="O7083">
        <v>3</v>
      </c>
      <c r="P7083" t="s">
        <v>655</v>
      </c>
      <c r="Q7083">
        <v>1</v>
      </c>
      <c r="R7083" t="s">
        <v>669</v>
      </c>
      <c r="S7083">
        <v>1</v>
      </c>
      <c r="T7083" t="s">
        <v>661</v>
      </c>
      <c r="U7083">
        <v>8</v>
      </c>
      <c r="V7083">
        <v>3</v>
      </c>
      <c r="W7083">
        <v>180</v>
      </c>
      <c r="X7083">
        <v>2020</v>
      </c>
    </row>
    <row r="7084" spans="1:24" x14ac:dyDescent="0.25">
      <c r="A7084">
        <v>272</v>
      </c>
      <c r="B7084" t="s">
        <v>12</v>
      </c>
      <c r="C7084">
        <v>7</v>
      </c>
      <c r="D7084" t="s">
        <v>597</v>
      </c>
      <c r="E7084">
        <v>62</v>
      </c>
      <c r="F7084" t="s">
        <v>651</v>
      </c>
      <c r="G7084">
        <v>160</v>
      </c>
      <c r="H7084" t="s">
        <v>658</v>
      </c>
      <c r="I7084">
        <v>13755</v>
      </c>
      <c r="J7084" t="s">
        <v>301</v>
      </c>
      <c r="K7084">
        <v>26</v>
      </c>
      <c r="L7084" t="s">
        <v>301</v>
      </c>
      <c r="M7084">
        <v>82</v>
      </c>
      <c r="N7084" t="s">
        <v>654</v>
      </c>
      <c r="O7084">
        <v>3</v>
      </c>
      <c r="P7084" t="s">
        <v>655</v>
      </c>
      <c r="Q7084">
        <v>1</v>
      </c>
      <c r="R7084" t="s">
        <v>669</v>
      </c>
      <c r="S7084">
        <v>1</v>
      </c>
      <c r="T7084" t="s">
        <v>729</v>
      </c>
      <c r="U7084">
        <v>4</v>
      </c>
      <c r="V7084">
        <v>3</v>
      </c>
      <c r="W7084">
        <v>180</v>
      </c>
      <c r="X7084">
        <v>2020</v>
      </c>
    </row>
    <row r="7085" spans="1:24" x14ac:dyDescent="0.25">
      <c r="A7085">
        <v>271</v>
      </c>
      <c r="B7085" t="s">
        <v>12</v>
      </c>
      <c r="C7085">
        <v>7</v>
      </c>
      <c r="D7085" t="s">
        <v>597</v>
      </c>
      <c r="E7085">
        <v>62</v>
      </c>
      <c r="F7085" t="s">
        <v>651</v>
      </c>
      <c r="G7085">
        <v>160</v>
      </c>
      <c r="H7085" t="s">
        <v>658</v>
      </c>
      <c r="I7085">
        <v>13755</v>
      </c>
      <c r="J7085" t="s">
        <v>301</v>
      </c>
      <c r="K7085">
        <v>26</v>
      </c>
      <c r="L7085" t="s">
        <v>301</v>
      </c>
      <c r="M7085">
        <v>82</v>
      </c>
      <c r="N7085" t="s">
        <v>654</v>
      </c>
      <c r="O7085">
        <v>3</v>
      </c>
      <c r="P7085" t="s">
        <v>655</v>
      </c>
      <c r="Q7085">
        <v>1</v>
      </c>
      <c r="R7085" t="s">
        <v>669</v>
      </c>
      <c r="S7085">
        <v>1</v>
      </c>
      <c r="T7085" t="s">
        <v>769</v>
      </c>
      <c r="U7085">
        <v>3</v>
      </c>
      <c r="V7085">
        <v>3</v>
      </c>
      <c r="W7085">
        <v>180</v>
      </c>
      <c r="X7085">
        <v>2020</v>
      </c>
    </row>
    <row r="7086" spans="1:24" x14ac:dyDescent="0.25">
      <c r="A7086">
        <v>270</v>
      </c>
      <c r="B7086" t="s">
        <v>12</v>
      </c>
      <c r="C7086">
        <v>7</v>
      </c>
      <c r="D7086" t="s">
        <v>597</v>
      </c>
      <c r="E7086">
        <v>62</v>
      </c>
      <c r="F7086" t="s">
        <v>651</v>
      </c>
      <c r="G7086">
        <v>160</v>
      </c>
      <c r="H7086" t="s">
        <v>658</v>
      </c>
      <c r="I7086">
        <v>13755</v>
      </c>
      <c r="J7086" t="s">
        <v>301</v>
      </c>
      <c r="K7086">
        <v>26</v>
      </c>
      <c r="L7086" t="s">
        <v>301</v>
      </c>
      <c r="M7086">
        <v>82</v>
      </c>
      <c r="N7086" t="s">
        <v>654</v>
      </c>
      <c r="O7086">
        <v>3</v>
      </c>
      <c r="P7086" t="s">
        <v>655</v>
      </c>
      <c r="Q7086">
        <v>1</v>
      </c>
      <c r="R7086" t="s">
        <v>669</v>
      </c>
      <c r="S7086">
        <v>1</v>
      </c>
      <c r="T7086" t="s">
        <v>718</v>
      </c>
      <c r="U7086">
        <v>2</v>
      </c>
      <c r="V7086">
        <v>3</v>
      </c>
      <c r="W7086">
        <v>180</v>
      </c>
      <c r="X7086">
        <v>2020</v>
      </c>
    </row>
    <row r="7087" spans="1:24" x14ac:dyDescent="0.25">
      <c r="A7087">
        <v>269</v>
      </c>
      <c r="B7087" t="s">
        <v>12</v>
      </c>
      <c r="C7087">
        <v>7</v>
      </c>
      <c r="D7087" t="s">
        <v>598</v>
      </c>
      <c r="E7087">
        <v>61</v>
      </c>
      <c r="F7087" t="s">
        <v>651</v>
      </c>
      <c r="G7087">
        <v>160</v>
      </c>
      <c r="H7087" t="s">
        <v>658</v>
      </c>
      <c r="I7087">
        <v>13755</v>
      </c>
      <c r="J7087" t="s">
        <v>813</v>
      </c>
      <c r="K7087">
        <v>24</v>
      </c>
      <c r="L7087" t="s">
        <v>1078</v>
      </c>
      <c r="M7087">
        <v>79</v>
      </c>
      <c r="N7087" t="s">
        <v>654</v>
      </c>
      <c r="O7087">
        <v>3</v>
      </c>
      <c r="P7087" t="s">
        <v>655</v>
      </c>
      <c r="Q7087">
        <v>1</v>
      </c>
      <c r="R7087" t="s">
        <v>669</v>
      </c>
      <c r="S7087">
        <v>1</v>
      </c>
      <c r="T7087" t="s">
        <v>661</v>
      </c>
      <c r="U7087">
        <v>8</v>
      </c>
      <c r="V7087">
        <v>3</v>
      </c>
      <c r="W7087">
        <v>180</v>
      </c>
      <c r="X7087">
        <v>2020</v>
      </c>
    </row>
    <row r="7088" spans="1:24" x14ac:dyDescent="0.25">
      <c r="A7088">
        <v>268</v>
      </c>
      <c r="B7088" t="s">
        <v>12</v>
      </c>
      <c r="C7088">
        <v>7</v>
      </c>
      <c r="D7088" t="s">
        <v>599</v>
      </c>
      <c r="E7088">
        <v>60</v>
      </c>
      <c r="F7088" t="s">
        <v>651</v>
      </c>
      <c r="G7088">
        <v>160</v>
      </c>
      <c r="H7088" t="s">
        <v>658</v>
      </c>
      <c r="I7088">
        <v>13755</v>
      </c>
      <c r="J7088" t="s">
        <v>813</v>
      </c>
      <c r="K7088">
        <v>24</v>
      </c>
      <c r="L7088" t="s">
        <v>4010</v>
      </c>
      <c r="M7088">
        <v>78</v>
      </c>
      <c r="N7088" t="s">
        <v>654</v>
      </c>
      <c r="O7088">
        <v>3</v>
      </c>
      <c r="P7088" t="s">
        <v>655</v>
      </c>
      <c r="Q7088">
        <v>1</v>
      </c>
      <c r="R7088" t="s">
        <v>669</v>
      </c>
      <c r="S7088">
        <v>1</v>
      </c>
      <c r="T7088" t="s">
        <v>661</v>
      </c>
      <c r="U7088">
        <v>8</v>
      </c>
      <c r="V7088">
        <v>3</v>
      </c>
      <c r="W7088">
        <v>180</v>
      </c>
      <c r="X7088">
        <v>2020</v>
      </c>
    </row>
    <row r="7089" spans="1:24" x14ac:dyDescent="0.25">
      <c r="A7089">
        <v>264</v>
      </c>
      <c r="B7089" t="s">
        <v>202</v>
      </c>
      <c r="C7089">
        <v>6</v>
      </c>
      <c r="D7089" t="s">
        <v>534</v>
      </c>
      <c r="E7089">
        <v>59</v>
      </c>
      <c r="F7089" t="s">
        <v>651</v>
      </c>
      <c r="G7089">
        <v>160</v>
      </c>
      <c r="H7089" t="s">
        <v>658</v>
      </c>
      <c r="I7089">
        <v>13755</v>
      </c>
      <c r="J7089" t="s">
        <v>671</v>
      </c>
      <c r="K7089">
        <v>81</v>
      </c>
      <c r="L7089" t="s">
        <v>920</v>
      </c>
      <c r="M7089">
        <v>335</v>
      </c>
      <c r="N7089" t="s">
        <v>654</v>
      </c>
      <c r="O7089">
        <v>3</v>
      </c>
      <c r="P7089" t="s">
        <v>655</v>
      </c>
      <c r="Q7089">
        <v>1</v>
      </c>
      <c r="R7089" t="s">
        <v>669</v>
      </c>
      <c r="S7089">
        <v>1</v>
      </c>
      <c r="T7089" t="s">
        <v>661</v>
      </c>
      <c r="U7089">
        <v>8</v>
      </c>
      <c r="V7089">
        <v>3</v>
      </c>
      <c r="W7089">
        <v>180</v>
      </c>
      <c r="X7089">
        <v>2020</v>
      </c>
    </row>
    <row r="7090" spans="1:24" x14ac:dyDescent="0.25">
      <c r="A7090">
        <v>263</v>
      </c>
      <c r="B7090" t="s">
        <v>202</v>
      </c>
      <c r="C7090">
        <v>6</v>
      </c>
      <c r="D7090" t="s">
        <v>534</v>
      </c>
      <c r="E7090">
        <v>59</v>
      </c>
      <c r="F7090" t="s">
        <v>651</v>
      </c>
      <c r="G7090">
        <v>160</v>
      </c>
      <c r="H7090" t="s">
        <v>658</v>
      </c>
      <c r="I7090">
        <v>13755</v>
      </c>
      <c r="J7090" t="s">
        <v>915</v>
      </c>
      <c r="K7090">
        <v>78</v>
      </c>
      <c r="L7090" t="s">
        <v>1266</v>
      </c>
      <c r="M7090">
        <v>334</v>
      </c>
      <c r="N7090" t="s">
        <v>654</v>
      </c>
      <c r="O7090">
        <v>3</v>
      </c>
      <c r="P7090" t="s">
        <v>655</v>
      </c>
      <c r="Q7090">
        <v>1</v>
      </c>
      <c r="R7090" t="s">
        <v>669</v>
      </c>
      <c r="S7090">
        <v>1</v>
      </c>
      <c r="T7090" t="s">
        <v>661</v>
      </c>
      <c r="U7090">
        <v>8</v>
      </c>
      <c r="V7090">
        <v>3</v>
      </c>
      <c r="W7090">
        <v>180</v>
      </c>
      <c r="X7090">
        <v>2020</v>
      </c>
    </row>
    <row r="7091" spans="1:24" x14ac:dyDescent="0.25">
      <c r="A7091">
        <v>259</v>
      </c>
      <c r="B7091" t="s">
        <v>202</v>
      </c>
      <c r="C7091">
        <v>6</v>
      </c>
      <c r="D7091" t="s">
        <v>534</v>
      </c>
      <c r="E7091">
        <v>59</v>
      </c>
      <c r="F7091" t="s">
        <v>651</v>
      </c>
      <c r="G7091">
        <v>160</v>
      </c>
      <c r="H7091" t="s">
        <v>658</v>
      </c>
      <c r="I7091">
        <v>13755</v>
      </c>
      <c r="J7091" t="s">
        <v>932</v>
      </c>
      <c r="K7091">
        <v>77</v>
      </c>
      <c r="L7091" t="s">
        <v>933</v>
      </c>
      <c r="M7091">
        <v>330</v>
      </c>
      <c r="N7091" t="s">
        <v>654</v>
      </c>
      <c r="O7091">
        <v>3</v>
      </c>
      <c r="P7091" t="s">
        <v>655</v>
      </c>
      <c r="Q7091">
        <v>1</v>
      </c>
      <c r="R7091" t="s">
        <v>669</v>
      </c>
      <c r="S7091">
        <v>1</v>
      </c>
      <c r="T7091" t="s">
        <v>661</v>
      </c>
      <c r="U7091">
        <v>8</v>
      </c>
      <c r="V7091">
        <v>4</v>
      </c>
      <c r="W7091">
        <v>240</v>
      </c>
      <c r="X7091">
        <v>2020</v>
      </c>
    </row>
    <row r="7092" spans="1:24" x14ac:dyDescent="0.25">
      <c r="A7092">
        <v>258</v>
      </c>
      <c r="B7092" t="s">
        <v>202</v>
      </c>
      <c r="C7092">
        <v>6</v>
      </c>
      <c r="D7092" t="s">
        <v>321</v>
      </c>
      <c r="E7092">
        <v>58</v>
      </c>
      <c r="F7092" t="s">
        <v>651</v>
      </c>
      <c r="G7092">
        <v>160</v>
      </c>
      <c r="H7092" t="s">
        <v>658</v>
      </c>
      <c r="I7092">
        <v>13755</v>
      </c>
      <c r="J7092" t="s">
        <v>1931</v>
      </c>
      <c r="K7092">
        <v>80</v>
      </c>
      <c r="L7092" t="s">
        <v>878</v>
      </c>
      <c r="M7092">
        <v>329</v>
      </c>
      <c r="N7092" t="s">
        <v>654</v>
      </c>
      <c r="O7092">
        <v>3</v>
      </c>
      <c r="P7092" t="s">
        <v>655</v>
      </c>
      <c r="Q7092">
        <v>1</v>
      </c>
      <c r="R7092" t="s">
        <v>669</v>
      </c>
      <c r="S7092">
        <v>1</v>
      </c>
      <c r="T7092" t="s">
        <v>661</v>
      </c>
      <c r="U7092">
        <v>8</v>
      </c>
      <c r="V7092">
        <v>5</v>
      </c>
      <c r="W7092">
        <v>300</v>
      </c>
      <c r="X7092">
        <v>2020</v>
      </c>
    </row>
    <row r="7093" spans="1:24" x14ac:dyDescent="0.25">
      <c r="A7093">
        <v>257</v>
      </c>
      <c r="B7093" t="s">
        <v>202</v>
      </c>
      <c r="C7093">
        <v>6</v>
      </c>
      <c r="D7093" t="s">
        <v>54</v>
      </c>
      <c r="E7093">
        <v>57</v>
      </c>
      <c r="F7093" t="s">
        <v>651</v>
      </c>
      <c r="G7093">
        <v>160</v>
      </c>
      <c r="H7093" t="s">
        <v>658</v>
      </c>
      <c r="I7093">
        <v>13755</v>
      </c>
      <c r="J7093" t="s">
        <v>751</v>
      </c>
      <c r="K7093">
        <v>79</v>
      </c>
      <c r="L7093" t="s">
        <v>752</v>
      </c>
      <c r="M7093">
        <v>328</v>
      </c>
      <c r="N7093" t="s">
        <v>654</v>
      </c>
      <c r="O7093">
        <v>3</v>
      </c>
      <c r="P7093" t="s">
        <v>655</v>
      </c>
      <c r="Q7093">
        <v>1</v>
      </c>
      <c r="R7093" t="s">
        <v>669</v>
      </c>
      <c r="S7093">
        <v>1</v>
      </c>
      <c r="T7093" t="s">
        <v>661</v>
      </c>
      <c r="U7093">
        <v>8</v>
      </c>
      <c r="V7093">
        <v>6</v>
      </c>
      <c r="W7093">
        <v>360</v>
      </c>
      <c r="X7093">
        <v>2020</v>
      </c>
    </row>
    <row r="7094" spans="1:24" x14ac:dyDescent="0.25">
      <c r="A7094">
        <v>256</v>
      </c>
      <c r="B7094" t="s">
        <v>202</v>
      </c>
      <c r="C7094">
        <v>6</v>
      </c>
      <c r="D7094" t="s">
        <v>322</v>
      </c>
      <c r="E7094">
        <v>56</v>
      </c>
      <c r="F7094" t="s">
        <v>651</v>
      </c>
      <c r="G7094">
        <v>160</v>
      </c>
      <c r="H7094" t="s">
        <v>658</v>
      </c>
      <c r="I7094">
        <v>13755</v>
      </c>
      <c r="J7094" t="s">
        <v>932</v>
      </c>
      <c r="K7094">
        <v>77</v>
      </c>
      <c r="L7094" t="s">
        <v>839</v>
      </c>
      <c r="M7094">
        <v>327</v>
      </c>
      <c r="N7094" t="s">
        <v>654</v>
      </c>
      <c r="O7094">
        <v>3</v>
      </c>
      <c r="P7094" t="s">
        <v>655</v>
      </c>
      <c r="Q7094">
        <v>1</v>
      </c>
      <c r="R7094" t="s">
        <v>669</v>
      </c>
      <c r="S7094">
        <v>1</v>
      </c>
      <c r="T7094" t="s">
        <v>661</v>
      </c>
      <c r="U7094">
        <v>8</v>
      </c>
      <c r="V7094">
        <v>6</v>
      </c>
      <c r="W7094">
        <v>360</v>
      </c>
      <c r="X7094">
        <v>2020</v>
      </c>
    </row>
    <row r="7095" spans="1:24" x14ac:dyDescent="0.25">
      <c r="A7095">
        <v>253</v>
      </c>
      <c r="B7095" t="s">
        <v>16</v>
      </c>
      <c r="C7095">
        <v>5</v>
      </c>
      <c r="D7095" t="s">
        <v>600</v>
      </c>
      <c r="E7095">
        <v>54</v>
      </c>
      <c r="F7095" t="s">
        <v>651</v>
      </c>
      <c r="G7095">
        <v>160</v>
      </c>
      <c r="H7095" t="s">
        <v>658</v>
      </c>
      <c r="I7095">
        <v>13755</v>
      </c>
      <c r="J7095" t="s">
        <v>864</v>
      </c>
      <c r="K7095">
        <v>14</v>
      </c>
      <c r="L7095" t="s">
        <v>3962</v>
      </c>
      <c r="M7095">
        <v>371</v>
      </c>
      <c r="N7095" t="s">
        <v>654</v>
      </c>
      <c r="O7095">
        <v>3</v>
      </c>
      <c r="P7095" t="s">
        <v>655</v>
      </c>
      <c r="Q7095">
        <v>1</v>
      </c>
      <c r="R7095" t="s">
        <v>669</v>
      </c>
      <c r="S7095">
        <v>1</v>
      </c>
      <c r="T7095" t="s">
        <v>661</v>
      </c>
      <c r="U7095">
        <v>8</v>
      </c>
      <c r="V7095">
        <v>3</v>
      </c>
      <c r="W7095">
        <v>180</v>
      </c>
      <c r="X7095">
        <v>2020</v>
      </c>
    </row>
    <row r="7096" spans="1:24" x14ac:dyDescent="0.25">
      <c r="A7096">
        <v>252</v>
      </c>
      <c r="B7096" t="s">
        <v>16</v>
      </c>
      <c r="C7096">
        <v>5</v>
      </c>
      <c r="D7096" t="s">
        <v>509</v>
      </c>
      <c r="E7096">
        <v>53</v>
      </c>
      <c r="F7096" t="s">
        <v>651</v>
      </c>
      <c r="G7096">
        <v>160</v>
      </c>
      <c r="H7096" t="s">
        <v>658</v>
      </c>
      <c r="I7096">
        <v>13755</v>
      </c>
      <c r="J7096" t="s">
        <v>864</v>
      </c>
      <c r="K7096">
        <v>14</v>
      </c>
      <c r="L7096" t="s">
        <v>1610</v>
      </c>
      <c r="M7096">
        <v>370</v>
      </c>
      <c r="N7096" t="s">
        <v>654</v>
      </c>
      <c r="O7096">
        <v>3</v>
      </c>
      <c r="P7096" t="s">
        <v>655</v>
      </c>
      <c r="Q7096">
        <v>1</v>
      </c>
      <c r="R7096" t="s">
        <v>669</v>
      </c>
      <c r="S7096">
        <v>1</v>
      </c>
      <c r="T7096" t="s">
        <v>661</v>
      </c>
      <c r="U7096">
        <v>8</v>
      </c>
      <c r="V7096">
        <v>3</v>
      </c>
      <c r="W7096">
        <v>180</v>
      </c>
      <c r="X7096">
        <v>2020</v>
      </c>
    </row>
    <row r="7097" spans="1:24" x14ac:dyDescent="0.25">
      <c r="A7097">
        <v>251</v>
      </c>
      <c r="B7097" t="s">
        <v>16</v>
      </c>
      <c r="C7097">
        <v>5</v>
      </c>
      <c r="D7097" t="s">
        <v>509</v>
      </c>
      <c r="E7097">
        <v>53</v>
      </c>
      <c r="F7097" t="s">
        <v>651</v>
      </c>
      <c r="G7097">
        <v>160</v>
      </c>
      <c r="H7097" t="s">
        <v>658</v>
      </c>
      <c r="I7097">
        <v>13755</v>
      </c>
      <c r="J7097" t="s">
        <v>659</v>
      </c>
      <c r="K7097">
        <v>35</v>
      </c>
      <c r="L7097" t="s">
        <v>1082</v>
      </c>
      <c r="M7097">
        <v>48</v>
      </c>
      <c r="N7097" t="s">
        <v>654</v>
      </c>
      <c r="O7097">
        <v>3</v>
      </c>
      <c r="P7097" t="s">
        <v>655</v>
      </c>
      <c r="Q7097">
        <v>1</v>
      </c>
      <c r="R7097" t="s">
        <v>669</v>
      </c>
      <c r="S7097">
        <v>1</v>
      </c>
      <c r="T7097" t="s">
        <v>661</v>
      </c>
      <c r="U7097">
        <v>8</v>
      </c>
      <c r="V7097">
        <v>3</v>
      </c>
      <c r="W7097">
        <v>180</v>
      </c>
      <c r="X7097">
        <v>2020</v>
      </c>
    </row>
    <row r="7098" spans="1:24" x14ac:dyDescent="0.25">
      <c r="A7098">
        <v>250</v>
      </c>
      <c r="B7098" t="s">
        <v>16</v>
      </c>
      <c r="C7098">
        <v>5</v>
      </c>
      <c r="D7098" t="s">
        <v>509</v>
      </c>
      <c r="E7098">
        <v>53</v>
      </c>
      <c r="F7098" t="s">
        <v>651</v>
      </c>
      <c r="G7098">
        <v>160</v>
      </c>
      <c r="H7098" t="s">
        <v>658</v>
      </c>
      <c r="I7098">
        <v>13755</v>
      </c>
      <c r="J7098" t="s">
        <v>864</v>
      </c>
      <c r="K7098">
        <v>14</v>
      </c>
      <c r="L7098" t="s">
        <v>3783</v>
      </c>
      <c r="M7098">
        <v>362</v>
      </c>
      <c r="N7098" t="s">
        <v>654</v>
      </c>
      <c r="O7098">
        <v>3</v>
      </c>
      <c r="P7098" t="s">
        <v>655</v>
      </c>
      <c r="Q7098">
        <v>1</v>
      </c>
      <c r="R7098" t="s">
        <v>669</v>
      </c>
      <c r="S7098">
        <v>1</v>
      </c>
      <c r="T7098" t="s">
        <v>661</v>
      </c>
      <c r="U7098">
        <v>8</v>
      </c>
      <c r="V7098">
        <v>3</v>
      </c>
      <c r="W7098">
        <v>180</v>
      </c>
      <c r="X7098">
        <v>2020</v>
      </c>
    </row>
    <row r="7099" spans="1:24" x14ac:dyDescent="0.25">
      <c r="A7099">
        <v>249</v>
      </c>
      <c r="B7099" t="s">
        <v>16</v>
      </c>
      <c r="C7099">
        <v>5</v>
      </c>
      <c r="D7099" t="s">
        <v>509</v>
      </c>
      <c r="E7099">
        <v>53</v>
      </c>
      <c r="F7099" t="s">
        <v>651</v>
      </c>
      <c r="G7099">
        <v>160</v>
      </c>
      <c r="H7099" t="s">
        <v>658</v>
      </c>
      <c r="I7099">
        <v>13755</v>
      </c>
      <c r="J7099" t="s">
        <v>864</v>
      </c>
      <c r="K7099">
        <v>14</v>
      </c>
      <c r="L7099" t="s">
        <v>1257</v>
      </c>
      <c r="M7099">
        <v>354</v>
      </c>
      <c r="N7099" t="s">
        <v>654</v>
      </c>
      <c r="O7099">
        <v>3</v>
      </c>
      <c r="P7099" t="s">
        <v>655</v>
      </c>
      <c r="Q7099">
        <v>1</v>
      </c>
      <c r="R7099" t="s">
        <v>669</v>
      </c>
      <c r="S7099">
        <v>1</v>
      </c>
      <c r="T7099" t="s">
        <v>661</v>
      </c>
      <c r="U7099">
        <v>8</v>
      </c>
      <c r="V7099">
        <v>4</v>
      </c>
      <c r="W7099">
        <v>240</v>
      </c>
      <c r="X7099">
        <v>2020</v>
      </c>
    </row>
    <row r="7100" spans="1:24" x14ac:dyDescent="0.25">
      <c r="A7100">
        <v>248</v>
      </c>
      <c r="B7100" t="s">
        <v>16</v>
      </c>
      <c r="C7100">
        <v>5</v>
      </c>
      <c r="D7100" t="s">
        <v>601</v>
      </c>
      <c r="E7100">
        <v>52</v>
      </c>
      <c r="F7100" t="s">
        <v>651</v>
      </c>
      <c r="G7100">
        <v>160</v>
      </c>
      <c r="H7100" t="s">
        <v>658</v>
      </c>
      <c r="I7100">
        <v>13755</v>
      </c>
      <c r="J7100" t="s">
        <v>864</v>
      </c>
      <c r="K7100">
        <v>14</v>
      </c>
      <c r="L7100" t="s">
        <v>4011</v>
      </c>
      <c r="M7100">
        <v>374</v>
      </c>
      <c r="N7100" t="s">
        <v>654</v>
      </c>
      <c r="O7100">
        <v>3</v>
      </c>
      <c r="P7100" t="s">
        <v>655</v>
      </c>
      <c r="Q7100">
        <v>1</v>
      </c>
      <c r="R7100" t="s">
        <v>669</v>
      </c>
      <c r="S7100">
        <v>1</v>
      </c>
      <c r="T7100" t="s">
        <v>661</v>
      </c>
      <c r="U7100">
        <v>8</v>
      </c>
      <c r="V7100">
        <v>3</v>
      </c>
      <c r="W7100">
        <v>180</v>
      </c>
      <c r="X7100">
        <v>2020</v>
      </c>
    </row>
    <row r="7101" spans="1:24" x14ac:dyDescent="0.25">
      <c r="A7101">
        <v>246</v>
      </c>
      <c r="B7101" t="s">
        <v>16</v>
      </c>
      <c r="C7101">
        <v>5</v>
      </c>
      <c r="D7101" t="s">
        <v>585</v>
      </c>
      <c r="E7101">
        <v>51</v>
      </c>
      <c r="F7101" t="s">
        <v>651</v>
      </c>
      <c r="G7101">
        <v>160</v>
      </c>
      <c r="H7101" t="s">
        <v>658</v>
      </c>
      <c r="I7101">
        <v>13755</v>
      </c>
      <c r="J7101" t="s">
        <v>894</v>
      </c>
      <c r="K7101">
        <v>18</v>
      </c>
      <c r="L7101" t="s">
        <v>894</v>
      </c>
      <c r="M7101">
        <v>58</v>
      </c>
      <c r="N7101" t="s">
        <v>654</v>
      </c>
      <c r="O7101">
        <v>3</v>
      </c>
      <c r="P7101" t="s">
        <v>655</v>
      </c>
      <c r="Q7101">
        <v>1</v>
      </c>
      <c r="R7101" t="s">
        <v>669</v>
      </c>
      <c r="S7101">
        <v>1</v>
      </c>
      <c r="T7101" t="s">
        <v>769</v>
      </c>
      <c r="U7101">
        <v>3</v>
      </c>
      <c r="V7101">
        <v>3</v>
      </c>
      <c r="W7101">
        <v>180</v>
      </c>
      <c r="X7101">
        <v>2020</v>
      </c>
    </row>
    <row r="7102" spans="1:24" x14ac:dyDescent="0.25">
      <c r="A7102">
        <v>245</v>
      </c>
      <c r="B7102" t="s">
        <v>16</v>
      </c>
      <c r="C7102">
        <v>5</v>
      </c>
      <c r="D7102" t="s">
        <v>585</v>
      </c>
      <c r="E7102">
        <v>51</v>
      </c>
      <c r="F7102" t="s">
        <v>651</v>
      </c>
      <c r="G7102">
        <v>160</v>
      </c>
      <c r="H7102" t="s">
        <v>658</v>
      </c>
      <c r="I7102">
        <v>13755</v>
      </c>
      <c r="J7102" t="s">
        <v>894</v>
      </c>
      <c r="K7102">
        <v>18</v>
      </c>
      <c r="L7102" t="s">
        <v>894</v>
      </c>
      <c r="M7102">
        <v>58</v>
      </c>
      <c r="N7102" t="s">
        <v>654</v>
      </c>
      <c r="O7102">
        <v>3</v>
      </c>
      <c r="P7102" t="s">
        <v>655</v>
      </c>
      <c r="Q7102">
        <v>1</v>
      </c>
      <c r="R7102" t="s">
        <v>669</v>
      </c>
      <c r="S7102">
        <v>1</v>
      </c>
      <c r="T7102" t="s">
        <v>718</v>
      </c>
      <c r="U7102">
        <v>2</v>
      </c>
      <c r="V7102">
        <v>3</v>
      </c>
      <c r="W7102">
        <v>180</v>
      </c>
      <c r="X7102">
        <v>2020</v>
      </c>
    </row>
    <row r="7103" spans="1:24" x14ac:dyDescent="0.25">
      <c r="A7103">
        <v>244</v>
      </c>
      <c r="B7103" t="s">
        <v>16</v>
      </c>
      <c r="C7103">
        <v>5</v>
      </c>
      <c r="D7103" t="s">
        <v>585</v>
      </c>
      <c r="E7103">
        <v>51</v>
      </c>
      <c r="F7103" t="s">
        <v>651</v>
      </c>
      <c r="G7103">
        <v>160</v>
      </c>
      <c r="H7103" t="s">
        <v>658</v>
      </c>
      <c r="I7103">
        <v>13755</v>
      </c>
      <c r="J7103" t="s">
        <v>894</v>
      </c>
      <c r="K7103">
        <v>18</v>
      </c>
      <c r="L7103" t="s">
        <v>894</v>
      </c>
      <c r="M7103">
        <v>58</v>
      </c>
      <c r="N7103" t="s">
        <v>654</v>
      </c>
      <c r="O7103">
        <v>3</v>
      </c>
      <c r="P7103" t="s">
        <v>655</v>
      </c>
      <c r="Q7103">
        <v>1</v>
      </c>
      <c r="R7103" t="s">
        <v>669</v>
      </c>
      <c r="S7103">
        <v>1</v>
      </c>
      <c r="T7103" t="s">
        <v>661</v>
      </c>
      <c r="U7103">
        <v>8</v>
      </c>
      <c r="V7103">
        <v>3</v>
      </c>
      <c r="W7103">
        <v>180</v>
      </c>
      <c r="X7103">
        <v>2020</v>
      </c>
    </row>
    <row r="7104" spans="1:24" x14ac:dyDescent="0.25">
      <c r="A7104">
        <v>242</v>
      </c>
      <c r="B7104" t="s">
        <v>16</v>
      </c>
      <c r="C7104">
        <v>5</v>
      </c>
      <c r="D7104" t="s">
        <v>425</v>
      </c>
      <c r="E7104">
        <v>50</v>
      </c>
      <c r="F7104" t="s">
        <v>651</v>
      </c>
      <c r="G7104">
        <v>160</v>
      </c>
      <c r="H7104" t="s">
        <v>658</v>
      </c>
      <c r="I7104">
        <v>13755</v>
      </c>
      <c r="J7104" t="s">
        <v>868</v>
      </c>
      <c r="K7104">
        <v>23</v>
      </c>
      <c r="L7104" t="s">
        <v>868</v>
      </c>
      <c r="M7104">
        <v>73</v>
      </c>
      <c r="N7104" t="s">
        <v>654</v>
      </c>
      <c r="O7104">
        <v>3</v>
      </c>
      <c r="P7104" t="s">
        <v>655</v>
      </c>
      <c r="Q7104">
        <v>1</v>
      </c>
      <c r="R7104" t="s">
        <v>669</v>
      </c>
      <c r="S7104">
        <v>1</v>
      </c>
      <c r="T7104" t="s">
        <v>661</v>
      </c>
      <c r="U7104">
        <v>8</v>
      </c>
      <c r="V7104">
        <v>3</v>
      </c>
      <c r="W7104">
        <v>180</v>
      </c>
      <c r="X7104">
        <v>2020</v>
      </c>
    </row>
    <row r="7105" spans="1:24" x14ac:dyDescent="0.25">
      <c r="A7105">
        <v>241</v>
      </c>
      <c r="B7105" t="s">
        <v>16</v>
      </c>
      <c r="C7105">
        <v>5</v>
      </c>
      <c r="D7105" t="s">
        <v>425</v>
      </c>
      <c r="E7105">
        <v>50</v>
      </c>
      <c r="F7105" t="s">
        <v>651</v>
      </c>
      <c r="G7105">
        <v>160</v>
      </c>
      <c r="H7105" t="s">
        <v>3372</v>
      </c>
      <c r="I7105">
        <v>13386</v>
      </c>
      <c r="J7105" t="s">
        <v>684</v>
      </c>
      <c r="K7105">
        <v>22</v>
      </c>
      <c r="L7105" t="s">
        <v>685</v>
      </c>
      <c r="M7105">
        <v>72</v>
      </c>
      <c r="N7105" t="s">
        <v>654</v>
      </c>
      <c r="O7105">
        <v>3</v>
      </c>
      <c r="P7105" t="s">
        <v>655</v>
      </c>
      <c r="Q7105">
        <v>1</v>
      </c>
      <c r="R7105" t="s">
        <v>669</v>
      </c>
      <c r="S7105">
        <v>1</v>
      </c>
      <c r="T7105" t="s">
        <v>661</v>
      </c>
      <c r="U7105">
        <v>8</v>
      </c>
      <c r="V7105">
        <v>3</v>
      </c>
      <c r="W7105">
        <v>180</v>
      </c>
      <c r="X7105">
        <v>2020</v>
      </c>
    </row>
    <row r="7106" spans="1:24" x14ac:dyDescent="0.25">
      <c r="A7106">
        <v>239</v>
      </c>
      <c r="B7106" t="s">
        <v>16</v>
      </c>
      <c r="C7106">
        <v>5</v>
      </c>
      <c r="D7106" t="s">
        <v>425</v>
      </c>
      <c r="E7106">
        <v>50</v>
      </c>
      <c r="F7106" t="s">
        <v>651</v>
      </c>
      <c r="G7106">
        <v>160</v>
      </c>
      <c r="H7106" t="s">
        <v>934</v>
      </c>
      <c r="I7106">
        <v>3452</v>
      </c>
      <c r="J7106" t="s">
        <v>684</v>
      </c>
      <c r="K7106">
        <v>22</v>
      </c>
      <c r="L7106" t="s">
        <v>685</v>
      </c>
      <c r="M7106">
        <v>72</v>
      </c>
      <c r="N7106" t="s">
        <v>654</v>
      </c>
      <c r="O7106">
        <v>3</v>
      </c>
      <c r="P7106" t="s">
        <v>655</v>
      </c>
      <c r="Q7106">
        <v>1</v>
      </c>
      <c r="R7106" t="s">
        <v>669</v>
      </c>
      <c r="S7106">
        <v>1</v>
      </c>
      <c r="T7106" t="s">
        <v>661</v>
      </c>
      <c r="U7106">
        <v>8</v>
      </c>
      <c r="V7106">
        <v>3</v>
      </c>
      <c r="W7106">
        <v>180</v>
      </c>
      <c r="X7106">
        <v>2020</v>
      </c>
    </row>
    <row r="7107" spans="1:24" x14ac:dyDescent="0.25">
      <c r="A7107">
        <v>238</v>
      </c>
      <c r="B7107" t="s">
        <v>16</v>
      </c>
      <c r="C7107">
        <v>5</v>
      </c>
      <c r="D7107" t="s">
        <v>425</v>
      </c>
      <c r="E7107">
        <v>50</v>
      </c>
      <c r="F7107" t="s">
        <v>651</v>
      </c>
      <c r="G7107">
        <v>160</v>
      </c>
      <c r="H7107" t="s">
        <v>658</v>
      </c>
      <c r="I7107">
        <v>13755</v>
      </c>
      <c r="J7107" t="s">
        <v>684</v>
      </c>
      <c r="K7107">
        <v>22</v>
      </c>
      <c r="L7107" t="s">
        <v>685</v>
      </c>
      <c r="M7107">
        <v>72</v>
      </c>
      <c r="N7107" t="s">
        <v>654</v>
      </c>
      <c r="O7107">
        <v>3</v>
      </c>
      <c r="P7107" t="s">
        <v>689</v>
      </c>
      <c r="Q7107">
        <v>4</v>
      </c>
      <c r="R7107" t="s">
        <v>669</v>
      </c>
      <c r="S7107">
        <v>1</v>
      </c>
      <c r="T7107" t="s">
        <v>661</v>
      </c>
      <c r="U7107">
        <v>8</v>
      </c>
      <c r="V7107">
        <v>3</v>
      </c>
      <c r="W7107">
        <v>180</v>
      </c>
      <c r="X7107">
        <v>2020</v>
      </c>
    </row>
    <row r="7108" spans="1:24" x14ac:dyDescent="0.25">
      <c r="A7108">
        <v>237</v>
      </c>
      <c r="B7108" t="s">
        <v>16</v>
      </c>
      <c r="C7108">
        <v>5</v>
      </c>
      <c r="D7108" t="s">
        <v>425</v>
      </c>
      <c r="E7108">
        <v>50</v>
      </c>
      <c r="F7108" t="s">
        <v>651</v>
      </c>
      <c r="G7108">
        <v>160</v>
      </c>
      <c r="H7108" t="s">
        <v>658</v>
      </c>
      <c r="I7108">
        <v>13755</v>
      </c>
      <c r="J7108" t="s">
        <v>684</v>
      </c>
      <c r="K7108">
        <v>22</v>
      </c>
      <c r="L7108" t="s">
        <v>685</v>
      </c>
      <c r="M7108">
        <v>72</v>
      </c>
      <c r="N7108" t="s">
        <v>654</v>
      </c>
      <c r="O7108">
        <v>3</v>
      </c>
      <c r="P7108" t="s">
        <v>655</v>
      </c>
      <c r="Q7108">
        <v>1</v>
      </c>
      <c r="R7108" t="s">
        <v>669</v>
      </c>
      <c r="S7108">
        <v>1</v>
      </c>
      <c r="T7108" t="s">
        <v>661</v>
      </c>
      <c r="U7108">
        <v>8</v>
      </c>
      <c r="V7108">
        <v>3</v>
      </c>
      <c r="W7108">
        <v>180</v>
      </c>
      <c r="X7108">
        <v>2020</v>
      </c>
    </row>
    <row r="7109" spans="1:24" x14ac:dyDescent="0.25">
      <c r="A7109">
        <v>236</v>
      </c>
      <c r="B7109" t="s">
        <v>16</v>
      </c>
      <c r="C7109">
        <v>5</v>
      </c>
      <c r="D7109" t="s">
        <v>425</v>
      </c>
      <c r="E7109">
        <v>50</v>
      </c>
      <c r="F7109" t="s">
        <v>651</v>
      </c>
      <c r="G7109">
        <v>160</v>
      </c>
      <c r="H7109" t="s">
        <v>658</v>
      </c>
      <c r="I7109">
        <v>13755</v>
      </c>
      <c r="J7109" t="s">
        <v>684</v>
      </c>
      <c r="K7109">
        <v>22</v>
      </c>
      <c r="L7109" t="s">
        <v>3802</v>
      </c>
      <c r="M7109">
        <v>71</v>
      </c>
      <c r="N7109" t="s">
        <v>654</v>
      </c>
      <c r="O7109">
        <v>3</v>
      </c>
      <c r="P7109" t="s">
        <v>655</v>
      </c>
      <c r="Q7109">
        <v>1</v>
      </c>
      <c r="R7109" t="s">
        <v>669</v>
      </c>
      <c r="S7109">
        <v>1</v>
      </c>
      <c r="T7109" t="s">
        <v>661</v>
      </c>
      <c r="U7109">
        <v>8</v>
      </c>
      <c r="V7109">
        <v>3</v>
      </c>
      <c r="W7109">
        <v>180</v>
      </c>
      <c r="X7109">
        <v>2020</v>
      </c>
    </row>
    <row r="7110" spans="1:24" x14ac:dyDescent="0.25">
      <c r="A7110">
        <v>235</v>
      </c>
      <c r="B7110" t="s">
        <v>16</v>
      </c>
      <c r="C7110">
        <v>5</v>
      </c>
      <c r="D7110" t="s">
        <v>425</v>
      </c>
      <c r="E7110">
        <v>50</v>
      </c>
      <c r="F7110" t="s">
        <v>651</v>
      </c>
      <c r="G7110">
        <v>160</v>
      </c>
      <c r="H7110" t="s">
        <v>658</v>
      </c>
      <c r="I7110">
        <v>13755</v>
      </c>
      <c r="J7110" t="s">
        <v>684</v>
      </c>
      <c r="K7110">
        <v>22</v>
      </c>
      <c r="L7110" t="s">
        <v>1943</v>
      </c>
      <c r="M7110">
        <v>70</v>
      </c>
      <c r="N7110" t="s">
        <v>654</v>
      </c>
      <c r="O7110">
        <v>3</v>
      </c>
      <c r="P7110" t="s">
        <v>655</v>
      </c>
      <c r="Q7110">
        <v>1</v>
      </c>
      <c r="R7110" t="s">
        <v>669</v>
      </c>
      <c r="S7110">
        <v>1</v>
      </c>
      <c r="T7110" t="s">
        <v>661</v>
      </c>
      <c r="U7110">
        <v>8</v>
      </c>
      <c r="V7110">
        <v>3</v>
      </c>
      <c r="W7110">
        <v>180</v>
      </c>
      <c r="X7110">
        <v>2020</v>
      </c>
    </row>
    <row r="7111" spans="1:24" x14ac:dyDescent="0.25">
      <c r="A7111">
        <v>234</v>
      </c>
      <c r="B7111" t="s">
        <v>16</v>
      </c>
      <c r="C7111">
        <v>5</v>
      </c>
      <c r="D7111" t="s">
        <v>555</v>
      </c>
      <c r="E7111">
        <v>49</v>
      </c>
      <c r="F7111" t="s">
        <v>651</v>
      </c>
      <c r="G7111">
        <v>160</v>
      </c>
      <c r="H7111" t="s">
        <v>658</v>
      </c>
      <c r="I7111">
        <v>13755</v>
      </c>
      <c r="J7111" t="s">
        <v>1011</v>
      </c>
      <c r="K7111">
        <v>17</v>
      </c>
      <c r="L7111" t="s">
        <v>1011</v>
      </c>
      <c r="M7111">
        <v>57</v>
      </c>
      <c r="N7111" t="s">
        <v>654</v>
      </c>
      <c r="O7111">
        <v>3</v>
      </c>
      <c r="P7111" t="s">
        <v>689</v>
      </c>
      <c r="Q7111">
        <v>4</v>
      </c>
      <c r="R7111" t="s">
        <v>669</v>
      </c>
      <c r="S7111">
        <v>1</v>
      </c>
      <c r="T7111" t="s">
        <v>661</v>
      </c>
      <c r="U7111">
        <v>8</v>
      </c>
      <c r="V7111">
        <v>3</v>
      </c>
      <c r="W7111">
        <v>180</v>
      </c>
      <c r="X7111">
        <v>2020</v>
      </c>
    </row>
    <row r="7112" spans="1:24" x14ac:dyDescent="0.25">
      <c r="A7112">
        <v>233</v>
      </c>
      <c r="B7112" t="s">
        <v>16</v>
      </c>
      <c r="C7112">
        <v>5</v>
      </c>
      <c r="D7112" t="s">
        <v>555</v>
      </c>
      <c r="E7112">
        <v>49</v>
      </c>
      <c r="F7112" t="s">
        <v>651</v>
      </c>
      <c r="G7112">
        <v>160</v>
      </c>
      <c r="H7112" t="s">
        <v>658</v>
      </c>
      <c r="I7112">
        <v>13755</v>
      </c>
      <c r="J7112" t="s">
        <v>1011</v>
      </c>
      <c r="K7112">
        <v>17</v>
      </c>
      <c r="L7112" t="s">
        <v>1011</v>
      </c>
      <c r="M7112">
        <v>57</v>
      </c>
      <c r="N7112" t="s">
        <v>654</v>
      </c>
      <c r="O7112">
        <v>3</v>
      </c>
      <c r="P7112" t="s">
        <v>655</v>
      </c>
      <c r="Q7112">
        <v>1</v>
      </c>
      <c r="R7112" t="s">
        <v>669</v>
      </c>
      <c r="S7112">
        <v>1</v>
      </c>
      <c r="T7112" t="s">
        <v>661</v>
      </c>
      <c r="U7112">
        <v>8</v>
      </c>
      <c r="V7112">
        <v>3</v>
      </c>
      <c r="W7112">
        <v>180</v>
      </c>
      <c r="X7112">
        <v>2020</v>
      </c>
    </row>
    <row r="7113" spans="1:24" x14ac:dyDescent="0.25">
      <c r="A7113">
        <v>231</v>
      </c>
      <c r="B7113" t="s">
        <v>16</v>
      </c>
      <c r="C7113">
        <v>5</v>
      </c>
      <c r="D7113" t="s">
        <v>555</v>
      </c>
      <c r="E7113">
        <v>49</v>
      </c>
      <c r="F7113" t="s">
        <v>651</v>
      </c>
      <c r="G7113">
        <v>160</v>
      </c>
      <c r="H7113" t="s">
        <v>658</v>
      </c>
      <c r="I7113">
        <v>13755</v>
      </c>
      <c r="J7113" t="s">
        <v>703</v>
      </c>
      <c r="K7113">
        <v>16</v>
      </c>
      <c r="L7113" t="s">
        <v>3265</v>
      </c>
      <c r="M7113">
        <v>55</v>
      </c>
      <c r="N7113" t="s">
        <v>654</v>
      </c>
      <c r="O7113">
        <v>3</v>
      </c>
      <c r="P7113" t="s">
        <v>655</v>
      </c>
      <c r="Q7113">
        <v>1</v>
      </c>
      <c r="R7113" t="s">
        <v>669</v>
      </c>
      <c r="S7113">
        <v>1</v>
      </c>
      <c r="T7113" t="s">
        <v>661</v>
      </c>
      <c r="U7113">
        <v>8</v>
      </c>
      <c r="V7113">
        <v>3</v>
      </c>
      <c r="W7113">
        <v>180</v>
      </c>
      <c r="X7113">
        <v>2020</v>
      </c>
    </row>
    <row r="7114" spans="1:24" x14ac:dyDescent="0.25">
      <c r="A7114">
        <v>230</v>
      </c>
      <c r="B7114" t="s">
        <v>16</v>
      </c>
      <c r="C7114">
        <v>5</v>
      </c>
      <c r="D7114" t="s">
        <v>555</v>
      </c>
      <c r="E7114">
        <v>49</v>
      </c>
      <c r="F7114" t="s">
        <v>651</v>
      </c>
      <c r="G7114">
        <v>160</v>
      </c>
      <c r="H7114" t="s">
        <v>658</v>
      </c>
      <c r="I7114">
        <v>13755</v>
      </c>
      <c r="J7114" t="s">
        <v>703</v>
      </c>
      <c r="K7114">
        <v>16</v>
      </c>
      <c r="L7114" t="s">
        <v>703</v>
      </c>
      <c r="M7114">
        <v>54</v>
      </c>
      <c r="N7114" t="s">
        <v>654</v>
      </c>
      <c r="O7114">
        <v>3</v>
      </c>
      <c r="P7114" t="s">
        <v>655</v>
      </c>
      <c r="Q7114">
        <v>1</v>
      </c>
      <c r="R7114" t="s">
        <v>669</v>
      </c>
      <c r="S7114">
        <v>1</v>
      </c>
      <c r="T7114" t="s">
        <v>661</v>
      </c>
      <c r="U7114">
        <v>8</v>
      </c>
      <c r="V7114">
        <v>3</v>
      </c>
      <c r="W7114">
        <v>180</v>
      </c>
      <c r="X7114">
        <v>2020</v>
      </c>
    </row>
    <row r="7115" spans="1:24" x14ac:dyDescent="0.25">
      <c r="A7115">
        <v>229</v>
      </c>
      <c r="B7115" t="s">
        <v>16</v>
      </c>
      <c r="C7115">
        <v>5</v>
      </c>
      <c r="D7115" t="s">
        <v>458</v>
      </c>
      <c r="E7115">
        <v>48</v>
      </c>
      <c r="F7115" t="s">
        <v>651</v>
      </c>
      <c r="G7115">
        <v>160</v>
      </c>
      <c r="H7115" t="s">
        <v>658</v>
      </c>
      <c r="I7115">
        <v>13755</v>
      </c>
      <c r="J7115" t="s">
        <v>676</v>
      </c>
      <c r="K7115">
        <v>4</v>
      </c>
      <c r="L7115" t="s">
        <v>676</v>
      </c>
      <c r="M7115">
        <v>12</v>
      </c>
      <c r="N7115" t="s">
        <v>654</v>
      </c>
      <c r="O7115">
        <v>3</v>
      </c>
      <c r="P7115" t="s">
        <v>689</v>
      </c>
      <c r="Q7115">
        <v>4</v>
      </c>
      <c r="R7115" t="s">
        <v>669</v>
      </c>
      <c r="S7115">
        <v>1</v>
      </c>
      <c r="T7115" t="s">
        <v>661</v>
      </c>
      <c r="U7115">
        <v>8</v>
      </c>
      <c r="V7115">
        <v>3</v>
      </c>
      <c r="W7115">
        <v>180</v>
      </c>
      <c r="X7115">
        <v>2020</v>
      </c>
    </row>
    <row r="7116" spans="1:24" x14ac:dyDescent="0.25">
      <c r="A7116">
        <v>228</v>
      </c>
      <c r="B7116" t="s">
        <v>16</v>
      </c>
      <c r="C7116">
        <v>5</v>
      </c>
      <c r="D7116" t="s">
        <v>458</v>
      </c>
      <c r="E7116">
        <v>48</v>
      </c>
      <c r="F7116" t="s">
        <v>651</v>
      </c>
      <c r="G7116">
        <v>160</v>
      </c>
      <c r="H7116" t="s">
        <v>658</v>
      </c>
      <c r="I7116">
        <v>13755</v>
      </c>
      <c r="J7116" t="s">
        <v>676</v>
      </c>
      <c r="K7116">
        <v>4</v>
      </c>
      <c r="L7116" t="s">
        <v>676</v>
      </c>
      <c r="M7116">
        <v>12</v>
      </c>
      <c r="N7116" t="s">
        <v>654</v>
      </c>
      <c r="O7116">
        <v>3</v>
      </c>
      <c r="P7116" t="s">
        <v>655</v>
      </c>
      <c r="Q7116">
        <v>1</v>
      </c>
      <c r="R7116" t="s">
        <v>669</v>
      </c>
      <c r="S7116">
        <v>1</v>
      </c>
      <c r="T7116" t="s">
        <v>661</v>
      </c>
      <c r="U7116">
        <v>8</v>
      </c>
      <c r="V7116">
        <v>3</v>
      </c>
      <c r="W7116">
        <v>180</v>
      </c>
      <c r="X7116">
        <v>2020</v>
      </c>
    </row>
    <row r="7117" spans="1:24" x14ac:dyDescent="0.25">
      <c r="A7117">
        <v>226</v>
      </c>
      <c r="B7117" t="s">
        <v>16</v>
      </c>
      <c r="C7117">
        <v>5</v>
      </c>
      <c r="D7117" t="s">
        <v>458</v>
      </c>
      <c r="E7117">
        <v>48</v>
      </c>
      <c r="F7117" t="s">
        <v>651</v>
      </c>
      <c r="G7117">
        <v>160</v>
      </c>
      <c r="H7117" t="s">
        <v>658</v>
      </c>
      <c r="I7117">
        <v>13755</v>
      </c>
      <c r="J7117" t="s">
        <v>885</v>
      </c>
      <c r="K7117">
        <v>1</v>
      </c>
      <c r="L7117" t="s">
        <v>1543</v>
      </c>
      <c r="M7117">
        <v>3</v>
      </c>
      <c r="N7117" t="s">
        <v>654</v>
      </c>
      <c r="O7117">
        <v>3</v>
      </c>
      <c r="P7117" t="s">
        <v>655</v>
      </c>
      <c r="Q7117">
        <v>1</v>
      </c>
      <c r="R7117" t="s">
        <v>669</v>
      </c>
      <c r="S7117">
        <v>1</v>
      </c>
      <c r="T7117" t="s">
        <v>661</v>
      </c>
      <c r="U7117">
        <v>8</v>
      </c>
      <c r="V7117">
        <v>3</v>
      </c>
      <c r="W7117">
        <v>180</v>
      </c>
      <c r="X7117">
        <v>2020</v>
      </c>
    </row>
    <row r="7118" spans="1:24" x14ac:dyDescent="0.25">
      <c r="A7118">
        <v>224</v>
      </c>
      <c r="B7118" t="s">
        <v>16</v>
      </c>
      <c r="C7118">
        <v>5</v>
      </c>
      <c r="D7118" t="s">
        <v>458</v>
      </c>
      <c r="E7118">
        <v>48</v>
      </c>
      <c r="F7118" t="s">
        <v>651</v>
      </c>
      <c r="G7118">
        <v>160</v>
      </c>
      <c r="H7118" t="s">
        <v>658</v>
      </c>
      <c r="I7118">
        <v>13755</v>
      </c>
      <c r="J7118" t="s">
        <v>885</v>
      </c>
      <c r="K7118">
        <v>1</v>
      </c>
      <c r="L7118" t="s">
        <v>2624</v>
      </c>
      <c r="M7118">
        <v>2</v>
      </c>
      <c r="N7118" t="s">
        <v>654</v>
      </c>
      <c r="O7118">
        <v>3</v>
      </c>
      <c r="P7118" t="s">
        <v>655</v>
      </c>
      <c r="Q7118">
        <v>1</v>
      </c>
      <c r="R7118" t="s">
        <v>669</v>
      </c>
      <c r="S7118">
        <v>1</v>
      </c>
      <c r="T7118" t="s">
        <v>661</v>
      </c>
      <c r="U7118">
        <v>8</v>
      </c>
      <c r="V7118">
        <v>3</v>
      </c>
      <c r="W7118">
        <v>180</v>
      </c>
      <c r="X7118">
        <v>2020</v>
      </c>
    </row>
    <row r="7119" spans="1:24" x14ac:dyDescent="0.25">
      <c r="A7119">
        <v>222</v>
      </c>
      <c r="B7119" t="s">
        <v>16</v>
      </c>
      <c r="C7119">
        <v>5</v>
      </c>
      <c r="D7119" t="s">
        <v>458</v>
      </c>
      <c r="E7119">
        <v>48</v>
      </c>
      <c r="F7119" t="s">
        <v>651</v>
      </c>
      <c r="G7119">
        <v>160</v>
      </c>
      <c r="H7119" t="s">
        <v>658</v>
      </c>
      <c r="I7119">
        <v>13755</v>
      </c>
      <c r="J7119" t="s">
        <v>885</v>
      </c>
      <c r="K7119">
        <v>1</v>
      </c>
      <c r="L7119" t="s">
        <v>885</v>
      </c>
      <c r="M7119">
        <v>1</v>
      </c>
      <c r="N7119" t="s">
        <v>654</v>
      </c>
      <c r="O7119">
        <v>3</v>
      </c>
      <c r="P7119" t="s">
        <v>655</v>
      </c>
      <c r="Q7119">
        <v>1</v>
      </c>
      <c r="R7119" t="s">
        <v>669</v>
      </c>
      <c r="S7119">
        <v>1</v>
      </c>
      <c r="T7119" t="s">
        <v>661</v>
      </c>
      <c r="U7119">
        <v>8</v>
      </c>
      <c r="V7119">
        <v>3</v>
      </c>
      <c r="W7119">
        <v>180</v>
      </c>
      <c r="X7119">
        <v>2020</v>
      </c>
    </row>
    <row r="7120" spans="1:24" x14ac:dyDescent="0.25">
      <c r="A7120">
        <v>221</v>
      </c>
      <c r="B7120" t="s">
        <v>16</v>
      </c>
      <c r="C7120">
        <v>5</v>
      </c>
      <c r="D7120" t="s">
        <v>439</v>
      </c>
      <c r="E7120">
        <v>47</v>
      </c>
      <c r="F7120" t="s">
        <v>651</v>
      </c>
      <c r="G7120">
        <v>160</v>
      </c>
      <c r="H7120" t="s">
        <v>658</v>
      </c>
      <c r="I7120">
        <v>13755</v>
      </c>
      <c r="J7120" t="s">
        <v>895</v>
      </c>
      <c r="K7120">
        <v>13</v>
      </c>
      <c r="L7120" t="s">
        <v>3013</v>
      </c>
      <c r="M7120">
        <v>42</v>
      </c>
      <c r="N7120" t="s">
        <v>654</v>
      </c>
      <c r="O7120">
        <v>3</v>
      </c>
      <c r="P7120" t="s">
        <v>655</v>
      </c>
      <c r="Q7120">
        <v>1</v>
      </c>
      <c r="R7120" t="s">
        <v>669</v>
      </c>
      <c r="S7120">
        <v>1</v>
      </c>
      <c r="T7120" t="s">
        <v>661</v>
      </c>
      <c r="U7120">
        <v>8</v>
      </c>
      <c r="V7120">
        <v>3</v>
      </c>
      <c r="W7120">
        <v>180</v>
      </c>
      <c r="X7120">
        <v>2020</v>
      </c>
    </row>
    <row r="7121" spans="1:24" x14ac:dyDescent="0.25">
      <c r="A7121">
        <v>220</v>
      </c>
      <c r="B7121" t="s">
        <v>16</v>
      </c>
      <c r="C7121">
        <v>5</v>
      </c>
      <c r="D7121" t="s">
        <v>439</v>
      </c>
      <c r="E7121">
        <v>47</v>
      </c>
      <c r="F7121" t="s">
        <v>651</v>
      </c>
      <c r="G7121">
        <v>160</v>
      </c>
      <c r="H7121" t="s">
        <v>658</v>
      </c>
      <c r="I7121">
        <v>13755</v>
      </c>
      <c r="J7121" t="s">
        <v>895</v>
      </c>
      <c r="K7121">
        <v>13</v>
      </c>
      <c r="L7121" t="s">
        <v>1418</v>
      </c>
      <c r="M7121">
        <v>43</v>
      </c>
      <c r="N7121" t="s">
        <v>654</v>
      </c>
      <c r="O7121">
        <v>3</v>
      </c>
      <c r="P7121" t="s">
        <v>655</v>
      </c>
      <c r="Q7121">
        <v>1</v>
      </c>
      <c r="R7121" t="s">
        <v>669</v>
      </c>
      <c r="S7121">
        <v>1</v>
      </c>
      <c r="T7121" t="s">
        <v>661</v>
      </c>
      <c r="U7121">
        <v>8</v>
      </c>
      <c r="V7121">
        <v>3</v>
      </c>
      <c r="W7121">
        <v>180</v>
      </c>
      <c r="X7121">
        <v>2020</v>
      </c>
    </row>
    <row r="7122" spans="1:24" x14ac:dyDescent="0.25">
      <c r="A7122">
        <v>219</v>
      </c>
      <c r="B7122" t="s">
        <v>16</v>
      </c>
      <c r="C7122">
        <v>5</v>
      </c>
      <c r="D7122" t="s">
        <v>439</v>
      </c>
      <c r="E7122">
        <v>47</v>
      </c>
      <c r="F7122" t="s">
        <v>651</v>
      </c>
      <c r="G7122">
        <v>160</v>
      </c>
      <c r="H7122" t="s">
        <v>658</v>
      </c>
      <c r="I7122">
        <v>13755</v>
      </c>
      <c r="J7122" t="s">
        <v>667</v>
      </c>
      <c r="K7122">
        <v>11</v>
      </c>
      <c r="L7122" t="s">
        <v>667</v>
      </c>
      <c r="M7122">
        <v>35</v>
      </c>
      <c r="N7122" t="s">
        <v>654</v>
      </c>
      <c r="O7122">
        <v>3</v>
      </c>
      <c r="P7122" t="s">
        <v>655</v>
      </c>
      <c r="Q7122">
        <v>1</v>
      </c>
      <c r="R7122" t="s">
        <v>669</v>
      </c>
      <c r="S7122">
        <v>1</v>
      </c>
      <c r="T7122" t="s">
        <v>661</v>
      </c>
      <c r="U7122">
        <v>8</v>
      </c>
      <c r="V7122">
        <v>3</v>
      </c>
      <c r="W7122">
        <v>180</v>
      </c>
      <c r="X7122">
        <v>2020</v>
      </c>
    </row>
    <row r="7123" spans="1:24" x14ac:dyDescent="0.25">
      <c r="A7123">
        <v>218</v>
      </c>
      <c r="B7123" t="s">
        <v>16</v>
      </c>
      <c r="C7123">
        <v>5</v>
      </c>
      <c r="D7123" t="s">
        <v>439</v>
      </c>
      <c r="E7123">
        <v>47</v>
      </c>
      <c r="F7123" t="s">
        <v>651</v>
      </c>
      <c r="G7123">
        <v>160</v>
      </c>
      <c r="H7123" t="s">
        <v>658</v>
      </c>
      <c r="I7123">
        <v>13755</v>
      </c>
      <c r="J7123" t="s">
        <v>667</v>
      </c>
      <c r="K7123">
        <v>11</v>
      </c>
      <c r="L7123" t="s">
        <v>1420</v>
      </c>
      <c r="M7123">
        <v>34</v>
      </c>
      <c r="N7123" t="s">
        <v>654</v>
      </c>
      <c r="O7123">
        <v>3</v>
      </c>
      <c r="P7123" t="s">
        <v>655</v>
      </c>
      <c r="Q7123">
        <v>1</v>
      </c>
      <c r="R7123" t="s">
        <v>669</v>
      </c>
      <c r="S7123">
        <v>1</v>
      </c>
      <c r="T7123" t="s">
        <v>661</v>
      </c>
      <c r="U7123">
        <v>8</v>
      </c>
      <c r="V7123">
        <v>3</v>
      </c>
      <c r="W7123">
        <v>180</v>
      </c>
      <c r="X7123">
        <v>2020</v>
      </c>
    </row>
    <row r="7124" spans="1:24" x14ac:dyDescent="0.25">
      <c r="A7124">
        <v>217</v>
      </c>
      <c r="B7124" t="s">
        <v>16</v>
      </c>
      <c r="C7124">
        <v>5</v>
      </c>
      <c r="D7124" t="s">
        <v>439</v>
      </c>
      <c r="E7124">
        <v>47</v>
      </c>
      <c r="F7124" t="s">
        <v>651</v>
      </c>
      <c r="G7124">
        <v>160</v>
      </c>
      <c r="H7124" t="s">
        <v>658</v>
      </c>
      <c r="I7124">
        <v>13755</v>
      </c>
      <c r="J7124" t="s">
        <v>699</v>
      </c>
      <c r="K7124">
        <v>10</v>
      </c>
      <c r="L7124" t="s">
        <v>3808</v>
      </c>
      <c r="M7124">
        <v>500</v>
      </c>
      <c r="N7124" t="s">
        <v>654</v>
      </c>
      <c r="O7124">
        <v>3</v>
      </c>
      <c r="P7124" t="s">
        <v>655</v>
      </c>
      <c r="Q7124">
        <v>1</v>
      </c>
      <c r="R7124" t="s">
        <v>669</v>
      </c>
      <c r="S7124">
        <v>1</v>
      </c>
      <c r="T7124" t="s">
        <v>4012</v>
      </c>
      <c r="U7124">
        <v>259</v>
      </c>
      <c r="V7124">
        <v>3</v>
      </c>
      <c r="W7124">
        <v>180</v>
      </c>
      <c r="X7124">
        <v>2020</v>
      </c>
    </row>
    <row r="7125" spans="1:24" x14ac:dyDescent="0.25">
      <c r="A7125">
        <v>215</v>
      </c>
      <c r="B7125" t="s">
        <v>16</v>
      </c>
      <c r="C7125">
        <v>5</v>
      </c>
      <c r="D7125" t="s">
        <v>439</v>
      </c>
      <c r="E7125">
        <v>47</v>
      </c>
      <c r="F7125" t="s">
        <v>651</v>
      </c>
      <c r="G7125">
        <v>160</v>
      </c>
      <c r="H7125" t="s">
        <v>658</v>
      </c>
      <c r="I7125">
        <v>13755</v>
      </c>
      <c r="J7125" t="s">
        <v>699</v>
      </c>
      <c r="K7125">
        <v>10</v>
      </c>
      <c r="L7125" t="s">
        <v>3808</v>
      </c>
      <c r="M7125">
        <v>500</v>
      </c>
      <c r="N7125" t="s">
        <v>654</v>
      </c>
      <c r="O7125">
        <v>3</v>
      </c>
      <c r="P7125" t="s">
        <v>655</v>
      </c>
      <c r="Q7125">
        <v>1</v>
      </c>
      <c r="R7125" t="s">
        <v>669</v>
      </c>
      <c r="S7125">
        <v>1</v>
      </c>
      <c r="T7125" t="s">
        <v>4013</v>
      </c>
      <c r="U7125">
        <v>256</v>
      </c>
      <c r="V7125">
        <v>3</v>
      </c>
      <c r="W7125">
        <v>180</v>
      </c>
      <c r="X7125">
        <v>2020</v>
      </c>
    </row>
    <row r="7126" spans="1:24" x14ac:dyDescent="0.25">
      <c r="A7126">
        <v>212</v>
      </c>
      <c r="B7126" t="s">
        <v>16</v>
      </c>
      <c r="C7126">
        <v>5</v>
      </c>
      <c r="D7126" t="s">
        <v>439</v>
      </c>
      <c r="E7126">
        <v>47</v>
      </c>
      <c r="F7126" t="s">
        <v>651</v>
      </c>
      <c r="G7126">
        <v>160</v>
      </c>
      <c r="H7126" t="s">
        <v>658</v>
      </c>
      <c r="I7126">
        <v>13755</v>
      </c>
      <c r="J7126" t="s">
        <v>699</v>
      </c>
      <c r="K7126">
        <v>10</v>
      </c>
      <c r="L7126" t="s">
        <v>1932</v>
      </c>
      <c r="M7126">
        <v>501</v>
      </c>
      <c r="N7126" t="s">
        <v>654</v>
      </c>
      <c r="O7126">
        <v>3</v>
      </c>
      <c r="P7126" t="s">
        <v>655</v>
      </c>
      <c r="Q7126">
        <v>1</v>
      </c>
      <c r="R7126" t="s">
        <v>669</v>
      </c>
      <c r="S7126">
        <v>1</v>
      </c>
      <c r="T7126" t="s">
        <v>1413</v>
      </c>
      <c r="U7126">
        <v>253</v>
      </c>
      <c r="V7126">
        <v>3</v>
      </c>
      <c r="W7126">
        <v>180</v>
      </c>
      <c r="X7126">
        <v>2020</v>
      </c>
    </row>
    <row r="7127" spans="1:24" x14ac:dyDescent="0.25">
      <c r="A7127">
        <v>209</v>
      </c>
      <c r="B7127" t="s">
        <v>16</v>
      </c>
      <c r="C7127">
        <v>5</v>
      </c>
      <c r="D7127" t="s">
        <v>439</v>
      </c>
      <c r="E7127">
        <v>47</v>
      </c>
      <c r="F7127" t="s">
        <v>651</v>
      </c>
      <c r="G7127">
        <v>160</v>
      </c>
      <c r="H7127" t="s">
        <v>658</v>
      </c>
      <c r="I7127">
        <v>13755</v>
      </c>
      <c r="J7127" t="s">
        <v>699</v>
      </c>
      <c r="K7127">
        <v>10</v>
      </c>
      <c r="L7127" t="s">
        <v>1692</v>
      </c>
      <c r="M7127">
        <v>502</v>
      </c>
      <c r="N7127" t="s">
        <v>654</v>
      </c>
      <c r="O7127">
        <v>3</v>
      </c>
      <c r="P7127" t="s">
        <v>655</v>
      </c>
      <c r="Q7127">
        <v>1</v>
      </c>
      <c r="R7127" t="s">
        <v>669</v>
      </c>
      <c r="S7127">
        <v>1</v>
      </c>
      <c r="T7127" t="s">
        <v>4014</v>
      </c>
      <c r="U7127">
        <v>254</v>
      </c>
      <c r="V7127">
        <v>3</v>
      </c>
      <c r="W7127">
        <v>180</v>
      </c>
      <c r="X7127">
        <v>2020</v>
      </c>
    </row>
    <row r="7128" spans="1:24" x14ac:dyDescent="0.25">
      <c r="A7128">
        <v>208</v>
      </c>
      <c r="B7128" t="s">
        <v>16</v>
      </c>
      <c r="C7128">
        <v>5</v>
      </c>
      <c r="D7128" t="s">
        <v>426</v>
      </c>
      <c r="E7128">
        <v>46</v>
      </c>
      <c r="F7128" t="s">
        <v>651</v>
      </c>
      <c r="G7128">
        <v>160</v>
      </c>
      <c r="H7128" t="s">
        <v>658</v>
      </c>
      <c r="I7128">
        <v>13755</v>
      </c>
      <c r="J7128" t="s">
        <v>691</v>
      </c>
      <c r="K7128">
        <v>21</v>
      </c>
      <c r="L7128" t="s">
        <v>3765</v>
      </c>
      <c r="M7128">
        <v>69</v>
      </c>
      <c r="N7128" t="s">
        <v>654</v>
      </c>
      <c r="O7128">
        <v>3</v>
      </c>
      <c r="P7128" t="s">
        <v>655</v>
      </c>
      <c r="Q7128">
        <v>1</v>
      </c>
      <c r="R7128" t="s">
        <v>669</v>
      </c>
      <c r="S7128">
        <v>1</v>
      </c>
      <c r="T7128" t="s">
        <v>661</v>
      </c>
      <c r="U7128">
        <v>8</v>
      </c>
      <c r="V7128">
        <v>3</v>
      </c>
      <c r="W7128">
        <v>180</v>
      </c>
      <c r="X7128">
        <v>2020</v>
      </c>
    </row>
    <row r="7129" spans="1:24" x14ac:dyDescent="0.25">
      <c r="A7129">
        <v>206</v>
      </c>
      <c r="B7129" t="s">
        <v>16</v>
      </c>
      <c r="C7129">
        <v>5</v>
      </c>
      <c r="D7129" t="s">
        <v>426</v>
      </c>
      <c r="E7129">
        <v>46</v>
      </c>
      <c r="F7129" t="s">
        <v>651</v>
      </c>
      <c r="G7129">
        <v>160</v>
      </c>
      <c r="H7129" t="s">
        <v>658</v>
      </c>
      <c r="I7129">
        <v>13755</v>
      </c>
      <c r="J7129" t="s">
        <v>691</v>
      </c>
      <c r="K7129">
        <v>21</v>
      </c>
      <c r="L7129" t="s">
        <v>1923</v>
      </c>
      <c r="M7129">
        <v>67</v>
      </c>
      <c r="N7129" t="s">
        <v>654</v>
      </c>
      <c r="O7129">
        <v>3</v>
      </c>
      <c r="P7129" t="s">
        <v>655</v>
      </c>
      <c r="Q7129">
        <v>1</v>
      </c>
      <c r="R7129" t="s">
        <v>669</v>
      </c>
      <c r="S7129">
        <v>1</v>
      </c>
      <c r="T7129" t="s">
        <v>661</v>
      </c>
      <c r="U7129">
        <v>8</v>
      </c>
      <c r="V7129">
        <v>3</v>
      </c>
      <c r="W7129">
        <v>180</v>
      </c>
      <c r="X7129">
        <v>2020</v>
      </c>
    </row>
    <row r="7130" spans="1:24" x14ac:dyDescent="0.25">
      <c r="A7130">
        <v>203</v>
      </c>
      <c r="B7130" t="s">
        <v>16</v>
      </c>
      <c r="C7130">
        <v>5</v>
      </c>
      <c r="D7130" t="s">
        <v>426</v>
      </c>
      <c r="E7130">
        <v>46</v>
      </c>
      <c r="F7130" t="s">
        <v>651</v>
      </c>
      <c r="G7130">
        <v>160</v>
      </c>
      <c r="H7130" t="s">
        <v>658</v>
      </c>
      <c r="I7130">
        <v>13755</v>
      </c>
      <c r="J7130" t="s">
        <v>682</v>
      </c>
      <c r="K7130">
        <v>20</v>
      </c>
      <c r="L7130" t="s">
        <v>946</v>
      </c>
      <c r="M7130">
        <v>63</v>
      </c>
      <c r="N7130" t="s">
        <v>654</v>
      </c>
      <c r="O7130">
        <v>3</v>
      </c>
      <c r="P7130" t="s">
        <v>655</v>
      </c>
      <c r="Q7130">
        <v>1</v>
      </c>
      <c r="R7130" t="s">
        <v>669</v>
      </c>
      <c r="S7130">
        <v>1</v>
      </c>
      <c r="T7130" t="s">
        <v>661</v>
      </c>
      <c r="U7130">
        <v>8</v>
      </c>
      <c r="V7130">
        <v>3</v>
      </c>
      <c r="W7130">
        <v>180</v>
      </c>
      <c r="X7130">
        <v>2020</v>
      </c>
    </row>
    <row r="7131" spans="1:24" x14ac:dyDescent="0.25">
      <c r="A7131">
        <v>202</v>
      </c>
      <c r="B7131" t="s">
        <v>16</v>
      </c>
      <c r="C7131">
        <v>5</v>
      </c>
      <c r="D7131" t="s">
        <v>426</v>
      </c>
      <c r="E7131">
        <v>46</v>
      </c>
      <c r="F7131" t="s">
        <v>651</v>
      </c>
      <c r="G7131">
        <v>160</v>
      </c>
      <c r="H7131" t="s">
        <v>658</v>
      </c>
      <c r="I7131">
        <v>13755</v>
      </c>
      <c r="J7131" t="s">
        <v>895</v>
      </c>
      <c r="K7131">
        <v>13</v>
      </c>
      <c r="L7131" t="s">
        <v>2403</v>
      </c>
      <c r="M7131">
        <v>45</v>
      </c>
      <c r="N7131" t="s">
        <v>654</v>
      </c>
      <c r="O7131">
        <v>3</v>
      </c>
      <c r="P7131" t="s">
        <v>655</v>
      </c>
      <c r="Q7131">
        <v>1</v>
      </c>
      <c r="R7131" t="s">
        <v>669</v>
      </c>
      <c r="S7131">
        <v>1</v>
      </c>
      <c r="T7131" t="s">
        <v>661</v>
      </c>
      <c r="U7131">
        <v>8</v>
      </c>
      <c r="V7131">
        <v>3</v>
      </c>
      <c r="W7131">
        <v>180</v>
      </c>
      <c r="X7131">
        <v>2020</v>
      </c>
    </row>
    <row r="7132" spans="1:24" x14ac:dyDescent="0.25">
      <c r="A7132">
        <v>201</v>
      </c>
      <c r="B7132" t="s">
        <v>16</v>
      </c>
      <c r="C7132">
        <v>5</v>
      </c>
      <c r="D7132" t="s">
        <v>426</v>
      </c>
      <c r="E7132">
        <v>46</v>
      </c>
      <c r="F7132" t="s">
        <v>651</v>
      </c>
      <c r="G7132">
        <v>160</v>
      </c>
      <c r="H7132" t="s">
        <v>658</v>
      </c>
      <c r="I7132">
        <v>13755</v>
      </c>
      <c r="J7132" t="s">
        <v>895</v>
      </c>
      <c r="K7132">
        <v>13</v>
      </c>
      <c r="L7132" t="s">
        <v>3995</v>
      </c>
      <c r="M7132">
        <v>41</v>
      </c>
      <c r="N7132" t="s">
        <v>654</v>
      </c>
      <c r="O7132">
        <v>3</v>
      </c>
      <c r="P7132" t="s">
        <v>655</v>
      </c>
      <c r="Q7132">
        <v>1</v>
      </c>
      <c r="R7132" t="s">
        <v>669</v>
      </c>
      <c r="S7132">
        <v>1</v>
      </c>
      <c r="T7132" t="s">
        <v>661</v>
      </c>
      <c r="U7132">
        <v>8</v>
      </c>
      <c r="V7132">
        <v>3</v>
      </c>
      <c r="W7132">
        <v>180</v>
      </c>
      <c r="X7132">
        <v>2020</v>
      </c>
    </row>
    <row r="7133" spans="1:24" x14ac:dyDescent="0.25">
      <c r="A7133">
        <v>197</v>
      </c>
      <c r="B7133" t="s">
        <v>16</v>
      </c>
      <c r="C7133">
        <v>5</v>
      </c>
      <c r="D7133" t="s">
        <v>602</v>
      </c>
      <c r="E7133">
        <v>45</v>
      </c>
      <c r="F7133" t="s">
        <v>651</v>
      </c>
      <c r="G7133">
        <v>160</v>
      </c>
      <c r="H7133" t="s">
        <v>658</v>
      </c>
      <c r="I7133">
        <v>13755</v>
      </c>
      <c r="J7133" t="s">
        <v>691</v>
      </c>
      <c r="K7133">
        <v>21</v>
      </c>
      <c r="L7133" t="s">
        <v>1923</v>
      </c>
      <c r="M7133">
        <v>67</v>
      </c>
      <c r="N7133" t="s">
        <v>654</v>
      </c>
      <c r="O7133">
        <v>3</v>
      </c>
      <c r="P7133" t="s">
        <v>689</v>
      </c>
      <c r="Q7133">
        <v>4</v>
      </c>
      <c r="R7133" t="s">
        <v>669</v>
      </c>
      <c r="S7133">
        <v>1</v>
      </c>
      <c r="T7133" t="s">
        <v>661</v>
      </c>
      <c r="U7133">
        <v>8</v>
      </c>
      <c r="V7133">
        <v>3</v>
      </c>
      <c r="W7133">
        <v>180</v>
      </c>
      <c r="X7133">
        <v>2020</v>
      </c>
    </row>
    <row r="7134" spans="1:24" x14ac:dyDescent="0.25">
      <c r="A7134">
        <v>196</v>
      </c>
      <c r="B7134" t="s">
        <v>16</v>
      </c>
      <c r="C7134">
        <v>5</v>
      </c>
      <c r="D7134" t="s">
        <v>602</v>
      </c>
      <c r="E7134">
        <v>45</v>
      </c>
      <c r="F7134" t="s">
        <v>651</v>
      </c>
      <c r="G7134">
        <v>160</v>
      </c>
      <c r="H7134" t="s">
        <v>658</v>
      </c>
      <c r="I7134">
        <v>13755</v>
      </c>
      <c r="J7134" t="s">
        <v>691</v>
      </c>
      <c r="K7134">
        <v>21</v>
      </c>
      <c r="L7134" t="s">
        <v>1923</v>
      </c>
      <c r="M7134">
        <v>67</v>
      </c>
      <c r="N7134" t="s">
        <v>654</v>
      </c>
      <c r="O7134">
        <v>3</v>
      </c>
      <c r="P7134" t="s">
        <v>655</v>
      </c>
      <c r="Q7134">
        <v>1</v>
      </c>
      <c r="R7134" t="s">
        <v>669</v>
      </c>
      <c r="S7134">
        <v>1</v>
      </c>
      <c r="T7134" t="s">
        <v>661</v>
      </c>
      <c r="U7134">
        <v>8</v>
      </c>
      <c r="V7134">
        <v>3</v>
      </c>
      <c r="W7134">
        <v>180</v>
      </c>
      <c r="X7134">
        <v>2020</v>
      </c>
    </row>
    <row r="7135" spans="1:24" x14ac:dyDescent="0.25">
      <c r="A7135">
        <v>195</v>
      </c>
      <c r="B7135" t="s">
        <v>16</v>
      </c>
      <c r="C7135">
        <v>5</v>
      </c>
      <c r="D7135" t="s">
        <v>602</v>
      </c>
      <c r="E7135">
        <v>45</v>
      </c>
      <c r="F7135" t="s">
        <v>651</v>
      </c>
      <c r="G7135">
        <v>160</v>
      </c>
      <c r="H7135" t="s">
        <v>658</v>
      </c>
      <c r="I7135">
        <v>13755</v>
      </c>
      <c r="J7135" t="s">
        <v>691</v>
      </c>
      <c r="K7135">
        <v>21</v>
      </c>
      <c r="L7135" t="s">
        <v>2991</v>
      </c>
      <c r="M7135">
        <v>68</v>
      </c>
      <c r="N7135" t="s">
        <v>654</v>
      </c>
      <c r="O7135">
        <v>3</v>
      </c>
      <c r="P7135" t="s">
        <v>655</v>
      </c>
      <c r="Q7135">
        <v>1</v>
      </c>
      <c r="R7135" t="s">
        <v>669</v>
      </c>
      <c r="S7135">
        <v>1</v>
      </c>
      <c r="T7135" t="s">
        <v>661</v>
      </c>
      <c r="U7135">
        <v>8</v>
      </c>
      <c r="V7135">
        <v>3</v>
      </c>
      <c r="W7135">
        <v>180</v>
      </c>
      <c r="X7135">
        <v>2020</v>
      </c>
    </row>
    <row r="7136" spans="1:24" x14ac:dyDescent="0.25">
      <c r="A7136">
        <v>194</v>
      </c>
      <c r="B7136" t="s">
        <v>16</v>
      </c>
      <c r="C7136">
        <v>5</v>
      </c>
      <c r="D7136" t="s">
        <v>602</v>
      </c>
      <c r="E7136">
        <v>45</v>
      </c>
      <c r="F7136" t="s">
        <v>651</v>
      </c>
      <c r="G7136">
        <v>160</v>
      </c>
      <c r="H7136" t="s">
        <v>658</v>
      </c>
      <c r="I7136">
        <v>13755</v>
      </c>
      <c r="J7136" t="s">
        <v>691</v>
      </c>
      <c r="K7136">
        <v>21</v>
      </c>
      <c r="L7136" t="s">
        <v>1609</v>
      </c>
      <c r="M7136">
        <v>66</v>
      </c>
      <c r="N7136" t="s">
        <v>654</v>
      </c>
      <c r="O7136">
        <v>3</v>
      </c>
      <c r="P7136" t="s">
        <v>689</v>
      </c>
      <c r="Q7136">
        <v>4</v>
      </c>
      <c r="R7136" t="s">
        <v>669</v>
      </c>
      <c r="S7136">
        <v>1</v>
      </c>
      <c r="T7136" t="s">
        <v>661</v>
      </c>
      <c r="U7136">
        <v>8</v>
      </c>
      <c r="V7136">
        <v>3</v>
      </c>
      <c r="W7136">
        <v>180</v>
      </c>
      <c r="X7136">
        <v>2020</v>
      </c>
    </row>
    <row r="7137" spans="1:24" x14ac:dyDescent="0.25">
      <c r="A7137">
        <v>193</v>
      </c>
      <c r="B7137" t="s">
        <v>16</v>
      </c>
      <c r="C7137">
        <v>5</v>
      </c>
      <c r="D7137" t="s">
        <v>602</v>
      </c>
      <c r="E7137">
        <v>45</v>
      </c>
      <c r="F7137" t="s">
        <v>651</v>
      </c>
      <c r="G7137">
        <v>160</v>
      </c>
      <c r="H7137" t="s">
        <v>658</v>
      </c>
      <c r="I7137">
        <v>13755</v>
      </c>
      <c r="J7137" t="s">
        <v>691</v>
      </c>
      <c r="K7137">
        <v>21</v>
      </c>
      <c r="L7137" t="s">
        <v>1609</v>
      </c>
      <c r="M7137">
        <v>66</v>
      </c>
      <c r="N7137" t="s">
        <v>654</v>
      </c>
      <c r="O7137">
        <v>3</v>
      </c>
      <c r="P7137" t="s">
        <v>655</v>
      </c>
      <c r="Q7137">
        <v>1</v>
      </c>
      <c r="R7137" t="s">
        <v>669</v>
      </c>
      <c r="S7137">
        <v>1</v>
      </c>
      <c r="T7137" t="s">
        <v>661</v>
      </c>
      <c r="U7137">
        <v>8</v>
      </c>
      <c r="V7137">
        <v>3</v>
      </c>
      <c r="W7137">
        <v>180</v>
      </c>
      <c r="X7137">
        <v>2020</v>
      </c>
    </row>
    <row r="7138" spans="1:24" x14ac:dyDescent="0.25">
      <c r="A7138">
        <v>192</v>
      </c>
      <c r="B7138" t="s">
        <v>16</v>
      </c>
      <c r="C7138">
        <v>5</v>
      </c>
      <c r="D7138" t="s">
        <v>441</v>
      </c>
      <c r="E7138">
        <v>44</v>
      </c>
      <c r="F7138" t="s">
        <v>651</v>
      </c>
      <c r="G7138">
        <v>160</v>
      </c>
      <c r="H7138" t="s">
        <v>658</v>
      </c>
      <c r="I7138">
        <v>13755</v>
      </c>
      <c r="J7138" t="s">
        <v>756</v>
      </c>
      <c r="K7138">
        <v>19</v>
      </c>
      <c r="L7138" t="s">
        <v>756</v>
      </c>
      <c r="M7138">
        <v>60</v>
      </c>
      <c r="N7138" t="s">
        <v>654</v>
      </c>
      <c r="O7138">
        <v>3</v>
      </c>
      <c r="P7138" t="s">
        <v>655</v>
      </c>
      <c r="Q7138">
        <v>1</v>
      </c>
      <c r="R7138" t="s">
        <v>669</v>
      </c>
      <c r="S7138">
        <v>1</v>
      </c>
      <c r="T7138" t="s">
        <v>661</v>
      </c>
      <c r="U7138">
        <v>8</v>
      </c>
      <c r="V7138">
        <v>3</v>
      </c>
      <c r="W7138">
        <v>180</v>
      </c>
      <c r="X7138">
        <v>2020</v>
      </c>
    </row>
    <row r="7139" spans="1:24" x14ac:dyDescent="0.25">
      <c r="A7139">
        <v>191</v>
      </c>
      <c r="B7139" t="s">
        <v>16</v>
      </c>
      <c r="C7139">
        <v>5</v>
      </c>
      <c r="D7139" t="s">
        <v>441</v>
      </c>
      <c r="E7139">
        <v>44</v>
      </c>
      <c r="F7139" t="s">
        <v>651</v>
      </c>
      <c r="G7139">
        <v>160</v>
      </c>
      <c r="H7139" t="s">
        <v>658</v>
      </c>
      <c r="I7139">
        <v>13755</v>
      </c>
      <c r="J7139" t="s">
        <v>802</v>
      </c>
      <c r="K7139">
        <v>12</v>
      </c>
      <c r="L7139" t="s">
        <v>3996</v>
      </c>
      <c r="M7139">
        <v>40</v>
      </c>
      <c r="N7139" t="s">
        <v>654</v>
      </c>
      <c r="O7139">
        <v>3</v>
      </c>
      <c r="P7139" t="s">
        <v>655</v>
      </c>
      <c r="Q7139">
        <v>1</v>
      </c>
      <c r="R7139" t="s">
        <v>669</v>
      </c>
      <c r="S7139">
        <v>1</v>
      </c>
      <c r="T7139" t="s">
        <v>661</v>
      </c>
      <c r="U7139">
        <v>8</v>
      </c>
      <c r="V7139">
        <v>3</v>
      </c>
      <c r="W7139">
        <v>180</v>
      </c>
      <c r="X7139">
        <v>2020</v>
      </c>
    </row>
    <row r="7140" spans="1:24" x14ac:dyDescent="0.25">
      <c r="A7140">
        <v>190</v>
      </c>
      <c r="B7140" t="s">
        <v>16</v>
      </c>
      <c r="C7140">
        <v>5</v>
      </c>
      <c r="D7140" t="s">
        <v>441</v>
      </c>
      <c r="E7140">
        <v>44</v>
      </c>
      <c r="F7140" t="s">
        <v>651</v>
      </c>
      <c r="G7140">
        <v>160</v>
      </c>
      <c r="H7140" t="s">
        <v>658</v>
      </c>
      <c r="I7140">
        <v>13755</v>
      </c>
      <c r="J7140" t="s">
        <v>802</v>
      </c>
      <c r="K7140">
        <v>12</v>
      </c>
      <c r="L7140" t="s">
        <v>802</v>
      </c>
      <c r="M7140">
        <v>36</v>
      </c>
      <c r="N7140" t="s">
        <v>654</v>
      </c>
      <c r="O7140">
        <v>3</v>
      </c>
      <c r="P7140" t="s">
        <v>689</v>
      </c>
      <c r="Q7140">
        <v>4</v>
      </c>
      <c r="R7140" t="s">
        <v>669</v>
      </c>
      <c r="S7140">
        <v>1</v>
      </c>
      <c r="T7140" t="s">
        <v>661</v>
      </c>
      <c r="U7140">
        <v>8</v>
      </c>
      <c r="V7140">
        <v>3</v>
      </c>
      <c r="W7140">
        <v>180</v>
      </c>
      <c r="X7140">
        <v>2020</v>
      </c>
    </row>
    <row r="7141" spans="1:24" x14ac:dyDescent="0.25">
      <c r="A7141">
        <v>189</v>
      </c>
      <c r="B7141" t="s">
        <v>16</v>
      </c>
      <c r="C7141">
        <v>5</v>
      </c>
      <c r="D7141" t="s">
        <v>441</v>
      </c>
      <c r="E7141">
        <v>44</v>
      </c>
      <c r="F7141" t="s">
        <v>651</v>
      </c>
      <c r="G7141">
        <v>160</v>
      </c>
      <c r="H7141" t="s">
        <v>658</v>
      </c>
      <c r="I7141">
        <v>13755</v>
      </c>
      <c r="J7141" t="s">
        <v>802</v>
      </c>
      <c r="K7141">
        <v>12</v>
      </c>
      <c r="L7141" t="s">
        <v>802</v>
      </c>
      <c r="M7141">
        <v>36</v>
      </c>
      <c r="N7141" t="s">
        <v>654</v>
      </c>
      <c r="O7141">
        <v>3</v>
      </c>
      <c r="P7141" t="s">
        <v>655</v>
      </c>
      <c r="Q7141">
        <v>1</v>
      </c>
      <c r="R7141" t="s">
        <v>669</v>
      </c>
      <c r="S7141">
        <v>1</v>
      </c>
      <c r="T7141" t="s">
        <v>661</v>
      </c>
      <c r="U7141">
        <v>8</v>
      </c>
      <c r="V7141">
        <v>3</v>
      </c>
      <c r="W7141">
        <v>180</v>
      </c>
      <c r="X7141">
        <v>2020</v>
      </c>
    </row>
    <row r="7142" spans="1:24" x14ac:dyDescent="0.25">
      <c r="A7142">
        <v>188</v>
      </c>
      <c r="B7142" t="s">
        <v>16</v>
      </c>
      <c r="C7142">
        <v>5</v>
      </c>
      <c r="D7142" t="s">
        <v>603</v>
      </c>
      <c r="E7142">
        <v>43</v>
      </c>
      <c r="F7142" t="s">
        <v>651</v>
      </c>
      <c r="G7142">
        <v>160</v>
      </c>
      <c r="H7142" t="s">
        <v>658</v>
      </c>
      <c r="I7142">
        <v>13755</v>
      </c>
      <c r="J7142" t="s">
        <v>1738</v>
      </c>
      <c r="K7142">
        <v>55</v>
      </c>
      <c r="L7142" t="s">
        <v>3435</v>
      </c>
      <c r="M7142">
        <v>220</v>
      </c>
      <c r="N7142" t="s">
        <v>654</v>
      </c>
      <c r="O7142">
        <v>3</v>
      </c>
      <c r="P7142" t="s">
        <v>655</v>
      </c>
      <c r="Q7142">
        <v>1</v>
      </c>
      <c r="R7142" t="s">
        <v>669</v>
      </c>
      <c r="S7142">
        <v>1</v>
      </c>
      <c r="T7142" t="s">
        <v>661</v>
      </c>
      <c r="U7142">
        <v>8</v>
      </c>
      <c r="V7142">
        <v>4</v>
      </c>
      <c r="W7142">
        <v>240</v>
      </c>
      <c r="X7142">
        <v>2020</v>
      </c>
    </row>
    <row r="7143" spans="1:24" x14ac:dyDescent="0.25">
      <c r="A7143">
        <v>187</v>
      </c>
      <c r="B7143" t="s">
        <v>16</v>
      </c>
      <c r="C7143">
        <v>5</v>
      </c>
      <c r="D7143" t="s">
        <v>603</v>
      </c>
      <c r="E7143">
        <v>43</v>
      </c>
      <c r="F7143" t="s">
        <v>651</v>
      </c>
      <c r="G7143">
        <v>160</v>
      </c>
      <c r="H7143" t="s">
        <v>658</v>
      </c>
      <c r="I7143">
        <v>13755</v>
      </c>
      <c r="J7143" t="s">
        <v>1738</v>
      </c>
      <c r="K7143">
        <v>55</v>
      </c>
      <c r="L7143" t="s">
        <v>1738</v>
      </c>
      <c r="M7143">
        <v>217</v>
      </c>
      <c r="N7143" t="s">
        <v>654</v>
      </c>
      <c r="O7143">
        <v>3</v>
      </c>
      <c r="P7143" t="s">
        <v>655</v>
      </c>
      <c r="Q7143">
        <v>1</v>
      </c>
      <c r="R7143" t="s">
        <v>669</v>
      </c>
      <c r="S7143">
        <v>1</v>
      </c>
      <c r="T7143" t="s">
        <v>661</v>
      </c>
      <c r="U7143">
        <v>8</v>
      </c>
      <c r="V7143">
        <v>4</v>
      </c>
      <c r="W7143">
        <v>240</v>
      </c>
      <c r="X7143">
        <v>2020</v>
      </c>
    </row>
    <row r="7144" spans="1:24" x14ac:dyDescent="0.25">
      <c r="A7144">
        <v>186</v>
      </c>
      <c r="B7144" t="s">
        <v>16</v>
      </c>
      <c r="C7144">
        <v>5</v>
      </c>
      <c r="D7144" t="s">
        <v>603</v>
      </c>
      <c r="E7144">
        <v>43</v>
      </c>
      <c r="F7144" t="s">
        <v>651</v>
      </c>
      <c r="G7144">
        <v>160</v>
      </c>
      <c r="H7144" t="s">
        <v>658</v>
      </c>
      <c r="I7144">
        <v>13755</v>
      </c>
      <c r="J7144" t="s">
        <v>896</v>
      </c>
      <c r="K7144">
        <v>7</v>
      </c>
      <c r="L7144" t="s">
        <v>896</v>
      </c>
      <c r="M7144">
        <v>21</v>
      </c>
      <c r="N7144" t="s">
        <v>654</v>
      </c>
      <c r="O7144">
        <v>3</v>
      </c>
      <c r="P7144" t="s">
        <v>655</v>
      </c>
      <c r="Q7144">
        <v>1</v>
      </c>
      <c r="R7144" t="s">
        <v>669</v>
      </c>
      <c r="S7144">
        <v>1</v>
      </c>
      <c r="T7144" t="s">
        <v>661</v>
      </c>
      <c r="U7144">
        <v>8</v>
      </c>
      <c r="V7144">
        <v>3</v>
      </c>
      <c r="W7144">
        <v>180</v>
      </c>
      <c r="X7144">
        <v>2020</v>
      </c>
    </row>
    <row r="7145" spans="1:24" x14ac:dyDescent="0.25">
      <c r="A7145">
        <v>184</v>
      </c>
      <c r="B7145" t="s">
        <v>16</v>
      </c>
      <c r="C7145">
        <v>5</v>
      </c>
      <c r="D7145" t="s">
        <v>386</v>
      </c>
      <c r="E7145">
        <v>42</v>
      </c>
      <c r="F7145" t="s">
        <v>651</v>
      </c>
      <c r="G7145">
        <v>160</v>
      </c>
      <c r="H7145" t="s">
        <v>658</v>
      </c>
      <c r="I7145">
        <v>13755</v>
      </c>
      <c r="J7145" t="s">
        <v>736</v>
      </c>
      <c r="K7145">
        <v>8</v>
      </c>
      <c r="L7145" t="s">
        <v>3963</v>
      </c>
      <c r="M7145">
        <v>25</v>
      </c>
      <c r="N7145" t="s">
        <v>654</v>
      </c>
      <c r="O7145">
        <v>3</v>
      </c>
      <c r="P7145" t="s">
        <v>655</v>
      </c>
      <c r="Q7145">
        <v>1</v>
      </c>
      <c r="R7145" t="s">
        <v>669</v>
      </c>
      <c r="S7145">
        <v>1</v>
      </c>
      <c r="T7145" t="s">
        <v>661</v>
      </c>
      <c r="U7145">
        <v>8</v>
      </c>
      <c r="V7145">
        <v>3</v>
      </c>
      <c r="W7145">
        <v>180</v>
      </c>
      <c r="X7145">
        <v>2020</v>
      </c>
    </row>
    <row r="7146" spans="1:24" x14ac:dyDescent="0.25">
      <c r="A7146">
        <v>182</v>
      </c>
      <c r="B7146" t="s">
        <v>16</v>
      </c>
      <c r="C7146">
        <v>5</v>
      </c>
      <c r="D7146" t="s">
        <v>386</v>
      </c>
      <c r="E7146">
        <v>42</v>
      </c>
      <c r="F7146" t="s">
        <v>651</v>
      </c>
      <c r="G7146">
        <v>160</v>
      </c>
      <c r="H7146" t="s">
        <v>1859</v>
      </c>
      <c r="I7146">
        <v>8409</v>
      </c>
      <c r="J7146" t="s">
        <v>792</v>
      </c>
      <c r="K7146">
        <v>6</v>
      </c>
      <c r="L7146" t="s">
        <v>3778</v>
      </c>
      <c r="M7146">
        <v>20</v>
      </c>
      <c r="N7146" t="s">
        <v>654</v>
      </c>
      <c r="O7146">
        <v>3</v>
      </c>
      <c r="P7146" t="s">
        <v>655</v>
      </c>
      <c r="Q7146">
        <v>1</v>
      </c>
      <c r="R7146" t="s">
        <v>669</v>
      </c>
      <c r="S7146">
        <v>1</v>
      </c>
      <c r="T7146" t="s">
        <v>661</v>
      </c>
      <c r="U7146">
        <v>8</v>
      </c>
      <c r="V7146">
        <v>3</v>
      </c>
      <c r="W7146">
        <v>180</v>
      </c>
      <c r="X7146">
        <v>2020</v>
      </c>
    </row>
    <row r="7147" spans="1:24" x14ac:dyDescent="0.25">
      <c r="A7147">
        <v>181</v>
      </c>
      <c r="B7147" t="s">
        <v>16</v>
      </c>
      <c r="C7147">
        <v>5</v>
      </c>
      <c r="D7147" t="s">
        <v>386</v>
      </c>
      <c r="E7147">
        <v>42</v>
      </c>
      <c r="F7147" t="s">
        <v>651</v>
      </c>
      <c r="G7147">
        <v>160</v>
      </c>
      <c r="H7147" t="s">
        <v>658</v>
      </c>
      <c r="I7147">
        <v>13755</v>
      </c>
      <c r="J7147" t="s">
        <v>792</v>
      </c>
      <c r="K7147">
        <v>6</v>
      </c>
      <c r="L7147" t="s">
        <v>3778</v>
      </c>
      <c r="M7147">
        <v>20</v>
      </c>
      <c r="N7147" t="s">
        <v>654</v>
      </c>
      <c r="O7147">
        <v>3</v>
      </c>
      <c r="P7147" t="s">
        <v>655</v>
      </c>
      <c r="Q7147">
        <v>1</v>
      </c>
      <c r="R7147" t="s">
        <v>669</v>
      </c>
      <c r="S7147">
        <v>1</v>
      </c>
      <c r="T7147" t="s">
        <v>661</v>
      </c>
      <c r="U7147">
        <v>8</v>
      </c>
      <c r="V7147">
        <v>3</v>
      </c>
      <c r="W7147">
        <v>180</v>
      </c>
      <c r="X7147">
        <v>2020</v>
      </c>
    </row>
    <row r="7148" spans="1:24" x14ac:dyDescent="0.25">
      <c r="A7148">
        <v>180</v>
      </c>
      <c r="B7148" t="s">
        <v>16</v>
      </c>
      <c r="C7148">
        <v>5</v>
      </c>
      <c r="D7148" t="s">
        <v>386</v>
      </c>
      <c r="E7148">
        <v>42</v>
      </c>
      <c r="F7148" t="s">
        <v>651</v>
      </c>
      <c r="G7148">
        <v>160</v>
      </c>
      <c r="H7148" t="s">
        <v>658</v>
      </c>
      <c r="I7148">
        <v>13755</v>
      </c>
      <c r="J7148" t="s">
        <v>792</v>
      </c>
      <c r="K7148">
        <v>6</v>
      </c>
      <c r="L7148" t="s">
        <v>3965</v>
      </c>
      <c r="M7148">
        <v>19</v>
      </c>
      <c r="N7148" t="s">
        <v>654</v>
      </c>
      <c r="O7148">
        <v>3</v>
      </c>
      <c r="P7148" t="s">
        <v>655</v>
      </c>
      <c r="Q7148">
        <v>1</v>
      </c>
      <c r="R7148" t="s">
        <v>669</v>
      </c>
      <c r="S7148">
        <v>1</v>
      </c>
      <c r="T7148" t="s">
        <v>661</v>
      </c>
      <c r="U7148">
        <v>8</v>
      </c>
      <c r="V7148">
        <v>3</v>
      </c>
      <c r="W7148">
        <v>180</v>
      </c>
      <c r="X7148">
        <v>2020</v>
      </c>
    </row>
    <row r="7149" spans="1:24" x14ac:dyDescent="0.25">
      <c r="A7149">
        <v>179</v>
      </c>
      <c r="B7149" t="s">
        <v>16</v>
      </c>
      <c r="C7149">
        <v>5</v>
      </c>
      <c r="D7149" t="s">
        <v>386</v>
      </c>
      <c r="E7149">
        <v>42</v>
      </c>
      <c r="F7149" t="s">
        <v>651</v>
      </c>
      <c r="G7149">
        <v>160</v>
      </c>
      <c r="H7149" t="s">
        <v>658</v>
      </c>
      <c r="I7149">
        <v>13755</v>
      </c>
      <c r="J7149" t="s">
        <v>792</v>
      </c>
      <c r="K7149">
        <v>6</v>
      </c>
      <c r="L7149" t="s">
        <v>1093</v>
      </c>
      <c r="M7149">
        <v>18</v>
      </c>
      <c r="N7149" t="s">
        <v>654</v>
      </c>
      <c r="O7149">
        <v>3</v>
      </c>
      <c r="P7149" t="s">
        <v>655</v>
      </c>
      <c r="Q7149">
        <v>1</v>
      </c>
      <c r="R7149" t="s">
        <v>669</v>
      </c>
      <c r="S7149">
        <v>1</v>
      </c>
      <c r="T7149" t="s">
        <v>661</v>
      </c>
      <c r="U7149">
        <v>8</v>
      </c>
      <c r="V7149">
        <v>3</v>
      </c>
      <c r="W7149">
        <v>180</v>
      </c>
      <c r="X7149">
        <v>2020</v>
      </c>
    </row>
    <row r="7150" spans="1:24" x14ac:dyDescent="0.25">
      <c r="A7150">
        <v>178</v>
      </c>
      <c r="B7150" t="s">
        <v>16</v>
      </c>
      <c r="C7150">
        <v>5</v>
      </c>
      <c r="D7150" t="s">
        <v>386</v>
      </c>
      <c r="E7150">
        <v>42</v>
      </c>
      <c r="F7150" t="s">
        <v>651</v>
      </c>
      <c r="G7150">
        <v>160</v>
      </c>
      <c r="H7150" t="s">
        <v>1859</v>
      </c>
      <c r="I7150">
        <v>8409</v>
      </c>
      <c r="J7150" t="s">
        <v>792</v>
      </c>
      <c r="K7150">
        <v>6</v>
      </c>
      <c r="L7150" t="s">
        <v>1927</v>
      </c>
      <c r="M7150">
        <v>17</v>
      </c>
      <c r="N7150" t="s">
        <v>654</v>
      </c>
      <c r="O7150">
        <v>3</v>
      </c>
      <c r="P7150" t="s">
        <v>655</v>
      </c>
      <c r="Q7150">
        <v>1</v>
      </c>
      <c r="R7150" t="s">
        <v>669</v>
      </c>
      <c r="S7150">
        <v>1</v>
      </c>
      <c r="T7150" t="s">
        <v>661</v>
      </c>
      <c r="U7150">
        <v>8</v>
      </c>
      <c r="V7150">
        <v>3</v>
      </c>
      <c r="W7150">
        <v>180</v>
      </c>
      <c r="X7150">
        <v>2020</v>
      </c>
    </row>
    <row r="7151" spans="1:24" x14ac:dyDescent="0.25">
      <c r="A7151">
        <v>177</v>
      </c>
      <c r="B7151" t="s">
        <v>16</v>
      </c>
      <c r="C7151">
        <v>5</v>
      </c>
      <c r="D7151" t="s">
        <v>386</v>
      </c>
      <c r="E7151">
        <v>42</v>
      </c>
      <c r="F7151" t="s">
        <v>651</v>
      </c>
      <c r="G7151">
        <v>160</v>
      </c>
      <c r="H7151" t="s">
        <v>4015</v>
      </c>
      <c r="I7151">
        <v>12815</v>
      </c>
      <c r="J7151" t="s">
        <v>792</v>
      </c>
      <c r="K7151">
        <v>6</v>
      </c>
      <c r="L7151" t="s">
        <v>1927</v>
      </c>
      <c r="M7151">
        <v>17</v>
      </c>
      <c r="N7151" t="s">
        <v>654</v>
      </c>
      <c r="O7151">
        <v>3</v>
      </c>
      <c r="P7151" t="s">
        <v>655</v>
      </c>
      <c r="Q7151">
        <v>1</v>
      </c>
      <c r="R7151" t="s">
        <v>669</v>
      </c>
      <c r="S7151">
        <v>1</v>
      </c>
      <c r="T7151" t="s">
        <v>661</v>
      </c>
      <c r="U7151">
        <v>8</v>
      </c>
      <c r="V7151">
        <v>3</v>
      </c>
      <c r="W7151">
        <v>180</v>
      </c>
      <c r="X7151">
        <v>2020</v>
      </c>
    </row>
    <row r="7152" spans="1:24" x14ac:dyDescent="0.25">
      <c r="A7152">
        <v>176</v>
      </c>
      <c r="B7152" t="s">
        <v>16</v>
      </c>
      <c r="C7152">
        <v>5</v>
      </c>
      <c r="D7152" t="s">
        <v>386</v>
      </c>
      <c r="E7152">
        <v>42</v>
      </c>
      <c r="F7152" t="s">
        <v>651</v>
      </c>
      <c r="G7152">
        <v>160</v>
      </c>
      <c r="H7152" t="s">
        <v>658</v>
      </c>
      <c r="I7152">
        <v>13755</v>
      </c>
      <c r="J7152" t="s">
        <v>792</v>
      </c>
      <c r="K7152">
        <v>6</v>
      </c>
      <c r="L7152" t="s">
        <v>1927</v>
      </c>
      <c r="M7152">
        <v>17</v>
      </c>
      <c r="N7152" t="s">
        <v>654</v>
      </c>
      <c r="O7152">
        <v>3</v>
      </c>
      <c r="P7152" t="s">
        <v>689</v>
      </c>
      <c r="Q7152">
        <v>4</v>
      </c>
      <c r="R7152" t="s">
        <v>669</v>
      </c>
      <c r="S7152">
        <v>1</v>
      </c>
      <c r="T7152" t="s">
        <v>661</v>
      </c>
      <c r="U7152">
        <v>8</v>
      </c>
      <c r="V7152">
        <v>3</v>
      </c>
      <c r="W7152">
        <v>180</v>
      </c>
      <c r="X7152">
        <v>2020</v>
      </c>
    </row>
    <row r="7153" spans="1:24" x14ac:dyDescent="0.25">
      <c r="A7153">
        <v>174</v>
      </c>
      <c r="B7153" t="s">
        <v>16</v>
      </c>
      <c r="C7153">
        <v>5</v>
      </c>
      <c r="D7153" t="s">
        <v>386</v>
      </c>
      <c r="E7153">
        <v>42</v>
      </c>
      <c r="F7153" t="s">
        <v>651</v>
      </c>
      <c r="G7153">
        <v>160</v>
      </c>
      <c r="H7153" t="s">
        <v>658</v>
      </c>
      <c r="I7153">
        <v>13755</v>
      </c>
      <c r="J7153" t="s">
        <v>792</v>
      </c>
      <c r="K7153">
        <v>6</v>
      </c>
      <c r="L7153" t="s">
        <v>1927</v>
      </c>
      <c r="M7153">
        <v>17</v>
      </c>
      <c r="N7153" t="s">
        <v>654</v>
      </c>
      <c r="O7153">
        <v>3</v>
      </c>
      <c r="P7153" t="s">
        <v>655</v>
      </c>
      <c r="Q7153">
        <v>1</v>
      </c>
      <c r="R7153" t="s">
        <v>669</v>
      </c>
      <c r="S7153">
        <v>1</v>
      </c>
      <c r="T7153" t="s">
        <v>661</v>
      </c>
      <c r="U7153">
        <v>8</v>
      </c>
      <c r="V7153">
        <v>3</v>
      </c>
      <c r="W7153">
        <v>180</v>
      </c>
      <c r="X7153">
        <v>2020</v>
      </c>
    </row>
    <row r="7154" spans="1:24" x14ac:dyDescent="0.25">
      <c r="A7154">
        <v>171</v>
      </c>
      <c r="B7154" t="s">
        <v>16</v>
      </c>
      <c r="C7154">
        <v>5</v>
      </c>
      <c r="D7154" t="s">
        <v>386</v>
      </c>
      <c r="E7154">
        <v>42</v>
      </c>
      <c r="F7154" t="s">
        <v>651</v>
      </c>
      <c r="G7154">
        <v>160</v>
      </c>
      <c r="H7154" t="s">
        <v>658</v>
      </c>
      <c r="I7154">
        <v>13755</v>
      </c>
      <c r="J7154" t="s">
        <v>792</v>
      </c>
      <c r="K7154">
        <v>6</v>
      </c>
      <c r="L7154" t="s">
        <v>792</v>
      </c>
      <c r="M7154">
        <v>16</v>
      </c>
      <c r="N7154" t="s">
        <v>654</v>
      </c>
      <c r="O7154">
        <v>3</v>
      </c>
      <c r="P7154" t="s">
        <v>655</v>
      </c>
      <c r="Q7154">
        <v>1</v>
      </c>
      <c r="R7154" t="s">
        <v>669</v>
      </c>
      <c r="S7154">
        <v>1</v>
      </c>
      <c r="T7154" t="s">
        <v>661</v>
      </c>
      <c r="U7154">
        <v>8</v>
      </c>
      <c r="V7154">
        <v>3</v>
      </c>
      <c r="W7154">
        <v>180</v>
      </c>
      <c r="X7154">
        <v>2020</v>
      </c>
    </row>
    <row r="7155" spans="1:24" x14ac:dyDescent="0.25">
      <c r="A7155">
        <v>170</v>
      </c>
      <c r="B7155" t="s">
        <v>16</v>
      </c>
      <c r="C7155">
        <v>5</v>
      </c>
      <c r="D7155" t="s">
        <v>457</v>
      </c>
      <c r="E7155">
        <v>41</v>
      </c>
      <c r="F7155" t="s">
        <v>651</v>
      </c>
      <c r="G7155">
        <v>160</v>
      </c>
      <c r="H7155" t="s">
        <v>658</v>
      </c>
      <c r="I7155">
        <v>13755</v>
      </c>
      <c r="J7155" t="s">
        <v>705</v>
      </c>
      <c r="K7155">
        <v>70</v>
      </c>
      <c r="L7155" t="s">
        <v>3794</v>
      </c>
      <c r="M7155">
        <v>309</v>
      </c>
      <c r="N7155" t="s">
        <v>654</v>
      </c>
      <c r="O7155">
        <v>3</v>
      </c>
      <c r="P7155" t="s">
        <v>655</v>
      </c>
      <c r="Q7155">
        <v>1</v>
      </c>
      <c r="R7155" t="s">
        <v>669</v>
      </c>
      <c r="S7155">
        <v>1</v>
      </c>
      <c r="T7155" t="s">
        <v>661</v>
      </c>
      <c r="U7155">
        <v>8</v>
      </c>
      <c r="V7155">
        <v>4</v>
      </c>
      <c r="W7155">
        <v>240</v>
      </c>
      <c r="X7155">
        <v>2020</v>
      </c>
    </row>
    <row r="7156" spans="1:24" x14ac:dyDescent="0.25">
      <c r="A7156">
        <v>169</v>
      </c>
      <c r="B7156" t="s">
        <v>16</v>
      </c>
      <c r="C7156">
        <v>5</v>
      </c>
      <c r="D7156" t="s">
        <v>457</v>
      </c>
      <c r="E7156">
        <v>41</v>
      </c>
      <c r="F7156" t="s">
        <v>651</v>
      </c>
      <c r="G7156">
        <v>160</v>
      </c>
      <c r="H7156" t="s">
        <v>658</v>
      </c>
      <c r="I7156">
        <v>13755</v>
      </c>
      <c r="J7156" t="s">
        <v>726</v>
      </c>
      <c r="K7156">
        <v>2</v>
      </c>
      <c r="L7156" t="s">
        <v>1258</v>
      </c>
      <c r="M7156">
        <v>7</v>
      </c>
      <c r="N7156" t="s">
        <v>654</v>
      </c>
      <c r="O7156">
        <v>3</v>
      </c>
      <c r="P7156" t="s">
        <v>655</v>
      </c>
      <c r="Q7156">
        <v>1</v>
      </c>
      <c r="R7156" t="s">
        <v>669</v>
      </c>
      <c r="S7156">
        <v>1</v>
      </c>
      <c r="T7156" t="s">
        <v>661</v>
      </c>
      <c r="U7156">
        <v>8</v>
      </c>
      <c r="V7156">
        <v>3</v>
      </c>
      <c r="W7156">
        <v>180</v>
      </c>
      <c r="X7156">
        <v>2020</v>
      </c>
    </row>
    <row r="7157" spans="1:24" x14ac:dyDescent="0.25">
      <c r="A7157">
        <v>168</v>
      </c>
      <c r="B7157" t="s">
        <v>16</v>
      </c>
      <c r="C7157">
        <v>5</v>
      </c>
      <c r="D7157" t="s">
        <v>457</v>
      </c>
      <c r="E7157">
        <v>41</v>
      </c>
      <c r="F7157" t="s">
        <v>651</v>
      </c>
      <c r="G7157">
        <v>160</v>
      </c>
      <c r="H7157" t="s">
        <v>658</v>
      </c>
      <c r="I7157">
        <v>13755</v>
      </c>
      <c r="J7157" t="s">
        <v>726</v>
      </c>
      <c r="K7157">
        <v>2</v>
      </c>
      <c r="L7157" t="s">
        <v>3966</v>
      </c>
      <c r="M7157">
        <v>6</v>
      </c>
      <c r="N7157" t="s">
        <v>654</v>
      </c>
      <c r="O7157">
        <v>3</v>
      </c>
      <c r="P7157" t="s">
        <v>655</v>
      </c>
      <c r="Q7157">
        <v>1</v>
      </c>
      <c r="R7157" t="s">
        <v>669</v>
      </c>
      <c r="S7157">
        <v>1</v>
      </c>
      <c r="T7157" t="s">
        <v>661</v>
      </c>
      <c r="U7157">
        <v>8</v>
      </c>
      <c r="V7157">
        <v>3</v>
      </c>
      <c r="W7157">
        <v>180</v>
      </c>
      <c r="X7157">
        <v>2020</v>
      </c>
    </row>
    <row r="7158" spans="1:24" x14ac:dyDescent="0.25">
      <c r="A7158">
        <v>167</v>
      </c>
      <c r="B7158" t="s">
        <v>16</v>
      </c>
      <c r="C7158">
        <v>5</v>
      </c>
      <c r="D7158" t="s">
        <v>457</v>
      </c>
      <c r="E7158">
        <v>41</v>
      </c>
      <c r="F7158" t="s">
        <v>651</v>
      </c>
      <c r="G7158">
        <v>160</v>
      </c>
      <c r="H7158" t="s">
        <v>658</v>
      </c>
      <c r="I7158">
        <v>13755</v>
      </c>
      <c r="J7158" t="s">
        <v>726</v>
      </c>
      <c r="K7158">
        <v>2</v>
      </c>
      <c r="L7158" t="s">
        <v>1087</v>
      </c>
      <c r="M7158">
        <v>5</v>
      </c>
      <c r="N7158" t="s">
        <v>654</v>
      </c>
      <c r="O7158">
        <v>3</v>
      </c>
      <c r="P7158" t="s">
        <v>655</v>
      </c>
      <c r="Q7158">
        <v>1</v>
      </c>
      <c r="R7158" t="s">
        <v>669</v>
      </c>
      <c r="S7158">
        <v>1</v>
      </c>
      <c r="T7158" t="s">
        <v>661</v>
      </c>
      <c r="U7158">
        <v>8</v>
      </c>
      <c r="V7158">
        <v>3</v>
      </c>
      <c r="W7158">
        <v>180</v>
      </c>
      <c r="X7158">
        <v>2020</v>
      </c>
    </row>
    <row r="7159" spans="1:24" x14ac:dyDescent="0.25">
      <c r="A7159">
        <v>166</v>
      </c>
      <c r="B7159" t="s">
        <v>16</v>
      </c>
      <c r="C7159">
        <v>5</v>
      </c>
      <c r="D7159" t="s">
        <v>457</v>
      </c>
      <c r="E7159">
        <v>41</v>
      </c>
      <c r="F7159" t="s">
        <v>651</v>
      </c>
      <c r="G7159">
        <v>160</v>
      </c>
      <c r="H7159" t="s">
        <v>658</v>
      </c>
      <c r="I7159">
        <v>13755</v>
      </c>
      <c r="J7159" t="s">
        <v>726</v>
      </c>
      <c r="K7159">
        <v>2</v>
      </c>
      <c r="L7159" t="s">
        <v>726</v>
      </c>
      <c r="M7159">
        <v>4</v>
      </c>
      <c r="N7159" t="s">
        <v>654</v>
      </c>
      <c r="O7159">
        <v>3</v>
      </c>
      <c r="P7159" t="s">
        <v>655</v>
      </c>
      <c r="Q7159">
        <v>1</v>
      </c>
      <c r="R7159" t="s">
        <v>669</v>
      </c>
      <c r="S7159">
        <v>1</v>
      </c>
      <c r="T7159" t="s">
        <v>718</v>
      </c>
      <c r="U7159">
        <v>2</v>
      </c>
      <c r="V7159">
        <v>3</v>
      </c>
      <c r="W7159">
        <v>180</v>
      </c>
      <c r="X7159">
        <v>2020</v>
      </c>
    </row>
    <row r="7160" spans="1:24" x14ac:dyDescent="0.25">
      <c r="A7160">
        <v>164</v>
      </c>
      <c r="B7160" t="s">
        <v>16</v>
      </c>
      <c r="C7160">
        <v>5</v>
      </c>
      <c r="D7160" t="s">
        <v>457</v>
      </c>
      <c r="E7160">
        <v>41</v>
      </c>
      <c r="F7160" t="s">
        <v>651</v>
      </c>
      <c r="G7160">
        <v>160</v>
      </c>
      <c r="H7160" t="s">
        <v>658</v>
      </c>
      <c r="I7160">
        <v>13755</v>
      </c>
      <c r="J7160" t="s">
        <v>726</v>
      </c>
      <c r="K7160">
        <v>2</v>
      </c>
      <c r="L7160" t="s">
        <v>726</v>
      </c>
      <c r="M7160">
        <v>4</v>
      </c>
      <c r="N7160" t="s">
        <v>654</v>
      </c>
      <c r="O7160">
        <v>3</v>
      </c>
      <c r="P7160" t="s">
        <v>655</v>
      </c>
      <c r="Q7160">
        <v>1</v>
      </c>
      <c r="R7160" t="s">
        <v>669</v>
      </c>
      <c r="S7160">
        <v>1</v>
      </c>
      <c r="T7160" t="s">
        <v>661</v>
      </c>
      <c r="U7160">
        <v>8</v>
      </c>
      <c r="V7160">
        <v>3</v>
      </c>
      <c r="W7160">
        <v>180</v>
      </c>
      <c r="X7160">
        <v>2020</v>
      </c>
    </row>
    <row r="7161" spans="1:24" x14ac:dyDescent="0.25">
      <c r="A7161">
        <v>163</v>
      </c>
      <c r="B7161" t="s">
        <v>16</v>
      </c>
      <c r="C7161">
        <v>5</v>
      </c>
      <c r="D7161" t="s">
        <v>604</v>
      </c>
      <c r="E7161">
        <v>40</v>
      </c>
      <c r="F7161" t="s">
        <v>651</v>
      </c>
      <c r="G7161">
        <v>160</v>
      </c>
      <c r="H7161" t="s">
        <v>658</v>
      </c>
      <c r="I7161">
        <v>13755</v>
      </c>
      <c r="J7161" t="s">
        <v>866</v>
      </c>
      <c r="K7161">
        <v>9</v>
      </c>
      <c r="L7161" t="s">
        <v>866</v>
      </c>
      <c r="M7161">
        <v>28</v>
      </c>
      <c r="N7161" t="s">
        <v>654</v>
      </c>
      <c r="O7161">
        <v>3</v>
      </c>
      <c r="P7161" t="s">
        <v>655</v>
      </c>
      <c r="Q7161">
        <v>1</v>
      </c>
      <c r="R7161" t="s">
        <v>669</v>
      </c>
      <c r="S7161">
        <v>1</v>
      </c>
      <c r="T7161" t="s">
        <v>661</v>
      </c>
      <c r="U7161">
        <v>8</v>
      </c>
      <c r="V7161">
        <v>3</v>
      </c>
      <c r="W7161">
        <v>180</v>
      </c>
      <c r="X7161">
        <v>2020</v>
      </c>
    </row>
    <row r="7162" spans="1:24" x14ac:dyDescent="0.25">
      <c r="A7162">
        <v>162</v>
      </c>
      <c r="B7162" t="s">
        <v>16</v>
      </c>
      <c r="C7162">
        <v>5</v>
      </c>
      <c r="D7162" t="s">
        <v>11</v>
      </c>
      <c r="E7162">
        <v>39</v>
      </c>
      <c r="F7162" t="s">
        <v>651</v>
      </c>
      <c r="G7162">
        <v>160</v>
      </c>
      <c r="H7162" t="s">
        <v>658</v>
      </c>
      <c r="I7162">
        <v>13755</v>
      </c>
      <c r="J7162" t="s">
        <v>65</v>
      </c>
      <c r="K7162">
        <v>15</v>
      </c>
      <c r="L7162" t="s">
        <v>65</v>
      </c>
      <c r="M7162">
        <v>51</v>
      </c>
      <c r="N7162" t="s">
        <v>654</v>
      </c>
      <c r="O7162">
        <v>3</v>
      </c>
      <c r="P7162" t="s">
        <v>689</v>
      </c>
      <c r="Q7162">
        <v>4</v>
      </c>
      <c r="R7162" t="s">
        <v>669</v>
      </c>
      <c r="S7162">
        <v>1</v>
      </c>
      <c r="T7162" t="s">
        <v>661</v>
      </c>
      <c r="U7162">
        <v>8</v>
      </c>
      <c r="V7162">
        <v>4</v>
      </c>
      <c r="W7162">
        <v>240</v>
      </c>
      <c r="X7162">
        <v>2020</v>
      </c>
    </row>
    <row r="7163" spans="1:24" x14ac:dyDescent="0.25">
      <c r="A7163">
        <v>161</v>
      </c>
      <c r="B7163" t="s">
        <v>16</v>
      </c>
      <c r="C7163">
        <v>5</v>
      </c>
      <c r="D7163" t="s">
        <v>11</v>
      </c>
      <c r="E7163">
        <v>39</v>
      </c>
      <c r="F7163" t="s">
        <v>651</v>
      </c>
      <c r="G7163">
        <v>160</v>
      </c>
      <c r="H7163" t="s">
        <v>658</v>
      </c>
      <c r="I7163">
        <v>13755</v>
      </c>
      <c r="J7163" t="s">
        <v>65</v>
      </c>
      <c r="K7163">
        <v>15</v>
      </c>
      <c r="L7163" t="s">
        <v>65</v>
      </c>
      <c r="M7163">
        <v>51</v>
      </c>
      <c r="N7163" t="s">
        <v>654</v>
      </c>
      <c r="O7163">
        <v>3</v>
      </c>
      <c r="P7163" t="s">
        <v>655</v>
      </c>
      <c r="Q7163">
        <v>1</v>
      </c>
      <c r="R7163" t="s">
        <v>669</v>
      </c>
      <c r="S7163">
        <v>1</v>
      </c>
      <c r="T7163" t="s">
        <v>661</v>
      </c>
      <c r="U7163">
        <v>8</v>
      </c>
      <c r="V7163">
        <v>4</v>
      </c>
      <c r="W7163">
        <v>240</v>
      </c>
      <c r="X7163">
        <v>2020</v>
      </c>
    </row>
    <row r="7164" spans="1:24" x14ac:dyDescent="0.25">
      <c r="A7164">
        <v>158</v>
      </c>
      <c r="B7164" t="s">
        <v>16</v>
      </c>
      <c r="C7164">
        <v>5</v>
      </c>
      <c r="D7164" t="s">
        <v>514</v>
      </c>
      <c r="E7164">
        <v>38</v>
      </c>
      <c r="F7164" t="s">
        <v>651</v>
      </c>
      <c r="G7164">
        <v>160</v>
      </c>
      <c r="H7164" t="s">
        <v>658</v>
      </c>
      <c r="I7164">
        <v>13755</v>
      </c>
      <c r="J7164" t="s">
        <v>897</v>
      </c>
      <c r="K7164">
        <v>3</v>
      </c>
      <c r="L7164" t="s">
        <v>3968</v>
      </c>
      <c r="M7164">
        <v>9</v>
      </c>
      <c r="N7164" t="s">
        <v>654</v>
      </c>
      <c r="O7164">
        <v>3</v>
      </c>
      <c r="P7164" t="s">
        <v>655</v>
      </c>
      <c r="Q7164">
        <v>1</v>
      </c>
      <c r="R7164" t="s">
        <v>669</v>
      </c>
      <c r="S7164">
        <v>1</v>
      </c>
      <c r="T7164" t="s">
        <v>661</v>
      </c>
      <c r="U7164">
        <v>8</v>
      </c>
      <c r="V7164">
        <v>3</v>
      </c>
      <c r="W7164">
        <v>180</v>
      </c>
      <c r="X7164">
        <v>2020</v>
      </c>
    </row>
    <row r="7165" spans="1:24" x14ac:dyDescent="0.25">
      <c r="A7165">
        <v>155</v>
      </c>
      <c r="B7165" t="s">
        <v>16</v>
      </c>
      <c r="C7165">
        <v>5</v>
      </c>
      <c r="D7165" t="s">
        <v>514</v>
      </c>
      <c r="E7165">
        <v>38</v>
      </c>
      <c r="F7165" t="s">
        <v>651</v>
      </c>
      <c r="G7165">
        <v>160</v>
      </c>
      <c r="H7165" t="s">
        <v>658</v>
      </c>
      <c r="I7165">
        <v>13755</v>
      </c>
      <c r="J7165" t="s">
        <v>897</v>
      </c>
      <c r="K7165">
        <v>3</v>
      </c>
      <c r="L7165" t="s">
        <v>897</v>
      </c>
      <c r="M7165">
        <v>8</v>
      </c>
      <c r="N7165" t="s">
        <v>654</v>
      </c>
      <c r="O7165">
        <v>3</v>
      </c>
      <c r="P7165" t="s">
        <v>655</v>
      </c>
      <c r="Q7165">
        <v>1</v>
      </c>
      <c r="R7165" t="s">
        <v>669</v>
      </c>
      <c r="S7165">
        <v>1</v>
      </c>
      <c r="T7165" t="s">
        <v>661</v>
      </c>
      <c r="U7165">
        <v>8</v>
      </c>
      <c r="V7165">
        <v>3</v>
      </c>
      <c r="W7165">
        <v>180</v>
      </c>
      <c r="X7165">
        <v>2020</v>
      </c>
    </row>
    <row r="7166" spans="1:24" x14ac:dyDescent="0.25">
      <c r="A7166">
        <v>154</v>
      </c>
      <c r="B7166" t="s">
        <v>16</v>
      </c>
      <c r="C7166">
        <v>5</v>
      </c>
      <c r="D7166" t="s">
        <v>515</v>
      </c>
      <c r="E7166">
        <v>37</v>
      </c>
      <c r="F7166" t="s">
        <v>651</v>
      </c>
      <c r="G7166">
        <v>160</v>
      </c>
      <c r="H7166" t="s">
        <v>658</v>
      </c>
      <c r="I7166">
        <v>13755</v>
      </c>
      <c r="J7166" t="s">
        <v>736</v>
      </c>
      <c r="K7166">
        <v>8</v>
      </c>
      <c r="L7166" t="s">
        <v>737</v>
      </c>
      <c r="M7166">
        <v>24</v>
      </c>
      <c r="N7166" t="s">
        <v>654</v>
      </c>
      <c r="O7166">
        <v>3</v>
      </c>
      <c r="P7166" t="s">
        <v>655</v>
      </c>
      <c r="Q7166">
        <v>1</v>
      </c>
      <c r="R7166" t="s">
        <v>669</v>
      </c>
      <c r="S7166">
        <v>1</v>
      </c>
      <c r="T7166" t="s">
        <v>661</v>
      </c>
      <c r="U7166">
        <v>8</v>
      </c>
      <c r="V7166">
        <v>3</v>
      </c>
      <c r="W7166">
        <v>180</v>
      </c>
      <c r="X7166">
        <v>2020</v>
      </c>
    </row>
    <row r="7167" spans="1:24" x14ac:dyDescent="0.25">
      <c r="A7167">
        <v>153</v>
      </c>
      <c r="B7167" t="s">
        <v>16</v>
      </c>
      <c r="C7167">
        <v>5</v>
      </c>
      <c r="D7167" t="s">
        <v>515</v>
      </c>
      <c r="E7167">
        <v>37</v>
      </c>
      <c r="F7167" t="s">
        <v>651</v>
      </c>
      <c r="G7167">
        <v>160</v>
      </c>
      <c r="H7167" t="s">
        <v>658</v>
      </c>
      <c r="I7167">
        <v>13755</v>
      </c>
      <c r="J7167" t="s">
        <v>3923</v>
      </c>
      <c r="K7167">
        <v>75</v>
      </c>
      <c r="L7167" t="s">
        <v>3924</v>
      </c>
      <c r="M7167">
        <v>15</v>
      </c>
      <c r="N7167" t="s">
        <v>654</v>
      </c>
      <c r="O7167">
        <v>3</v>
      </c>
      <c r="P7167" t="s">
        <v>655</v>
      </c>
      <c r="Q7167">
        <v>1</v>
      </c>
      <c r="R7167" t="s">
        <v>669</v>
      </c>
      <c r="S7167">
        <v>1</v>
      </c>
      <c r="T7167" t="s">
        <v>661</v>
      </c>
      <c r="U7167">
        <v>8</v>
      </c>
      <c r="V7167">
        <v>3</v>
      </c>
      <c r="W7167">
        <v>180</v>
      </c>
      <c r="X7167">
        <v>2020</v>
      </c>
    </row>
    <row r="7168" spans="1:24" x14ac:dyDescent="0.25">
      <c r="A7168">
        <v>152</v>
      </c>
      <c r="B7168" t="s">
        <v>16</v>
      </c>
      <c r="C7168">
        <v>5</v>
      </c>
      <c r="D7168" t="s">
        <v>515</v>
      </c>
      <c r="E7168">
        <v>37</v>
      </c>
      <c r="F7168" t="s">
        <v>651</v>
      </c>
      <c r="G7168">
        <v>160</v>
      </c>
      <c r="H7168" t="s">
        <v>658</v>
      </c>
      <c r="I7168">
        <v>13755</v>
      </c>
      <c r="J7168" t="s">
        <v>831</v>
      </c>
      <c r="K7168">
        <v>5</v>
      </c>
      <c r="L7168" t="s">
        <v>831</v>
      </c>
      <c r="M7168">
        <v>14</v>
      </c>
      <c r="N7168" t="s">
        <v>654</v>
      </c>
      <c r="O7168">
        <v>3</v>
      </c>
      <c r="P7168" t="s">
        <v>655</v>
      </c>
      <c r="Q7168">
        <v>1</v>
      </c>
      <c r="R7168" t="s">
        <v>669</v>
      </c>
      <c r="S7168">
        <v>1</v>
      </c>
      <c r="T7168" t="s">
        <v>661</v>
      </c>
      <c r="U7168">
        <v>8</v>
      </c>
      <c r="V7168">
        <v>3</v>
      </c>
      <c r="W7168">
        <v>180</v>
      </c>
      <c r="X7168">
        <v>2020</v>
      </c>
    </row>
    <row r="7169" spans="1:24" x14ac:dyDescent="0.25">
      <c r="A7169">
        <v>151</v>
      </c>
      <c r="B7169" t="s">
        <v>16</v>
      </c>
      <c r="C7169">
        <v>5</v>
      </c>
      <c r="D7169" t="s">
        <v>605</v>
      </c>
      <c r="E7169">
        <v>36</v>
      </c>
      <c r="F7169" t="s">
        <v>651</v>
      </c>
      <c r="G7169">
        <v>160</v>
      </c>
      <c r="H7169" t="s">
        <v>658</v>
      </c>
      <c r="I7169">
        <v>13755</v>
      </c>
      <c r="J7169" t="s">
        <v>294</v>
      </c>
      <c r="K7169">
        <v>31</v>
      </c>
      <c r="L7169" t="s">
        <v>294</v>
      </c>
      <c r="M7169">
        <v>98</v>
      </c>
      <c r="N7169" t="s">
        <v>654</v>
      </c>
      <c r="O7169">
        <v>3</v>
      </c>
      <c r="P7169" t="s">
        <v>655</v>
      </c>
      <c r="Q7169">
        <v>1</v>
      </c>
      <c r="R7169" t="s">
        <v>669</v>
      </c>
      <c r="S7169">
        <v>1</v>
      </c>
      <c r="T7169" t="s">
        <v>661</v>
      </c>
      <c r="U7169">
        <v>8</v>
      </c>
      <c r="V7169">
        <v>3</v>
      </c>
      <c r="W7169">
        <v>180</v>
      </c>
      <c r="X7169">
        <v>2020</v>
      </c>
    </row>
    <row r="7170" spans="1:24" x14ac:dyDescent="0.25">
      <c r="A7170">
        <v>150</v>
      </c>
      <c r="B7170" t="s">
        <v>16</v>
      </c>
      <c r="C7170">
        <v>5</v>
      </c>
      <c r="D7170" t="s">
        <v>605</v>
      </c>
      <c r="E7170">
        <v>36</v>
      </c>
      <c r="F7170" t="s">
        <v>651</v>
      </c>
      <c r="G7170">
        <v>160</v>
      </c>
      <c r="H7170" t="s">
        <v>658</v>
      </c>
      <c r="I7170">
        <v>13755</v>
      </c>
      <c r="J7170" t="s">
        <v>301</v>
      </c>
      <c r="K7170">
        <v>26</v>
      </c>
      <c r="L7170" t="s">
        <v>301</v>
      </c>
      <c r="M7170">
        <v>82</v>
      </c>
      <c r="N7170" t="s">
        <v>654</v>
      </c>
      <c r="O7170">
        <v>3</v>
      </c>
      <c r="P7170" t="s">
        <v>655</v>
      </c>
      <c r="Q7170">
        <v>1</v>
      </c>
      <c r="R7170" t="s">
        <v>669</v>
      </c>
      <c r="S7170">
        <v>1</v>
      </c>
      <c r="T7170" t="s">
        <v>661</v>
      </c>
      <c r="U7170">
        <v>8</v>
      </c>
      <c r="V7170">
        <v>3</v>
      </c>
      <c r="W7170">
        <v>180</v>
      </c>
      <c r="X7170">
        <v>2020</v>
      </c>
    </row>
    <row r="7171" spans="1:24" x14ac:dyDescent="0.25">
      <c r="A7171">
        <v>147</v>
      </c>
      <c r="B7171" t="s">
        <v>16</v>
      </c>
      <c r="C7171">
        <v>5</v>
      </c>
      <c r="D7171" t="s">
        <v>605</v>
      </c>
      <c r="E7171">
        <v>36</v>
      </c>
      <c r="F7171" t="s">
        <v>651</v>
      </c>
      <c r="G7171">
        <v>160</v>
      </c>
      <c r="H7171" t="s">
        <v>658</v>
      </c>
      <c r="I7171">
        <v>13755</v>
      </c>
      <c r="J7171" t="s">
        <v>682</v>
      </c>
      <c r="K7171">
        <v>20</v>
      </c>
      <c r="L7171" t="s">
        <v>904</v>
      </c>
      <c r="M7171">
        <v>61</v>
      </c>
      <c r="N7171" t="s">
        <v>654</v>
      </c>
      <c r="O7171">
        <v>3</v>
      </c>
      <c r="P7171" t="s">
        <v>655</v>
      </c>
      <c r="Q7171">
        <v>1</v>
      </c>
      <c r="R7171" t="s">
        <v>669</v>
      </c>
      <c r="S7171">
        <v>1</v>
      </c>
      <c r="T7171" t="s">
        <v>661</v>
      </c>
      <c r="U7171">
        <v>8</v>
      </c>
      <c r="V7171">
        <v>3</v>
      </c>
      <c r="W7171">
        <v>180</v>
      </c>
      <c r="X7171">
        <v>2020</v>
      </c>
    </row>
    <row r="7172" spans="1:24" x14ac:dyDescent="0.25">
      <c r="A7172">
        <v>146</v>
      </c>
      <c r="B7172" t="s">
        <v>183</v>
      </c>
      <c r="C7172">
        <v>4</v>
      </c>
      <c r="D7172" t="s">
        <v>606</v>
      </c>
      <c r="E7172">
        <v>35</v>
      </c>
      <c r="F7172" t="s">
        <v>651</v>
      </c>
      <c r="G7172">
        <v>160</v>
      </c>
      <c r="H7172" t="s">
        <v>4016</v>
      </c>
      <c r="I7172">
        <v>4248</v>
      </c>
      <c r="J7172" t="s">
        <v>917</v>
      </c>
      <c r="K7172">
        <v>83</v>
      </c>
      <c r="L7172" t="s">
        <v>3925</v>
      </c>
      <c r="M7172">
        <v>286</v>
      </c>
      <c r="N7172" t="s">
        <v>654</v>
      </c>
      <c r="O7172">
        <v>3</v>
      </c>
      <c r="P7172" t="s">
        <v>655</v>
      </c>
      <c r="Q7172">
        <v>1</v>
      </c>
      <c r="R7172" t="s">
        <v>669</v>
      </c>
      <c r="S7172">
        <v>1</v>
      </c>
      <c r="T7172" t="s">
        <v>661</v>
      </c>
      <c r="U7172">
        <v>8</v>
      </c>
      <c r="V7172">
        <v>4</v>
      </c>
      <c r="W7172">
        <v>240</v>
      </c>
      <c r="X7172">
        <v>2020</v>
      </c>
    </row>
    <row r="7173" spans="1:24" x14ac:dyDescent="0.25">
      <c r="A7173">
        <v>145</v>
      </c>
      <c r="B7173" t="s">
        <v>183</v>
      </c>
      <c r="C7173">
        <v>4</v>
      </c>
      <c r="D7173" t="s">
        <v>607</v>
      </c>
      <c r="E7173">
        <v>34</v>
      </c>
      <c r="F7173" t="s">
        <v>651</v>
      </c>
      <c r="G7173">
        <v>160</v>
      </c>
      <c r="H7173" t="s">
        <v>1608</v>
      </c>
      <c r="I7173">
        <v>9640</v>
      </c>
      <c r="J7173" t="s">
        <v>917</v>
      </c>
      <c r="K7173">
        <v>83</v>
      </c>
      <c r="L7173" t="s">
        <v>3925</v>
      </c>
      <c r="M7173">
        <v>286</v>
      </c>
      <c r="N7173" t="s">
        <v>654</v>
      </c>
      <c r="O7173">
        <v>3</v>
      </c>
      <c r="P7173" t="s">
        <v>655</v>
      </c>
      <c r="Q7173">
        <v>1</v>
      </c>
      <c r="R7173" t="s">
        <v>669</v>
      </c>
      <c r="S7173">
        <v>1</v>
      </c>
      <c r="T7173" t="s">
        <v>661</v>
      </c>
      <c r="U7173">
        <v>8</v>
      </c>
      <c r="V7173">
        <v>4</v>
      </c>
      <c r="W7173">
        <v>240</v>
      </c>
      <c r="X7173">
        <v>2020</v>
      </c>
    </row>
    <row r="7174" spans="1:24" x14ac:dyDescent="0.25">
      <c r="A7174">
        <v>144</v>
      </c>
      <c r="B7174" t="s">
        <v>183</v>
      </c>
      <c r="C7174">
        <v>4</v>
      </c>
      <c r="D7174" t="s">
        <v>608</v>
      </c>
      <c r="E7174">
        <v>33</v>
      </c>
      <c r="F7174" t="s">
        <v>651</v>
      </c>
      <c r="G7174">
        <v>160</v>
      </c>
      <c r="H7174" t="s">
        <v>658</v>
      </c>
      <c r="I7174">
        <v>13755</v>
      </c>
      <c r="J7174" t="s">
        <v>730</v>
      </c>
      <c r="K7174">
        <v>66</v>
      </c>
      <c r="L7174" t="s">
        <v>3930</v>
      </c>
      <c r="M7174">
        <v>281</v>
      </c>
      <c r="N7174" t="s">
        <v>654</v>
      </c>
      <c r="O7174">
        <v>3</v>
      </c>
      <c r="P7174" t="s">
        <v>655</v>
      </c>
      <c r="Q7174">
        <v>1</v>
      </c>
      <c r="R7174" t="s">
        <v>669</v>
      </c>
      <c r="S7174">
        <v>1</v>
      </c>
      <c r="T7174" t="s">
        <v>661</v>
      </c>
      <c r="U7174">
        <v>8</v>
      </c>
      <c r="V7174">
        <v>4</v>
      </c>
      <c r="W7174">
        <v>240</v>
      </c>
      <c r="X7174">
        <v>2020</v>
      </c>
    </row>
    <row r="7175" spans="1:24" x14ac:dyDescent="0.25">
      <c r="A7175">
        <v>143</v>
      </c>
      <c r="B7175" t="s">
        <v>183</v>
      </c>
      <c r="C7175">
        <v>4</v>
      </c>
      <c r="D7175" t="s">
        <v>608</v>
      </c>
      <c r="E7175">
        <v>33</v>
      </c>
      <c r="F7175" t="s">
        <v>651</v>
      </c>
      <c r="G7175">
        <v>160</v>
      </c>
      <c r="H7175" t="s">
        <v>658</v>
      </c>
      <c r="I7175">
        <v>13755</v>
      </c>
      <c r="J7175" t="s">
        <v>848</v>
      </c>
      <c r="K7175">
        <v>62</v>
      </c>
      <c r="L7175" t="s">
        <v>937</v>
      </c>
      <c r="M7175">
        <v>266</v>
      </c>
      <c r="N7175" t="s">
        <v>654</v>
      </c>
      <c r="O7175">
        <v>3</v>
      </c>
      <c r="P7175" t="s">
        <v>746</v>
      </c>
      <c r="Q7175">
        <v>2</v>
      </c>
      <c r="R7175" t="s">
        <v>669</v>
      </c>
      <c r="S7175">
        <v>1</v>
      </c>
      <c r="T7175" t="s">
        <v>661</v>
      </c>
      <c r="U7175">
        <v>8</v>
      </c>
      <c r="V7175">
        <v>4</v>
      </c>
      <c r="W7175">
        <v>240</v>
      </c>
      <c r="X7175">
        <v>2020</v>
      </c>
    </row>
    <row r="7176" spans="1:24" x14ac:dyDescent="0.25">
      <c r="A7176">
        <v>142</v>
      </c>
      <c r="B7176" t="s">
        <v>183</v>
      </c>
      <c r="C7176">
        <v>4</v>
      </c>
      <c r="D7176" t="s">
        <v>608</v>
      </c>
      <c r="E7176">
        <v>33</v>
      </c>
      <c r="F7176" t="s">
        <v>651</v>
      </c>
      <c r="G7176">
        <v>160</v>
      </c>
      <c r="H7176" t="s">
        <v>658</v>
      </c>
      <c r="I7176">
        <v>13755</v>
      </c>
      <c r="J7176" t="s">
        <v>848</v>
      </c>
      <c r="K7176">
        <v>62</v>
      </c>
      <c r="L7176" t="s">
        <v>937</v>
      </c>
      <c r="M7176">
        <v>266</v>
      </c>
      <c r="N7176" t="s">
        <v>654</v>
      </c>
      <c r="O7176">
        <v>3</v>
      </c>
      <c r="P7176" t="s">
        <v>655</v>
      </c>
      <c r="Q7176">
        <v>1</v>
      </c>
      <c r="R7176" t="s">
        <v>669</v>
      </c>
      <c r="S7176">
        <v>1</v>
      </c>
      <c r="T7176" t="s">
        <v>661</v>
      </c>
      <c r="U7176">
        <v>8</v>
      </c>
      <c r="V7176">
        <v>4</v>
      </c>
      <c r="W7176">
        <v>240</v>
      </c>
      <c r="X7176">
        <v>2020</v>
      </c>
    </row>
    <row r="7177" spans="1:24" x14ac:dyDescent="0.25">
      <c r="A7177">
        <v>141</v>
      </c>
      <c r="B7177" t="s">
        <v>183</v>
      </c>
      <c r="C7177">
        <v>4</v>
      </c>
      <c r="D7177" t="s">
        <v>608</v>
      </c>
      <c r="E7177">
        <v>33</v>
      </c>
      <c r="F7177" t="s">
        <v>651</v>
      </c>
      <c r="G7177">
        <v>160</v>
      </c>
      <c r="H7177" t="s">
        <v>658</v>
      </c>
      <c r="I7177">
        <v>13755</v>
      </c>
      <c r="J7177" t="s">
        <v>1080</v>
      </c>
      <c r="K7177">
        <v>49</v>
      </c>
      <c r="L7177" t="s">
        <v>3973</v>
      </c>
      <c r="M7177">
        <v>187</v>
      </c>
      <c r="N7177" t="s">
        <v>654</v>
      </c>
      <c r="O7177">
        <v>3</v>
      </c>
      <c r="P7177" t="s">
        <v>655</v>
      </c>
      <c r="Q7177">
        <v>1</v>
      </c>
      <c r="R7177" t="s">
        <v>669</v>
      </c>
      <c r="S7177">
        <v>1</v>
      </c>
      <c r="T7177" t="s">
        <v>661</v>
      </c>
      <c r="U7177">
        <v>8</v>
      </c>
      <c r="V7177">
        <v>4</v>
      </c>
      <c r="W7177">
        <v>240</v>
      </c>
      <c r="X7177">
        <v>2020</v>
      </c>
    </row>
    <row r="7178" spans="1:24" x14ac:dyDescent="0.25">
      <c r="A7178">
        <v>139</v>
      </c>
      <c r="B7178" t="s">
        <v>183</v>
      </c>
      <c r="C7178">
        <v>4</v>
      </c>
      <c r="D7178" t="s">
        <v>608</v>
      </c>
      <c r="E7178">
        <v>33</v>
      </c>
      <c r="F7178" t="s">
        <v>651</v>
      </c>
      <c r="G7178">
        <v>160</v>
      </c>
      <c r="H7178" t="s">
        <v>658</v>
      </c>
      <c r="I7178">
        <v>13755</v>
      </c>
      <c r="J7178" t="s">
        <v>1182</v>
      </c>
      <c r="K7178">
        <v>46</v>
      </c>
      <c r="L7178" t="s">
        <v>3689</v>
      </c>
      <c r="M7178">
        <v>158</v>
      </c>
      <c r="N7178" t="s">
        <v>654</v>
      </c>
      <c r="O7178">
        <v>3</v>
      </c>
      <c r="P7178" t="s">
        <v>655</v>
      </c>
      <c r="Q7178">
        <v>1</v>
      </c>
      <c r="R7178" t="s">
        <v>669</v>
      </c>
      <c r="S7178">
        <v>1</v>
      </c>
      <c r="T7178" t="s">
        <v>661</v>
      </c>
      <c r="U7178">
        <v>8</v>
      </c>
      <c r="V7178">
        <v>4</v>
      </c>
      <c r="W7178">
        <v>240</v>
      </c>
      <c r="X7178">
        <v>2020</v>
      </c>
    </row>
    <row r="7179" spans="1:24" x14ac:dyDescent="0.25">
      <c r="A7179">
        <v>138</v>
      </c>
      <c r="B7179" t="s">
        <v>183</v>
      </c>
      <c r="C7179">
        <v>4</v>
      </c>
      <c r="D7179" t="s">
        <v>609</v>
      </c>
      <c r="E7179">
        <v>32</v>
      </c>
      <c r="F7179" t="s">
        <v>651</v>
      </c>
      <c r="G7179">
        <v>160</v>
      </c>
      <c r="H7179" t="s">
        <v>658</v>
      </c>
      <c r="I7179">
        <v>13755</v>
      </c>
      <c r="J7179" t="s">
        <v>851</v>
      </c>
      <c r="K7179">
        <v>43</v>
      </c>
      <c r="L7179" t="s">
        <v>3940</v>
      </c>
      <c r="M7179">
        <v>474</v>
      </c>
      <c r="N7179" t="s">
        <v>654</v>
      </c>
      <c r="O7179">
        <v>3</v>
      </c>
      <c r="P7179" t="s">
        <v>655</v>
      </c>
      <c r="Q7179">
        <v>1</v>
      </c>
      <c r="R7179" t="s">
        <v>669</v>
      </c>
      <c r="S7179">
        <v>1</v>
      </c>
      <c r="T7179" t="s">
        <v>661</v>
      </c>
      <c r="U7179">
        <v>8</v>
      </c>
      <c r="V7179">
        <v>4</v>
      </c>
      <c r="W7179">
        <v>240</v>
      </c>
      <c r="X7179">
        <v>2020</v>
      </c>
    </row>
    <row r="7180" spans="1:24" x14ac:dyDescent="0.25">
      <c r="A7180">
        <v>137</v>
      </c>
      <c r="B7180" t="s">
        <v>183</v>
      </c>
      <c r="C7180">
        <v>4</v>
      </c>
      <c r="D7180" t="s">
        <v>609</v>
      </c>
      <c r="E7180">
        <v>32</v>
      </c>
      <c r="F7180" t="s">
        <v>651</v>
      </c>
      <c r="G7180">
        <v>160</v>
      </c>
      <c r="H7180" t="s">
        <v>658</v>
      </c>
      <c r="I7180">
        <v>13755</v>
      </c>
      <c r="J7180" t="s">
        <v>851</v>
      </c>
      <c r="K7180">
        <v>43</v>
      </c>
      <c r="L7180" t="s">
        <v>3799</v>
      </c>
      <c r="M7180">
        <v>473</v>
      </c>
      <c r="N7180" t="s">
        <v>654</v>
      </c>
      <c r="O7180">
        <v>3</v>
      </c>
      <c r="P7180" t="s">
        <v>655</v>
      </c>
      <c r="Q7180">
        <v>1</v>
      </c>
      <c r="R7180" t="s">
        <v>669</v>
      </c>
      <c r="S7180">
        <v>1</v>
      </c>
      <c r="T7180" t="s">
        <v>661</v>
      </c>
      <c r="U7180">
        <v>8</v>
      </c>
      <c r="V7180">
        <v>4</v>
      </c>
      <c r="W7180">
        <v>240</v>
      </c>
      <c r="X7180">
        <v>2020</v>
      </c>
    </row>
    <row r="7181" spans="1:24" x14ac:dyDescent="0.25">
      <c r="A7181">
        <v>136</v>
      </c>
      <c r="B7181" t="s">
        <v>183</v>
      </c>
      <c r="C7181">
        <v>4</v>
      </c>
      <c r="D7181" t="s">
        <v>609</v>
      </c>
      <c r="E7181">
        <v>32</v>
      </c>
      <c r="F7181" t="s">
        <v>651</v>
      </c>
      <c r="G7181">
        <v>160</v>
      </c>
      <c r="H7181" t="s">
        <v>658</v>
      </c>
      <c r="I7181">
        <v>13755</v>
      </c>
      <c r="J7181" t="s">
        <v>851</v>
      </c>
      <c r="K7181">
        <v>43</v>
      </c>
      <c r="L7181" t="s">
        <v>1090</v>
      </c>
      <c r="M7181">
        <v>472</v>
      </c>
      <c r="N7181" t="s">
        <v>654</v>
      </c>
      <c r="O7181">
        <v>3</v>
      </c>
      <c r="P7181" t="s">
        <v>655</v>
      </c>
      <c r="Q7181">
        <v>1</v>
      </c>
      <c r="R7181" t="s">
        <v>669</v>
      </c>
      <c r="S7181">
        <v>1</v>
      </c>
      <c r="T7181" t="s">
        <v>661</v>
      </c>
      <c r="U7181">
        <v>8</v>
      </c>
      <c r="V7181">
        <v>4</v>
      </c>
      <c r="W7181">
        <v>240</v>
      </c>
      <c r="X7181">
        <v>2020</v>
      </c>
    </row>
    <row r="7182" spans="1:24" x14ac:dyDescent="0.25">
      <c r="A7182">
        <v>135</v>
      </c>
      <c r="B7182" t="s">
        <v>183</v>
      </c>
      <c r="C7182">
        <v>4</v>
      </c>
      <c r="D7182" t="s">
        <v>421</v>
      </c>
      <c r="E7182">
        <v>31</v>
      </c>
      <c r="F7182" t="s">
        <v>651</v>
      </c>
      <c r="G7182">
        <v>160</v>
      </c>
      <c r="H7182" t="s">
        <v>658</v>
      </c>
      <c r="I7182">
        <v>13755</v>
      </c>
      <c r="J7182" t="s">
        <v>1005</v>
      </c>
      <c r="K7182">
        <v>72</v>
      </c>
      <c r="L7182" t="s">
        <v>1005</v>
      </c>
      <c r="M7182">
        <v>326</v>
      </c>
      <c r="N7182" t="s">
        <v>654</v>
      </c>
      <c r="O7182">
        <v>3</v>
      </c>
      <c r="P7182" t="s">
        <v>655</v>
      </c>
      <c r="Q7182">
        <v>1</v>
      </c>
      <c r="R7182" t="s">
        <v>669</v>
      </c>
      <c r="S7182">
        <v>1</v>
      </c>
      <c r="T7182" t="s">
        <v>661</v>
      </c>
      <c r="U7182">
        <v>8</v>
      </c>
      <c r="V7182">
        <v>6</v>
      </c>
      <c r="W7182">
        <v>360</v>
      </c>
      <c r="X7182">
        <v>2020</v>
      </c>
    </row>
    <row r="7183" spans="1:24" x14ac:dyDescent="0.25">
      <c r="A7183">
        <v>134</v>
      </c>
      <c r="B7183" t="s">
        <v>183</v>
      </c>
      <c r="C7183">
        <v>4</v>
      </c>
      <c r="D7183" t="s">
        <v>421</v>
      </c>
      <c r="E7183">
        <v>31</v>
      </c>
      <c r="F7183" t="s">
        <v>651</v>
      </c>
      <c r="G7183">
        <v>160</v>
      </c>
      <c r="H7183" t="s">
        <v>658</v>
      </c>
      <c r="I7183">
        <v>13755</v>
      </c>
      <c r="J7183" t="s">
        <v>880</v>
      </c>
      <c r="K7183">
        <v>58</v>
      </c>
      <c r="L7183" t="s">
        <v>1086</v>
      </c>
      <c r="M7183">
        <v>238</v>
      </c>
      <c r="N7183" t="s">
        <v>654</v>
      </c>
      <c r="O7183">
        <v>3</v>
      </c>
      <c r="P7183" t="s">
        <v>655</v>
      </c>
      <c r="Q7183">
        <v>1</v>
      </c>
      <c r="R7183" t="s">
        <v>669</v>
      </c>
      <c r="S7183">
        <v>1</v>
      </c>
      <c r="T7183" t="s">
        <v>661</v>
      </c>
      <c r="U7183">
        <v>8</v>
      </c>
      <c r="V7183">
        <v>4</v>
      </c>
      <c r="W7183">
        <v>240</v>
      </c>
      <c r="X7183">
        <v>2020</v>
      </c>
    </row>
    <row r="7184" spans="1:24" x14ac:dyDescent="0.25">
      <c r="A7184">
        <v>133</v>
      </c>
      <c r="B7184" t="s">
        <v>183</v>
      </c>
      <c r="C7184">
        <v>4</v>
      </c>
      <c r="D7184" t="s">
        <v>610</v>
      </c>
      <c r="E7184">
        <v>30</v>
      </c>
      <c r="F7184" t="s">
        <v>651</v>
      </c>
      <c r="G7184">
        <v>160</v>
      </c>
      <c r="H7184" t="s">
        <v>658</v>
      </c>
      <c r="I7184">
        <v>13755</v>
      </c>
      <c r="J7184" t="s">
        <v>880</v>
      </c>
      <c r="K7184">
        <v>58</v>
      </c>
      <c r="L7184" t="s">
        <v>3937</v>
      </c>
      <c r="M7184">
        <v>237</v>
      </c>
      <c r="N7184" t="s">
        <v>654</v>
      </c>
      <c r="O7184">
        <v>3</v>
      </c>
      <c r="P7184" t="s">
        <v>655</v>
      </c>
      <c r="Q7184">
        <v>1</v>
      </c>
      <c r="R7184" t="s">
        <v>669</v>
      </c>
      <c r="S7184">
        <v>1</v>
      </c>
      <c r="T7184" t="s">
        <v>661</v>
      </c>
      <c r="U7184">
        <v>8</v>
      </c>
      <c r="V7184">
        <v>4</v>
      </c>
      <c r="W7184">
        <v>240</v>
      </c>
      <c r="X7184">
        <v>2020</v>
      </c>
    </row>
    <row r="7185" spans="1:24" x14ac:dyDescent="0.25">
      <c r="A7185">
        <v>132</v>
      </c>
      <c r="B7185" t="s">
        <v>183</v>
      </c>
      <c r="C7185">
        <v>4</v>
      </c>
      <c r="D7185" t="s">
        <v>610</v>
      </c>
      <c r="E7185">
        <v>30</v>
      </c>
      <c r="F7185" t="s">
        <v>651</v>
      </c>
      <c r="G7185">
        <v>160</v>
      </c>
      <c r="H7185" t="s">
        <v>658</v>
      </c>
      <c r="I7185">
        <v>13755</v>
      </c>
      <c r="J7185" t="s">
        <v>1219</v>
      </c>
      <c r="K7185">
        <v>42</v>
      </c>
      <c r="L7185" t="s">
        <v>1263</v>
      </c>
      <c r="M7185">
        <v>149</v>
      </c>
      <c r="N7185" t="s">
        <v>654</v>
      </c>
      <c r="O7185">
        <v>3</v>
      </c>
      <c r="P7185" t="s">
        <v>655</v>
      </c>
      <c r="Q7185">
        <v>1</v>
      </c>
      <c r="R7185" t="s">
        <v>669</v>
      </c>
      <c r="S7185">
        <v>1</v>
      </c>
      <c r="T7185" t="s">
        <v>661</v>
      </c>
      <c r="U7185">
        <v>8</v>
      </c>
      <c r="V7185">
        <v>4</v>
      </c>
      <c r="W7185">
        <v>240</v>
      </c>
      <c r="X7185">
        <v>2020</v>
      </c>
    </row>
    <row r="7186" spans="1:24" x14ac:dyDescent="0.25">
      <c r="A7186">
        <v>131</v>
      </c>
      <c r="B7186" t="s">
        <v>183</v>
      </c>
      <c r="C7186">
        <v>4</v>
      </c>
      <c r="D7186" t="s">
        <v>610</v>
      </c>
      <c r="E7186">
        <v>30</v>
      </c>
      <c r="F7186" t="s">
        <v>651</v>
      </c>
      <c r="G7186">
        <v>160</v>
      </c>
      <c r="H7186" t="s">
        <v>658</v>
      </c>
      <c r="I7186">
        <v>13755</v>
      </c>
      <c r="J7186" t="s">
        <v>1219</v>
      </c>
      <c r="K7186">
        <v>42</v>
      </c>
      <c r="L7186" t="s">
        <v>1219</v>
      </c>
      <c r="M7186">
        <v>148</v>
      </c>
      <c r="N7186" t="s">
        <v>654</v>
      </c>
      <c r="O7186">
        <v>3</v>
      </c>
      <c r="P7186" t="s">
        <v>655</v>
      </c>
      <c r="Q7186">
        <v>1</v>
      </c>
      <c r="R7186" t="s">
        <v>669</v>
      </c>
      <c r="S7186">
        <v>1</v>
      </c>
      <c r="T7186" t="s">
        <v>661</v>
      </c>
      <c r="U7186">
        <v>8</v>
      </c>
      <c r="V7186">
        <v>4</v>
      </c>
      <c r="W7186">
        <v>240</v>
      </c>
      <c r="X7186">
        <v>2020</v>
      </c>
    </row>
    <row r="7187" spans="1:24" x14ac:dyDescent="0.25">
      <c r="A7187">
        <v>129</v>
      </c>
      <c r="B7187" t="s">
        <v>183</v>
      </c>
      <c r="C7187">
        <v>4</v>
      </c>
      <c r="D7187" t="s">
        <v>329</v>
      </c>
      <c r="E7187">
        <v>29</v>
      </c>
      <c r="F7187" t="s">
        <v>651</v>
      </c>
      <c r="G7187">
        <v>160</v>
      </c>
      <c r="H7187" t="s">
        <v>658</v>
      </c>
      <c r="I7187">
        <v>13755</v>
      </c>
      <c r="J7187" t="s">
        <v>794</v>
      </c>
      <c r="K7187">
        <v>40</v>
      </c>
      <c r="L7187" t="s">
        <v>3710</v>
      </c>
      <c r="M7187">
        <v>144</v>
      </c>
      <c r="N7187" t="s">
        <v>654</v>
      </c>
      <c r="O7187">
        <v>3</v>
      </c>
      <c r="P7187" t="s">
        <v>655</v>
      </c>
      <c r="Q7187">
        <v>1</v>
      </c>
      <c r="R7187" t="s">
        <v>669</v>
      </c>
      <c r="S7187">
        <v>1</v>
      </c>
      <c r="T7187" t="s">
        <v>661</v>
      </c>
      <c r="U7187">
        <v>8</v>
      </c>
      <c r="V7187">
        <v>4</v>
      </c>
      <c r="W7187">
        <v>240</v>
      </c>
      <c r="X7187">
        <v>2020</v>
      </c>
    </row>
    <row r="7188" spans="1:24" x14ac:dyDescent="0.25">
      <c r="A7188">
        <v>128</v>
      </c>
      <c r="B7188" t="s">
        <v>183</v>
      </c>
      <c r="C7188">
        <v>4</v>
      </c>
      <c r="D7188" t="s">
        <v>329</v>
      </c>
      <c r="E7188">
        <v>29</v>
      </c>
      <c r="F7188" t="s">
        <v>651</v>
      </c>
      <c r="G7188">
        <v>160</v>
      </c>
      <c r="H7188" t="s">
        <v>658</v>
      </c>
      <c r="I7188">
        <v>13755</v>
      </c>
      <c r="J7188" t="s">
        <v>794</v>
      </c>
      <c r="K7188">
        <v>40</v>
      </c>
      <c r="L7188" t="s">
        <v>794</v>
      </c>
      <c r="M7188">
        <v>143</v>
      </c>
      <c r="N7188" t="s">
        <v>654</v>
      </c>
      <c r="O7188">
        <v>3</v>
      </c>
      <c r="P7188" t="s">
        <v>689</v>
      </c>
      <c r="Q7188">
        <v>4</v>
      </c>
      <c r="R7188" t="s">
        <v>669</v>
      </c>
      <c r="S7188">
        <v>1</v>
      </c>
      <c r="T7188" t="s">
        <v>661</v>
      </c>
      <c r="U7188">
        <v>8</v>
      </c>
      <c r="V7188">
        <v>4</v>
      </c>
      <c r="W7188">
        <v>240</v>
      </c>
      <c r="X7188">
        <v>2020</v>
      </c>
    </row>
    <row r="7189" spans="1:24" x14ac:dyDescent="0.25">
      <c r="A7189">
        <v>127</v>
      </c>
      <c r="B7189" t="s">
        <v>183</v>
      </c>
      <c r="C7189">
        <v>4</v>
      </c>
      <c r="D7189" t="s">
        <v>329</v>
      </c>
      <c r="E7189">
        <v>29</v>
      </c>
      <c r="F7189" t="s">
        <v>651</v>
      </c>
      <c r="G7189">
        <v>160</v>
      </c>
      <c r="H7189" t="s">
        <v>658</v>
      </c>
      <c r="I7189">
        <v>13755</v>
      </c>
      <c r="J7189" t="s">
        <v>794</v>
      </c>
      <c r="K7189">
        <v>40</v>
      </c>
      <c r="L7189" t="s">
        <v>794</v>
      </c>
      <c r="M7189">
        <v>143</v>
      </c>
      <c r="N7189" t="s">
        <v>654</v>
      </c>
      <c r="O7189">
        <v>3</v>
      </c>
      <c r="P7189" t="s">
        <v>655</v>
      </c>
      <c r="Q7189">
        <v>1</v>
      </c>
      <c r="R7189" t="s">
        <v>669</v>
      </c>
      <c r="S7189">
        <v>1</v>
      </c>
      <c r="T7189" t="s">
        <v>661</v>
      </c>
      <c r="U7189">
        <v>8</v>
      </c>
      <c r="V7189">
        <v>4</v>
      </c>
      <c r="W7189">
        <v>240</v>
      </c>
      <c r="X7189">
        <v>2020</v>
      </c>
    </row>
    <row r="7190" spans="1:24" x14ac:dyDescent="0.25">
      <c r="A7190">
        <v>126</v>
      </c>
      <c r="B7190" t="s">
        <v>183</v>
      </c>
      <c r="C7190">
        <v>4</v>
      </c>
      <c r="D7190" t="s">
        <v>611</v>
      </c>
      <c r="E7190">
        <v>28</v>
      </c>
      <c r="F7190" t="s">
        <v>651</v>
      </c>
      <c r="G7190">
        <v>160</v>
      </c>
      <c r="H7190" t="s">
        <v>658</v>
      </c>
      <c r="I7190">
        <v>13755</v>
      </c>
      <c r="J7190" t="s">
        <v>917</v>
      </c>
      <c r="K7190">
        <v>83</v>
      </c>
      <c r="L7190" t="s">
        <v>918</v>
      </c>
      <c r="M7190">
        <v>287</v>
      </c>
      <c r="N7190" t="s">
        <v>654</v>
      </c>
      <c r="O7190">
        <v>3</v>
      </c>
      <c r="P7190" t="s">
        <v>689</v>
      </c>
      <c r="Q7190">
        <v>4</v>
      </c>
      <c r="R7190" t="s">
        <v>669</v>
      </c>
      <c r="S7190">
        <v>1</v>
      </c>
      <c r="T7190" t="s">
        <v>661</v>
      </c>
      <c r="U7190">
        <v>8</v>
      </c>
      <c r="V7190">
        <v>4</v>
      </c>
      <c r="W7190">
        <v>240</v>
      </c>
      <c r="X7190">
        <v>2020</v>
      </c>
    </row>
    <row r="7191" spans="1:24" x14ac:dyDescent="0.25">
      <c r="A7191">
        <v>125</v>
      </c>
      <c r="B7191" t="s">
        <v>183</v>
      </c>
      <c r="C7191">
        <v>4</v>
      </c>
      <c r="D7191" t="s">
        <v>611</v>
      </c>
      <c r="E7191">
        <v>28</v>
      </c>
      <c r="F7191" t="s">
        <v>651</v>
      </c>
      <c r="G7191">
        <v>160</v>
      </c>
      <c r="H7191" t="s">
        <v>658</v>
      </c>
      <c r="I7191">
        <v>13755</v>
      </c>
      <c r="J7191" t="s">
        <v>917</v>
      </c>
      <c r="K7191">
        <v>83</v>
      </c>
      <c r="L7191" t="s">
        <v>918</v>
      </c>
      <c r="M7191">
        <v>287</v>
      </c>
      <c r="N7191" t="s">
        <v>654</v>
      </c>
      <c r="O7191">
        <v>3</v>
      </c>
      <c r="P7191" t="s">
        <v>655</v>
      </c>
      <c r="Q7191">
        <v>1</v>
      </c>
      <c r="R7191" t="s">
        <v>669</v>
      </c>
      <c r="S7191">
        <v>1</v>
      </c>
      <c r="T7191" t="s">
        <v>661</v>
      </c>
      <c r="U7191">
        <v>8</v>
      </c>
      <c r="V7191">
        <v>4</v>
      </c>
      <c r="W7191">
        <v>240</v>
      </c>
      <c r="X7191">
        <v>2020</v>
      </c>
    </row>
    <row r="7192" spans="1:24" x14ac:dyDescent="0.25">
      <c r="A7192">
        <v>124</v>
      </c>
      <c r="B7192" t="s">
        <v>183</v>
      </c>
      <c r="C7192">
        <v>4</v>
      </c>
      <c r="D7192" t="s">
        <v>611</v>
      </c>
      <c r="E7192">
        <v>28</v>
      </c>
      <c r="F7192" t="s">
        <v>651</v>
      </c>
      <c r="G7192">
        <v>160</v>
      </c>
      <c r="H7192" t="s">
        <v>658</v>
      </c>
      <c r="I7192">
        <v>13755</v>
      </c>
      <c r="J7192" t="s">
        <v>917</v>
      </c>
      <c r="K7192">
        <v>83</v>
      </c>
      <c r="L7192" t="s">
        <v>3925</v>
      </c>
      <c r="M7192">
        <v>286</v>
      </c>
      <c r="N7192" t="s">
        <v>654</v>
      </c>
      <c r="O7192">
        <v>3</v>
      </c>
      <c r="P7192" t="s">
        <v>689</v>
      </c>
      <c r="Q7192">
        <v>4</v>
      </c>
      <c r="R7192" t="s">
        <v>669</v>
      </c>
      <c r="S7192">
        <v>1</v>
      </c>
      <c r="T7192" t="s">
        <v>661</v>
      </c>
      <c r="U7192">
        <v>8</v>
      </c>
      <c r="V7192">
        <v>4</v>
      </c>
      <c r="W7192">
        <v>240</v>
      </c>
      <c r="X7192">
        <v>2020</v>
      </c>
    </row>
    <row r="7193" spans="1:24" x14ac:dyDescent="0.25">
      <c r="A7193">
        <v>123</v>
      </c>
      <c r="B7193" t="s">
        <v>183</v>
      </c>
      <c r="C7193">
        <v>4</v>
      </c>
      <c r="D7193" t="s">
        <v>611</v>
      </c>
      <c r="E7193">
        <v>28</v>
      </c>
      <c r="F7193" t="s">
        <v>651</v>
      </c>
      <c r="G7193">
        <v>160</v>
      </c>
      <c r="H7193" t="s">
        <v>658</v>
      </c>
      <c r="I7193">
        <v>13755</v>
      </c>
      <c r="J7193" t="s">
        <v>917</v>
      </c>
      <c r="K7193">
        <v>83</v>
      </c>
      <c r="L7193" t="s">
        <v>3925</v>
      </c>
      <c r="M7193">
        <v>286</v>
      </c>
      <c r="N7193" t="s">
        <v>654</v>
      </c>
      <c r="O7193">
        <v>3</v>
      </c>
      <c r="P7193" t="s">
        <v>655</v>
      </c>
      <c r="Q7193">
        <v>1</v>
      </c>
      <c r="R7193" t="s">
        <v>669</v>
      </c>
      <c r="S7193">
        <v>1</v>
      </c>
      <c r="T7193" t="s">
        <v>661</v>
      </c>
      <c r="U7193">
        <v>8</v>
      </c>
      <c r="V7193">
        <v>4</v>
      </c>
      <c r="W7193">
        <v>240</v>
      </c>
      <c r="X7193">
        <v>2020</v>
      </c>
    </row>
    <row r="7194" spans="1:24" x14ac:dyDescent="0.25">
      <c r="A7194">
        <v>122</v>
      </c>
      <c r="B7194" t="s">
        <v>183</v>
      </c>
      <c r="C7194">
        <v>4</v>
      </c>
      <c r="D7194" t="s">
        <v>463</v>
      </c>
      <c r="E7194">
        <v>27</v>
      </c>
      <c r="F7194" t="s">
        <v>651</v>
      </c>
      <c r="G7194">
        <v>160</v>
      </c>
      <c r="H7194" t="s">
        <v>658</v>
      </c>
      <c r="I7194">
        <v>13755</v>
      </c>
      <c r="J7194" t="s">
        <v>678</v>
      </c>
      <c r="K7194">
        <v>41</v>
      </c>
      <c r="L7194" t="s">
        <v>678</v>
      </c>
      <c r="M7194">
        <v>145</v>
      </c>
      <c r="N7194" t="s">
        <v>654</v>
      </c>
      <c r="O7194">
        <v>3</v>
      </c>
      <c r="P7194" t="s">
        <v>655</v>
      </c>
      <c r="Q7194">
        <v>1</v>
      </c>
      <c r="R7194" t="s">
        <v>669</v>
      </c>
      <c r="S7194">
        <v>1</v>
      </c>
      <c r="T7194" t="s">
        <v>661</v>
      </c>
      <c r="U7194">
        <v>8</v>
      </c>
      <c r="V7194">
        <v>4</v>
      </c>
      <c r="W7194">
        <v>240</v>
      </c>
      <c r="X7194">
        <v>2020</v>
      </c>
    </row>
    <row r="7195" spans="1:24" x14ac:dyDescent="0.25">
      <c r="A7195">
        <v>119</v>
      </c>
      <c r="B7195" t="s">
        <v>183</v>
      </c>
      <c r="C7195">
        <v>4</v>
      </c>
      <c r="D7195" t="s">
        <v>463</v>
      </c>
      <c r="E7195">
        <v>27</v>
      </c>
      <c r="F7195" t="s">
        <v>651</v>
      </c>
      <c r="G7195">
        <v>160</v>
      </c>
      <c r="H7195" t="s">
        <v>658</v>
      </c>
      <c r="I7195">
        <v>13755</v>
      </c>
      <c r="J7195" t="s">
        <v>909</v>
      </c>
      <c r="K7195">
        <v>39</v>
      </c>
      <c r="L7195" t="s">
        <v>1925</v>
      </c>
      <c r="M7195">
        <v>138</v>
      </c>
      <c r="N7195" t="s">
        <v>654</v>
      </c>
      <c r="O7195">
        <v>3</v>
      </c>
      <c r="P7195" t="s">
        <v>655</v>
      </c>
      <c r="Q7195">
        <v>1</v>
      </c>
      <c r="R7195" t="s">
        <v>669</v>
      </c>
      <c r="S7195">
        <v>1</v>
      </c>
      <c r="T7195" t="s">
        <v>661</v>
      </c>
      <c r="U7195">
        <v>8</v>
      </c>
      <c r="V7195">
        <v>4</v>
      </c>
      <c r="W7195">
        <v>240</v>
      </c>
      <c r="X7195">
        <v>2020</v>
      </c>
    </row>
    <row r="7196" spans="1:24" x14ac:dyDescent="0.25">
      <c r="A7196">
        <v>118</v>
      </c>
      <c r="B7196" t="s">
        <v>183</v>
      </c>
      <c r="C7196">
        <v>4</v>
      </c>
      <c r="D7196" t="s">
        <v>463</v>
      </c>
      <c r="E7196">
        <v>27</v>
      </c>
      <c r="F7196" t="s">
        <v>651</v>
      </c>
      <c r="G7196">
        <v>160</v>
      </c>
      <c r="H7196" t="s">
        <v>658</v>
      </c>
      <c r="I7196">
        <v>13755</v>
      </c>
      <c r="J7196" t="s">
        <v>831</v>
      </c>
      <c r="K7196">
        <v>5</v>
      </c>
      <c r="L7196" t="s">
        <v>831</v>
      </c>
      <c r="M7196">
        <v>14</v>
      </c>
      <c r="N7196" t="s">
        <v>654</v>
      </c>
      <c r="O7196">
        <v>3</v>
      </c>
      <c r="P7196" t="s">
        <v>746</v>
      </c>
      <c r="Q7196">
        <v>2</v>
      </c>
      <c r="R7196" t="s">
        <v>669</v>
      </c>
      <c r="S7196">
        <v>1</v>
      </c>
      <c r="T7196" t="s">
        <v>661</v>
      </c>
      <c r="U7196">
        <v>8</v>
      </c>
      <c r="V7196">
        <v>3</v>
      </c>
      <c r="W7196">
        <v>180</v>
      </c>
      <c r="X7196">
        <v>2020</v>
      </c>
    </row>
    <row r="7197" spans="1:24" x14ac:dyDescent="0.25">
      <c r="A7197">
        <v>117</v>
      </c>
      <c r="B7197" t="s">
        <v>183</v>
      </c>
      <c r="C7197">
        <v>4</v>
      </c>
      <c r="D7197" t="s">
        <v>463</v>
      </c>
      <c r="E7197">
        <v>27</v>
      </c>
      <c r="F7197" t="s">
        <v>651</v>
      </c>
      <c r="G7197">
        <v>160</v>
      </c>
      <c r="H7197" t="s">
        <v>658</v>
      </c>
      <c r="I7197">
        <v>13755</v>
      </c>
      <c r="J7197" t="s">
        <v>831</v>
      </c>
      <c r="K7197">
        <v>5</v>
      </c>
      <c r="L7197" t="s">
        <v>831</v>
      </c>
      <c r="M7197">
        <v>14</v>
      </c>
      <c r="N7197" t="s">
        <v>654</v>
      </c>
      <c r="O7197">
        <v>3</v>
      </c>
      <c r="P7197" t="s">
        <v>655</v>
      </c>
      <c r="Q7197">
        <v>1</v>
      </c>
      <c r="R7197" t="s">
        <v>669</v>
      </c>
      <c r="S7197">
        <v>1</v>
      </c>
      <c r="T7197" t="s">
        <v>661</v>
      </c>
      <c r="U7197">
        <v>8</v>
      </c>
      <c r="V7197">
        <v>3</v>
      </c>
      <c r="W7197">
        <v>180</v>
      </c>
      <c r="X7197">
        <v>2020</v>
      </c>
    </row>
    <row r="7198" spans="1:24" x14ac:dyDescent="0.25">
      <c r="A7198">
        <v>116</v>
      </c>
      <c r="B7198" t="s">
        <v>84</v>
      </c>
      <c r="C7198">
        <v>3</v>
      </c>
      <c r="D7198" t="s">
        <v>612</v>
      </c>
      <c r="E7198">
        <v>26</v>
      </c>
      <c r="F7198" t="s">
        <v>651</v>
      </c>
      <c r="G7198">
        <v>160</v>
      </c>
      <c r="H7198" t="s">
        <v>658</v>
      </c>
      <c r="I7198">
        <v>13755</v>
      </c>
      <c r="J7198" t="s">
        <v>1512</v>
      </c>
      <c r="K7198">
        <v>37</v>
      </c>
      <c r="L7198" t="s">
        <v>4017</v>
      </c>
      <c r="M7198">
        <v>134</v>
      </c>
      <c r="N7198" t="s">
        <v>654</v>
      </c>
      <c r="O7198">
        <v>3</v>
      </c>
      <c r="P7198" t="s">
        <v>655</v>
      </c>
      <c r="Q7198">
        <v>1</v>
      </c>
      <c r="R7198" t="s">
        <v>669</v>
      </c>
      <c r="S7198">
        <v>1</v>
      </c>
      <c r="T7198" t="s">
        <v>661</v>
      </c>
      <c r="U7198">
        <v>8</v>
      </c>
      <c r="V7198">
        <v>4</v>
      </c>
      <c r="W7198">
        <v>240</v>
      </c>
      <c r="X7198">
        <v>2020</v>
      </c>
    </row>
    <row r="7199" spans="1:24" x14ac:dyDescent="0.25">
      <c r="A7199">
        <v>115</v>
      </c>
      <c r="B7199" t="s">
        <v>84</v>
      </c>
      <c r="C7199">
        <v>3</v>
      </c>
      <c r="D7199" t="s">
        <v>612</v>
      </c>
      <c r="E7199">
        <v>26</v>
      </c>
      <c r="F7199" t="s">
        <v>651</v>
      </c>
      <c r="G7199">
        <v>160</v>
      </c>
      <c r="H7199" t="s">
        <v>658</v>
      </c>
      <c r="I7199">
        <v>13755</v>
      </c>
      <c r="J7199" t="s">
        <v>1512</v>
      </c>
      <c r="K7199">
        <v>37</v>
      </c>
      <c r="L7199" t="s">
        <v>4018</v>
      </c>
      <c r="M7199">
        <v>132</v>
      </c>
      <c r="N7199" t="s">
        <v>654</v>
      </c>
      <c r="O7199">
        <v>3</v>
      </c>
      <c r="P7199" t="s">
        <v>655</v>
      </c>
      <c r="Q7199">
        <v>1</v>
      </c>
      <c r="R7199" t="s">
        <v>669</v>
      </c>
      <c r="S7199">
        <v>1</v>
      </c>
      <c r="T7199" t="s">
        <v>661</v>
      </c>
      <c r="U7199">
        <v>8</v>
      </c>
      <c r="V7199">
        <v>4</v>
      </c>
      <c r="W7199">
        <v>240</v>
      </c>
      <c r="X7199">
        <v>2020</v>
      </c>
    </row>
    <row r="7200" spans="1:24" x14ac:dyDescent="0.25">
      <c r="A7200">
        <v>114</v>
      </c>
      <c r="B7200" t="s">
        <v>84</v>
      </c>
      <c r="C7200">
        <v>3</v>
      </c>
      <c r="D7200" t="s">
        <v>613</v>
      </c>
      <c r="E7200">
        <v>25</v>
      </c>
      <c r="F7200" t="s">
        <v>651</v>
      </c>
      <c r="G7200">
        <v>160</v>
      </c>
      <c r="H7200" t="s">
        <v>658</v>
      </c>
      <c r="I7200">
        <v>13755</v>
      </c>
      <c r="J7200" t="s">
        <v>1538</v>
      </c>
      <c r="K7200">
        <v>36</v>
      </c>
      <c r="L7200" t="s">
        <v>3932</v>
      </c>
      <c r="M7200">
        <v>130</v>
      </c>
      <c r="N7200" t="s">
        <v>654</v>
      </c>
      <c r="O7200">
        <v>3</v>
      </c>
      <c r="P7200" t="s">
        <v>655</v>
      </c>
      <c r="Q7200">
        <v>1</v>
      </c>
      <c r="R7200" t="s">
        <v>669</v>
      </c>
      <c r="S7200">
        <v>1</v>
      </c>
      <c r="T7200" t="s">
        <v>661</v>
      </c>
      <c r="U7200">
        <v>8</v>
      </c>
      <c r="V7200">
        <v>3</v>
      </c>
      <c r="W7200">
        <v>180</v>
      </c>
      <c r="X7200">
        <v>2020</v>
      </c>
    </row>
    <row r="7201" spans="1:24" x14ac:dyDescent="0.25">
      <c r="A7201">
        <v>113</v>
      </c>
      <c r="B7201" t="s">
        <v>84</v>
      </c>
      <c r="C7201">
        <v>3</v>
      </c>
      <c r="D7201" t="s">
        <v>613</v>
      </c>
      <c r="E7201">
        <v>25</v>
      </c>
      <c r="F7201" t="s">
        <v>651</v>
      </c>
      <c r="G7201">
        <v>160</v>
      </c>
      <c r="H7201" t="s">
        <v>658</v>
      </c>
      <c r="I7201">
        <v>13755</v>
      </c>
      <c r="J7201" t="s">
        <v>1538</v>
      </c>
      <c r="K7201">
        <v>36</v>
      </c>
      <c r="L7201" t="s">
        <v>2240</v>
      </c>
      <c r="M7201">
        <v>127</v>
      </c>
      <c r="N7201" t="s">
        <v>654</v>
      </c>
      <c r="O7201">
        <v>3</v>
      </c>
      <c r="P7201" t="s">
        <v>655</v>
      </c>
      <c r="Q7201">
        <v>1</v>
      </c>
      <c r="R7201" t="s">
        <v>669</v>
      </c>
      <c r="S7201">
        <v>1</v>
      </c>
      <c r="T7201" t="s">
        <v>661</v>
      </c>
      <c r="U7201">
        <v>8</v>
      </c>
      <c r="V7201">
        <v>5</v>
      </c>
      <c r="W7201">
        <v>300</v>
      </c>
      <c r="X7201">
        <v>2020</v>
      </c>
    </row>
    <row r="7202" spans="1:24" x14ac:dyDescent="0.25">
      <c r="A7202">
        <v>112</v>
      </c>
      <c r="B7202" t="s">
        <v>84</v>
      </c>
      <c r="C7202">
        <v>3</v>
      </c>
      <c r="D7202" t="s">
        <v>613</v>
      </c>
      <c r="E7202">
        <v>25</v>
      </c>
      <c r="F7202" t="s">
        <v>651</v>
      </c>
      <c r="G7202">
        <v>160</v>
      </c>
      <c r="H7202" t="s">
        <v>658</v>
      </c>
      <c r="I7202">
        <v>13755</v>
      </c>
      <c r="J7202" t="s">
        <v>1538</v>
      </c>
      <c r="K7202">
        <v>36</v>
      </c>
      <c r="L7202" t="s">
        <v>4019</v>
      </c>
      <c r="M7202">
        <v>126</v>
      </c>
      <c r="N7202" t="s">
        <v>654</v>
      </c>
      <c r="O7202">
        <v>3</v>
      </c>
      <c r="P7202" t="s">
        <v>655</v>
      </c>
      <c r="Q7202">
        <v>1</v>
      </c>
      <c r="R7202" t="s">
        <v>669</v>
      </c>
      <c r="S7202">
        <v>1</v>
      </c>
      <c r="T7202" t="s">
        <v>661</v>
      </c>
      <c r="U7202">
        <v>8</v>
      </c>
      <c r="V7202">
        <v>5</v>
      </c>
      <c r="W7202">
        <v>300</v>
      </c>
      <c r="X7202">
        <v>2020</v>
      </c>
    </row>
    <row r="7203" spans="1:24" x14ac:dyDescent="0.25">
      <c r="A7203">
        <v>111</v>
      </c>
      <c r="B7203" t="s">
        <v>84</v>
      </c>
      <c r="C7203">
        <v>3</v>
      </c>
      <c r="D7203" t="s">
        <v>422</v>
      </c>
      <c r="E7203">
        <v>24</v>
      </c>
      <c r="F7203" t="s">
        <v>651</v>
      </c>
      <c r="G7203">
        <v>160</v>
      </c>
      <c r="H7203" t="s">
        <v>817</v>
      </c>
      <c r="I7203">
        <v>11010</v>
      </c>
      <c r="J7203" t="s">
        <v>1538</v>
      </c>
      <c r="K7203">
        <v>36</v>
      </c>
      <c r="L7203" t="s">
        <v>4020</v>
      </c>
      <c r="M7203">
        <v>128</v>
      </c>
      <c r="N7203" t="s">
        <v>654</v>
      </c>
      <c r="O7203">
        <v>3</v>
      </c>
      <c r="P7203" t="s">
        <v>655</v>
      </c>
      <c r="Q7203">
        <v>1</v>
      </c>
      <c r="R7203" t="s">
        <v>669</v>
      </c>
      <c r="S7203">
        <v>1</v>
      </c>
      <c r="T7203" t="s">
        <v>661</v>
      </c>
      <c r="U7203">
        <v>8</v>
      </c>
      <c r="V7203">
        <v>3</v>
      </c>
      <c r="W7203">
        <v>180</v>
      </c>
      <c r="X7203">
        <v>2020</v>
      </c>
    </row>
    <row r="7204" spans="1:24" x14ac:dyDescent="0.25">
      <c r="A7204">
        <v>109</v>
      </c>
      <c r="B7204" t="s">
        <v>84</v>
      </c>
      <c r="C7204">
        <v>3</v>
      </c>
      <c r="D7204" t="s">
        <v>422</v>
      </c>
      <c r="E7204">
        <v>24</v>
      </c>
      <c r="F7204" t="s">
        <v>651</v>
      </c>
      <c r="G7204">
        <v>160</v>
      </c>
      <c r="H7204" t="s">
        <v>658</v>
      </c>
      <c r="I7204">
        <v>13755</v>
      </c>
      <c r="J7204" t="s">
        <v>1538</v>
      </c>
      <c r="K7204">
        <v>36</v>
      </c>
      <c r="L7204" t="s">
        <v>1538</v>
      </c>
      <c r="M7204">
        <v>125</v>
      </c>
      <c r="N7204" t="s">
        <v>654</v>
      </c>
      <c r="O7204">
        <v>3</v>
      </c>
      <c r="P7204" t="s">
        <v>655</v>
      </c>
      <c r="Q7204">
        <v>1</v>
      </c>
      <c r="R7204" t="s">
        <v>669</v>
      </c>
      <c r="S7204">
        <v>1</v>
      </c>
      <c r="T7204" t="s">
        <v>661</v>
      </c>
      <c r="U7204">
        <v>8</v>
      </c>
      <c r="V7204">
        <v>6</v>
      </c>
      <c r="W7204">
        <v>360</v>
      </c>
      <c r="X7204">
        <v>2020</v>
      </c>
    </row>
    <row r="7205" spans="1:24" x14ac:dyDescent="0.25">
      <c r="A7205">
        <v>108</v>
      </c>
      <c r="B7205" t="s">
        <v>110</v>
      </c>
      <c r="C7205">
        <v>2</v>
      </c>
      <c r="D7205" t="s">
        <v>615</v>
      </c>
      <c r="E7205">
        <v>22</v>
      </c>
      <c r="F7205" t="s">
        <v>651</v>
      </c>
      <c r="G7205">
        <v>160</v>
      </c>
      <c r="H7205" t="s">
        <v>658</v>
      </c>
      <c r="I7205">
        <v>13755</v>
      </c>
      <c r="J7205" t="s">
        <v>667</v>
      </c>
      <c r="K7205">
        <v>11</v>
      </c>
      <c r="L7205" t="s">
        <v>1420</v>
      </c>
      <c r="M7205">
        <v>34</v>
      </c>
      <c r="N7205" t="s">
        <v>654</v>
      </c>
      <c r="O7205">
        <v>3</v>
      </c>
      <c r="P7205" t="s">
        <v>655</v>
      </c>
      <c r="Q7205">
        <v>1</v>
      </c>
      <c r="R7205" t="s">
        <v>669</v>
      </c>
      <c r="S7205">
        <v>1</v>
      </c>
      <c r="T7205" t="s">
        <v>702</v>
      </c>
      <c r="U7205">
        <v>39</v>
      </c>
      <c r="V7205">
        <v>3</v>
      </c>
      <c r="W7205">
        <v>180</v>
      </c>
      <c r="X7205">
        <v>2020</v>
      </c>
    </row>
    <row r="7206" spans="1:24" x14ac:dyDescent="0.25">
      <c r="A7206">
        <v>107</v>
      </c>
      <c r="B7206" t="s">
        <v>110</v>
      </c>
      <c r="C7206">
        <v>2</v>
      </c>
      <c r="D7206" t="s">
        <v>563</v>
      </c>
      <c r="E7206">
        <v>19</v>
      </c>
      <c r="F7206" t="s">
        <v>651</v>
      </c>
      <c r="G7206">
        <v>160</v>
      </c>
      <c r="H7206" t="s">
        <v>658</v>
      </c>
      <c r="I7206">
        <v>13755</v>
      </c>
      <c r="J7206" t="s">
        <v>3131</v>
      </c>
      <c r="K7206">
        <v>50</v>
      </c>
      <c r="L7206" t="s">
        <v>2728</v>
      </c>
      <c r="M7206">
        <v>191</v>
      </c>
      <c r="N7206" t="s">
        <v>654</v>
      </c>
      <c r="O7206">
        <v>3</v>
      </c>
      <c r="P7206" t="s">
        <v>655</v>
      </c>
      <c r="Q7206">
        <v>1</v>
      </c>
      <c r="R7206" t="s">
        <v>669</v>
      </c>
      <c r="S7206">
        <v>1</v>
      </c>
      <c r="T7206" t="s">
        <v>769</v>
      </c>
      <c r="U7206">
        <v>3</v>
      </c>
      <c r="V7206">
        <v>4</v>
      </c>
      <c r="W7206">
        <v>240</v>
      </c>
      <c r="X7206">
        <v>2020</v>
      </c>
    </row>
    <row r="7207" spans="1:24" x14ac:dyDescent="0.25">
      <c r="A7207">
        <v>106</v>
      </c>
      <c r="B7207" t="s">
        <v>110</v>
      </c>
      <c r="C7207">
        <v>2</v>
      </c>
      <c r="D7207" t="s">
        <v>615</v>
      </c>
      <c r="E7207">
        <v>22</v>
      </c>
      <c r="F7207" t="s">
        <v>651</v>
      </c>
      <c r="G7207">
        <v>160</v>
      </c>
      <c r="H7207" t="s">
        <v>658</v>
      </c>
      <c r="I7207">
        <v>13755</v>
      </c>
      <c r="J7207" t="s">
        <v>1080</v>
      </c>
      <c r="K7207">
        <v>49</v>
      </c>
      <c r="L7207" t="s">
        <v>1080</v>
      </c>
      <c r="M7207">
        <v>188</v>
      </c>
      <c r="N7207" t="s">
        <v>654</v>
      </c>
      <c r="O7207">
        <v>3</v>
      </c>
      <c r="P7207" t="s">
        <v>655</v>
      </c>
      <c r="Q7207">
        <v>1</v>
      </c>
      <c r="R7207" t="s">
        <v>669</v>
      </c>
      <c r="S7207">
        <v>1</v>
      </c>
      <c r="T7207" t="s">
        <v>769</v>
      </c>
      <c r="U7207">
        <v>3</v>
      </c>
      <c r="V7207">
        <v>4</v>
      </c>
      <c r="W7207">
        <v>240</v>
      </c>
      <c r="X7207">
        <v>2020</v>
      </c>
    </row>
    <row r="7208" spans="1:24" x14ac:dyDescent="0.25">
      <c r="A7208">
        <v>105</v>
      </c>
      <c r="B7208" t="s">
        <v>110</v>
      </c>
      <c r="C7208">
        <v>2</v>
      </c>
      <c r="D7208" t="s">
        <v>615</v>
      </c>
      <c r="E7208">
        <v>22</v>
      </c>
      <c r="F7208" t="s">
        <v>651</v>
      </c>
      <c r="G7208">
        <v>160</v>
      </c>
      <c r="H7208" t="s">
        <v>658</v>
      </c>
      <c r="I7208">
        <v>13755</v>
      </c>
      <c r="J7208" t="s">
        <v>1080</v>
      </c>
      <c r="K7208">
        <v>49</v>
      </c>
      <c r="L7208" t="s">
        <v>1080</v>
      </c>
      <c r="M7208">
        <v>188</v>
      </c>
      <c r="N7208" t="s">
        <v>654</v>
      </c>
      <c r="O7208">
        <v>3</v>
      </c>
      <c r="P7208" t="s">
        <v>655</v>
      </c>
      <c r="Q7208">
        <v>1</v>
      </c>
      <c r="R7208" t="s">
        <v>669</v>
      </c>
      <c r="S7208">
        <v>1</v>
      </c>
      <c r="T7208" t="s">
        <v>718</v>
      </c>
      <c r="U7208">
        <v>2</v>
      </c>
      <c r="V7208">
        <v>4</v>
      </c>
      <c r="W7208">
        <v>240</v>
      </c>
      <c r="X7208">
        <v>2020</v>
      </c>
    </row>
    <row r="7209" spans="1:24" x14ac:dyDescent="0.25">
      <c r="A7209">
        <v>104</v>
      </c>
      <c r="B7209" t="s">
        <v>110</v>
      </c>
      <c r="C7209">
        <v>2</v>
      </c>
      <c r="D7209" t="s">
        <v>616</v>
      </c>
      <c r="E7209">
        <v>21</v>
      </c>
      <c r="F7209" t="s">
        <v>651</v>
      </c>
      <c r="G7209">
        <v>160</v>
      </c>
      <c r="H7209" t="s">
        <v>658</v>
      </c>
      <c r="I7209">
        <v>13755</v>
      </c>
      <c r="J7209" t="s">
        <v>1182</v>
      </c>
      <c r="K7209">
        <v>46</v>
      </c>
      <c r="L7209" t="s">
        <v>3689</v>
      </c>
      <c r="M7209">
        <v>158</v>
      </c>
      <c r="N7209" t="s">
        <v>654</v>
      </c>
      <c r="O7209">
        <v>3</v>
      </c>
      <c r="P7209" t="s">
        <v>655</v>
      </c>
      <c r="Q7209">
        <v>1</v>
      </c>
      <c r="R7209" t="s">
        <v>669</v>
      </c>
      <c r="S7209">
        <v>1</v>
      </c>
      <c r="T7209" t="s">
        <v>661</v>
      </c>
      <c r="U7209">
        <v>8</v>
      </c>
      <c r="V7209">
        <v>4</v>
      </c>
      <c r="W7209">
        <v>240</v>
      </c>
      <c r="X7209">
        <v>2020</v>
      </c>
    </row>
    <row r="7210" spans="1:24" x14ac:dyDescent="0.25">
      <c r="A7210">
        <v>102</v>
      </c>
      <c r="B7210" t="s">
        <v>110</v>
      </c>
      <c r="C7210">
        <v>2</v>
      </c>
      <c r="D7210" t="s">
        <v>617</v>
      </c>
      <c r="E7210">
        <v>20</v>
      </c>
      <c r="F7210" t="s">
        <v>651</v>
      </c>
      <c r="G7210">
        <v>160</v>
      </c>
      <c r="H7210" t="s">
        <v>658</v>
      </c>
      <c r="I7210">
        <v>13755</v>
      </c>
      <c r="J7210" t="s">
        <v>738</v>
      </c>
      <c r="K7210">
        <v>61</v>
      </c>
      <c r="L7210" t="s">
        <v>3984</v>
      </c>
      <c r="M7210">
        <v>257</v>
      </c>
      <c r="N7210" t="s">
        <v>654</v>
      </c>
      <c r="O7210">
        <v>3</v>
      </c>
      <c r="P7210" t="s">
        <v>655</v>
      </c>
      <c r="Q7210">
        <v>1</v>
      </c>
      <c r="R7210" t="s">
        <v>669</v>
      </c>
      <c r="S7210">
        <v>1</v>
      </c>
      <c r="T7210" t="s">
        <v>661</v>
      </c>
      <c r="U7210">
        <v>8</v>
      </c>
      <c r="V7210">
        <v>4</v>
      </c>
      <c r="W7210">
        <v>240</v>
      </c>
      <c r="X7210">
        <v>2020</v>
      </c>
    </row>
    <row r="7211" spans="1:24" x14ac:dyDescent="0.25">
      <c r="A7211">
        <v>98</v>
      </c>
      <c r="B7211" t="s">
        <v>110</v>
      </c>
      <c r="C7211">
        <v>2</v>
      </c>
      <c r="D7211" t="s">
        <v>618</v>
      </c>
      <c r="E7211">
        <v>18</v>
      </c>
      <c r="F7211" t="s">
        <v>651</v>
      </c>
      <c r="G7211">
        <v>160</v>
      </c>
      <c r="H7211" t="s">
        <v>658</v>
      </c>
      <c r="I7211">
        <v>13755</v>
      </c>
      <c r="J7211" t="s">
        <v>1080</v>
      </c>
      <c r="K7211">
        <v>49</v>
      </c>
      <c r="L7211" t="s">
        <v>3933</v>
      </c>
      <c r="M7211">
        <v>182</v>
      </c>
      <c r="N7211" t="s">
        <v>654</v>
      </c>
      <c r="O7211">
        <v>3</v>
      </c>
      <c r="P7211" t="s">
        <v>655</v>
      </c>
      <c r="Q7211">
        <v>1</v>
      </c>
      <c r="R7211" t="s">
        <v>669</v>
      </c>
      <c r="S7211">
        <v>1</v>
      </c>
      <c r="T7211" t="s">
        <v>661</v>
      </c>
      <c r="U7211">
        <v>8</v>
      </c>
      <c r="V7211">
        <v>4</v>
      </c>
      <c r="W7211">
        <v>240</v>
      </c>
      <c r="X7211">
        <v>2020</v>
      </c>
    </row>
    <row r="7212" spans="1:24" x14ac:dyDescent="0.25">
      <c r="A7212">
        <v>97</v>
      </c>
      <c r="B7212" t="s">
        <v>110</v>
      </c>
      <c r="C7212">
        <v>2</v>
      </c>
      <c r="D7212" t="s">
        <v>619</v>
      </c>
      <c r="E7212">
        <v>17</v>
      </c>
      <c r="F7212" t="s">
        <v>651</v>
      </c>
      <c r="G7212">
        <v>160</v>
      </c>
      <c r="H7212" t="s">
        <v>658</v>
      </c>
      <c r="I7212">
        <v>13755</v>
      </c>
      <c r="J7212" t="s">
        <v>797</v>
      </c>
      <c r="K7212">
        <v>65</v>
      </c>
      <c r="L7212" t="s">
        <v>3892</v>
      </c>
      <c r="M7212">
        <v>276</v>
      </c>
      <c r="N7212" t="s">
        <v>654</v>
      </c>
      <c r="O7212">
        <v>3</v>
      </c>
      <c r="P7212" t="s">
        <v>655</v>
      </c>
      <c r="Q7212">
        <v>1</v>
      </c>
      <c r="R7212" t="s">
        <v>669</v>
      </c>
      <c r="S7212">
        <v>1</v>
      </c>
      <c r="T7212" t="s">
        <v>661</v>
      </c>
      <c r="U7212">
        <v>8</v>
      </c>
      <c r="V7212">
        <v>4</v>
      </c>
      <c r="W7212">
        <v>240</v>
      </c>
      <c r="X7212">
        <v>2020</v>
      </c>
    </row>
    <row r="7213" spans="1:24" x14ac:dyDescent="0.25">
      <c r="A7213">
        <v>96</v>
      </c>
      <c r="B7213" t="s">
        <v>110</v>
      </c>
      <c r="C7213">
        <v>2</v>
      </c>
      <c r="D7213" t="s">
        <v>619</v>
      </c>
      <c r="E7213">
        <v>17</v>
      </c>
      <c r="F7213" t="s">
        <v>651</v>
      </c>
      <c r="G7213">
        <v>160</v>
      </c>
      <c r="H7213" t="s">
        <v>658</v>
      </c>
      <c r="I7213">
        <v>13755</v>
      </c>
      <c r="J7213" t="s">
        <v>848</v>
      </c>
      <c r="K7213">
        <v>62</v>
      </c>
      <c r="L7213" t="s">
        <v>848</v>
      </c>
      <c r="M7213">
        <v>268</v>
      </c>
      <c r="N7213" t="s">
        <v>654</v>
      </c>
      <c r="O7213">
        <v>3</v>
      </c>
      <c r="P7213" t="s">
        <v>655</v>
      </c>
      <c r="Q7213">
        <v>1</v>
      </c>
      <c r="R7213" t="s">
        <v>669</v>
      </c>
      <c r="S7213">
        <v>1</v>
      </c>
      <c r="T7213" t="s">
        <v>661</v>
      </c>
      <c r="U7213">
        <v>8</v>
      </c>
      <c r="V7213">
        <v>4</v>
      </c>
      <c r="W7213">
        <v>240</v>
      </c>
      <c r="X7213">
        <v>2020</v>
      </c>
    </row>
    <row r="7214" spans="1:24" x14ac:dyDescent="0.25">
      <c r="A7214">
        <v>95</v>
      </c>
      <c r="B7214" t="s">
        <v>110</v>
      </c>
      <c r="C7214">
        <v>2</v>
      </c>
      <c r="D7214" t="s">
        <v>619</v>
      </c>
      <c r="E7214">
        <v>17</v>
      </c>
      <c r="F7214" t="s">
        <v>651</v>
      </c>
      <c r="G7214">
        <v>160</v>
      </c>
      <c r="H7214" t="s">
        <v>658</v>
      </c>
      <c r="I7214">
        <v>13755</v>
      </c>
      <c r="J7214" t="s">
        <v>1080</v>
      </c>
      <c r="K7214">
        <v>49</v>
      </c>
      <c r="L7214" t="s">
        <v>3779</v>
      </c>
      <c r="M7214">
        <v>186</v>
      </c>
      <c r="N7214" t="s">
        <v>654</v>
      </c>
      <c r="O7214">
        <v>3</v>
      </c>
      <c r="P7214" t="s">
        <v>655</v>
      </c>
      <c r="Q7214">
        <v>1</v>
      </c>
      <c r="R7214" t="s">
        <v>669</v>
      </c>
      <c r="S7214">
        <v>1</v>
      </c>
      <c r="T7214" t="s">
        <v>661</v>
      </c>
      <c r="U7214">
        <v>8</v>
      </c>
      <c r="V7214">
        <v>4</v>
      </c>
      <c r="W7214">
        <v>240</v>
      </c>
      <c r="X7214">
        <v>2020</v>
      </c>
    </row>
    <row r="7215" spans="1:24" x14ac:dyDescent="0.25">
      <c r="A7215">
        <v>94</v>
      </c>
      <c r="B7215" t="s">
        <v>110</v>
      </c>
      <c r="C7215">
        <v>2</v>
      </c>
      <c r="D7215" t="s">
        <v>619</v>
      </c>
      <c r="E7215">
        <v>17</v>
      </c>
      <c r="F7215" t="s">
        <v>651</v>
      </c>
      <c r="G7215">
        <v>160</v>
      </c>
      <c r="H7215" t="s">
        <v>658</v>
      </c>
      <c r="I7215">
        <v>13755</v>
      </c>
      <c r="J7215" t="s">
        <v>1080</v>
      </c>
      <c r="K7215">
        <v>49</v>
      </c>
      <c r="L7215" t="s">
        <v>3780</v>
      </c>
      <c r="M7215">
        <v>184</v>
      </c>
      <c r="N7215" t="s">
        <v>654</v>
      </c>
      <c r="O7215">
        <v>3</v>
      </c>
      <c r="P7215" t="s">
        <v>655</v>
      </c>
      <c r="Q7215">
        <v>1</v>
      </c>
      <c r="R7215" t="s">
        <v>669</v>
      </c>
      <c r="S7215">
        <v>1</v>
      </c>
      <c r="T7215" t="s">
        <v>661</v>
      </c>
      <c r="U7215">
        <v>8</v>
      </c>
      <c r="V7215">
        <v>4</v>
      </c>
      <c r="W7215">
        <v>240</v>
      </c>
      <c r="X7215">
        <v>2020</v>
      </c>
    </row>
    <row r="7216" spans="1:24" x14ac:dyDescent="0.25">
      <c r="A7216">
        <v>93</v>
      </c>
      <c r="B7216" t="s">
        <v>110</v>
      </c>
      <c r="C7216">
        <v>2</v>
      </c>
      <c r="D7216" t="s">
        <v>620</v>
      </c>
      <c r="E7216">
        <v>16</v>
      </c>
      <c r="F7216" t="s">
        <v>651</v>
      </c>
      <c r="G7216">
        <v>160</v>
      </c>
      <c r="H7216" t="s">
        <v>658</v>
      </c>
      <c r="I7216">
        <v>13755</v>
      </c>
      <c r="J7216" t="s">
        <v>730</v>
      </c>
      <c r="K7216">
        <v>66</v>
      </c>
      <c r="L7216" t="s">
        <v>3930</v>
      </c>
      <c r="M7216">
        <v>281</v>
      </c>
      <c r="N7216" t="s">
        <v>654</v>
      </c>
      <c r="O7216">
        <v>3</v>
      </c>
      <c r="P7216" t="s">
        <v>655</v>
      </c>
      <c r="Q7216">
        <v>1</v>
      </c>
      <c r="R7216" t="s">
        <v>669</v>
      </c>
      <c r="S7216">
        <v>1</v>
      </c>
      <c r="T7216" t="s">
        <v>661</v>
      </c>
      <c r="U7216">
        <v>8</v>
      </c>
      <c r="V7216">
        <v>4</v>
      </c>
      <c r="W7216">
        <v>240</v>
      </c>
      <c r="X7216">
        <v>2020</v>
      </c>
    </row>
    <row r="7217" spans="1:24" x14ac:dyDescent="0.25">
      <c r="A7217">
        <v>92</v>
      </c>
      <c r="B7217" t="s">
        <v>110</v>
      </c>
      <c r="C7217">
        <v>2</v>
      </c>
      <c r="D7217" t="s">
        <v>620</v>
      </c>
      <c r="E7217">
        <v>16</v>
      </c>
      <c r="F7217" t="s">
        <v>651</v>
      </c>
      <c r="G7217">
        <v>160</v>
      </c>
      <c r="H7217" t="s">
        <v>658</v>
      </c>
      <c r="I7217">
        <v>13755</v>
      </c>
      <c r="J7217" t="s">
        <v>1080</v>
      </c>
      <c r="K7217">
        <v>49</v>
      </c>
      <c r="L7217" t="s">
        <v>1081</v>
      </c>
      <c r="M7217">
        <v>189</v>
      </c>
      <c r="N7217" t="s">
        <v>654</v>
      </c>
      <c r="O7217">
        <v>3</v>
      </c>
      <c r="P7217" t="s">
        <v>655</v>
      </c>
      <c r="Q7217">
        <v>1</v>
      </c>
      <c r="R7217" t="s">
        <v>669</v>
      </c>
      <c r="S7217">
        <v>1</v>
      </c>
      <c r="T7217" t="s">
        <v>661</v>
      </c>
      <c r="U7217">
        <v>8</v>
      </c>
      <c r="V7217">
        <v>4</v>
      </c>
      <c r="W7217">
        <v>240</v>
      </c>
      <c r="X7217">
        <v>2020</v>
      </c>
    </row>
    <row r="7218" spans="1:24" x14ac:dyDescent="0.25">
      <c r="A7218">
        <v>91</v>
      </c>
      <c r="B7218" t="s">
        <v>110</v>
      </c>
      <c r="C7218">
        <v>2</v>
      </c>
      <c r="D7218" t="s">
        <v>620</v>
      </c>
      <c r="E7218">
        <v>16</v>
      </c>
      <c r="F7218" t="s">
        <v>651</v>
      </c>
      <c r="G7218">
        <v>160</v>
      </c>
      <c r="H7218" t="s">
        <v>658</v>
      </c>
      <c r="I7218">
        <v>13755</v>
      </c>
      <c r="J7218" t="s">
        <v>1080</v>
      </c>
      <c r="K7218">
        <v>49</v>
      </c>
      <c r="L7218" t="s">
        <v>3687</v>
      </c>
      <c r="M7218">
        <v>181</v>
      </c>
      <c r="N7218" t="s">
        <v>654</v>
      </c>
      <c r="O7218">
        <v>3</v>
      </c>
      <c r="P7218" t="s">
        <v>655</v>
      </c>
      <c r="Q7218">
        <v>1</v>
      </c>
      <c r="R7218" t="s">
        <v>669</v>
      </c>
      <c r="S7218">
        <v>1</v>
      </c>
      <c r="T7218" t="s">
        <v>661</v>
      </c>
      <c r="U7218">
        <v>8</v>
      </c>
      <c r="V7218">
        <v>4</v>
      </c>
      <c r="W7218">
        <v>240</v>
      </c>
      <c r="X7218">
        <v>2020</v>
      </c>
    </row>
    <row r="7219" spans="1:24" x14ac:dyDescent="0.25">
      <c r="A7219">
        <v>90</v>
      </c>
      <c r="B7219" t="s">
        <v>226</v>
      </c>
      <c r="C7219">
        <v>1</v>
      </c>
      <c r="D7219" t="s">
        <v>621</v>
      </c>
      <c r="E7219">
        <v>15</v>
      </c>
      <c r="F7219" t="s">
        <v>651</v>
      </c>
      <c r="G7219">
        <v>160</v>
      </c>
      <c r="H7219" t="s">
        <v>658</v>
      </c>
      <c r="I7219">
        <v>13755</v>
      </c>
      <c r="J7219" t="s">
        <v>730</v>
      </c>
      <c r="K7219">
        <v>66</v>
      </c>
      <c r="L7219" t="s">
        <v>969</v>
      </c>
      <c r="M7219">
        <v>290</v>
      </c>
      <c r="N7219" t="s">
        <v>654</v>
      </c>
      <c r="O7219">
        <v>3</v>
      </c>
      <c r="P7219" t="s">
        <v>655</v>
      </c>
      <c r="Q7219">
        <v>1</v>
      </c>
      <c r="R7219" t="s">
        <v>669</v>
      </c>
      <c r="S7219">
        <v>1</v>
      </c>
      <c r="T7219" t="s">
        <v>661</v>
      </c>
      <c r="U7219">
        <v>8</v>
      </c>
      <c r="V7219">
        <v>4</v>
      </c>
      <c r="W7219">
        <v>240</v>
      </c>
      <c r="X7219">
        <v>2020</v>
      </c>
    </row>
    <row r="7220" spans="1:24" x14ac:dyDescent="0.25">
      <c r="A7220">
        <v>88</v>
      </c>
      <c r="B7220" t="s">
        <v>226</v>
      </c>
      <c r="C7220">
        <v>1</v>
      </c>
      <c r="D7220" t="s">
        <v>623</v>
      </c>
      <c r="E7220">
        <v>13</v>
      </c>
      <c r="F7220" t="s">
        <v>651</v>
      </c>
      <c r="G7220">
        <v>160</v>
      </c>
      <c r="H7220" t="s">
        <v>658</v>
      </c>
      <c r="I7220">
        <v>13755</v>
      </c>
      <c r="J7220" t="s">
        <v>705</v>
      </c>
      <c r="K7220">
        <v>70</v>
      </c>
      <c r="L7220" t="s">
        <v>4021</v>
      </c>
      <c r="M7220">
        <v>304</v>
      </c>
      <c r="N7220" t="s">
        <v>654</v>
      </c>
      <c r="O7220">
        <v>3</v>
      </c>
      <c r="P7220" t="s">
        <v>655</v>
      </c>
      <c r="Q7220">
        <v>1</v>
      </c>
      <c r="R7220" t="s">
        <v>669</v>
      </c>
      <c r="S7220">
        <v>1</v>
      </c>
      <c r="T7220" t="s">
        <v>661</v>
      </c>
      <c r="U7220">
        <v>8</v>
      </c>
      <c r="V7220">
        <v>4</v>
      </c>
      <c r="W7220">
        <v>240</v>
      </c>
      <c r="X7220">
        <v>2020</v>
      </c>
    </row>
    <row r="7221" spans="1:24" x14ac:dyDescent="0.25">
      <c r="A7221">
        <v>87</v>
      </c>
      <c r="B7221" t="s">
        <v>226</v>
      </c>
      <c r="C7221">
        <v>1</v>
      </c>
      <c r="D7221" t="s">
        <v>623</v>
      </c>
      <c r="E7221">
        <v>13</v>
      </c>
      <c r="F7221" t="s">
        <v>651</v>
      </c>
      <c r="G7221">
        <v>160</v>
      </c>
      <c r="H7221" t="s">
        <v>658</v>
      </c>
      <c r="I7221">
        <v>13755</v>
      </c>
      <c r="J7221" t="s">
        <v>705</v>
      </c>
      <c r="K7221">
        <v>70</v>
      </c>
      <c r="L7221" t="s">
        <v>4022</v>
      </c>
      <c r="M7221">
        <v>308</v>
      </c>
      <c r="N7221" t="s">
        <v>654</v>
      </c>
      <c r="O7221">
        <v>3</v>
      </c>
      <c r="P7221" t="s">
        <v>655</v>
      </c>
      <c r="Q7221">
        <v>1</v>
      </c>
      <c r="R7221" t="s">
        <v>669</v>
      </c>
      <c r="S7221">
        <v>1</v>
      </c>
      <c r="T7221" t="s">
        <v>661</v>
      </c>
      <c r="U7221">
        <v>8</v>
      </c>
      <c r="V7221">
        <v>4</v>
      </c>
      <c r="W7221">
        <v>240</v>
      </c>
      <c r="X7221">
        <v>2020</v>
      </c>
    </row>
    <row r="7222" spans="1:24" x14ac:dyDescent="0.25">
      <c r="A7222">
        <v>86</v>
      </c>
      <c r="B7222" t="s">
        <v>226</v>
      </c>
      <c r="C7222">
        <v>1</v>
      </c>
      <c r="D7222" t="s">
        <v>615</v>
      </c>
      <c r="E7222">
        <v>12</v>
      </c>
      <c r="F7222" t="s">
        <v>651</v>
      </c>
      <c r="G7222">
        <v>160</v>
      </c>
      <c r="H7222" t="s">
        <v>658</v>
      </c>
      <c r="I7222">
        <v>13755</v>
      </c>
      <c r="J7222" t="s">
        <v>730</v>
      </c>
      <c r="K7222">
        <v>66</v>
      </c>
      <c r="L7222" t="s">
        <v>3739</v>
      </c>
      <c r="M7222">
        <v>284</v>
      </c>
      <c r="N7222" t="s">
        <v>654</v>
      </c>
      <c r="O7222">
        <v>3</v>
      </c>
      <c r="P7222" t="s">
        <v>655</v>
      </c>
      <c r="Q7222">
        <v>1</v>
      </c>
      <c r="R7222" t="s">
        <v>669</v>
      </c>
      <c r="S7222">
        <v>1</v>
      </c>
      <c r="T7222" t="s">
        <v>729</v>
      </c>
      <c r="U7222">
        <v>4</v>
      </c>
      <c r="V7222">
        <v>4</v>
      </c>
      <c r="W7222">
        <v>240</v>
      </c>
      <c r="X7222">
        <v>2020</v>
      </c>
    </row>
    <row r="7223" spans="1:24" x14ac:dyDescent="0.25">
      <c r="A7223">
        <v>85</v>
      </c>
      <c r="B7223" t="s">
        <v>226</v>
      </c>
      <c r="C7223">
        <v>1</v>
      </c>
      <c r="D7223" t="s">
        <v>615</v>
      </c>
      <c r="E7223">
        <v>12</v>
      </c>
      <c r="F7223" t="s">
        <v>651</v>
      </c>
      <c r="G7223">
        <v>160</v>
      </c>
      <c r="H7223" t="s">
        <v>658</v>
      </c>
      <c r="I7223">
        <v>13755</v>
      </c>
      <c r="J7223" t="s">
        <v>730</v>
      </c>
      <c r="K7223">
        <v>66</v>
      </c>
      <c r="L7223" t="s">
        <v>3926</v>
      </c>
      <c r="M7223">
        <v>280</v>
      </c>
      <c r="N7223" t="s">
        <v>654</v>
      </c>
      <c r="O7223">
        <v>3</v>
      </c>
      <c r="P7223" t="s">
        <v>655</v>
      </c>
      <c r="Q7223">
        <v>1</v>
      </c>
      <c r="R7223" t="s">
        <v>669</v>
      </c>
      <c r="S7223">
        <v>1</v>
      </c>
      <c r="T7223" t="s">
        <v>729</v>
      </c>
      <c r="U7223">
        <v>4</v>
      </c>
      <c r="V7223">
        <v>4</v>
      </c>
      <c r="W7223">
        <v>240</v>
      </c>
      <c r="X7223">
        <v>2020</v>
      </c>
    </row>
    <row r="7224" spans="1:24" x14ac:dyDescent="0.25">
      <c r="A7224">
        <v>83</v>
      </c>
      <c r="B7224" t="s">
        <v>226</v>
      </c>
      <c r="C7224">
        <v>1</v>
      </c>
      <c r="D7224" t="s">
        <v>615</v>
      </c>
      <c r="E7224">
        <v>12</v>
      </c>
      <c r="F7224" t="s">
        <v>651</v>
      </c>
      <c r="G7224">
        <v>160</v>
      </c>
      <c r="H7224" t="s">
        <v>658</v>
      </c>
      <c r="I7224">
        <v>13755</v>
      </c>
      <c r="J7224" t="s">
        <v>738</v>
      </c>
      <c r="K7224">
        <v>61</v>
      </c>
      <c r="L7224" t="s">
        <v>738</v>
      </c>
      <c r="M7224">
        <v>252</v>
      </c>
      <c r="N7224" t="s">
        <v>654</v>
      </c>
      <c r="O7224">
        <v>3</v>
      </c>
      <c r="P7224" t="s">
        <v>655</v>
      </c>
      <c r="Q7224">
        <v>1</v>
      </c>
      <c r="R7224" t="s">
        <v>669</v>
      </c>
      <c r="S7224">
        <v>1</v>
      </c>
      <c r="T7224" t="s">
        <v>769</v>
      </c>
      <c r="U7224">
        <v>3</v>
      </c>
      <c r="V7224">
        <v>4</v>
      </c>
      <c r="W7224">
        <v>240</v>
      </c>
      <c r="X7224">
        <v>2020</v>
      </c>
    </row>
    <row r="7225" spans="1:24" x14ac:dyDescent="0.25">
      <c r="A7225">
        <v>82</v>
      </c>
      <c r="B7225" t="s">
        <v>226</v>
      </c>
      <c r="C7225">
        <v>1</v>
      </c>
      <c r="D7225" t="s">
        <v>615</v>
      </c>
      <c r="E7225">
        <v>12</v>
      </c>
      <c r="F7225" t="s">
        <v>651</v>
      </c>
      <c r="G7225">
        <v>160</v>
      </c>
      <c r="H7225" t="s">
        <v>658</v>
      </c>
      <c r="I7225">
        <v>13755</v>
      </c>
      <c r="J7225" t="s">
        <v>738</v>
      </c>
      <c r="K7225">
        <v>61</v>
      </c>
      <c r="L7225" t="s">
        <v>738</v>
      </c>
      <c r="M7225">
        <v>252</v>
      </c>
      <c r="N7225" t="s">
        <v>654</v>
      </c>
      <c r="O7225">
        <v>3</v>
      </c>
      <c r="P7225" t="s">
        <v>655</v>
      </c>
      <c r="Q7225">
        <v>1</v>
      </c>
      <c r="R7225" t="s">
        <v>669</v>
      </c>
      <c r="S7225">
        <v>1</v>
      </c>
      <c r="T7225" t="s">
        <v>718</v>
      </c>
      <c r="U7225">
        <v>2</v>
      </c>
      <c r="V7225">
        <v>4</v>
      </c>
      <c r="W7225">
        <v>240</v>
      </c>
      <c r="X7225">
        <v>2020</v>
      </c>
    </row>
    <row r="7226" spans="1:24" x14ac:dyDescent="0.25">
      <c r="A7226">
        <v>79</v>
      </c>
      <c r="B7226" t="s">
        <v>226</v>
      </c>
      <c r="C7226">
        <v>1</v>
      </c>
      <c r="D7226" t="s">
        <v>615</v>
      </c>
      <c r="E7226">
        <v>12</v>
      </c>
      <c r="F7226" t="s">
        <v>651</v>
      </c>
      <c r="G7226">
        <v>160</v>
      </c>
      <c r="H7226" t="s">
        <v>658</v>
      </c>
      <c r="I7226">
        <v>13755</v>
      </c>
      <c r="J7226" t="s">
        <v>710</v>
      </c>
      <c r="K7226">
        <v>53</v>
      </c>
      <c r="L7226" t="s">
        <v>3931</v>
      </c>
      <c r="M7226">
        <v>204</v>
      </c>
      <c r="N7226" t="s">
        <v>654</v>
      </c>
      <c r="O7226">
        <v>3</v>
      </c>
      <c r="P7226" t="s">
        <v>655</v>
      </c>
      <c r="Q7226">
        <v>1</v>
      </c>
      <c r="R7226" t="s">
        <v>669</v>
      </c>
      <c r="S7226">
        <v>1</v>
      </c>
      <c r="T7226" t="s">
        <v>729</v>
      </c>
      <c r="U7226">
        <v>4</v>
      </c>
      <c r="V7226">
        <v>4</v>
      </c>
      <c r="W7226">
        <v>240</v>
      </c>
      <c r="X7226">
        <v>2020</v>
      </c>
    </row>
    <row r="7227" spans="1:24" x14ac:dyDescent="0.25">
      <c r="A7227">
        <v>78</v>
      </c>
      <c r="B7227" t="s">
        <v>226</v>
      </c>
      <c r="C7227">
        <v>1</v>
      </c>
      <c r="D7227" t="s">
        <v>615</v>
      </c>
      <c r="E7227">
        <v>12</v>
      </c>
      <c r="F7227" t="s">
        <v>651</v>
      </c>
      <c r="G7227">
        <v>160</v>
      </c>
      <c r="H7227" t="s">
        <v>658</v>
      </c>
      <c r="I7227">
        <v>13755</v>
      </c>
      <c r="J7227" t="s">
        <v>710</v>
      </c>
      <c r="K7227">
        <v>53</v>
      </c>
      <c r="L7227" t="s">
        <v>3931</v>
      </c>
      <c r="M7227">
        <v>204</v>
      </c>
      <c r="N7227" t="s">
        <v>654</v>
      </c>
      <c r="O7227">
        <v>3</v>
      </c>
      <c r="P7227" t="s">
        <v>655</v>
      </c>
      <c r="Q7227">
        <v>1</v>
      </c>
      <c r="R7227" t="s">
        <v>669</v>
      </c>
      <c r="S7227">
        <v>1</v>
      </c>
      <c r="T7227" t="s">
        <v>769</v>
      </c>
      <c r="U7227">
        <v>3</v>
      </c>
      <c r="V7227">
        <v>4</v>
      </c>
      <c r="W7227">
        <v>240</v>
      </c>
      <c r="X7227">
        <v>2020</v>
      </c>
    </row>
    <row r="7228" spans="1:24" x14ac:dyDescent="0.25">
      <c r="A7228">
        <v>77</v>
      </c>
      <c r="B7228" t="s">
        <v>226</v>
      </c>
      <c r="C7228">
        <v>1</v>
      </c>
      <c r="D7228" t="s">
        <v>615</v>
      </c>
      <c r="E7228">
        <v>12</v>
      </c>
      <c r="F7228" t="s">
        <v>651</v>
      </c>
      <c r="G7228">
        <v>160</v>
      </c>
      <c r="H7228" t="s">
        <v>658</v>
      </c>
      <c r="I7228">
        <v>13755</v>
      </c>
      <c r="J7228" t="s">
        <v>710</v>
      </c>
      <c r="K7228">
        <v>53</v>
      </c>
      <c r="L7228" t="s">
        <v>3931</v>
      </c>
      <c r="M7228">
        <v>204</v>
      </c>
      <c r="N7228" t="s">
        <v>654</v>
      </c>
      <c r="O7228">
        <v>3</v>
      </c>
      <c r="P7228" t="s">
        <v>655</v>
      </c>
      <c r="Q7228">
        <v>1</v>
      </c>
      <c r="R7228" t="s">
        <v>669</v>
      </c>
      <c r="S7228">
        <v>1</v>
      </c>
      <c r="T7228" t="s">
        <v>718</v>
      </c>
      <c r="U7228">
        <v>2</v>
      </c>
      <c r="V7228">
        <v>4</v>
      </c>
      <c r="W7228">
        <v>240</v>
      </c>
      <c r="X7228">
        <v>2020</v>
      </c>
    </row>
    <row r="7229" spans="1:24" x14ac:dyDescent="0.25">
      <c r="A7229">
        <v>75</v>
      </c>
      <c r="B7229" t="s">
        <v>226</v>
      </c>
      <c r="C7229">
        <v>1</v>
      </c>
      <c r="D7229" t="s">
        <v>615</v>
      </c>
      <c r="E7229">
        <v>12</v>
      </c>
      <c r="F7229" t="s">
        <v>651</v>
      </c>
      <c r="G7229">
        <v>160</v>
      </c>
      <c r="H7229" t="s">
        <v>658</v>
      </c>
      <c r="I7229">
        <v>13755</v>
      </c>
      <c r="J7229" t="s">
        <v>742</v>
      </c>
      <c r="K7229">
        <v>48</v>
      </c>
      <c r="L7229" t="s">
        <v>742</v>
      </c>
      <c r="M7229">
        <v>171</v>
      </c>
      <c r="N7229" t="s">
        <v>654</v>
      </c>
      <c r="O7229">
        <v>3</v>
      </c>
      <c r="P7229" t="s">
        <v>655</v>
      </c>
      <c r="Q7229">
        <v>1</v>
      </c>
      <c r="R7229" t="s">
        <v>669</v>
      </c>
      <c r="S7229">
        <v>1</v>
      </c>
      <c r="T7229" t="s">
        <v>718</v>
      </c>
      <c r="U7229">
        <v>2</v>
      </c>
      <c r="V7229">
        <v>4</v>
      </c>
      <c r="W7229">
        <v>240</v>
      </c>
      <c r="X7229">
        <v>2020</v>
      </c>
    </row>
    <row r="7230" spans="1:24" x14ac:dyDescent="0.25">
      <c r="A7230">
        <v>74</v>
      </c>
      <c r="B7230" t="s">
        <v>226</v>
      </c>
      <c r="C7230">
        <v>1</v>
      </c>
      <c r="D7230" t="s">
        <v>615</v>
      </c>
      <c r="E7230">
        <v>12</v>
      </c>
      <c r="F7230" t="s">
        <v>651</v>
      </c>
      <c r="G7230">
        <v>160</v>
      </c>
      <c r="H7230" t="s">
        <v>658</v>
      </c>
      <c r="I7230">
        <v>13755</v>
      </c>
      <c r="J7230" t="s">
        <v>767</v>
      </c>
      <c r="K7230">
        <v>44</v>
      </c>
      <c r="L7230" t="s">
        <v>4023</v>
      </c>
      <c r="M7230">
        <v>155</v>
      </c>
      <c r="N7230" t="s">
        <v>654</v>
      </c>
      <c r="O7230">
        <v>3</v>
      </c>
      <c r="P7230" t="s">
        <v>655</v>
      </c>
      <c r="Q7230">
        <v>1</v>
      </c>
      <c r="R7230" t="s">
        <v>669</v>
      </c>
      <c r="S7230">
        <v>1</v>
      </c>
      <c r="T7230" t="s">
        <v>769</v>
      </c>
      <c r="U7230">
        <v>3</v>
      </c>
      <c r="V7230">
        <v>4</v>
      </c>
      <c r="W7230">
        <v>240</v>
      </c>
      <c r="X7230">
        <v>2020</v>
      </c>
    </row>
    <row r="7231" spans="1:24" x14ac:dyDescent="0.25">
      <c r="A7231">
        <v>73</v>
      </c>
      <c r="B7231" t="s">
        <v>226</v>
      </c>
      <c r="C7231">
        <v>1</v>
      </c>
      <c r="D7231" t="s">
        <v>615</v>
      </c>
      <c r="E7231">
        <v>12</v>
      </c>
      <c r="F7231" t="s">
        <v>651</v>
      </c>
      <c r="G7231">
        <v>160</v>
      </c>
      <c r="H7231" t="s">
        <v>658</v>
      </c>
      <c r="I7231">
        <v>13755</v>
      </c>
      <c r="J7231" t="s">
        <v>767</v>
      </c>
      <c r="K7231">
        <v>44</v>
      </c>
      <c r="L7231" t="s">
        <v>4023</v>
      </c>
      <c r="M7231">
        <v>155</v>
      </c>
      <c r="N7231" t="s">
        <v>654</v>
      </c>
      <c r="O7231">
        <v>3</v>
      </c>
      <c r="P7231" t="s">
        <v>655</v>
      </c>
      <c r="Q7231">
        <v>1</v>
      </c>
      <c r="R7231" t="s">
        <v>669</v>
      </c>
      <c r="S7231">
        <v>1</v>
      </c>
      <c r="T7231" t="s">
        <v>718</v>
      </c>
      <c r="U7231">
        <v>2</v>
      </c>
      <c r="V7231">
        <v>4</v>
      </c>
      <c r="W7231">
        <v>240</v>
      </c>
      <c r="X7231">
        <v>2020</v>
      </c>
    </row>
    <row r="7232" spans="1:24" x14ac:dyDescent="0.25">
      <c r="A7232">
        <v>72</v>
      </c>
      <c r="B7232" t="s">
        <v>226</v>
      </c>
      <c r="C7232">
        <v>1</v>
      </c>
      <c r="D7232" t="s">
        <v>624</v>
      </c>
      <c r="E7232">
        <v>11</v>
      </c>
      <c r="F7232" t="s">
        <v>651</v>
      </c>
      <c r="G7232">
        <v>160</v>
      </c>
      <c r="H7232" t="s">
        <v>658</v>
      </c>
      <c r="I7232">
        <v>13755</v>
      </c>
      <c r="J7232" t="s">
        <v>880</v>
      </c>
      <c r="K7232">
        <v>58</v>
      </c>
      <c r="L7232" t="s">
        <v>1086</v>
      </c>
      <c r="M7232">
        <v>238</v>
      </c>
      <c r="N7232" t="s">
        <v>654</v>
      </c>
      <c r="O7232">
        <v>3</v>
      </c>
      <c r="P7232" t="s">
        <v>655</v>
      </c>
      <c r="Q7232">
        <v>1</v>
      </c>
      <c r="R7232" t="s">
        <v>669</v>
      </c>
      <c r="S7232">
        <v>1</v>
      </c>
      <c r="T7232" t="s">
        <v>661</v>
      </c>
      <c r="U7232">
        <v>8</v>
      </c>
      <c r="V7232">
        <v>4</v>
      </c>
      <c r="W7232">
        <v>240</v>
      </c>
      <c r="X7232">
        <v>2020</v>
      </c>
    </row>
    <row r="7233" spans="1:24" x14ac:dyDescent="0.25">
      <c r="A7233">
        <v>70</v>
      </c>
      <c r="B7233" t="s">
        <v>226</v>
      </c>
      <c r="C7233">
        <v>1</v>
      </c>
      <c r="D7233" t="s">
        <v>624</v>
      </c>
      <c r="E7233">
        <v>11</v>
      </c>
      <c r="F7233" t="s">
        <v>651</v>
      </c>
      <c r="G7233">
        <v>160</v>
      </c>
      <c r="H7233" t="s">
        <v>658</v>
      </c>
      <c r="I7233">
        <v>13755</v>
      </c>
      <c r="J7233" t="s">
        <v>848</v>
      </c>
      <c r="K7233">
        <v>62</v>
      </c>
      <c r="L7233" t="s">
        <v>4024</v>
      </c>
      <c r="M7233">
        <v>265</v>
      </c>
      <c r="N7233" t="s">
        <v>654</v>
      </c>
      <c r="O7233">
        <v>3</v>
      </c>
      <c r="P7233" t="s">
        <v>655</v>
      </c>
      <c r="Q7233">
        <v>1</v>
      </c>
      <c r="R7233" t="s">
        <v>669</v>
      </c>
      <c r="S7233">
        <v>1</v>
      </c>
      <c r="T7233" t="s">
        <v>661</v>
      </c>
      <c r="U7233">
        <v>8</v>
      </c>
      <c r="V7233">
        <v>4</v>
      </c>
      <c r="W7233">
        <v>240</v>
      </c>
      <c r="X7233">
        <v>2020</v>
      </c>
    </row>
    <row r="7234" spans="1:24" x14ac:dyDescent="0.25">
      <c r="A7234">
        <v>69</v>
      </c>
      <c r="B7234" t="s">
        <v>226</v>
      </c>
      <c r="C7234">
        <v>1</v>
      </c>
      <c r="D7234" t="s">
        <v>624</v>
      </c>
      <c r="E7234">
        <v>11</v>
      </c>
      <c r="F7234" t="s">
        <v>651</v>
      </c>
      <c r="G7234">
        <v>160</v>
      </c>
      <c r="H7234" t="s">
        <v>658</v>
      </c>
      <c r="I7234">
        <v>13755</v>
      </c>
      <c r="J7234" t="s">
        <v>742</v>
      </c>
      <c r="K7234">
        <v>48</v>
      </c>
      <c r="L7234" t="s">
        <v>3978</v>
      </c>
      <c r="M7234">
        <v>177</v>
      </c>
      <c r="N7234" t="s">
        <v>654</v>
      </c>
      <c r="O7234">
        <v>3</v>
      </c>
      <c r="P7234" t="s">
        <v>655</v>
      </c>
      <c r="Q7234">
        <v>1</v>
      </c>
      <c r="R7234" t="s">
        <v>669</v>
      </c>
      <c r="S7234">
        <v>1</v>
      </c>
      <c r="T7234" t="s">
        <v>661</v>
      </c>
      <c r="U7234">
        <v>8</v>
      </c>
      <c r="V7234">
        <v>4</v>
      </c>
      <c r="W7234">
        <v>240</v>
      </c>
      <c r="X7234">
        <v>2020</v>
      </c>
    </row>
    <row r="7235" spans="1:24" x14ac:dyDescent="0.25">
      <c r="A7235">
        <v>68</v>
      </c>
      <c r="B7235" t="s">
        <v>226</v>
      </c>
      <c r="C7235">
        <v>1</v>
      </c>
      <c r="D7235" t="s">
        <v>624</v>
      </c>
      <c r="E7235">
        <v>11</v>
      </c>
      <c r="F7235" t="s">
        <v>651</v>
      </c>
      <c r="G7235">
        <v>160</v>
      </c>
      <c r="H7235" t="s">
        <v>658</v>
      </c>
      <c r="I7235">
        <v>13755</v>
      </c>
      <c r="J7235" t="s">
        <v>742</v>
      </c>
      <c r="K7235">
        <v>48</v>
      </c>
      <c r="L7235" t="s">
        <v>3785</v>
      </c>
      <c r="M7235">
        <v>170</v>
      </c>
      <c r="N7235" t="s">
        <v>654</v>
      </c>
      <c r="O7235">
        <v>3</v>
      </c>
      <c r="P7235" t="s">
        <v>655</v>
      </c>
      <c r="Q7235">
        <v>1</v>
      </c>
      <c r="R7235" t="s">
        <v>669</v>
      </c>
      <c r="S7235">
        <v>1</v>
      </c>
      <c r="T7235" t="s">
        <v>661</v>
      </c>
      <c r="U7235">
        <v>8</v>
      </c>
      <c r="V7235">
        <v>4</v>
      </c>
      <c r="W7235">
        <v>240</v>
      </c>
      <c r="X7235">
        <v>2020</v>
      </c>
    </row>
    <row r="7236" spans="1:24" x14ac:dyDescent="0.25">
      <c r="A7236">
        <v>67</v>
      </c>
      <c r="B7236" t="s">
        <v>226</v>
      </c>
      <c r="C7236">
        <v>1</v>
      </c>
      <c r="D7236" t="s">
        <v>624</v>
      </c>
      <c r="E7236">
        <v>11</v>
      </c>
      <c r="F7236" t="s">
        <v>651</v>
      </c>
      <c r="G7236">
        <v>160</v>
      </c>
      <c r="H7236" t="s">
        <v>658</v>
      </c>
      <c r="I7236">
        <v>13755</v>
      </c>
      <c r="J7236" t="s">
        <v>742</v>
      </c>
      <c r="K7236">
        <v>48</v>
      </c>
      <c r="L7236" t="s">
        <v>3981</v>
      </c>
      <c r="M7236">
        <v>169</v>
      </c>
      <c r="N7236" t="s">
        <v>654</v>
      </c>
      <c r="O7236">
        <v>3</v>
      </c>
      <c r="P7236" t="s">
        <v>655</v>
      </c>
      <c r="Q7236">
        <v>1</v>
      </c>
      <c r="R7236" t="s">
        <v>669</v>
      </c>
      <c r="S7236">
        <v>1</v>
      </c>
      <c r="T7236" t="s">
        <v>661</v>
      </c>
      <c r="U7236">
        <v>8</v>
      </c>
      <c r="V7236">
        <v>4</v>
      </c>
      <c r="W7236">
        <v>240</v>
      </c>
      <c r="X7236">
        <v>2020</v>
      </c>
    </row>
    <row r="7237" spans="1:24" x14ac:dyDescent="0.25">
      <c r="A7237">
        <v>66</v>
      </c>
      <c r="B7237" t="s">
        <v>226</v>
      </c>
      <c r="C7237">
        <v>1</v>
      </c>
      <c r="D7237" t="s">
        <v>624</v>
      </c>
      <c r="E7237">
        <v>11</v>
      </c>
      <c r="F7237" t="s">
        <v>651</v>
      </c>
      <c r="G7237">
        <v>160</v>
      </c>
      <c r="H7237" t="s">
        <v>658</v>
      </c>
      <c r="I7237">
        <v>13755</v>
      </c>
      <c r="J7237" t="s">
        <v>742</v>
      </c>
      <c r="K7237">
        <v>48</v>
      </c>
      <c r="L7237" t="s">
        <v>4003</v>
      </c>
      <c r="M7237">
        <v>168</v>
      </c>
      <c r="N7237" t="s">
        <v>654</v>
      </c>
      <c r="O7237">
        <v>3</v>
      </c>
      <c r="P7237" t="s">
        <v>655</v>
      </c>
      <c r="Q7237">
        <v>1</v>
      </c>
      <c r="R7237" t="s">
        <v>669</v>
      </c>
      <c r="S7237">
        <v>1</v>
      </c>
      <c r="T7237" t="s">
        <v>661</v>
      </c>
      <c r="U7237">
        <v>8</v>
      </c>
      <c r="V7237">
        <v>4</v>
      </c>
      <c r="W7237">
        <v>240</v>
      </c>
      <c r="X7237">
        <v>2020</v>
      </c>
    </row>
    <row r="7238" spans="1:24" x14ac:dyDescent="0.25">
      <c r="A7238">
        <v>65</v>
      </c>
      <c r="B7238" t="s">
        <v>226</v>
      </c>
      <c r="C7238">
        <v>1</v>
      </c>
      <c r="D7238" t="s">
        <v>624</v>
      </c>
      <c r="E7238">
        <v>11</v>
      </c>
      <c r="F7238" t="s">
        <v>651</v>
      </c>
      <c r="G7238">
        <v>160</v>
      </c>
      <c r="H7238" t="s">
        <v>658</v>
      </c>
      <c r="I7238">
        <v>13755</v>
      </c>
      <c r="J7238" t="s">
        <v>742</v>
      </c>
      <c r="K7238">
        <v>48</v>
      </c>
      <c r="L7238" t="s">
        <v>3934</v>
      </c>
      <c r="M7238">
        <v>167</v>
      </c>
      <c r="N7238" t="s">
        <v>654</v>
      </c>
      <c r="O7238">
        <v>3</v>
      </c>
      <c r="P7238" t="s">
        <v>655</v>
      </c>
      <c r="Q7238">
        <v>1</v>
      </c>
      <c r="R7238" t="s">
        <v>669</v>
      </c>
      <c r="S7238">
        <v>1</v>
      </c>
      <c r="T7238" t="s">
        <v>661</v>
      </c>
      <c r="U7238">
        <v>8</v>
      </c>
      <c r="V7238">
        <v>4</v>
      </c>
      <c r="W7238">
        <v>240</v>
      </c>
      <c r="X7238">
        <v>2020</v>
      </c>
    </row>
    <row r="7239" spans="1:24" x14ac:dyDescent="0.25">
      <c r="A7239">
        <v>63</v>
      </c>
      <c r="B7239" t="s">
        <v>226</v>
      </c>
      <c r="C7239">
        <v>1</v>
      </c>
      <c r="D7239" t="s">
        <v>519</v>
      </c>
      <c r="E7239">
        <v>10</v>
      </c>
      <c r="F7239" t="s">
        <v>651</v>
      </c>
      <c r="G7239">
        <v>160</v>
      </c>
      <c r="H7239" t="s">
        <v>658</v>
      </c>
      <c r="I7239">
        <v>13755</v>
      </c>
      <c r="J7239" t="s">
        <v>705</v>
      </c>
      <c r="K7239">
        <v>70</v>
      </c>
      <c r="L7239" t="s">
        <v>890</v>
      </c>
      <c r="M7239">
        <v>301</v>
      </c>
      <c r="N7239" t="s">
        <v>654</v>
      </c>
      <c r="O7239">
        <v>3</v>
      </c>
      <c r="P7239" t="s">
        <v>655</v>
      </c>
      <c r="Q7239">
        <v>1</v>
      </c>
      <c r="R7239" t="s">
        <v>669</v>
      </c>
      <c r="S7239">
        <v>1</v>
      </c>
      <c r="T7239" t="s">
        <v>661</v>
      </c>
      <c r="U7239">
        <v>8</v>
      </c>
      <c r="V7239">
        <v>4</v>
      </c>
      <c r="W7239">
        <v>240</v>
      </c>
      <c r="X7239">
        <v>2020</v>
      </c>
    </row>
    <row r="7240" spans="1:24" x14ac:dyDescent="0.25">
      <c r="A7240">
        <v>62</v>
      </c>
      <c r="B7240" t="s">
        <v>226</v>
      </c>
      <c r="C7240">
        <v>1</v>
      </c>
      <c r="D7240" t="s">
        <v>519</v>
      </c>
      <c r="E7240">
        <v>10</v>
      </c>
      <c r="F7240" t="s">
        <v>651</v>
      </c>
      <c r="G7240">
        <v>160</v>
      </c>
      <c r="H7240" t="s">
        <v>658</v>
      </c>
      <c r="I7240">
        <v>13755</v>
      </c>
      <c r="J7240" t="s">
        <v>730</v>
      </c>
      <c r="K7240">
        <v>66</v>
      </c>
      <c r="L7240" t="s">
        <v>3738</v>
      </c>
      <c r="M7240">
        <v>285</v>
      </c>
      <c r="N7240" t="s">
        <v>654</v>
      </c>
      <c r="O7240">
        <v>3</v>
      </c>
      <c r="P7240" t="s">
        <v>655</v>
      </c>
      <c r="Q7240">
        <v>1</v>
      </c>
      <c r="R7240" t="s">
        <v>669</v>
      </c>
      <c r="S7240">
        <v>1</v>
      </c>
      <c r="T7240" t="s">
        <v>661</v>
      </c>
      <c r="U7240">
        <v>8</v>
      </c>
      <c r="V7240">
        <v>4</v>
      </c>
      <c r="W7240">
        <v>240</v>
      </c>
      <c r="X7240">
        <v>2020</v>
      </c>
    </row>
    <row r="7241" spans="1:24" x14ac:dyDescent="0.25">
      <c r="A7241">
        <v>61</v>
      </c>
      <c r="B7241" t="s">
        <v>226</v>
      </c>
      <c r="C7241">
        <v>1</v>
      </c>
      <c r="D7241" t="s">
        <v>519</v>
      </c>
      <c r="E7241">
        <v>10</v>
      </c>
      <c r="F7241" t="s">
        <v>651</v>
      </c>
      <c r="G7241">
        <v>160</v>
      </c>
      <c r="H7241" t="s">
        <v>658</v>
      </c>
      <c r="I7241">
        <v>13755</v>
      </c>
      <c r="J7241" t="s">
        <v>848</v>
      </c>
      <c r="K7241">
        <v>62</v>
      </c>
      <c r="L7241" t="s">
        <v>1924</v>
      </c>
      <c r="M7241">
        <v>263</v>
      </c>
      <c r="N7241" t="s">
        <v>654</v>
      </c>
      <c r="O7241">
        <v>3</v>
      </c>
      <c r="P7241" t="s">
        <v>655</v>
      </c>
      <c r="Q7241">
        <v>1</v>
      </c>
      <c r="R7241" t="s">
        <v>669</v>
      </c>
      <c r="S7241">
        <v>1</v>
      </c>
      <c r="T7241" t="s">
        <v>661</v>
      </c>
      <c r="U7241">
        <v>8</v>
      </c>
      <c r="V7241">
        <v>4</v>
      </c>
      <c r="W7241">
        <v>240</v>
      </c>
      <c r="X7241">
        <v>2020</v>
      </c>
    </row>
    <row r="7242" spans="1:24" x14ac:dyDescent="0.25">
      <c r="A7242">
        <v>60</v>
      </c>
      <c r="B7242" t="s">
        <v>226</v>
      </c>
      <c r="C7242">
        <v>1</v>
      </c>
      <c r="D7242" t="s">
        <v>519</v>
      </c>
      <c r="E7242">
        <v>10</v>
      </c>
      <c r="F7242" t="s">
        <v>651</v>
      </c>
      <c r="G7242">
        <v>160</v>
      </c>
      <c r="H7242" t="s">
        <v>658</v>
      </c>
      <c r="I7242">
        <v>13755</v>
      </c>
      <c r="J7242" t="s">
        <v>1236</v>
      </c>
      <c r="K7242">
        <v>60</v>
      </c>
      <c r="L7242" t="s">
        <v>3671</v>
      </c>
      <c r="M7242">
        <v>247</v>
      </c>
      <c r="N7242" t="s">
        <v>654</v>
      </c>
      <c r="O7242">
        <v>3</v>
      </c>
      <c r="P7242" t="s">
        <v>655</v>
      </c>
      <c r="Q7242">
        <v>1</v>
      </c>
      <c r="R7242" t="s">
        <v>669</v>
      </c>
      <c r="S7242">
        <v>1</v>
      </c>
      <c r="T7242" t="s">
        <v>661</v>
      </c>
      <c r="U7242">
        <v>8</v>
      </c>
      <c r="V7242">
        <v>4</v>
      </c>
      <c r="W7242">
        <v>240</v>
      </c>
      <c r="X7242">
        <v>2020</v>
      </c>
    </row>
    <row r="7243" spans="1:24" x14ac:dyDescent="0.25">
      <c r="A7243">
        <v>59</v>
      </c>
      <c r="B7243" t="s">
        <v>226</v>
      </c>
      <c r="C7243">
        <v>1</v>
      </c>
      <c r="D7243" t="s">
        <v>519</v>
      </c>
      <c r="E7243">
        <v>10</v>
      </c>
      <c r="F7243" t="s">
        <v>651</v>
      </c>
      <c r="G7243">
        <v>160</v>
      </c>
      <c r="H7243" t="s">
        <v>658</v>
      </c>
      <c r="I7243">
        <v>13755</v>
      </c>
      <c r="J7243" t="s">
        <v>1236</v>
      </c>
      <c r="K7243">
        <v>60</v>
      </c>
      <c r="L7243" t="s">
        <v>4025</v>
      </c>
      <c r="M7243">
        <v>246</v>
      </c>
      <c r="N7243" t="s">
        <v>654</v>
      </c>
      <c r="O7243">
        <v>3</v>
      </c>
      <c r="P7243" t="s">
        <v>655</v>
      </c>
      <c r="Q7243">
        <v>1</v>
      </c>
      <c r="R7243" t="s">
        <v>669</v>
      </c>
      <c r="S7243">
        <v>1</v>
      </c>
      <c r="T7243" t="s">
        <v>661</v>
      </c>
      <c r="U7243">
        <v>8</v>
      </c>
      <c r="V7243">
        <v>4</v>
      </c>
      <c r="W7243">
        <v>240</v>
      </c>
      <c r="X7243">
        <v>2020</v>
      </c>
    </row>
    <row r="7244" spans="1:24" x14ac:dyDescent="0.25">
      <c r="A7244">
        <v>58</v>
      </c>
      <c r="B7244" t="s">
        <v>226</v>
      </c>
      <c r="C7244">
        <v>1</v>
      </c>
      <c r="D7244" t="s">
        <v>519</v>
      </c>
      <c r="E7244">
        <v>10</v>
      </c>
      <c r="F7244" t="s">
        <v>651</v>
      </c>
      <c r="G7244">
        <v>160</v>
      </c>
      <c r="H7244" t="s">
        <v>658</v>
      </c>
      <c r="I7244">
        <v>13755</v>
      </c>
      <c r="J7244" t="s">
        <v>1236</v>
      </c>
      <c r="K7244">
        <v>60</v>
      </c>
      <c r="L7244" t="s">
        <v>3673</v>
      </c>
      <c r="M7244">
        <v>245</v>
      </c>
      <c r="N7244" t="s">
        <v>654</v>
      </c>
      <c r="O7244">
        <v>3</v>
      </c>
      <c r="P7244" t="s">
        <v>655</v>
      </c>
      <c r="Q7244">
        <v>1</v>
      </c>
      <c r="R7244" t="s">
        <v>669</v>
      </c>
      <c r="S7244">
        <v>1</v>
      </c>
      <c r="T7244" t="s">
        <v>661</v>
      </c>
      <c r="U7244">
        <v>8</v>
      </c>
      <c r="V7244">
        <v>4</v>
      </c>
      <c r="W7244">
        <v>240</v>
      </c>
      <c r="X7244">
        <v>2020</v>
      </c>
    </row>
    <row r="7245" spans="1:24" x14ac:dyDescent="0.25">
      <c r="A7245">
        <v>57</v>
      </c>
      <c r="B7245" t="s">
        <v>226</v>
      </c>
      <c r="C7245">
        <v>1</v>
      </c>
      <c r="D7245" t="s">
        <v>625</v>
      </c>
      <c r="E7245">
        <v>9</v>
      </c>
      <c r="F7245" t="s">
        <v>651</v>
      </c>
      <c r="G7245">
        <v>160</v>
      </c>
      <c r="H7245" t="s">
        <v>658</v>
      </c>
      <c r="I7245">
        <v>13755</v>
      </c>
      <c r="J7245" t="s">
        <v>1514</v>
      </c>
      <c r="K7245">
        <v>47</v>
      </c>
      <c r="L7245" t="s">
        <v>4026</v>
      </c>
      <c r="M7245">
        <v>165</v>
      </c>
      <c r="N7245" t="s">
        <v>654</v>
      </c>
      <c r="O7245">
        <v>3</v>
      </c>
      <c r="P7245" t="s">
        <v>655</v>
      </c>
      <c r="Q7245">
        <v>1</v>
      </c>
      <c r="R7245" t="s">
        <v>669</v>
      </c>
      <c r="S7245">
        <v>1</v>
      </c>
      <c r="T7245" t="s">
        <v>718</v>
      </c>
      <c r="U7245">
        <v>2</v>
      </c>
      <c r="V7245">
        <v>4</v>
      </c>
      <c r="W7245">
        <v>240</v>
      </c>
      <c r="X7245">
        <v>2020</v>
      </c>
    </row>
    <row r="7246" spans="1:24" x14ac:dyDescent="0.25">
      <c r="A7246">
        <v>56</v>
      </c>
      <c r="B7246" t="s">
        <v>226</v>
      </c>
      <c r="C7246">
        <v>1</v>
      </c>
      <c r="D7246" t="s">
        <v>625</v>
      </c>
      <c r="E7246">
        <v>9</v>
      </c>
      <c r="F7246" t="s">
        <v>651</v>
      </c>
      <c r="G7246">
        <v>160</v>
      </c>
      <c r="H7246" t="s">
        <v>658</v>
      </c>
      <c r="I7246">
        <v>13755</v>
      </c>
      <c r="J7246" t="s">
        <v>1514</v>
      </c>
      <c r="K7246">
        <v>47</v>
      </c>
      <c r="L7246" t="s">
        <v>4027</v>
      </c>
      <c r="M7246">
        <v>163</v>
      </c>
      <c r="N7246" t="s">
        <v>654</v>
      </c>
      <c r="O7246">
        <v>3</v>
      </c>
      <c r="P7246" t="s">
        <v>655</v>
      </c>
      <c r="Q7246">
        <v>1</v>
      </c>
      <c r="R7246" t="s">
        <v>669</v>
      </c>
      <c r="S7246">
        <v>1</v>
      </c>
      <c r="T7246" t="s">
        <v>661</v>
      </c>
      <c r="U7246">
        <v>8</v>
      </c>
      <c r="V7246">
        <v>4</v>
      </c>
      <c r="W7246">
        <v>240</v>
      </c>
      <c r="X7246">
        <v>2020</v>
      </c>
    </row>
    <row r="7247" spans="1:24" x14ac:dyDescent="0.25">
      <c r="A7247">
        <v>55</v>
      </c>
      <c r="B7247" t="s">
        <v>226</v>
      </c>
      <c r="C7247">
        <v>1</v>
      </c>
      <c r="D7247" t="s">
        <v>625</v>
      </c>
      <c r="E7247">
        <v>9</v>
      </c>
      <c r="F7247" t="s">
        <v>651</v>
      </c>
      <c r="G7247">
        <v>160</v>
      </c>
      <c r="H7247" t="s">
        <v>658</v>
      </c>
      <c r="I7247">
        <v>13755</v>
      </c>
      <c r="J7247" t="s">
        <v>1514</v>
      </c>
      <c r="K7247">
        <v>47</v>
      </c>
      <c r="L7247" t="s">
        <v>3917</v>
      </c>
      <c r="M7247">
        <v>162</v>
      </c>
      <c r="N7247" t="s">
        <v>654</v>
      </c>
      <c r="O7247">
        <v>3</v>
      </c>
      <c r="P7247" t="s">
        <v>655</v>
      </c>
      <c r="Q7247">
        <v>1</v>
      </c>
      <c r="R7247" t="s">
        <v>669</v>
      </c>
      <c r="S7247">
        <v>1</v>
      </c>
      <c r="T7247" t="s">
        <v>661</v>
      </c>
      <c r="U7247">
        <v>8</v>
      </c>
      <c r="V7247">
        <v>4</v>
      </c>
      <c r="W7247">
        <v>240</v>
      </c>
      <c r="X7247">
        <v>2020</v>
      </c>
    </row>
    <row r="7248" spans="1:24" x14ac:dyDescent="0.25">
      <c r="A7248">
        <v>54</v>
      </c>
      <c r="B7248" t="s">
        <v>226</v>
      </c>
      <c r="C7248">
        <v>1</v>
      </c>
      <c r="D7248" t="s">
        <v>625</v>
      </c>
      <c r="E7248">
        <v>9</v>
      </c>
      <c r="F7248" t="s">
        <v>651</v>
      </c>
      <c r="G7248">
        <v>160</v>
      </c>
      <c r="H7248" t="s">
        <v>658</v>
      </c>
      <c r="I7248">
        <v>13755</v>
      </c>
      <c r="J7248" t="s">
        <v>1514</v>
      </c>
      <c r="K7248">
        <v>47</v>
      </c>
      <c r="L7248" t="s">
        <v>4028</v>
      </c>
      <c r="M7248">
        <v>161</v>
      </c>
      <c r="N7248" t="s">
        <v>654</v>
      </c>
      <c r="O7248">
        <v>3</v>
      </c>
      <c r="P7248" t="s">
        <v>655</v>
      </c>
      <c r="Q7248">
        <v>1</v>
      </c>
      <c r="R7248" t="s">
        <v>669</v>
      </c>
      <c r="S7248">
        <v>1</v>
      </c>
      <c r="T7248" t="s">
        <v>661</v>
      </c>
      <c r="U7248">
        <v>8</v>
      </c>
      <c r="V7248">
        <v>4</v>
      </c>
      <c r="W7248">
        <v>240</v>
      </c>
      <c r="X7248">
        <v>2020</v>
      </c>
    </row>
    <row r="7249" spans="1:24" x14ac:dyDescent="0.25">
      <c r="A7249">
        <v>53</v>
      </c>
      <c r="B7249" t="s">
        <v>226</v>
      </c>
      <c r="C7249">
        <v>1</v>
      </c>
      <c r="D7249" t="s">
        <v>625</v>
      </c>
      <c r="E7249">
        <v>9</v>
      </c>
      <c r="F7249" t="s">
        <v>651</v>
      </c>
      <c r="G7249">
        <v>160</v>
      </c>
      <c r="H7249" t="s">
        <v>658</v>
      </c>
      <c r="I7249">
        <v>13755</v>
      </c>
      <c r="J7249" t="s">
        <v>1514</v>
      </c>
      <c r="K7249">
        <v>47</v>
      </c>
      <c r="L7249" t="s">
        <v>4005</v>
      </c>
      <c r="M7249">
        <v>160</v>
      </c>
      <c r="N7249" t="s">
        <v>654</v>
      </c>
      <c r="O7249">
        <v>3</v>
      </c>
      <c r="P7249" t="s">
        <v>655</v>
      </c>
      <c r="Q7249">
        <v>1</v>
      </c>
      <c r="R7249" t="s">
        <v>669</v>
      </c>
      <c r="S7249">
        <v>1</v>
      </c>
      <c r="T7249" t="s">
        <v>661</v>
      </c>
      <c r="U7249">
        <v>8</v>
      </c>
      <c r="V7249">
        <v>4</v>
      </c>
      <c r="W7249">
        <v>240</v>
      </c>
      <c r="X7249">
        <v>2020</v>
      </c>
    </row>
    <row r="7250" spans="1:24" x14ac:dyDescent="0.25">
      <c r="A7250">
        <v>52</v>
      </c>
      <c r="B7250" t="s">
        <v>226</v>
      </c>
      <c r="C7250">
        <v>1</v>
      </c>
      <c r="D7250" t="s">
        <v>626</v>
      </c>
      <c r="E7250">
        <v>8</v>
      </c>
      <c r="F7250" t="s">
        <v>651</v>
      </c>
      <c r="G7250">
        <v>160</v>
      </c>
      <c r="H7250" t="s">
        <v>658</v>
      </c>
      <c r="I7250">
        <v>13755</v>
      </c>
      <c r="J7250" t="s">
        <v>980</v>
      </c>
      <c r="K7250">
        <v>67</v>
      </c>
      <c r="L7250" t="s">
        <v>3800</v>
      </c>
      <c r="M7250">
        <v>291</v>
      </c>
      <c r="N7250" t="s">
        <v>654</v>
      </c>
      <c r="O7250">
        <v>3</v>
      </c>
      <c r="P7250" t="s">
        <v>655</v>
      </c>
      <c r="Q7250">
        <v>1</v>
      </c>
      <c r="R7250" t="s">
        <v>669</v>
      </c>
      <c r="S7250">
        <v>1</v>
      </c>
      <c r="T7250" t="s">
        <v>661</v>
      </c>
      <c r="U7250">
        <v>8</v>
      </c>
      <c r="V7250">
        <v>4</v>
      </c>
      <c r="W7250">
        <v>240</v>
      </c>
      <c r="X7250">
        <v>2020</v>
      </c>
    </row>
    <row r="7251" spans="1:24" x14ac:dyDescent="0.25">
      <c r="A7251">
        <v>51</v>
      </c>
      <c r="B7251" t="s">
        <v>226</v>
      </c>
      <c r="C7251">
        <v>1</v>
      </c>
      <c r="D7251" t="s">
        <v>626</v>
      </c>
      <c r="E7251">
        <v>8</v>
      </c>
      <c r="F7251" t="s">
        <v>651</v>
      </c>
      <c r="G7251">
        <v>160</v>
      </c>
      <c r="H7251" t="s">
        <v>658</v>
      </c>
      <c r="I7251">
        <v>13755</v>
      </c>
      <c r="J7251" t="s">
        <v>738</v>
      </c>
      <c r="K7251">
        <v>61</v>
      </c>
      <c r="L7251" t="s">
        <v>3927</v>
      </c>
      <c r="M7251">
        <v>260</v>
      </c>
      <c r="N7251" t="s">
        <v>654</v>
      </c>
      <c r="O7251">
        <v>3</v>
      </c>
      <c r="P7251" t="s">
        <v>655</v>
      </c>
      <c r="Q7251">
        <v>1</v>
      </c>
      <c r="R7251" t="s">
        <v>669</v>
      </c>
      <c r="S7251">
        <v>1</v>
      </c>
      <c r="T7251" t="s">
        <v>661</v>
      </c>
      <c r="U7251">
        <v>8</v>
      </c>
      <c r="V7251">
        <v>4</v>
      </c>
      <c r="W7251">
        <v>240</v>
      </c>
      <c r="X7251">
        <v>2020</v>
      </c>
    </row>
    <row r="7252" spans="1:24" x14ac:dyDescent="0.25">
      <c r="A7252">
        <v>50</v>
      </c>
      <c r="B7252" t="s">
        <v>226</v>
      </c>
      <c r="C7252">
        <v>1</v>
      </c>
      <c r="D7252" t="s">
        <v>626</v>
      </c>
      <c r="E7252">
        <v>8</v>
      </c>
      <c r="F7252" t="s">
        <v>651</v>
      </c>
      <c r="G7252">
        <v>160</v>
      </c>
      <c r="H7252" t="s">
        <v>658</v>
      </c>
      <c r="I7252">
        <v>13755</v>
      </c>
      <c r="J7252" t="s">
        <v>707</v>
      </c>
      <c r="K7252">
        <v>59</v>
      </c>
      <c r="L7252" t="s">
        <v>2292</v>
      </c>
      <c r="M7252">
        <v>241</v>
      </c>
      <c r="N7252" t="s">
        <v>654</v>
      </c>
      <c r="O7252">
        <v>3</v>
      </c>
      <c r="P7252" t="s">
        <v>655</v>
      </c>
      <c r="Q7252">
        <v>1</v>
      </c>
      <c r="R7252" t="s">
        <v>669</v>
      </c>
      <c r="S7252">
        <v>1</v>
      </c>
      <c r="T7252" t="s">
        <v>661</v>
      </c>
      <c r="U7252">
        <v>8</v>
      </c>
      <c r="V7252">
        <v>4</v>
      </c>
      <c r="W7252">
        <v>240</v>
      </c>
      <c r="X7252">
        <v>2020</v>
      </c>
    </row>
    <row r="7253" spans="1:24" x14ac:dyDescent="0.25">
      <c r="A7253">
        <v>49</v>
      </c>
      <c r="B7253" t="s">
        <v>226</v>
      </c>
      <c r="C7253">
        <v>1</v>
      </c>
      <c r="D7253" t="s">
        <v>626</v>
      </c>
      <c r="E7253">
        <v>8</v>
      </c>
      <c r="F7253" t="s">
        <v>651</v>
      </c>
      <c r="G7253">
        <v>160</v>
      </c>
      <c r="H7253" t="s">
        <v>658</v>
      </c>
      <c r="I7253">
        <v>13755</v>
      </c>
      <c r="J7253" t="s">
        <v>707</v>
      </c>
      <c r="K7253">
        <v>59</v>
      </c>
      <c r="L7253" t="s">
        <v>708</v>
      </c>
      <c r="M7253">
        <v>242</v>
      </c>
      <c r="N7253" t="s">
        <v>654</v>
      </c>
      <c r="O7253">
        <v>3</v>
      </c>
      <c r="P7253" t="s">
        <v>655</v>
      </c>
      <c r="Q7253">
        <v>1</v>
      </c>
      <c r="R7253" t="s">
        <v>669</v>
      </c>
      <c r="S7253">
        <v>1</v>
      </c>
      <c r="T7253" t="s">
        <v>661</v>
      </c>
      <c r="U7253">
        <v>8</v>
      </c>
      <c r="V7253">
        <v>4</v>
      </c>
      <c r="W7253">
        <v>240</v>
      </c>
      <c r="X7253">
        <v>2020</v>
      </c>
    </row>
    <row r="7254" spans="1:24" x14ac:dyDescent="0.25">
      <c r="A7254">
        <v>48</v>
      </c>
      <c r="B7254" t="s">
        <v>226</v>
      </c>
      <c r="C7254">
        <v>1</v>
      </c>
      <c r="D7254" t="s">
        <v>626</v>
      </c>
      <c r="E7254">
        <v>8</v>
      </c>
      <c r="F7254" t="s">
        <v>651</v>
      </c>
      <c r="G7254">
        <v>160</v>
      </c>
      <c r="H7254" t="s">
        <v>658</v>
      </c>
      <c r="I7254">
        <v>13755</v>
      </c>
      <c r="J7254" t="s">
        <v>710</v>
      </c>
      <c r="K7254">
        <v>53</v>
      </c>
      <c r="L7254" t="s">
        <v>4029</v>
      </c>
      <c r="M7254">
        <v>208</v>
      </c>
      <c r="N7254" t="s">
        <v>654</v>
      </c>
      <c r="O7254">
        <v>3</v>
      </c>
      <c r="P7254" t="s">
        <v>655</v>
      </c>
      <c r="Q7254">
        <v>1</v>
      </c>
      <c r="R7254" t="s">
        <v>669</v>
      </c>
      <c r="S7254">
        <v>1</v>
      </c>
      <c r="T7254" t="s">
        <v>661</v>
      </c>
      <c r="U7254">
        <v>8</v>
      </c>
      <c r="V7254">
        <v>4</v>
      </c>
      <c r="W7254">
        <v>240</v>
      </c>
      <c r="X7254">
        <v>2020</v>
      </c>
    </row>
    <row r="7255" spans="1:24" x14ac:dyDescent="0.25">
      <c r="A7255">
        <v>47</v>
      </c>
      <c r="B7255" t="s">
        <v>226</v>
      </c>
      <c r="C7255">
        <v>1</v>
      </c>
      <c r="D7255" t="s">
        <v>627</v>
      </c>
      <c r="E7255">
        <v>7</v>
      </c>
      <c r="F7255" t="s">
        <v>651</v>
      </c>
      <c r="G7255">
        <v>160</v>
      </c>
      <c r="H7255" t="s">
        <v>658</v>
      </c>
      <c r="I7255">
        <v>13755</v>
      </c>
      <c r="J7255" t="s">
        <v>880</v>
      </c>
      <c r="K7255">
        <v>58</v>
      </c>
      <c r="L7255" t="s">
        <v>880</v>
      </c>
      <c r="M7255">
        <v>236</v>
      </c>
      <c r="N7255" t="s">
        <v>654</v>
      </c>
      <c r="O7255">
        <v>3</v>
      </c>
      <c r="P7255" t="s">
        <v>655</v>
      </c>
      <c r="Q7255">
        <v>1</v>
      </c>
      <c r="R7255" t="s">
        <v>669</v>
      </c>
      <c r="S7255">
        <v>1</v>
      </c>
      <c r="T7255" t="s">
        <v>661</v>
      </c>
      <c r="U7255">
        <v>8</v>
      </c>
      <c r="V7255">
        <v>4</v>
      </c>
      <c r="W7255">
        <v>240</v>
      </c>
      <c r="X7255">
        <v>2020</v>
      </c>
    </row>
    <row r="7256" spans="1:24" x14ac:dyDescent="0.25">
      <c r="A7256">
        <v>46</v>
      </c>
      <c r="B7256" t="s">
        <v>226</v>
      </c>
      <c r="C7256">
        <v>1</v>
      </c>
      <c r="D7256" t="s">
        <v>627</v>
      </c>
      <c r="E7256">
        <v>7</v>
      </c>
      <c r="F7256" t="s">
        <v>651</v>
      </c>
      <c r="G7256">
        <v>160</v>
      </c>
      <c r="H7256" t="s">
        <v>658</v>
      </c>
      <c r="I7256">
        <v>13755</v>
      </c>
      <c r="J7256" t="s">
        <v>848</v>
      </c>
      <c r="K7256">
        <v>62</v>
      </c>
      <c r="L7256" t="s">
        <v>3707</v>
      </c>
      <c r="M7256">
        <v>267</v>
      </c>
      <c r="N7256" t="s">
        <v>654</v>
      </c>
      <c r="O7256">
        <v>3</v>
      </c>
      <c r="P7256" t="s">
        <v>655</v>
      </c>
      <c r="Q7256">
        <v>1</v>
      </c>
      <c r="R7256" t="s">
        <v>669</v>
      </c>
      <c r="S7256">
        <v>1</v>
      </c>
      <c r="T7256" t="s">
        <v>661</v>
      </c>
      <c r="U7256">
        <v>8</v>
      </c>
      <c r="V7256">
        <v>4</v>
      </c>
      <c r="W7256">
        <v>240</v>
      </c>
      <c r="X7256">
        <v>2020</v>
      </c>
    </row>
    <row r="7257" spans="1:24" x14ac:dyDescent="0.25">
      <c r="A7257">
        <v>45</v>
      </c>
      <c r="B7257" t="s">
        <v>226</v>
      </c>
      <c r="C7257">
        <v>1</v>
      </c>
      <c r="D7257" t="s">
        <v>627</v>
      </c>
      <c r="E7257">
        <v>7</v>
      </c>
      <c r="F7257" t="s">
        <v>651</v>
      </c>
      <c r="G7257">
        <v>160</v>
      </c>
      <c r="H7257" t="s">
        <v>658</v>
      </c>
      <c r="I7257">
        <v>13755</v>
      </c>
      <c r="J7257" t="s">
        <v>848</v>
      </c>
      <c r="K7257">
        <v>62</v>
      </c>
      <c r="L7257" t="s">
        <v>3950</v>
      </c>
      <c r="M7257">
        <v>264</v>
      </c>
      <c r="N7257" t="s">
        <v>654</v>
      </c>
      <c r="O7257">
        <v>3</v>
      </c>
      <c r="P7257" t="s">
        <v>655</v>
      </c>
      <c r="Q7257">
        <v>1</v>
      </c>
      <c r="R7257" t="s">
        <v>669</v>
      </c>
      <c r="S7257">
        <v>1</v>
      </c>
      <c r="T7257" t="s">
        <v>661</v>
      </c>
      <c r="U7257">
        <v>8</v>
      </c>
      <c r="V7257">
        <v>4</v>
      </c>
      <c r="W7257">
        <v>240</v>
      </c>
      <c r="X7257">
        <v>2020</v>
      </c>
    </row>
    <row r="7258" spans="1:24" x14ac:dyDescent="0.25">
      <c r="A7258">
        <v>44</v>
      </c>
      <c r="B7258" t="s">
        <v>226</v>
      </c>
      <c r="C7258">
        <v>1</v>
      </c>
      <c r="D7258" t="s">
        <v>627</v>
      </c>
      <c r="E7258">
        <v>7</v>
      </c>
      <c r="F7258" t="s">
        <v>651</v>
      </c>
      <c r="G7258">
        <v>160</v>
      </c>
      <c r="H7258" t="s">
        <v>658</v>
      </c>
      <c r="I7258">
        <v>13755</v>
      </c>
      <c r="J7258" t="s">
        <v>738</v>
      </c>
      <c r="K7258">
        <v>61</v>
      </c>
      <c r="L7258" t="s">
        <v>1261</v>
      </c>
      <c r="M7258">
        <v>253</v>
      </c>
      <c r="N7258" t="s">
        <v>654</v>
      </c>
      <c r="O7258">
        <v>3</v>
      </c>
      <c r="P7258" t="s">
        <v>655</v>
      </c>
      <c r="Q7258">
        <v>1</v>
      </c>
      <c r="R7258" t="s">
        <v>669</v>
      </c>
      <c r="S7258">
        <v>1</v>
      </c>
      <c r="T7258" t="s">
        <v>661</v>
      </c>
      <c r="U7258">
        <v>8</v>
      </c>
      <c r="V7258">
        <v>4</v>
      </c>
      <c r="W7258">
        <v>240</v>
      </c>
      <c r="X7258">
        <v>2020</v>
      </c>
    </row>
    <row r="7259" spans="1:24" x14ac:dyDescent="0.25">
      <c r="A7259">
        <v>43</v>
      </c>
      <c r="B7259" t="s">
        <v>226</v>
      </c>
      <c r="C7259">
        <v>1</v>
      </c>
      <c r="D7259" t="s">
        <v>628</v>
      </c>
      <c r="E7259">
        <v>6</v>
      </c>
      <c r="F7259" t="s">
        <v>651</v>
      </c>
      <c r="G7259">
        <v>160</v>
      </c>
      <c r="H7259" t="s">
        <v>658</v>
      </c>
      <c r="I7259">
        <v>13755</v>
      </c>
      <c r="J7259" t="s">
        <v>716</v>
      </c>
      <c r="K7259">
        <v>68</v>
      </c>
      <c r="L7259" t="s">
        <v>717</v>
      </c>
      <c r="M7259">
        <v>295</v>
      </c>
      <c r="N7259" t="s">
        <v>654</v>
      </c>
      <c r="O7259">
        <v>3</v>
      </c>
      <c r="P7259" t="s">
        <v>655</v>
      </c>
      <c r="Q7259">
        <v>1</v>
      </c>
      <c r="R7259" t="s">
        <v>669</v>
      </c>
      <c r="S7259">
        <v>1</v>
      </c>
      <c r="T7259" t="s">
        <v>661</v>
      </c>
      <c r="U7259">
        <v>8</v>
      </c>
      <c r="V7259">
        <v>4</v>
      </c>
      <c r="W7259">
        <v>240</v>
      </c>
      <c r="X7259">
        <v>2020</v>
      </c>
    </row>
    <row r="7260" spans="1:24" x14ac:dyDescent="0.25">
      <c r="A7260">
        <v>42</v>
      </c>
      <c r="B7260" t="s">
        <v>226</v>
      </c>
      <c r="C7260">
        <v>1</v>
      </c>
      <c r="D7260" t="s">
        <v>628</v>
      </c>
      <c r="E7260">
        <v>6</v>
      </c>
      <c r="F7260" t="s">
        <v>651</v>
      </c>
      <c r="G7260">
        <v>160</v>
      </c>
      <c r="H7260" t="s">
        <v>658</v>
      </c>
      <c r="I7260">
        <v>13755</v>
      </c>
      <c r="J7260" t="s">
        <v>730</v>
      </c>
      <c r="K7260">
        <v>66</v>
      </c>
      <c r="L7260" t="s">
        <v>3789</v>
      </c>
      <c r="M7260">
        <v>279</v>
      </c>
      <c r="N7260" t="s">
        <v>654</v>
      </c>
      <c r="O7260">
        <v>3</v>
      </c>
      <c r="P7260" t="s">
        <v>655</v>
      </c>
      <c r="Q7260">
        <v>1</v>
      </c>
      <c r="R7260" t="s">
        <v>669</v>
      </c>
      <c r="S7260">
        <v>1</v>
      </c>
      <c r="T7260" t="s">
        <v>661</v>
      </c>
      <c r="U7260">
        <v>8</v>
      </c>
      <c r="V7260">
        <v>4</v>
      </c>
      <c r="W7260">
        <v>240</v>
      </c>
      <c r="X7260">
        <v>2020</v>
      </c>
    </row>
    <row r="7261" spans="1:24" x14ac:dyDescent="0.25">
      <c r="A7261">
        <v>41</v>
      </c>
      <c r="B7261" t="s">
        <v>226</v>
      </c>
      <c r="C7261">
        <v>1</v>
      </c>
      <c r="D7261" t="s">
        <v>628</v>
      </c>
      <c r="E7261">
        <v>6</v>
      </c>
      <c r="F7261" t="s">
        <v>651</v>
      </c>
      <c r="G7261">
        <v>160</v>
      </c>
      <c r="H7261" t="s">
        <v>658</v>
      </c>
      <c r="I7261">
        <v>13755</v>
      </c>
      <c r="J7261" t="s">
        <v>693</v>
      </c>
      <c r="K7261">
        <v>56</v>
      </c>
      <c r="L7261" t="s">
        <v>2468</v>
      </c>
      <c r="M7261">
        <v>233</v>
      </c>
      <c r="N7261" t="s">
        <v>654</v>
      </c>
      <c r="O7261">
        <v>3</v>
      </c>
      <c r="P7261" t="s">
        <v>655</v>
      </c>
      <c r="Q7261">
        <v>1</v>
      </c>
      <c r="R7261" t="s">
        <v>669</v>
      </c>
      <c r="S7261">
        <v>1</v>
      </c>
      <c r="T7261" t="s">
        <v>661</v>
      </c>
      <c r="U7261">
        <v>8</v>
      </c>
      <c r="V7261">
        <v>4</v>
      </c>
      <c r="W7261">
        <v>240</v>
      </c>
      <c r="X7261">
        <v>2020</v>
      </c>
    </row>
    <row r="7262" spans="1:24" x14ac:dyDescent="0.25">
      <c r="A7262">
        <v>40</v>
      </c>
      <c r="B7262" t="s">
        <v>226</v>
      </c>
      <c r="C7262">
        <v>1</v>
      </c>
      <c r="D7262" t="s">
        <v>628</v>
      </c>
      <c r="E7262">
        <v>6</v>
      </c>
      <c r="F7262" t="s">
        <v>651</v>
      </c>
      <c r="G7262">
        <v>160</v>
      </c>
      <c r="H7262" t="s">
        <v>658</v>
      </c>
      <c r="I7262">
        <v>13755</v>
      </c>
      <c r="J7262" t="s">
        <v>693</v>
      </c>
      <c r="K7262">
        <v>56</v>
      </c>
      <c r="L7262" t="s">
        <v>4030</v>
      </c>
      <c r="M7262">
        <v>227</v>
      </c>
      <c r="N7262" t="s">
        <v>654</v>
      </c>
      <c r="O7262">
        <v>3</v>
      </c>
      <c r="P7262" t="s">
        <v>655</v>
      </c>
      <c r="Q7262">
        <v>1</v>
      </c>
      <c r="R7262" t="s">
        <v>669</v>
      </c>
      <c r="S7262">
        <v>1</v>
      </c>
      <c r="T7262" t="s">
        <v>661</v>
      </c>
      <c r="U7262">
        <v>8</v>
      </c>
      <c r="V7262">
        <v>4</v>
      </c>
      <c r="W7262">
        <v>240</v>
      </c>
      <c r="X7262">
        <v>2020</v>
      </c>
    </row>
    <row r="7263" spans="1:24" x14ac:dyDescent="0.25">
      <c r="A7263">
        <v>39</v>
      </c>
      <c r="B7263" t="s">
        <v>226</v>
      </c>
      <c r="C7263">
        <v>1</v>
      </c>
      <c r="D7263" t="s">
        <v>628</v>
      </c>
      <c r="E7263">
        <v>6</v>
      </c>
      <c r="F7263" t="s">
        <v>651</v>
      </c>
      <c r="G7263">
        <v>160</v>
      </c>
      <c r="H7263" t="s">
        <v>658</v>
      </c>
      <c r="I7263">
        <v>13755</v>
      </c>
      <c r="J7263" t="s">
        <v>693</v>
      </c>
      <c r="K7263">
        <v>56</v>
      </c>
      <c r="L7263" t="s">
        <v>1876</v>
      </c>
      <c r="M7263">
        <v>225</v>
      </c>
      <c r="N7263" t="s">
        <v>654</v>
      </c>
      <c r="O7263">
        <v>3</v>
      </c>
      <c r="P7263" t="s">
        <v>655</v>
      </c>
      <c r="Q7263">
        <v>1</v>
      </c>
      <c r="R7263" t="s">
        <v>669</v>
      </c>
      <c r="S7263">
        <v>1</v>
      </c>
      <c r="T7263" t="s">
        <v>661</v>
      </c>
      <c r="U7263">
        <v>8</v>
      </c>
      <c r="V7263">
        <v>4</v>
      </c>
      <c r="W7263">
        <v>240</v>
      </c>
      <c r="X7263">
        <v>2020</v>
      </c>
    </row>
    <row r="7264" spans="1:24" x14ac:dyDescent="0.25">
      <c r="A7264">
        <v>38</v>
      </c>
      <c r="B7264" t="s">
        <v>226</v>
      </c>
      <c r="C7264">
        <v>1</v>
      </c>
      <c r="D7264" t="s">
        <v>628</v>
      </c>
      <c r="E7264">
        <v>6</v>
      </c>
      <c r="F7264" t="s">
        <v>651</v>
      </c>
      <c r="G7264">
        <v>160</v>
      </c>
      <c r="H7264" t="s">
        <v>658</v>
      </c>
      <c r="I7264">
        <v>13755</v>
      </c>
      <c r="J7264" t="s">
        <v>693</v>
      </c>
      <c r="K7264">
        <v>56</v>
      </c>
      <c r="L7264" t="s">
        <v>3929</v>
      </c>
      <c r="M7264">
        <v>223</v>
      </c>
      <c r="N7264" t="s">
        <v>654</v>
      </c>
      <c r="O7264">
        <v>3</v>
      </c>
      <c r="P7264" t="s">
        <v>655</v>
      </c>
      <c r="Q7264">
        <v>1</v>
      </c>
      <c r="R7264" t="s">
        <v>669</v>
      </c>
      <c r="S7264">
        <v>1</v>
      </c>
      <c r="T7264" t="s">
        <v>661</v>
      </c>
      <c r="U7264">
        <v>8</v>
      </c>
      <c r="V7264">
        <v>4</v>
      </c>
      <c r="W7264">
        <v>240</v>
      </c>
      <c r="X7264">
        <v>2020</v>
      </c>
    </row>
    <row r="7265" spans="1:24" x14ac:dyDescent="0.25">
      <c r="A7265">
        <v>37</v>
      </c>
      <c r="B7265" t="s">
        <v>226</v>
      </c>
      <c r="C7265">
        <v>1</v>
      </c>
      <c r="D7265" t="s">
        <v>628</v>
      </c>
      <c r="E7265">
        <v>6</v>
      </c>
      <c r="F7265" t="s">
        <v>651</v>
      </c>
      <c r="G7265">
        <v>160</v>
      </c>
      <c r="H7265" t="s">
        <v>658</v>
      </c>
      <c r="I7265">
        <v>13755</v>
      </c>
      <c r="J7265" t="s">
        <v>693</v>
      </c>
      <c r="K7265">
        <v>56</v>
      </c>
      <c r="L7265" t="s">
        <v>694</v>
      </c>
      <c r="M7265">
        <v>222</v>
      </c>
      <c r="N7265" t="s">
        <v>654</v>
      </c>
      <c r="O7265">
        <v>3</v>
      </c>
      <c r="P7265" t="s">
        <v>655</v>
      </c>
      <c r="Q7265">
        <v>1</v>
      </c>
      <c r="R7265" t="s">
        <v>669</v>
      </c>
      <c r="S7265">
        <v>1</v>
      </c>
      <c r="T7265" t="s">
        <v>661</v>
      </c>
      <c r="U7265">
        <v>8</v>
      </c>
      <c r="V7265">
        <v>4</v>
      </c>
      <c r="W7265">
        <v>240</v>
      </c>
      <c r="X7265">
        <v>2020</v>
      </c>
    </row>
    <row r="7266" spans="1:24" x14ac:dyDescent="0.25">
      <c r="A7266">
        <v>36</v>
      </c>
      <c r="B7266" t="s">
        <v>226</v>
      </c>
      <c r="C7266">
        <v>1</v>
      </c>
      <c r="D7266" t="s">
        <v>628</v>
      </c>
      <c r="E7266">
        <v>6</v>
      </c>
      <c r="F7266" t="s">
        <v>651</v>
      </c>
      <c r="G7266">
        <v>160</v>
      </c>
      <c r="H7266" t="s">
        <v>658</v>
      </c>
      <c r="I7266">
        <v>13755</v>
      </c>
      <c r="J7266" t="s">
        <v>693</v>
      </c>
      <c r="K7266">
        <v>56</v>
      </c>
      <c r="L7266" t="s">
        <v>3669</v>
      </c>
      <c r="M7266">
        <v>221</v>
      </c>
      <c r="N7266" t="s">
        <v>654</v>
      </c>
      <c r="O7266">
        <v>3</v>
      </c>
      <c r="P7266" t="s">
        <v>655</v>
      </c>
      <c r="Q7266">
        <v>1</v>
      </c>
      <c r="R7266" t="s">
        <v>669</v>
      </c>
      <c r="S7266">
        <v>1</v>
      </c>
      <c r="T7266" t="s">
        <v>661</v>
      </c>
      <c r="U7266">
        <v>8</v>
      </c>
      <c r="V7266">
        <v>4</v>
      </c>
      <c r="W7266">
        <v>240</v>
      </c>
      <c r="X7266">
        <v>2020</v>
      </c>
    </row>
    <row r="7267" spans="1:24" x14ac:dyDescent="0.25">
      <c r="A7267">
        <v>35</v>
      </c>
      <c r="B7267" t="s">
        <v>226</v>
      </c>
      <c r="C7267">
        <v>1</v>
      </c>
      <c r="D7267" t="s">
        <v>629</v>
      </c>
      <c r="E7267">
        <v>5</v>
      </c>
      <c r="F7267" t="s">
        <v>651</v>
      </c>
      <c r="G7267">
        <v>160</v>
      </c>
      <c r="H7267" t="s">
        <v>658</v>
      </c>
      <c r="I7267">
        <v>13755</v>
      </c>
      <c r="J7267" t="s">
        <v>705</v>
      </c>
      <c r="K7267">
        <v>70</v>
      </c>
      <c r="L7267" t="s">
        <v>3803</v>
      </c>
      <c r="M7267">
        <v>302</v>
      </c>
      <c r="N7267" t="s">
        <v>654</v>
      </c>
      <c r="O7267">
        <v>3</v>
      </c>
      <c r="P7267" t="s">
        <v>655</v>
      </c>
      <c r="Q7267">
        <v>1</v>
      </c>
      <c r="R7267" t="s">
        <v>669</v>
      </c>
      <c r="S7267">
        <v>1</v>
      </c>
      <c r="T7267" t="s">
        <v>661</v>
      </c>
      <c r="U7267">
        <v>8</v>
      </c>
      <c r="V7267">
        <v>4</v>
      </c>
      <c r="W7267">
        <v>240</v>
      </c>
      <c r="X7267">
        <v>2020</v>
      </c>
    </row>
    <row r="7268" spans="1:24" x14ac:dyDescent="0.25">
      <c r="A7268">
        <v>34</v>
      </c>
      <c r="B7268" t="s">
        <v>226</v>
      </c>
      <c r="C7268">
        <v>1</v>
      </c>
      <c r="D7268" t="s">
        <v>629</v>
      </c>
      <c r="E7268">
        <v>5</v>
      </c>
      <c r="F7268" t="s">
        <v>651</v>
      </c>
      <c r="G7268">
        <v>160</v>
      </c>
      <c r="H7268" t="s">
        <v>658</v>
      </c>
      <c r="I7268">
        <v>13755</v>
      </c>
      <c r="J7268" t="s">
        <v>716</v>
      </c>
      <c r="K7268">
        <v>68</v>
      </c>
      <c r="L7268" t="s">
        <v>1915</v>
      </c>
      <c r="M7268">
        <v>294</v>
      </c>
      <c r="N7268" t="s">
        <v>654</v>
      </c>
      <c r="O7268">
        <v>3</v>
      </c>
      <c r="P7268" t="s">
        <v>655</v>
      </c>
      <c r="Q7268">
        <v>1</v>
      </c>
      <c r="R7268" t="s">
        <v>669</v>
      </c>
      <c r="S7268">
        <v>1</v>
      </c>
      <c r="T7268" t="s">
        <v>661</v>
      </c>
      <c r="U7268">
        <v>8</v>
      </c>
      <c r="V7268">
        <v>4</v>
      </c>
      <c r="W7268">
        <v>240</v>
      </c>
      <c r="X7268">
        <v>2020</v>
      </c>
    </row>
    <row r="7269" spans="1:24" x14ac:dyDescent="0.25">
      <c r="A7269">
        <v>33</v>
      </c>
      <c r="B7269" t="s">
        <v>226</v>
      </c>
      <c r="C7269">
        <v>1</v>
      </c>
      <c r="D7269" t="s">
        <v>629</v>
      </c>
      <c r="E7269">
        <v>5</v>
      </c>
      <c r="F7269" t="s">
        <v>651</v>
      </c>
      <c r="G7269">
        <v>160</v>
      </c>
      <c r="H7269" t="s">
        <v>658</v>
      </c>
      <c r="I7269">
        <v>13755</v>
      </c>
      <c r="J7269" t="s">
        <v>730</v>
      </c>
      <c r="K7269">
        <v>66</v>
      </c>
      <c r="L7269" t="s">
        <v>3926</v>
      </c>
      <c r="M7269">
        <v>280</v>
      </c>
      <c r="N7269" t="s">
        <v>654</v>
      </c>
      <c r="O7269">
        <v>3</v>
      </c>
      <c r="P7269" t="s">
        <v>655</v>
      </c>
      <c r="Q7269">
        <v>1</v>
      </c>
      <c r="R7269" t="s">
        <v>669</v>
      </c>
      <c r="S7269">
        <v>1</v>
      </c>
      <c r="T7269" t="s">
        <v>661</v>
      </c>
      <c r="U7269">
        <v>8</v>
      </c>
      <c r="V7269">
        <v>4</v>
      </c>
      <c r="W7269">
        <v>240</v>
      </c>
      <c r="X7269">
        <v>2020</v>
      </c>
    </row>
    <row r="7270" spans="1:24" x14ac:dyDescent="0.25">
      <c r="A7270">
        <v>32</v>
      </c>
      <c r="B7270" t="s">
        <v>226</v>
      </c>
      <c r="C7270">
        <v>1</v>
      </c>
      <c r="D7270" t="s">
        <v>629</v>
      </c>
      <c r="E7270">
        <v>5</v>
      </c>
      <c r="F7270" t="s">
        <v>651</v>
      </c>
      <c r="G7270">
        <v>160</v>
      </c>
      <c r="H7270" t="s">
        <v>658</v>
      </c>
      <c r="I7270">
        <v>13755</v>
      </c>
      <c r="J7270" t="s">
        <v>738</v>
      </c>
      <c r="K7270">
        <v>61</v>
      </c>
      <c r="L7270" t="s">
        <v>3938</v>
      </c>
      <c r="M7270">
        <v>256</v>
      </c>
      <c r="N7270" t="s">
        <v>654</v>
      </c>
      <c r="O7270">
        <v>3</v>
      </c>
      <c r="P7270" t="s">
        <v>655</v>
      </c>
      <c r="Q7270">
        <v>1</v>
      </c>
      <c r="R7270" t="s">
        <v>669</v>
      </c>
      <c r="S7270">
        <v>1</v>
      </c>
      <c r="T7270" t="s">
        <v>661</v>
      </c>
      <c r="U7270">
        <v>8</v>
      </c>
      <c r="V7270">
        <v>4</v>
      </c>
      <c r="W7270">
        <v>240</v>
      </c>
      <c r="X7270">
        <v>2020</v>
      </c>
    </row>
    <row r="7271" spans="1:24" x14ac:dyDescent="0.25">
      <c r="A7271">
        <v>31</v>
      </c>
      <c r="B7271" t="s">
        <v>226</v>
      </c>
      <c r="C7271">
        <v>1</v>
      </c>
      <c r="D7271" t="s">
        <v>629</v>
      </c>
      <c r="E7271">
        <v>5</v>
      </c>
      <c r="F7271" t="s">
        <v>651</v>
      </c>
      <c r="G7271">
        <v>160</v>
      </c>
      <c r="H7271" t="s">
        <v>658</v>
      </c>
      <c r="I7271">
        <v>13755</v>
      </c>
      <c r="J7271" t="s">
        <v>738</v>
      </c>
      <c r="K7271">
        <v>61</v>
      </c>
      <c r="L7271" t="s">
        <v>3977</v>
      </c>
      <c r="M7271">
        <v>250</v>
      </c>
      <c r="N7271" t="s">
        <v>654</v>
      </c>
      <c r="O7271">
        <v>3</v>
      </c>
      <c r="P7271" t="s">
        <v>655</v>
      </c>
      <c r="Q7271">
        <v>1</v>
      </c>
      <c r="R7271" t="s">
        <v>669</v>
      </c>
      <c r="S7271">
        <v>1</v>
      </c>
      <c r="T7271" t="s">
        <v>661</v>
      </c>
      <c r="U7271">
        <v>8</v>
      </c>
      <c r="V7271">
        <v>4</v>
      </c>
      <c r="W7271">
        <v>240</v>
      </c>
      <c r="X7271">
        <v>2020</v>
      </c>
    </row>
    <row r="7272" spans="1:24" x14ac:dyDescent="0.25">
      <c r="A7272">
        <v>30</v>
      </c>
      <c r="B7272" t="s">
        <v>226</v>
      </c>
      <c r="C7272">
        <v>1</v>
      </c>
      <c r="D7272" t="s">
        <v>629</v>
      </c>
      <c r="E7272">
        <v>5</v>
      </c>
      <c r="F7272" t="s">
        <v>651</v>
      </c>
      <c r="G7272">
        <v>160</v>
      </c>
      <c r="H7272" t="s">
        <v>658</v>
      </c>
      <c r="I7272">
        <v>13755</v>
      </c>
      <c r="J7272" t="s">
        <v>738</v>
      </c>
      <c r="K7272">
        <v>61</v>
      </c>
      <c r="L7272" t="s">
        <v>3928</v>
      </c>
      <c r="M7272">
        <v>249</v>
      </c>
      <c r="N7272" t="s">
        <v>654</v>
      </c>
      <c r="O7272">
        <v>3</v>
      </c>
      <c r="P7272" t="s">
        <v>655</v>
      </c>
      <c r="Q7272">
        <v>1</v>
      </c>
      <c r="R7272" t="s">
        <v>669</v>
      </c>
      <c r="S7272">
        <v>1</v>
      </c>
      <c r="T7272" t="s">
        <v>661</v>
      </c>
      <c r="U7272">
        <v>8</v>
      </c>
      <c r="V7272">
        <v>4</v>
      </c>
      <c r="W7272">
        <v>240</v>
      </c>
      <c r="X7272">
        <v>2020</v>
      </c>
    </row>
    <row r="7273" spans="1:24" x14ac:dyDescent="0.25">
      <c r="A7273">
        <v>29</v>
      </c>
      <c r="B7273" t="s">
        <v>226</v>
      </c>
      <c r="C7273">
        <v>1</v>
      </c>
      <c r="D7273" t="s">
        <v>629</v>
      </c>
      <c r="E7273">
        <v>5</v>
      </c>
      <c r="F7273" t="s">
        <v>651</v>
      </c>
      <c r="G7273">
        <v>160</v>
      </c>
      <c r="H7273" t="s">
        <v>658</v>
      </c>
      <c r="I7273">
        <v>13755</v>
      </c>
      <c r="J7273" t="s">
        <v>738</v>
      </c>
      <c r="K7273">
        <v>61</v>
      </c>
      <c r="L7273" t="s">
        <v>924</v>
      </c>
      <c r="M7273">
        <v>248</v>
      </c>
      <c r="N7273" t="s">
        <v>654</v>
      </c>
      <c r="O7273">
        <v>3</v>
      </c>
      <c r="P7273" t="s">
        <v>655</v>
      </c>
      <c r="Q7273">
        <v>1</v>
      </c>
      <c r="R7273" t="s">
        <v>669</v>
      </c>
      <c r="S7273">
        <v>1</v>
      </c>
      <c r="T7273" t="s">
        <v>661</v>
      </c>
      <c r="U7273">
        <v>8</v>
      </c>
      <c r="V7273">
        <v>4</v>
      </c>
      <c r="W7273">
        <v>240</v>
      </c>
      <c r="X7273">
        <v>2020</v>
      </c>
    </row>
    <row r="7274" spans="1:24" x14ac:dyDescent="0.25">
      <c r="A7274">
        <v>28</v>
      </c>
      <c r="B7274" t="s">
        <v>226</v>
      </c>
      <c r="C7274">
        <v>1</v>
      </c>
      <c r="D7274" t="s">
        <v>629</v>
      </c>
      <c r="E7274">
        <v>5</v>
      </c>
      <c r="F7274" t="s">
        <v>651</v>
      </c>
      <c r="G7274">
        <v>160</v>
      </c>
      <c r="H7274" t="s">
        <v>658</v>
      </c>
      <c r="I7274">
        <v>13755</v>
      </c>
      <c r="J7274" t="s">
        <v>693</v>
      </c>
      <c r="K7274">
        <v>56</v>
      </c>
      <c r="L7274" t="s">
        <v>3125</v>
      </c>
      <c r="M7274">
        <v>224</v>
      </c>
      <c r="N7274" t="s">
        <v>654</v>
      </c>
      <c r="O7274">
        <v>3</v>
      </c>
      <c r="P7274" t="s">
        <v>655</v>
      </c>
      <c r="Q7274">
        <v>1</v>
      </c>
      <c r="R7274" t="s">
        <v>669</v>
      </c>
      <c r="S7274">
        <v>1</v>
      </c>
      <c r="T7274" t="s">
        <v>661</v>
      </c>
      <c r="U7274">
        <v>8</v>
      </c>
      <c r="V7274">
        <v>4</v>
      </c>
      <c r="W7274">
        <v>240</v>
      </c>
      <c r="X7274">
        <v>2020</v>
      </c>
    </row>
    <row r="7275" spans="1:24" x14ac:dyDescent="0.25">
      <c r="A7275">
        <v>24</v>
      </c>
      <c r="B7275" t="s">
        <v>226</v>
      </c>
      <c r="C7275">
        <v>1</v>
      </c>
      <c r="D7275" t="s">
        <v>522</v>
      </c>
      <c r="E7275">
        <v>4</v>
      </c>
      <c r="F7275" t="s">
        <v>651</v>
      </c>
      <c r="G7275">
        <v>160</v>
      </c>
      <c r="H7275" t="s">
        <v>658</v>
      </c>
      <c r="I7275">
        <v>13755</v>
      </c>
      <c r="J7275" t="s">
        <v>710</v>
      </c>
      <c r="K7275">
        <v>53</v>
      </c>
      <c r="L7275" t="s">
        <v>3976</v>
      </c>
      <c r="M7275">
        <v>207</v>
      </c>
      <c r="N7275" t="s">
        <v>654</v>
      </c>
      <c r="O7275">
        <v>3</v>
      </c>
      <c r="P7275" t="s">
        <v>655</v>
      </c>
      <c r="Q7275">
        <v>1</v>
      </c>
      <c r="R7275" t="s">
        <v>669</v>
      </c>
      <c r="S7275">
        <v>1</v>
      </c>
      <c r="T7275" t="s">
        <v>661</v>
      </c>
      <c r="U7275">
        <v>8</v>
      </c>
      <c r="V7275">
        <v>4</v>
      </c>
      <c r="W7275">
        <v>240</v>
      </c>
      <c r="X7275">
        <v>2020</v>
      </c>
    </row>
    <row r="7276" spans="1:24" x14ac:dyDescent="0.25">
      <c r="A7276">
        <v>22</v>
      </c>
      <c r="B7276" t="s">
        <v>226</v>
      </c>
      <c r="C7276">
        <v>1</v>
      </c>
      <c r="D7276" t="s">
        <v>522</v>
      </c>
      <c r="E7276">
        <v>4</v>
      </c>
      <c r="F7276" t="s">
        <v>651</v>
      </c>
      <c r="G7276">
        <v>160</v>
      </c>
      <c r="H7276" t="s">
        <v>658</v>
      </c>
      <c r="I7276">
        <v>13755</v>
      </c>
      <c r="J7276" t="s">
        <v>710</v>
      </c>
      <c r="K7276">
        <v>53</v>
      </c>
      <c r="L7276" t="s">
        <v>711</v>
      </c>
      <c r="M7276">
        <v>206</v>
      </c>
      <c r="N7276" t="s">
        <v>654</v>
      </c>
      <c r="O7276">
        <v>3</v>
      </c>
      <c r="P7276" t="s">
        <v>655</v>
      </c>
      <c r="Q7276">
        <v>1</v>
      </c>
      <c r="R7276" t="s">
        <v>669</v>
      </c>
      <c r="S7276">
        <v>1</v>
      </c>
      <c r="T7276" t="s">
        <v>661</v>
      </c>
      <c r="U7276">
        <v>8</v>
      </c>
      <c r="V7276">
        <v>4</v>
      </c>
      <c r="W7276">
        <v>240</v>
      </c>
      <c r="X7276">
        <v>2020</v>
      </c>
    </row>
    <row r="7277" spans="1:24" x14ac:dyDescent="0.25">
      <c r="A7277">
        <v>21</v>
      </c>
      <c r="B7277" t="s">
        <v>226</v>
      </c>
      <c r="C7277">
        <v>1</v>
      </c>
      <c r="D7277" t="s">
        <v>522</v>
      </c>
      <c r="E7277">
        <v>4</v>
      </c>
      <c r="F7277" t="s">
        <v>651</v>
      </c>
      <c r="G7277">
        <v>160</v>
      </c>
      <c r="H7277" t="s">
        <v>658</v>
      </c>
      <c r="I7277">
        <v>13755</v>
      </c>
      <c r="J7277" t="s">
        <v>710</v>
      </c>
      <c r="K7277">
        <v>53</v>
      </c>
      <c r="L7277" t="s">
        <v>3888</v>
      </c>
      <c r="M7277">
        <v>205</v>
      </c>
      <c r="N7277" t="s">
        <v>654</v>
      </c>
      <c r="O7277">
        <v>3</v>
      </c>
      <c r="P7277" t="s">
        <v>655</v>
      </c>
      <c r="Q7277">
        <v>1</v>
      </c>
      <c r="R7277" t="s">
        <v>669</v>
      </c>
      <c r="S7277">
        <v>1</v>
      </c>
      <c r="T7277" t="s">
        <v>718</v>
      </c>
      <c r="U7277">
        <v>2</v>
      </c>
      <c r="V7277">
        <v>4</v>
      </c>
      <c r="W7277">
        <v>240</v>
      </c>
      <c r="X7277">
        <v>2020</v>
      </c>
    </row>
    <row r="7278" spans="1:24" x14ac:dyDescent="0.25">
      <c r="A7278">
        <v>20</v>
      </c>
      <c r="B7278" t="s">
        <v>226</v>
      </c>
      <c r="C7278">
        <v>1</v>
      </c>
      <c r="D7278" t="s">
        <v>522</v>
      </c>
      <c r="E7278">
        <v>4</v>
      </c>
      <c r="F7278" t="s">
        <v>651</v>
      </c>
      <c r="G7278">
        <v>160</v>
      </c>
      <c r="H7278" t="s">
        <v>658</v>
      </c>
      <c r="I7278">
        <v>13755</v>
      </c>
      <c r="J7278" t="s">
        <v>710</v>
      </c>
      <c r="K7278">
        <v>53</v>
      </c>
      <c r="L7278" t="s">
        <v>3888</v>
      </c>
      <c r="M7278">
        <v>205</v>
      </c>
      <c r="N7278" t="s">
        <v>654</v>
      </c>
      <c r="O7278">
        <v>3</v>
      </c>
      <c r="P7278" t="s">
        <v>655</v>
      </c>
      <c r="Q7278">
        <v>1</v>
      </c>
      <c r="R7278" t="s">
        <v>669</v>
      </c>
      <c r="S7278">
        <v>1</v>
      </c>
      <c r="T7278" t="s">
        <v>661</v>
      </c>
      <c r="U7278">
        <v>8</v>
      </c>
      <c r="V7278">
        <v>4</v>
      </c>
      <c r="W7278">
        <v>240</v>
      </c>
      <c r="X7278">
        <v>2020</v>
      </c>
    </row>
    <row r="7279" spans="1:24" x14ac:dyDescent="0.25">
      <c r="A7279">
        <v>19</v>
      </c>
      <c r="B7279" t="s">
        <v>226</v>
      </c>
      <c r="C7279">
        <v>1</v>
      </c>
      <c r="D7279" t="s">
        <v>522</v>
      </c>
      <c r="E7279">
        <v>4</v>
      </c>
      <c r="F7279" t="s">
        <v>651</v>
      </c>
      <c r="G7279">
        <v>160</v>
      </c>
      <c r="H7279" t="s">
        <v>658</v>
      </c>
      <c r="I7279">
        <v>13755</v>
      </c>
      <c r="J7279" t="s">
        <v>710</v>
      </c>
      <c r="K7279">
        <v>53</v>
      </c>
      <c r="L7279" t="s">
        <v>3931</v>
      </c>
      <c r="M7279">
        <v>204</v>
      </c>
      <c r="N7279" t="s">
        <v>654</v>
      </c>
      <c r="O7279">
        <v>3</v>
      </c>
      <c r="P7279" t="s">
        <v>655</v>
      </c>
      <c r="Q7279">
        <v>1</v>
      </c>
      <c r="R7279" t="s">
        <v>669</v>
      </c>
      <c r="S7279">
        <v>1</v>
      </c>
      <c r="T7279" t="s">
        <v>718</v>
      </c>
      <c r="U7279">
        <v>2</v>
      </c>
      <c r="V7279">
        <v>4</v>
      </c>
      <c r="W7279">
        <v>240</v>
      </c>
      <c r="X7279">
        <v>2020</v>
      </c>
    </row>
    <row r="7280" spans="1:24" x14ac:dyDescent="0.25">
      <c r="A7280">
        <v>18</v>
      </c>
      <c r="B7280" t="s">
        <v>226</v>
      </c>
      <c r="C7280">
        <v>1</v>
      </c>
      <c r="D7280" t="s">
        <v>522</v>
      </c>
      <c r="E7280">
        <v>4</v>
      </c>
      <c r="F7280" t="s">
        <v>651</v>
      </c>
      <c r="G7280">
        <v>160</v>
      </c>
      <c r="H7280" t="s">
        <v>658</v>
      </c>
      <c r="I7280">
        <v>13755</v>
      </c>
      <c r="J7280" t="s">
        <v>710</v>
      </c>
      <c r="K7280">
        <v>53</v>
      </c>
      <c r="L7280" t="s">
        <v>3931</v>
      </c>
      <c r="M7280">
        <v>204</v>
      </c>
      <c r="N7280" t="s">
        <v>654</v>
      </c>
      <c r="O7280">
        <v>3</v>
      </c>
      <c r="P7280" t="s">
        <v>655</v>
      </c>
      <c r="Q7280">
        <v>1</v>
      </c>
      <c r="R7280" t="s">
        <v>669</v>
      </c>
      <c r="S7280">
        <v>1</v>
      </c>
      <c r="T7280" t="s">
        <v>661</v>
      </c>
      <c r="U7280">
        <v>8</v>
      </c>
      <c r="V7280">
        <v>4</v>
      </c>
      <c r="W7280">
        <v>240</v>
      </c>
      <c r="X7280">
        <v>2020</v>
      </c>
    </row>
    <row r="7281" spans="1:24" x14ac:dyDescent="0.25">
      <c r="A7281">
        <v>17</v>
      </c>
      <c r="B7281" t="s">
        <v>226</v>
      </c>
      <c r="C7281">
        <v>1</v>
      </c>
      <c r="D7281" t="s">
        <v>522</v>
      </c>
      <c r="E7281">
        <v>4</v>
      </c>
      <c r="F7281" t="s">
        <v>651</v>
      </c>
      <c r="G7281">
        <v>160</v>
      </c>
      <c r="H7281" t="s">
        <v>658</v>
      </c>
      <c r="I7281">
        <v>13755</v>
      </c>
      <c r="J7281" t="s">
        <v>767</v>
      </c>
      <c r="K7281">
        <v>44</v>
      </c>
      <c r="L7281" t="s">
        <v>4023</v>
      </c>
      <c r="M7281">
        <v>155</v>
      </c>
      <c r="N7281" t="s">
        <v>654</v>
      </c>
      <c r="O7281">
        <v>3</v>
      </c>
      <c r="P7281" t="s">
        <v>655</v>
      </c>
      <c r="Q7281">
        <v>1</v>
      </c>
      <c r="R7281" t="s">
        <v>669</v>
      </c>
      <c r="S7281">
        <v>1</v>
      </c>
      <c r="T7281" t="s">
        <v>661</v>
      </c>
      <c r="U7281">
        <v>8</v>
      </c>
      <c r="V7281">
        <v>4</v>
      </c>
      <c r="W7281">
        <v>240</v>
      </c>
      <c r="X7281">
        <v>2020</v>
      </c>
    </row>
    <row r="7282" spans="1:24" x14ac:dyDescent="0.25">
      <c r="A7282">
        <v>16</v>
      </c>
      <c r="B7282" t="s">
        <v>226</v>
      </c>
      <c r="C7282">
        <v>1</v>
      </c>
      <c r="D7282" t="s">
        <v>472</v>
      </c>
      <c r="E7282">
        <v>3</v>
      </c>
      <c r="F7282" t="s">
        <v>651</v>
      </c>
      <c r="G7282">
        <v>160</v>
      </c>
      <c r="H7282" t="s">
        <v>658</v>
      </c>
      <c r="I7282">
        <v>13755</v>
      </c>
      <c r="J7282" t="s">
        <v>797</v>
      </c>
      <c r="K7282">
        <v>65</v>
      </c>
      <c r="L7282" t="s">
        <v>3892</v>
      </c>
      <c r="M7282">
        <v>276</v>
      </c>
      <c r="N7282" t="s">
        <v>654</v>
      </c>
      <c r="O7282">
        <v>3</v>
      </c>
      <c r="P7282" t="s">
        <v>655</v>
      </c>
      <c r="Q7282">
        <v>1</v>
      </c>
      <c r="R7282" t="s">
        <v>669</v>
      </c>
      <c r="S7282">
        <v>1</v>
      </c>
      <c r="T7282" t="s">
        <v>661</v>
      </c>
      <c r="U7282">
        <v>8</v>
      </c>
      <c r="V7282">
        <v>4</v>
      </c>
      <c r="W7282">
        <v>240</v>
      </c>
      <c r="X7282">
        <v>2020</v>
      </c>
    </row>
    <row r="7283" spans="1:24" x14ac:dyDescent="0.25">
      <c r="A7283">
        <v>15</v>
      </c>
      <c r="B7283" t="s">
        <v>226</v>
      </c>
      <c r="C7283">
        <v>1</v>
      </c>
      <c r="D7283" t="s">
        <v>472</v>
      </c>
      <c r="E7283">
        <v>3</v>
      </c>
      <c r="F7283" t="s">
        <v>651</v>
      </c>
      <c r="G7283">
        <v>160</v>
      </c>
      <c r="H7283" t="s">
        <v>658</v>
      </c>
      <c r="I7283">
        <v>13755</v>
      </c>
      <c r="J7283" t="s">
        <v>767</v>
      </c>
      <c r="K7283">
        <v>44</v>
      </c>
      <c r="L7283" t="s">
        <v>2347</v>
      </c>
      <c r="M7283">
        <v>153</v>
      </c>
      <c r="N7283" t="s">
        <v>654</v>
      </c>
      <c r="O7283">
        <v>3</v>
      </c>
      <c r="P7283" t="s">
        <v>655</v>
      </c>
      <c r="Q7283">
        <v>1</v>
      </c>
      <c r="R7283" t="s">
        <v>669</v>
      </c>
      <c r="S7283">
        <v>1</v>
      </c>
      <c r="T7283" t="s">
        <v>661</v>
      </c>
      <c r="U7283">
        <v>8</v>
      </c>
      <c r="V7283">
        <v>4</v>
      </c>
      <c r="W7283">
        <v>240</v>
      </c>
      <c r="X7283">
        <v>2020</v>
      </c>
    </row>
    <row r="7284" spans="1:24" x14ac:dyDescent="0.25">
      <c r="A7284">
        <v>14</v>
      </c>
      <c r="B7284" t="s">
        <v>226</v>
      </c>
      <c r="C7284">
        <v>1</v>
      </c>
      <c r="D7284" t="s">
        <v>472</v>
      </c>
      <c r="E7284">
        <v>3</v>
      </c>
      <c r="F7284" t="s">
        <v>651</v>
      </c>
      <c r="G7284">
        <v>160</v>
      </c>
      <c r="H7284" t="s">
        <v>658</v>
      </c>
      <c r="I7284">
        <v>13755</v>
      </c>
      <c r="J7284" t="s">
        <v>767</v>
      </c>
      <c r="K7284">
        <v>44</v>
      </c>
      <c r="L7284" t="s">
        <v>3893</v>
      </c>
      <c r="M7284">
        <v>152</v>
      </c>
      <c r="N7284" t="s">
        <v>654</v>
      </c>
      <c r="O7284">
        <v>3</v>
      </c>
      <c r="P7284" t="s">
        <v>655</v>
      </c>
      <c r="Q7284">
        <v>1</v>
      </c>
      <c r="R7284" t="s">
        <v>669</v>
      </c>
      <c r="S7284">
        <v>1</v>
      </c>
      <c r="T7284" t="s">
        <v>661</v>
      </c>
      <c r="U7284">
        <v>8</v>
      </c>
      <c r="V7284">
        <v>4</v>
      </c>
      <c r="W7284">
        <v>240</v>
      </c>
      <c r="X7284">
        <v>2020</v>
      </c>
    </row>
    <row r="7285" spans="1:24" x14ac:dyDescent="0.25">
      <c r="A7285">
        <v>13</v>
      </c>
      <c r="B7285" t="s">
        <v>226</v>
      </c>
      <c r="C7285">
        <v>1</v>
      </c>
      <c r="D7285" t="s">
        <v>630</v>
      </c>
      <c r="E7285">
        <v>2</v>
      </c>
      <c r="F7285" t="s">
        <v>651</v>
      </c>
      <c r="G7285">
        <v>160</v>
      </c>
      <c r="H7285" t="s">
        <v>658</v>
      </c>
      <c r="I7285">
        <v>13755</v>
      </c>
      <c r="J7285" t="s">
        <v>705</v>
      </c>
      <c r="K7285">
        <v>70</v>
      </c>
      <c r="L7285" t="s">
        <v>3784</v>
      </c>
      <c r="M7285">
        <v>305</v>
      </c>
      <c r="N7285" t="s">
        <v>654</v>
      </c>
      <c r="O7285">
        <v>3</v>
      </c>
      <c r="P7285" t="s">
        <v>655</v>
      </c>
      <c r="Q7285">
        <v>1</v>
      </c>
      <c r="R7285" t="s">
        <v>669</v>
      </c>
      <c r="S7285">
        <v>1</v>
      </c>
      <c r="T7285" t="s">
        <v>661</v>
      </c>
      <c r="U7285">
        <v>8</v>
      </c>
      <c r="V7285">
        <v>4</v>
      </c>
      <c r="W7285">
        <v>240</v>
      </c>
      <c r="X7285">
        <v>2020</v>
      </c>
    </row>
    <row r="7286" spans="1:24" x14ac:dyDescent="0.25">
      <c r="A7286">
        <v>12</v>
      </c>
      <c r="B7286" t="s">
        <v>226</v>
      </c>
      <c r="C7286">
        <v>1</v>
      </c>
      <c r="D7286" t="s">
        <v>630</v>
      </c>
      <c r="E7286">
        <v>2</v>
      </c>
      <c r="F7286" t="s">
        <v>651</v>
      </c>
      <c r="G7286">
        <v>160</v>
      </c>
      <c r="H7286" t="s">
        <v>658</v>
      </c>
      <c r="I7286">
        <v>13755</v>
      </c>
      <c r="J7286" t="s">
        <v>730</v>
      </c>
      <c r="K7286">
        <v>66</v>
      </c>
      <c r="L7286" t="s">
        <v>3739</v>
      </c>
      <c r="M7286">
        <v>284</v>
      </c>
      <c r="N7286" t="s">
        <v>654</v>
      </c>
      <c r="O7286">
        <v>3</v>
      </c>
      <c r="P7286" t="s">
        <v>655</v>
      </c>
      <c r="Q7286">
        <v>1</v>
      </c>
      <c r="R7286" t="s">
        <v>669</v>
      </c>
      <c r="S7286">
        <v>1</v>
      </c>
      <c r="T7286" t="s">
        <v>661</v>
      </c>
      <c r="U7286">
        <v>8</v>
      </c>
      <c r="V7286">
        <v>4</v>
      </c>
      <c r="W7286">
        <v>240</v>
      </c>
      <c r="X7286">
        <v>2020</v>
      </c>
    </row>
    <row r="7287" spans="1:24" x14ac:dyDescent="0.25">
      <c r="A7287">
        <v>10</v>
      </c>
      <c r="B7287" t="s">
        <v>226</v>
      </c>
      <c r="C7287">
        <v>1</v>
      </c>
      <c r="D7287" t="s">
        <v>630</v>
      </c>
      <c r="E7287">
        <v>2</v>
      </c>
      <c r="F7287" t="s">
        <v>651</v>
      </c>
      <c r="G7287">
        <v>160</v>
      </c>
      <c r="H7287" t="s">
        <v>658</v>
      </c>
      <c r="I7287">
        <v>13755</v>
      </c>
      <c r="J7287" t="s">
        <v>695</v>
      </c>
      <c r="K7287">
        <v>54</v>
      </c>
      <c r="L7287" t="s">
        <v>1934</v>
      </c>
      <c r="M7287">
        <v>216</v>
      </c>
      <c r="N7287" t="s">
        <v>654</v>
      </c>
      <c r="O7287">
        <v>3</v>
      </c>
      <c r="P7287" t="s">
        <v>655</v>
      </c>
      <c r="Q7287">
        <v>1</v>
      </c>
      <c r="R7287" t="s">
        <v>669</v>
      </c>
      <c r="S7287">
        <v>1</v>
      </c>
      <c r="T7287" t="s">
        <v>661</v>
      </c>
      <c r="U7287">
        <v>8</v>
      </c>
      <c r="V7287">
        <v>4</v>
      </c>
      <c r="W7287">
        <v>240</v>
      </c>
      <c r="X7287">
        <v>2020</v>
      </c>
    </row>
    <row r="7288" spans="1:24" x14ac:dyDescent="0.25">
      <c r="A7288">
        <v>9</v>
      </c>
      <c r="B7288" t="s">
        <v>226</v>
      </c>
      <c r="C7288">
        <v>1</v>
      </c>
      <c r="D7288" t="s">
        <v>630</v>
      </c>
      <c r="E7288">
        <v>2</v>
      </c>
      <c r="F7288" t="s">
        <v>651</v>
      </c>
      <c r="G7288">
        <v>160</v>
      </c>
      <c r="H7288" t="s">
        <v>658</v>
      </c>
      <c r="I7288">
        <v>13755</v>
      </c>
      <c r="J7288" t="s">
        <v>695</v>
      </c>
      <c r="K7288">
        <v>54</v>
      </c>
      <c r="L7288" t="s">
        <v>1511</v>
      </c>
      <c r="M7288">
        <v>215</v>
      </c>
      <c r="N7288" t="s">
        <v>654</v>
      </c>
      <c r="O7288">
        <v>3</v>
      </c>
      <c r="P7288" t="s">
        <v>655</v>
      </c>
      <c r="Q7288">
        <v>1</v>
      </c>
      <c r="R7288" t="s">
        <v>669</v>
      </c>
      <c r="S7288">
        <v>1</v>
      </c>
      <c r="T7288" t="s">
        <v>661</v>
      </c>
      <c r="U7288">
        <v>8</v>
      </c>
      <c r="V7288">
        <v>4</v>
      </c>
      <c r="W7288">
        <v>240</v>
      </c>
      <c r="X7288">
        <v>2020</v>
      </c>
    </row>
    <row r="7289" spans="1:24" x14ac:dyDescent="0.25">
      <c r="A7289">
        <v>8</v>
      </c>
      <c r="B7289" t="s">
        <v>226</v>
      </c>
      <c r="C7289">
        <v>1</v>
      </c>
      <c r="D7289" t="s">
        <v>630</v>
      </c>
      <c r="E7289">
        <v>2</v>
      </c>
      <c r="F7289" t="s">
        <v>651</v>
      </c>
      <c r="G7289">
        <v>160</v>
      </c>
      <c r="H7289" t="s">
        <v>658</v>
      </c>
      <c r="I7289">
        <v>13755</v>
      </c>
      <c r="J7289" t="s">
        <v>695</v>
      </c>
      <c r="K7289">
        <v>54</v>
      </c>
      <c r="L7289" t="s">
        <v>3936</v>
      </c>
      <c r="M7289">
        <v>213</v>
      </c>
      <c r="N7289" t="s">
        <v>654</v>
      </c>
      <c r="O7289">
        <v>3</v>
      </c>
      <c r="P7289" t="s">
        <v>655</v>
      </c>
      <c r="Q7289">
        <v>1</v>
      </c>
      <c r="R7289" t="s">
        <v>669</v>
      </c>
      <c r="S7289">
        <v>1</v>
      </c>
      <c r="T7289" t="s">
        <v>661</v>
      </c>
      <c r="U7289">
        <v>8</v>
      </c>
      <c r="V7289">
        <v>4</v>
      </c>
      <c r="W7289">
        <v>240</v>
      </c>
      <c r="X7289">
        <v>2020</v>
      </c>
    </row>
    <row r="7290" spans="1:24" x14ac:dyDescent="0.25">
      <c r="A7290">
        <v>7</v>
      </c>
      <c r="B7290" t="s">
        <v>226</v>
      </c>
      <c r="C7290">
        <v>1</v>
      </c>
      <c r="D7290" t="s">
        <v>630</v>
      </c>
      <c r="E7290">
        <v>2</v>
      </c>
      <c r="F7290" t="s">
        <v>651</v>
      </c>
      <c r="G7290">
        <v>160</v>
      </c>
      <c r="H7290" t="s">
        <v>658</v>
      </c>
      <c r="I7290">
        <v>13755</v>
      </c>
      <c r="J7290" t="s">
        <v>695</v>
      </c>
      <c r="K7290">
        <v>54</v>
      </c>
      <c r="L7290" t="s">
        <v>4031</v>
      </c>
      <c r="M7290">
        <v>212</v>
      </c>
      <c r="N7290" t="s">
        <v>654</v>
      </c>
      <c r="O7290">
        <v>3</v>
      </c>
      <c r="P7290" t="s">
        <v>655</v>
      </c>
      <c r="Q7290">
        <v>1</v>
      </c>
      <c r="R7290" t="s">
        <v>669</v>
      </c>
      <c r="S7290">
        <v>1</v>
      </c>
      <c r="T7290" t="s">
        <v>661</v>
      </c>
      <c r="U7290">
        <v>8</v>
      </c>
      <c r="V7290">
        <v>4</v>
      </c>
      <c r="W7290">
        <v>240</v>
      </c>
      <c r="X7290">
        <v>2020</v>
      </c>
    </row>
    <row r="7291" spans="1:24" x14ac:dyDescent="0.25">
      <c r="A7291">
        <v>6</v>
      </c>
      <c r="B7291" t="s">
        <v>226</v>
      </c>
      <c r="C7291">
        <v>1</v>
      </c>
      <c r="D7291" t="s">
        <v>630</v>
      </c>
      <c r="E7291">
        <v>2</v>
      </c>
      <c r="F7291" t="s">
        <v>651</v>
      </c>
      <c r="G7291">
        <v>160</v>
      </c>
      <c r="H7291" t="s">
        <v>658</v>
      </c>
      <c r="I7291">
        <v>13755</v>
      </c>
      <c r="J7291" t="s">
        <v>695</v>
      </c>
      <c r="K7291">
        <v>54</v>
      </c>
      <c r="L7291" t="s">
        <v>748</v>
      </c>
      <c r="M7291">
        <v>211</v>
      </c>
      <c r="N7291" t="s">
        <v>654</v>
      </c>
      <c r="O7291">
        <v>3</v>
      </c>
      <c r="P7291" t="s">
        <v>655</v>
      </c>
      <c r="Q7291">
        <v>1</v>
      </c>
      <c r="R7291" t="s">
        <v>669</v>
      </c>
      <c r="S7291">
        <v>1</v>
      </c>
      <c r="T7291" t="s">
        <v>661</v>
      </c>
      <c r="U7291">
        <v>8</v>
      </c>
      <c r="V7291">
        <v>4</v>
      </c>
      <c r="W7291">
        <v>240</v>
      </c>
      <c r="X7291">
        <v>2020</v>
      </c>
    </row>
    <row r="7292" spans="1:24" x14ac:dyDescent="0.25">
      <c r="A7292">
        <v>4</v>
      </c>
      <c r="B7292" t="s">
        <v>226</v>
      </c>
      <c r="C7292">
        <v>1</v>
      </c>
      <c r="D7292" t="s">
        <v>361</v>
      </c>
      <c r="E7292">
        <v>1</v>
      </c>
      <c r="F7292" t="s">
        <v>651</v>
      </c>
      <c r="G7292">
        <v>160</v>
      </c>
      <c r="H7292" t="s">
        <v>658</v>
      </c>
      <c r="I7292">
        <v>13755</v>
      </c>
      <c r="J7292" t="s">
        <v>730</v>
      </c>
      <c r="K7292">
        <v>66</v>
      </c>
      <c r="L7292" t="s">
        <v>3739</v>
      </c>
      <c r="M7292">
        <v>284</v>
      </c>
      <c r="N7292" t="s">
        <v>654</v>
      </c>
      <c r="O7292">
        <v>3</v>
      </c>
      <c r="P7292" t="s">
        <v>655</v>
      </c>
      <c r="Q7292">
        <v>1</v>
      </c>
      <c r="R7292" t="s">
        <v>669</v>
      </c>
      <c r="S7292">
        <v>1</v>
      </c>
      <c r="T7292" t="s">
        <v>661</v>
      </c>
      <c r="U7292">
        <v>8</v>
      </c>
      <c r="V7292">
        <v>4</v>
      </c>
      <c r="W7292">
        <v>240</v>
      </c>
      <c r="X7292">
        <v>2020</v>
      </c>
    </row>
    <row r="7293" spans="1:24" x14ac:dyDescent="0.25">
      <c r="A7293">
        <v>3</v>
      </c>
      <c r="B7293" t="s">
        <v>226</v>
      </c>
      <c r="C7293">
        <v>1</v>
      </c>
      <c r="D7293" t="s">
        <v>361</v>
      </c>
      <c r="E7293">
        <v>1</v>
      </c>
      <c r="F7293" t="s">
        <v>651</v>
      </c>
      <c r="G7293">
        <v>160</v>
      </c>
      <c r="H7293" t="s">
        <v>658</v>
      </c>
      <c r="I7293">
        <v>13755</v>
      </c>
      <c r="J7293" t="s">
        <v>714</v>
      </c>
      <c r="K7293">
        <v>52</v>
      </c>
      <c r="L7293" t="s">
        <v>3974</v>
      </c>
      <c r="M7293">
        <v>201</v>
      </c>
      <c r="N7293" t="s">
        <v>654</v>
      </c>
      <c r="O7293">
        <v>3</v>
      </c>
      <c r="P7293" t="s">
        <v>655</v>
      </c>
      <c r="Q7293">
        <v>1</v>
      </c>
      <c r="R7293" t="s">
        <v>669</v>
      </c>
      <c r="S7293">
        <v>1</v>
      </c>
      <c r="T7293" t="s">
        <v>661</v>
      </c>
      <c r="U7293">
        <v>8</v>
      </c>
      <c r="V7293">
        <v>4</v>
      </c>
      <c r="W7293">
        <v>240</v>
      </c>
      <c r="X7293">
        <v>2020</v>
      </c>
    </row>
    <row r="7294" spans="1:24" x14ac:dyDescent="0.25">
      <c r="A7294">
        <v>2</v>
      </c>
      <c r="B7294" t="s">
        <v>226</v>
      </c>
      <c r="C7294">
        <v>1</v>
      </c>
      <c r="D7294" t="s">
        <v>361</v>
      </c>
      <c r="E7294">
        <v>1</v>
      </c>
      <c r="F7294" t="s">
        <v>651</v>
      </c>
      <c r="G7294">
        <v>160</v>
      </c>
      <c r="H7294" t="s">
        <v>658</v>
      </c>
      <c r="I7294">
        <v>13755</v>
      </c>
      <c r="J7294" t="s">
        <v>714</v>
      </c>
      <c r="K7294">
        <v>52</v>
      </c>
      <c r="L7294" t="s">
        <v>3975</v>
      </c>
      <c r="M7294">
        <v>199</v>
      </c>
      <c r="N7294" t="s">
        <v>654</v>
      </c>
      <c r="O7294">
        <v>3</v>
      </c>
      <c r="P7294" t="s">
        <v>655</v>
      </c>
      <c r="Q7294">
        <v>1</v>
      </c>
      <c r="R7294" t="s">
        <v>669</v>
      </c>
      <c r="S7294">
        <v>1</v>
      </c>
      <c r="T7294" t="s">
        <v>661</v>
      </c>
      <c r="U7294">
        <v>8</v>
      </c>
      <c r="V7294">
        <v>4</v>
      </c>
      <c r="W7294">
        <v>240</v>
      </c>
      <c r="X7294">
        <v>2020</v>
      </c>
    </row>
    <row r="7295" spans="1:24" x14ac:dyDescent="0.25">
      <c r="A7295">
        <v>1</v>
      </c>
      <c r="B7295" t="s">
        <v>226</v>
      </c>
      <c r="C7295">
        <v>1</v>
      </c>
      <c r="D7295" t="s">
        <v>361</v>
      </c>
      <c r="E7295">
        <v>1</v>
      </c>
      <c r="F7295" t="s">
        <v>651</v>
      </c>
      <c r="G7295">
        <v>160</v>
      </c>
      <c r="H7295" t="s">
        <v>658</v>
      </c>
      <c r="I7295">
        <v>13755</v>
      </c>
      <c r="J7295" t="s">
        <v>714</v>
      </c>
      <c r="K7295">
        <v>52</v>
      </c>
      <c r="L7295" t="s">
        <v>3939</v>
      </c>
      <c r="M7295">
        <v>198</v>
      </c>
      <c r="N7295" t="s">
        <v>654</v>
      </c>
      <c r="O7295">
        <v>3</v>
      </c>
      <c r="P7295" t="s">
        <v>655</v>
      </c>
      <c r="Q7295">
        <v>1</v>
      </c>
      <c r="R7295" t="s">
        <v>669</v>
      </c>
      <c r="S7295">
        <v>1</v>
      </c>
      <c r="T7295" t="s">
        <v>661</v>
      </c>
      <c r="U7295">
        <v>8</v>
      </c>
      <c r="V7295">
        <v>4</v>
      </c>
      <c r="W7295">
        <v>240</v>
      </c>
      <c r="X7295">
        <v>2020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494"/>
  <sheetViews>
    <sheetView workbookViewId="0">
      <selection activeCell="C1" sqref="C1"/>
    </sheetView>
  </sheetViews>
  <sheetFormatPr defaultRowHeight="15" x14ac:dyDescent="0.25"/>
  <cols>
    <col min="2" max="2" width="17" customWidth="1"/>
    <col min="5" max="5" width="18.140625" customWidth="1"/>
    <col min="6" max="6" width="32.85546875" customWidth="1"/>
    <col min="7" max="7" width="13.5703125" bestFit="1" customWidth="1"/>
  </cols>
  <sheetData>
    <row r="1" spans="1:9" x14ac:dyDescent="0.25">
      <c r="C1" t="s">
        <v>4838</v>
      </c>
    </row>
    <row r="3" spans="1:9" x14ac:dyDescent="0.25">
      <c r="A3" t="s">
        <v>1</v>
      </c>
      <c r="B3" t="s">
        <v>2</v>
      </c>
      <c r="C3" t="s">
        <v>637</v>
      </c>
      <c r="D3" t="s">
        <v>638</v>
      </c>
      <c r="E3" t="s">
        <v>4160</v>
      </c>
      <c r="F3" t="s">
        <v>4161</v>
      </c>
      <c r="G3" t="s">
        <v>4162</v>
      </c>
      <c r="H3" t="s">
        <v>4163</v>
      </c>
      <c r="I3" t="s">
        <v>6</v>
      </c>
    </row>
    <row r="4" spans="1:9" x14ac:dyDescent="0.25">
      <c r="A4">
        <v>1</v>
      </c>
      <c r="B4" t="s">
        <v>885</v>
      </c>
      <c r="C4" t="s">
        <v>885</v>
      </c>
      <c r="D4">
        <v>1</v>
      </c>
      <c r="E4" t="s">
        <v>885</v>
      </c>
      <c r="F4" t="s">
        <v>4164</v>
      </c>
      <c r="G4" t="s">
        <v>669</v>
      </c>
      <c r="H4">
        <v>1</v>
      </c>
      <c r="I4">
        <v>2020</v>
      </c>
    </row>
    <row r="5" spans="1:9" x14ac:dyDescent="0.25">
      <c r="A5">
        <v>2</v>
      </c>
      <c r="B5" t="s">
        <v>2624</v>
      </c>
      <c r="C5" t="s">
        <v>885</v>
      </c>
      <c r="D5">
        <v>1</v>
      </c>
      <c r="E5" t="s">
        <v>885</v>
      </c>
      <c r="F5" t="s">
        <v>4164</v>
      </c>
      <c r="G5" t="s">
        <v>669</v>
      </c>
      <c r="H5">
        <v>1</v>
      </c>
      <c r="I5">
        <v>2020</v>
      </c>
    </row>
    <row r="6" spans="1:9" x14ac:dyDescent="0.25">
      <c r="A6">
        <v>3</v>
      </c>
      <c r="B6" t="s">
        <v>1543</v>
      </c>
      <c r="C6" t="s">
        <v>885</v>
      </c>
      <c r="D6">
        <v>1</v>
      </c>
      <c r="E6" t="s">
        <v>885</v>
      </c>
      <c r="F6" t="s">
        <v>4164</v>
      </c>
      <c r="G6" t="s">
        <v>669</v>
      </c>
      <c r="H6">
        <v>1</v>
      </c>
      <c r="I6">
        <v>2020</v>
      </c>
    </row>
    <row r="7" spans="1:9" x14ac:dyDescent="0.25">
      <c r="A7">
        <v>4</v>
      </c>
      <c r="B7" t="s">
        <v>726</v>
      </c>
      <c r="C7" t="s">
        <v>726</v>
      </c>
      <c r="D7">
        <v>2</v>
      </c>
      <c r="E7" t="s">
        <v>726</v>
      </c>
      <c r="F7" t="s">
        <v>4164</v>
      </c>
      <c r="G7" t="s">
        <v>669</v>
      </c>
      <c r="H7">
        <v>1</v>
      </c>
      <c r="I7">
        <v>2020</v>
      </c>
    </row>
    <row r="8" spans="1:9" x14ac:dyDescent="0.25">
      <c r="A8">
        <v>5</v>
      </c>
      <c r="B8" t="s">
        <v>1087</v>
      </c>
      <c r="C8" t="s">
        <v>726</v>
      </c>
      <c r="D8">
        <v>2</v>
      </c>
      <c r="E8" t="s">
        <v>726</v>
      </c>
      <c r="F8" t="s">
        <v>4164</v>
      </c>
      <c r="G8" t="s">
        <v>669</v>
      </c>
      <c r="H8">
        <v>1</v>
      </c>
      <c r="I8">
        <v>2020</v>
      </c>
    </row>
    <row r="9" spans="1:9" x14ac:dyDescent="0.25">
      <c r="A9">
        <v>6</v>
      </c>
      <c r="B9" t="s">
        <v>3966</v>
      </c>
      <c r="C9" t="s">
        <v>726</v>
      </c>
      <c r="D9">
        <v>2</v>
      </c>
      <c r="E9" t="s">
        <v>726</v>
      </c>
      <c r="F9" t="s">
        <v>4164</v>
      </c>
      <c r="G9" t="s">
        <v>669</v>
      </c>
      <c r="H9">
        <v>1</v>
      </c>
      <c r="I9">
        <v>2020</v>
      </c>
    </row>
    <row r="10" spans="1:9" x14ac:dyDescent="0.25">
      <c r="A10">
        <v>7</v>
      </c>
      <c r="B10" t="s">
        <v>1258</v>
      </c>
      <c r="C10" t="s">
        <v>726</v>
      </c>
      <c r="D10">
        <v>2</v>
      </c>
      <c r="E10" t="s">
        <v>726</v>
      </c>
      <c r="F10" t="s">
        <v>4164</v>
      </c>
      <c r="G10" t="s">
        <v>669</v>
      </c>
      <c r="H10">
        <v>1</v>
      </c>
      <c r="I10">
        <v>2020</v>
      </c>
    </row>
    <row r="11" spans="1:9" x14ac:dyDescent="0.25">
      <c r="A11">
        <v>8</v>
      </c>
      <c r="B11" t="s">
        <v>897</v>
      </c>
      <c r="C11" t="s">
        <v>897</v>
      </c>
      <c r="D11">
        <v>3</v>
      </c>
      <c r="E11" t="s">
        <v>4165</v>
      </c>
      <c r="F11" t="s">
        <v>4164</v>
      </c>
      <c r="G11" t="s">
        <v>669</v>
      </c>
      <c r="H11">
        <v>1</v>
      </c>
      <c r="I11">
        <v>2020</v>
      </c>
    </row>
    <row r="12" spans="1:9" x14ac:dyDescent="0.25">
      <c r="A12">
        <v>9</v>
      </c>
      <c r="B12" t="s">
        <v>3968</v>
      </c>
      <c r="C12" t="s">
        <v>897</v>
      </c>
      <c r="D12">
        <v>3</v>
      </c>
      <c r="E12" t="s">
        <v>4165</v>
      </c>
      <c r="F12" t="s">
        <v>4164</v>
      </c>
      <c r="G12" t="s">
        <v>669</v>
      </c>
      <c r="H12">
        <v>1</v>
      </c>
      <c r="I12">
        <v>2020</v>
      </c>
    </row>
    <row r="13" spans="1:9" x14ac:dyDescent="0.25">
      <c r="A13">
        <v>10</v>
      </c>
      <c r="B13" t="s">
        <v>4166</v>
      </c>
      <c r="C13" t="s">
        <v>897</v>
      </c>
      <c r="D13">
        <v>3</v>
      </c>
      <c r="E13" t="s">
        <v>4165</v>
      </c>
      <c r="F13" t="s">
        <v>4164</v>
      </c>
      <c r="G13" t="s">
        <v>669</v>
      </c>
      <c r="H13">
        <v>1</v>
      </c>
      <c r="I13">
        <v>2020</v>
      </c>
    </row>
    <row r="14" spans="1:9" x14ac:dyDescent="0.25">
      <c r="A14">
        <v>11</v>
      </c>
      <c r="B14" t="s">
        <v>4167</v>
      </c>
      <c r="C14" t="s">
        <v>897</v>
      </c>
      <c r="D14">
        <v>3</v>
      </c>
      <c r="E14" t="s">
        <v>4165</v>
      </c>
      <c r="F14" t="s">
        <v>4164</v>
      </c>
      <c r="G14" t="s">
        <v>669</v>
      </c>
      <c r="H14">
        <v>1</v>
      </c>
      <c r="I14">
        <v>2020</v>
      </c>
    </row>
    <row r="15" spans="1:9" x14ac:dyDescent="0.25">
      <c r="A15">
        <v>14</v>
      </c>
      <c r="B15" t="s">
        <v>831</v>
      </c>
      <c r="C15" t="s">
        <v>831</v>
      </c>
      <c r="D15">
        <v>5</v>
      </c>
      <c r="E15" t="s">
        <v>831</v>
      </c>
      <c r="F15" t="s">
        <v>4168</v>
      </c>
      <c r="G15" t="s">
        <v>669</v>
      </c>
      <c r="H15">
        <v>1</v>
      </c>
      <c r="I15">
        <v>2020</v>
      </c>
    </row>
    <row r="16" spans="1:9" x14ac:dyDescent="0.25">
      <c r="A16">
        <v>15</v>
      </c>
      <c r="B16" t="s">
        <v>3924</v>
      </c>
      <c r="C16" t="s">
        <v>3923</v>
      </c>
      <c r="D16">
        <v>75</v>
      </c>
      <c r="E16" t="s">
        <v>3924</v>
      </c>
      <c r="F16" t="s">
        <v>4168</v>
      </c>
      <c r="G16" t="s">
        <v>669</v>
      </c>
      <c r="H16">
        <v>1</v>
      </c>
      <c r="I16">
        <v>2020</v>
      </c>
    </row>
    <row r="17" spans="1:9" x14ac:dyDescent="0.25">
      <c r="A17">
        <v>16</v>
      </c>
      <c r="B17" t="s">
        <v>792</v>
      </c>
      <c r="C17" t="s">
        <v>792</v>
      </c>
      <c r="D17">
        <v>6</v>
      </c>
      <c r="E17" t="s">
        <v>4169</v>
      </c>
      <c r="F17" t="s">
        <v>4164</v>
      </c>
      <c r="G17" t="s">
        <v>669</v>
      </c>
      <c r="H17">
        <v>1</v>
      </c>
      <c r="I17">
        <v>2020</v>
      </c>
    </row>
    <row r="18" spans="1:9" x14ac:dyDescent="0.25">
      <c r="A18">
        <v>17</v>
      </c>
      <c r="B18" t="s">
        <v>1927</v>
      </c>
      <c r="C18" t="s">
        <v>792</v>
      </c>
      <c r="D18">
        <v>6</v>
      </c>
      <c r="E18" t="s">
        <v>4169</v>
      </c>
      <c r="F18" t="s">
        <v>4164</v>
      </c>
      <c r="G18" t="s">
        <v>669</v>
      </c>
      <c r="H18">
        <v>1</v>
      </c>
      <c r="I18">
        <v>2020</v>
      </c>
    </row>
    <row r="19" spans="1:9" x14ac:dyDescent="0.25">
      <c r="A19">
        <v>18</v>
      </c>
      <c r="B19" t="s">
        <v>1093</v>
      </c>
      <c r="C19" t="s">
        <v>792</v>
      </c>
      <c r="D19">
        <v>6</v>
      </c>
      <c r="E19" t="s">
        <v>4169</v>
      </c>
      <c r="F19" t="s">
        <v>4164</v>
      </c>
      <c r="G19" t="s">
        <v>669</v>
      </c>
      <c r="H19">
        <v>1</v>
      </c>
      <c r="I19">
        <v>2020</v>
      </c>
    </row>
    <row r="20" spans="1:9" x14ac:dyDescent="0.25">
      <c r="A20">
        <v>19</v>
      </c>
      <c r="B20" t="s">
        <v>3965</v>
      </c>
      <c r="C20" t="s">
        <v>792</v>
      </c>
      <c r="D20">
        <v>6</v>
      </c>
      <c r="E20" t="s">
        <v>4169</v>
      </c>
      <c r="F20" t="s">
        <v>4164</v>
      </c>
      <c r="G20" t="s">
        <v>669</v>
      </c>
      <c r="H20">
        <v>1</v>
      </c>
      <c r="I20">
        <v>2020</v>
      </c>
    </row>
    <row r="21" spans="1:9" x14ac:dyDescent="0.25">
      <c r="A21">
        <v>20</v>
      </c>
      <c r="B21" t="s">
        <v>3778</v>
      </c>
      <c r="C21" t="s">
        <v>792</v>
      </c>
      <c r="D21">
        <v>6</v>
      </c>
      <c r="E21" t="s">
        <v>4169</v>
      </c>
      <c r="F21" t="s">
        <v>4164</v>
      </c>
      <c r="G21" t="s">
        <v>669</v>
      </c>
      <c r="H21">
        <v>1</v>
      </c>
      <c r="I21">
        <v>2020</v>
      </c>
    </row>
    <row r="22" spans="1:9" x14ac:dyDescent="0.25">
      <c r="A22">
        <v>21</v>
      </c>
      <c r="B22" t="s">
        <v>896</v>
      </c>
      <c r="C22" t="s">
        <v>896</v>
      </c>
      <c r="D22">
        <v>7</v>
      </c>
      <c r="E22" t="s">
        <v>4169</v>
      </c>
      <c r="F22" t="s">
        <v>4164</v>
      </c>
      <c r="G22" t="s">
        <v>669</v>
      </c>
      <c r="H22">
        <v>1</v>
      </c>
      <c r="I22">
        <v>2020</v>
      </c>
    </row>
    <row r="23" spans="1:9" x14ac:dyDescent="0.25">
      <c r="A23">
        <v>22</v>
      </c>
      <c r="B23" t="s">
        <v>3964</v>
      </c>
      <c r="C23" t="s">
        <v>896</v>
      </c>
      <c r="D23">
        <v>7</v>
      </c>
      <c r="E23" t="s">
        <v>4169</v>
      </c>
      <c r="F23" t="s">
        <v>4164</v>
      </c>
      <c r="G23" t="s">
        <v>669</v>
      </c>
      <c r="H23">
        <v>1</v>
      </c>
      <c r="I23">
        <v>2020</v>
      </c>
    </row>
    <row r="24" spans="1:9" x14ac:dyDescent="0.25">
      <c r="A24">
        <v>23</v>
      </c>
      <c r="B24" t="s">
        <v>3986</v>
      </c>
      <c r="C24" t="s">
        <v>736</v>
      </c>
      <c r="D24">
        <v>8</v>
      </c>
      <c r="E24" t="s">
        <v>4169</v>
      </c>
      <c r="F24" t="s">
        <v>4164</v>
      </c>
      <c r="G24" t="s">
        <v>669</v>
      </c>
      <c r="H24">
        <v>1</v>
      </c>
      <c r="I24">
        <v>2020</v>
      </c>
    </row>
    <row r="25" spans="1:9" x14ac:dyDescent="0.25">
      <c r="A25">
        <v>24</v>
      </c>
      <c r="B25" t="s">
        <v>737</v>
      </c>
      <c r="C25" t="s">
        <v>736</v>
      </c>
      <c r="D25">
        <v>8</v>
      </c>
      <c r="E25" t="s">
        <v>4169</v>
      </c>
      <c r="F25" t="s">
        <v>4164</v>
      </c>
      <c r="G25" t="s">
        <v>669</v>
      </c>
      <c r="H25">
        <v>1</v>
      </c>
      <c r="I25">
        <v>2020</v>
      </c>
    </row>
    <row r="26" spans="1:9" x14ac:dyDescent="0.25">
      <c r="A26">
        <v>25</v>
      </c>
      <c r="B26" t="s">
        <v>3963</v>
      </c>
      <c r="C26" t="s">
        <v>736</v>
      </c>
      <c r="D26">
        <v>8</v>
      </c>
      <c r="E26" t="s">
        <v>4169</v>
      </c>
      <c r="F26" t="s">
        <v>4164</v>
      </c>
      <c r="G26" t="s">
        <v>669</v>
      </c>
      <c r="H26">
        <v>1</v>
      </c>
      <c r="I26">
        <v>2020</v>
      </c>
    </row>
    <row r="27" spans="1:9" x14ac:dyDescent="0.25">
      <c r="A27">
        <v>26</v>
      </c>
      <c r="B27" t="s">
        <v>4170</v>
      </c>
      <c r="C27" t="s">
        <v>736</v>
      </c>
      <c r="D27">
        <v>8</v>
      </c>
      <c r="E27" t="s">
        <v>4169</v>
      </c>
      <c r="F27" t="s">
        <v>4164</v>
      </c>
      <c r="G27" t="s">
        <v>669</v>
      </c>
      <c r="H27">
        <v>1</v>
      </c>
      <c r="I27">
        <v>2020</v>
      </c>
    </row>
    <row r="28" spans="1:9" x14ac:dyDescent="0.25">
      <c r="A28">
        <v>27</v>
      </c>
      <c r="B28" t="s">
        <v>736</v>
      </c>
      <c r="C28" t="s">
        <v>736</v>
      </c>
      <c r="D28">
        <v>8</v>
      </c>
      <c r="E28" t="s">
        <v>4169</v>
      </c>
      <c r="F28" t="s">
        <v>4164</v>
      </c>
      <c r="G28" t="s">
        <v>669</v>
      </c>
      <c r="H28">
        <v>1</v>
      </c>
      <c r="I28">
        <v>2020</v>
      </c>
    </row>
    <row r="29" spans="1:9" x14ac:dyDescent="0.25">
      <c r="A29">
        <v>28</v>
      </c>
      <c r="B29" t="s">
        <v>866</v>
      </c>
      <c r="C29" t="s">
        <v>866</v>
      </c>
      <c r="D29">
        <v>9</v>
      </c>
      <c r="E29" t="s">
        <v>866</v>
      </c>
      <c r="F29" t="s">
        <v>4171</v>
      </c>
      <c r="G29" t="s">
        <v>669</v>
      </c>
      <c r="H29">
        <v>1</v>
      </c>
      <c r="I29">
        <v>2020</v>
      </c>
    </row>
    <row r="30" spans="1:9" x14ac:dyDescent="0.25">
      <c r="A30">
        <v>29</v>
      </c>
      <c r="B30" t="s">
        <v>4006</v>
      </c>
      <c r="C30" t="s">
        <v>699</v>
      </c>
      <c r="D30">
        <v>10</v>
      </c>
      <c r="E30" t="s">
        <v>663</v>
      </c>
      <c r="F30" t="s">
        <v>4171</v>
      </c>
      <c r="G30" t="s">
        <v>669</v>
      </c>
      <c r="H30">
        <v>1</v>
      </c>
      <c r="I30">
        <v>2020</v>
      </c>
    </row>
    <row r="31" spans="1:9" x14ac:dyDescent="0.25">
      <c r="A31">
        <v>30</v>
      </c>
      <c r="B31" t="s">
        <v>699</v>
      </c>
      <c r="C31" t="s">
        <v>699</v>
      </c>
      <c r="D31">
        <v>10</v>
      </c>
      <c r="E31" t="s">
        <v>663</v>
      </c>
      <c r="F31" t="s">
        <v>4171</v>
      </c>
      <c r="G31" t="s">
        <v>669</v>
      </c>
      <c r="H31">
        <v>1</v>
      </c>
      <c r="I31">
        <v>2020</v>
      </c>
    </row>
    <row r="32" spans="1:9" x14ac:dyDescent="0.25">
      <c r="A32">
        <v>31</v>
      </c>
      <c r="B32" t="s">
        <v>1607</v>
      </c>
      <c r="C32" t="s">
        <v>699</v>
      </c>
      <c r="D32">
        <v>10</v>
      </c>
      <c r="E32" t="s">
        <v>663</v>
      </c>
      <c r="F32" t="s">
        <v>4171</v>
      </c>
      <c r="G32" t="s">
        <v>669</v>
      </c>
      <c r="H32">
        <v>1</v>
      </c>
      <c r="I32">
        <v>2020</v>
      </c>
    </row>
    <row r="33" spans="1:9" x14ac:dyDescent="0.25">
      <c r="A33">
        <v>32</v>
      </c>
      <c r="B33" t="s">
        <v>2627</v>
      </c>
      <c r="C33" t="s">
        <v>699</v>
      </c>
      <c r="D33">
        <v>10</v>
      </c>
      <c r="E33" t="s">
        <v>663</v>
      </c>
      <c r="F33" t="s">
        <v>4171</v>
      </c>
      <c r="G33" t="s">
        <v>669</v>
      </c>
      <c r="H33">
        <v>1</v>
      </c>
      <c r="I33">
        <v>2020</v>
      </c>
    </row>
    <row r="34" spans="1:9" x14ac:dyDescent="0.25">
      <c r="A34">
        <v>33</v>
      </c>
      <c r="B34" t="s">
        <v>3714</v>
      </c>
      <c r="C34" t="s">
        <v>699</v>
      </c>
      <c r="D34">
        <v>10</v>
      </c>
      <c r="E34" t="s">
        <v>663</v>
      </c>
      <c r="F34" t="s">
        <v>4171</v>
      </c>
      <c r="G34" t="s">
        <v>669</v>
      </c>
      <c r="H34">
        <v>1</v>
      </c>
      <c r="I34">
        <v>2020</v>
      </c>
    </row>
    <row r="35" spans="1:9" x14ac:dyDescent="0.25">
      <c r="A35">
        <v>34</v>
      </c>
      <c r="B35" t="s">
        <v>1420</v>
      </c>
      <c r="C35" t="s">
        <v>667</v>
      </c>
      <c r="D35">
        <v>11</v>
      </c>
      <c r="E35" t="s">
        <v>663</v>
      </c>
      <c r="F35" t="s">
        <v>4171</v>
      </c>
      <c r="G35" t="s">
        <v>669</v>
      </c>
      <c r="H35">
        <v>1</v>
      </c>
      <c r="I35">
        <v>2020</v>
      </c>
    </row>
    <row r="36" spans="1:9" x14ac:dyDescent="0.25">
      <c r="A36">
        <v>35</v>
      </c>
      <c r="B36" t="s">
        <v>667</v>
      </c>
      <c r="C36" t="s">
        <v>667</v>
      </c>
      <c r="D36">
        <v>11</v>
      </c>
      <c r="E36" t="s">
        <v>663</v>
      </c>
      <c r="F36" t="s">
        <v>4171</v>
      </c>
      <c r="G36" t="s">
        <v>669</v>
      </c>
      <c r="H36">
        <v>1</v>
      </c>
      <c r="I36">
        <v>2020</v>
      </c>
    </row>
    <row r="37" spans="1:9" x14ac:dyDescent="0.25">
      <c r="A37">
        <v>36</v>
      </c>
      <c r="B37" t="s">
        <v>802</v>
      </c>
      <c r="C37" t="s">
        <v>802</v>
      </c>
      <c r="D37">
        <v>12</v>
      </c>
      <c r="E37" t="s">
        <v>802</v>
      </c>
      <c r="F37" t="s">
        <v>4171</v>
      </c>
      <c r="G37" t="s">
        <v>669</v>
      </c>
      <c r="H37">
        <v>1</v>
      </c>
      <c r="I37">
        <v>2020</v>
      </c>
    </row>
    <row r="38" spans="1:9" x14ac:dyDescent="0.25">
      <c r="A38">
        <v>37</v>
      </c>
      <c r="B38" t="s">
        <v>3997</v>
      </c>
      <c r="C38" t="s">
        <v>802</v>
      </c>
      <c r="D38">
        <v>12</v>
      </c>
      <c r="E38" t="s">
        <v>802</v>
      </c>
      <c r="F38" t="s">
        <v>4171</v>
      </c>
      <c r="G38" t="s">
        <v>669</v>
      </c>
      <c r="H38">
        <v>1</v>
      </c>
      <c r="I38">
        <v>2020</v>
      </c>
    </row>
    <row r="39" spans="1:9" x14ac:dyDescent="0.25">
      <c r="A39">
        <v>38</v>
      </c>
      <c r="B39" t="s">
        <v>1053</v>
      </c>
      <c r="C39" t="s">
        <v>802</v>
      </c>
      <c r="D39">
        <v>12</v>
      </c>
      <c r="E39" t="s">
        <v>802</v>
      </c>
      <c r="F39" t="s">
        <v>4171</v>
      </c>
      <c r="G39" t="s">
        <v>669</v>
      </c>
      <c r="H39">
        <v>1</v>
      </c>
      <c r="I39">
        <v>2020</v>
      </c>
    </row>
    <row r="40" spans="1:9" x14ac:dyDescent="0.25">
      <c r="A40">
        <v>39</v>
      </c>
      <c r="B40" t="s">
        <v>4172</v>
      </c>
      <c r="C40" t="s">
        <v>802</v>
      </c>
      <c r="D40">
        <v>12</v>
      </c>
      <c r="E40" t="s">
        <v>802</v>
      </c>
      <c r="F40" t="s">
        <v>4171</v>
      </c>
      <c r="G40" t="s">
        <v>669</v>
      </c>
      <c r="H40">
        <v>1</v>
      </c>
      <c r="I40">
        <v>2020</v>
      </c>
    </row>
    <row r="41" spans="1:9" x14ac:dyDescent="0.25">
      <c r="A41">
        <v>40</v>
      </c>
      <c r="B41" t="s">
        <v>3996</v>
      </c>
      <c r="C41" t="s">
        <v>802</v>
      </c>
      <c r="D41">
        <v>12</v>
      </c>
      <c r="E41" t="s">
        <v>802</v>
      </c>
      <c r="F41" t="s">
        <v>4171</v>
      </c>
      <c r="G41" t="s">
        <v>669</v>
      </c>
      <c r="H41">
        <v>1</v>
      </c>
      <c r="I41">
        <v>2020</v>
      </c>
    </row>
    <row r="42" spans="1:9" x14ac:dyDescent="0.25">
      <c r="A42">
        <v>41</v>
      </c>
      <c r="B42" t="s">
        <v>3995</v>
      </c>
      <c r="C42" t="s">
        <v>895</v>
      </c>
      <c r="D42">
        <v>13</v>
      </c>
      <c r="E42" t="s">
        <v>895</v>
      </c>
      <c r="F42" t="s">
        <v>4171</v>
      </c>
      <c r="G42" t="s">
        <v>669</v>
      </c>
      <c r="H42">
        <v>1</v>
      </c>
      <c r="I42">
        <v>2020</v>
      </c>
    </row>
    <row r="43" spans="1:9" x14ac:dyDescent="0.25">
      <c r="A43">
        <v>42</v>
      </c>
      <c r="B43" t="s">
        <v>3013</v>
      </c>
      <c r="C43" t="s">
        <v>895</v>
      </c>
      <c r="D43">
        <v>13</v>
      </c>
      <c r="E43" t="s">
        <v>895</v>
      </c>
      <c r="F43" t="s">
        <v>4171</v>
      </c>
      <c r="G43" t="s">
        <v>669</v>
      </c>
      <c r="H43">
        <v>1</v>
      </c>
      <c r="I43">
        <v>2020</v>
      </c>
    </row>
    <row r="44" spans="1:9" x14ac:dyDescent="0.25">
      <c r="A44">
        <v>43</v>
      </c>
      <c r="B44" t="s">
        <v>1418</v>
      </c>
      <c r="C44" t="s">
        <v>895</v>
      </c>
      <c r="D44">
        <v>13</v>
      </c>
      <c r="E44" t="s">
        <v>895</v>
      </c>
      <c r="F44" t="s">
        <v>4171</v>
      </c>
      <c r="G44" t="s">
        <v>669</v>
      </c>
      <c r="H44">
        <v>1</v>
      </c>
      <c r="I44">
        <v>2020</v>
      </c>
    </row>
    <row r="45" spans="1:9" x14ac:dyDescent="0.25">
      <c r="A45">
        <v>44</v>
      </c>
      <c r="B45" t="s">
        <v>895</v>
      </c>
      <c r="C45" t="s">
        <v>895</v>
      </c>
      <c r="D45">
        <v>13</v>
      </c>
      <c r="E45" t="s">
        <v>895</v>
      </c>
      <c r="F45" t="s">
        <v>4171</v>
      </c>
      <c r="G45" t="s">
        <v>669</v>
      </c>
      <c r="H45">
        <v>1</v>
      </c>
      <c r="I45">
        <v>2020</v>
      </c>
    </row>
    <row r="46" spans="1:9" x14ac:dyDescent="0.25">
      <c r="A46">
        <v>45</v>
      </c>
      <c r="B46" t="s">
        <v>2403</v>
      </c>
      <c r="C46" t="s">
        <v>895</v>
      </c>
      <c r="D46">
        <v>13</v>
      </c>
      <c r="E46" t="s">
        <v>895</v>
      </c>
      <c r="F46" t="s">
        <v>4171</v>
      </c>
      <c r="G46" t="s">
        <v>669</v>
      </c>
      <c r="H46">
        <v>1</v>
      </c>
      <c r="I46">
        <v>2020</v>
      </c>
    </row>
    <row r="47" spans="1:9" x14ac:dyDescent="0.25">
      <c r="A47">
        <v>46</v>
      </c>
      <c r="B47" t="s">
        <v>4173</v>
      </c>
      <c r="C47" t="s">
        <v>864</v>
      </c>
      <c r="D47">
        <v>14</v>
      </c>
      <c r="E47" t="s">
        <v>864</v>
      </c>
      <c r="F47" t="s">
        <v>4171</v>
      </c>
      <c r="G47" t="s">
        <v>669</v>
      </c>
      <c r="H47">
        <v>1</v>
      </c>
      <c r="I47">
        <v>2020</v>
      </c>
    </row>
    <row r="48" spans="1:9" x14ac:dyDescent="0.25">
      <c r="A48">
        <v>47</v>
      </c>
      <c r="B48" t="s">
        <v>4174</v>
      </c>
      <c r="C48" t="s">
        <v>864</v>
      </c>
      <c r="D48">
        <v>14</v>
      </c>
      <c r="E48" t="s">
        <v>864</v>
      </c>
      <c r="F48" t="s">
        <v>4171</v>
      </c>
      <c r="G48" t="s">
        <v>669</v>
      </c>
      <c r="H48">
        <v>1</v>
      </c>
      <c r="I48">
        <v>2020</v>
      </c>
    </row>
    <row r="49" spans="1:9" x14ac:dyDescent="0.25">
      <c r="A49">
        <v>48</v>
      </c>
      <c r="B49" t="s">
        <v>1082</v>
      </c>
      <c r="C49" t="s">
        <v>659</v>
      </c>
      <c r="D49">
        <v>35</v>
      </c>
      <c r="E49" t="s">
        <v>4175</v>
      </c>
      <c r="F49" t="s">
        <v>4171</v>
      </c>
      <c r="G49" t="s">
        <v>669</v>
      </c>
      <c r="H49">
        <v>1</v>
      </c>
      <c r="I49">
        <v>2020</v>
      </c>
    </row>
    <row r="50" spans="1:9" x14ac:dyDescent="0.25">
      <c r="A50">
        <v>49</v>
      </c>
      <c r="B50" t="s">
        <v>3782</v>
      </c>
      <c r="C50" t="s">
        <v>864</v>
      </c>
      <c r="D50">
        <v>14</v>
      </c>
      <c r="E50" t="s">
        <v>864</v>
      </c>
      <c r="F50" t="s">
        <v>4171</v>
      </c>
      <c r="G50" t="s">
        <v>669</v>
      </c>
      <c r="H50">
        <v>1</v>
      </c>
      <c r="I50">
        <v>2020</v>
      </c>
    </row>
    <row r="51" spans="1:9" x14ac:dyDescent="0.25">
      <c r="A51">
        <v>50</v>
      </c>
      <c r="B51" t="s">
        <v>3709</v>
      </c>
      <c r="C51" t="s">
        <v>864</v>
      </c>
      <c r="D51">
        <v>14</v>
      </c>
      <c r="E51" t="s">
        <v>864</v>
      </c>
      <c r="F51" t="s">
        <v>4171</v>
      </c>
      <c r="G51" t="s">
        <v>669</v>
      </c>
      <c r="H51">
        <v>1</v>
      </c>
      <c r="I51">
        <v>2020</v>
      </c>
    </row>
    <row r="52" spans="1:9" x14ac:dyDescent="0.25">
      <c r="A52">
        <v>51</v>
      </c>
      <c r="B52" t="s">
        <v>65</v>
      </c>
      <c r="C52" t="s">
        <v>65</v>
      </c>
      <c r="D52">
        <v>15</v>
      </c>
      <c r="E52" t="s">
        <v>4176</v>
      </c>
      <c r="F52" t="s">
        <v>4177</v>
      </c>
      <c r="G52" t="s">
        <v>669</v>
      </c>
      <c r="H52">
        <v>1</v>
      </c>
      <c r="I52">
        <v>2020</v>
      </c>
    </row>
    <row r="53" spans="1:9" x14ac:dyDescent="0.25">
      <c r="A53">
        <v>52</v>
      </c>
      <c r="B53" t="s">
        <v>935</v>
      </c>
      <c r="C53" t="s">
        <v>65</v>
      </c>
      <c r="D53">
        <v>15</v>
      </c>
      <c r="E53" t="s">
        <v>4176</v>
      </c>
      <c r="F53" t="s">
        <v>4177</v>
      </c>
      <c r="G53" t="s">
        <v>669</v>
      </c>
      <c r="H53">
        <v>1</v>
      </c>
      <c r="I53">
        <v>2020</v>
      </c>
    </row>
    <row r="54" spans="1:9" x14ac:dyDescent="0.25">
      <c r="A54">
        <v>53</v>
      </c>
      <c r="B54" t="s">
        <v>1940</v>
      </c>
      <c r="C54" t="s">
        <v>1614</v>
      </c>
      <c r="D54">
        <v>71</v>
      </c>
      <c r="E54" t="s">
        <v>1614</v>
      </c>
      <c r="F54" t="s">
        <v>4177</v>
      </c>
      <c r="G54" t="s">
        <v>669</v>
      </c>
      <c r="H54">
        <v>1</v>
      </c>
      <c r="I54">
        <v>2020</v>
      </c>
    </row>
    <row r="55" spans="1:9" x14ac:dyDescent="0.25">
      <c r="A55">
        <v>54</v>
      </c>
      <c r="B55" t="s">
        <v>703</v>
      </c>
      <c r="C55" t="s">
        <v>703</v>
      </c>
      <c r="D55">
        <v>16</v>
      </c>
      <c r="E55" t="s">
        <v>703</v>
      </c>
      <c r="F55" t="s">
        <v>4177</v>
      </c>
      <c r="G55" t="s">
        <v>669</v>
      </c>
      <c r="H55">
        <v>1</v>
      </c>
      <c r="I55">
        <v>2020</v>
      </c>
    </row>
    <row r="56" spans="1:9" x14ac:dyDescent="0.25">
      <c r="A56">
        <v>55</v>
      </c>
      <c r="B56" t="s">
        <v>3265</v>
      </c>
      <c r="C56" t="s">
        <v>703</v>
      </c>
      <c r="D56">
        <v>16</v>
      </c>
      <c r="E56" t="s">
        <v>703</v>
      </c>
      <c r="F56" t="s">
        <v>4177</v>
      </c>
      <c r="G56" t="s">
        <v>669</v>
      </c>
      <c r="H56">
        <v>1</v>
      </c>
      <c r="I56">
        <v>2020</v>
      </c>
    </row>
    <row r="57" spans="1:9" x14ac:dyDescent="0.25">
      <c r="A57">
        <v>56</v>
      </c>
      <c r="B57" t="s">
        <v>704</v>
      </c>
      <c r="C57" t="s">
        <v>703</v>
      </c>
      <c r="D57">
        <v>16</v>
      </c>
      <c r="E57" t="s">
        <v>703</v>
      </c>
      <c r="F57" t="s">
        <v>4177</v>
      </c>
      <c r="G57" t="s">
        <v>669</v>
      </c>
      <c r="H57">
        <v>1</v>
      </c>
      <c r="I57">
        <v>2020</v>
      </c>
    </row>
    <row r="58" spans="1:9" x14ac:dyDescent="0.25">
      <c r="A58">
        <v>57</v>
      </c>
      <c r="B58" t="s">
        <v>1011</v>
      </c>
      <c r="C58" t="s">
        <v>1011</v>
      </c>
      <c r="D58">
        <v>17</v>
      </c>
      <c r="E58" t="s">
        <v>703</v>
      </c>
      <c r="F58" t="s">
        <v>4177</v>
      </c>
      <c r="G58" t="s">
        <v>669</v>
      </c>
      <c r="H58">
        <v>1</v>
      </c>
      <c r="I58">
        <v>2020</v>
      </c>
    </row>
    <row r="59" spans="1:9" x14ac:dyDescent="0.25">
      <c r="A59">
        <v>58</v>
      </c>
      <c r="B59" t="s">
        <v>894</v>
      </c>
      <c r="C59" t="s">
        <v>894</v>
      </c>
      <c r="D59">
        <v>18</v>
      </c>
      <c r="E59" t="s">
        <v>894</v>
      </c>
      <c r="F59" t="s">
        <v>4177</v>
      </c>
      <c r="G59" t="s">
        <v>669</v>
      </c>
      <c r="H59">
        <v>1</v>
      </c>
      <c r="I59">
        <v>2020</v>
      </c>
    </row>
    <row r="60" spans="1:9" x14ac:dyDescent="0.25">
      <c r="A60">
        <v>60</v>
      </c>
      <c r="B60" t="s">
        <v>756</v>
      </c>
      <c r="C60" t="s">
        <v>756</v>
      </c>
      <c r="D60">
        <v>19</v>
      </c>
      <c r="E60" t="s">
        <v>894</v>
      </c>
      <c r="F60" t="s">
        <v>4177</v>
      </c>
      <c r="G60" t="s">
        <v>669</v>
      </c>
      <c r="H60">
        <v>1</v>
      </c>
      <c r="I60">
        <v>2020</v>
      </c>
    </row>
    <row r="61" spans="1:9" x14ac:dyDescent="0.25">
      <c r="A61">
        <v>61</v>
      </c>
      <c r="B61" t="s">
        <v>904</v>
      </c>
      <c r="C61" t="s">
        <v>682</v>
      </c>
      <c r="D61">
        <v>20</v>
      </c>
      <c r="E61" t="s">
        <v>682</v>
      </c>
      <c r="F61" t="s">
        <v>4177</v>
      </c>
      <c r="G61" t="s">
        <v>669</v>
      </c>
      <c r="H61">
        <v>1</v>
      </c>
      <c r="I61">
        <v>2020</v>
      </c>
    </row>
    <row r="62" spans="1:9" x14ac:dyDescent="0.25">
      <c r="A62">
        <v>62</v>
      </c>
      <c r="B62" t="s">
        <v>3994</v>
      </c>
      <c r="C62" t="s">
        <v>682</v>
      </c>
      <c r="D62">
        <v>20</v>
      </c>
      <c r="E62" t="s">
        <v>682</v>
      </c>
      <c r="F62" t="s">
        <v>4177</v>
      </c>
      <c r="G62" t="s">
        <v>669</v>
      </c>
      <c r="H62">
        <v>1</v>
      </c>
      <c r="I62">
        <v>2020</v>
      </c>
    </row>
    <row r="63" spans="1:9" x14ac:dyDescent="0.25">
      <c r="A63">
        <v>64</v>
      </c>
      <c r="B63" t="s">
        <v>683</v>
      </c>
      <c r="C63" t="s">
        <v>682</v>
      </c>
      <c r="D63">
        <v>20</v>
      </c>
      <c r="E63" t="s">
        <v>682</v>
      </c>
      <c r="F63" t="s">
        <v>4177</v>
      </c>
      <c r="G63" t="s">
        <v>669</v>
      </c>
      <c r="H63">
        <v>1</v>
      </c>
      <c r="I63">
        <v>2020</v>
      </c>
    </row>
    <row r="64" spans="1:9" x14ac:dyDescent="0.25">
      <c r="A64">
        <v>65</v>
      </c>
      <c r="B64" t="s">
        <v>3675</v>
      </c>
      <c r="C64" t="s">
        <v>682</v>
      </c>
      <c r="D64">
        <v>20</v>
      </c>
      <c r="E64" t="s">
        <v>682</v>
      </c>
      <c r="F64" t="s">
        <v>4177</v>
      </c>
      <c r="G64" t="s">
        <v>669</v>
      </c>
      <c r="H64">
        <v>1</v>
      </c>
      <c r="I64">
        <v>2020</v>
      </c>
    </row>
    <row r="65" spans="1:9" x14ac:dyDescent="0.25">
      <c r="A65">
        <v>66</v>
      </c>
      <c r="B65" t="s">
        <v>1609</v>
      </c>
      <c r="C65" t="s">
        <v>691</v>
      </c>
      <c r="D65">
        <v>21</v>
      </c>
      <c r="E65" t="s">
        <v>691</v>
      </c>
      <c r="F65" t="s">
        <v>4177</v>
      </c>
      <c r="G65" t="s">
        <v>669</v>
      </c>
      <c r="H65">
        <v>1</v>
      </c>
      <c r="I65">
        <v>2020</v>
      </c>
    </row>
    <row r="66" spans="1:9" x14ac:dyDescent="0.25">
      <c r="A66">
        <v>67</v>
      </c>
      <c r="B66" t="s">
        <v>1923</v>
      </c>
      <c r="C66" t="s">
        <v>691</v>
      </c>
      <c r="D66">
        <v>21</v>
      </c>
      <c r="E66" t="s">
        <v>691</v>
      </c>
      <c r="F66" t="s">
        <v>4177</v>
      </c>
      <c r="G66" t="s">
        <v>669</v>
      </c>
      <c r="H66">
        <v>1</v>
      </c>
      <c r="I66">
        <v>2020</v>
      </c>
    </row>
    <row r="67" spans="1:9" x14ac:dyDescent="0.25">
      <c r="A67">
        <v>68</v>
      </c>
      <c r="B67" t="s">
        <v>2991</v>
      </c>
      <c r="C67" t="s">
        <v>691</v>
      </c>
      <c r="D67">
        <v>21</v>
      </c>
      <c r="E67" t="s">
        <v>691</v>
      </c>
      <c r="F67" t="s">
        <v>4177</v>
      </c>
      <c r="G67" t="s">
        <v>669</v>
      </c>
      <c r="H67">
        <v>1</v>
      </c>
      <c r="I67">
        <v>2020</v>
      </c>
    </row>
    <row r="68" spans="1:9" x14ac:dyDescent="0.25">
      <c r="A68">
        <v>69</v>
      </c>
      <c r="B68" t="s">
        <v>3765</v>
      </c>
      <c r="C68" t="s">
        <v>691</v>
      </c>
      <c r="D68">
        <v>21</v>
      </c>
      <c r="E68" t="s">
        <v>691</v>
      </c>
      <c r="F68" t="s">
        <v>4177</v>
      </c>
      <c r="G68" t="s">
        <v>669</v>
      </c>
      <c r="H68">
        <v>1</v>
      </c>
      <c r="I68">
        <v>2020</v>
      </c>
    </row>
    <row r="69" spans="1:9" x14ac:dyDescent="0.25">
      <c r="A69">
        <v>70</v>
      </c>
      <c r="B69" t="s">
        <v>1943</v>
      </c>
      <c r="C69" t="s">
        <v>684</v>
      </c>
      <c r="D69">
        <v>22</v>
      </c>
      <c r="E69" t="s">
        <v>4178</v>
      </c>
      <c r="F69" t="s">
        <v>4177</v>
      </c>
      <c r="G69" t="s">
        <v>669</v>
      </c>
      <c r="H69">
        <v>1</v>
      </c>
      <c r="I69">
        <v>2020</v>
      </c>
    </row>
    <row r="70" spans="1:9" x14ac:dyDescent="0.25">
      <c r="A70">
        <v>71</v>
      </c>
      <c r="B70" t="s">
        <v>3802</v>
      </c>
      <c r="C70" t="s">
        <v>684</v>
      </c>
      <c r="D70">
        <v>22</v>
      </c>
      <c r="E70" t="s">
        <v>4178</v>
      </c>
      <c r="F70" t="s">
        <v>4177</v>
      </c>
      <c r="G70" t="s">
        <v>669</v>
      </c>
      <c r="H70">
        <v>1</v>
      </c>
      <c r="I70">
        <v>2020</v>
      </c>
    </row>
    <row r="71" spans="1:9" x14ac:dyDescent="0.25">
      <c r="A71">
        <v>72</v>
      </c>
      <c r="B71" t="s">
        <v>685</v>
      </c>
      <c r="C71" t="s">
        <v>684</v>
      </c>
      <c r="D71">
        <v>22</v>
      </c>
      <c r="E71" t="s">
        <v>4178</v>
      </c>
      <c r="F71" t="s">
        <v>4177</v>
      </c>
      <c r="G71" t="s">
        <v>669</v>
      </c>
      <c r="H71">
        <v>1</v>
      </c>
      <c r="I71">
        <v>2020</v>
      </c>
    </row>
    <row r="72" spans="1:9" x14ac:dyDescent="0.25">
      <c r="A72">
        <v>73</v>
      </c>
      <c r="B72" t="s">
        <v>868</v>
      </c>
      <c r="C72" t="s">
        <v>868</v>
      </c>
      <c r="D72">
        <v>23</v>
      </c>
      <c r="E72" t="s">
        <v>4178</v>
      </c>
      <c r="F72" t="s">
        <v>4177</v>
      </c>
      <c r="G72" t="s">
        <v>669</v>
      </c>
      <c r="H72">
        <v>1</v>
      </c>
      <c r="I72">
        <v>2020</v>
      </c>
    </row>
    <row r="73" spans="1:9" x14ac:dyDescent="0.25">
      <c r="A73">
        <v>74</v>
      </c>
      <c r="B73" t="s">
        <v>1579</v>
      </c>
      <c r="C73" t="s">
        <v>868</v>
      </c>
      <c r="D73">
        <v>23</v>
      </c>
      <c r="E73" t="s">
        <v>4178</v>
      </c>
      <c r="F73" t="s">
        <v>4177</v>
      </c>
      <c r="G73" t="s">
        <v>669</v>
      </c>
      <c r="H73">
        <v>1</v>
      </c>
      <c r="I73">
        <v>2020</v>
      </c>
    </row>
    <row r="74" spans="1:9" x14ac:dyDescent="0.25">
      <c r="A74">
        <v>75</v>
      </c>
      <c r="B74" t="s">
        <v>1920</v>
      </c>
      <c r="C74" t="s">
        <v>813</v>
      </c>
      <c r="D74">
        <v>24</v>
      </c>
      <c r="E74" t="s">
        <v>4179</v>
      </c>
      <c r="F74" t="s">
        <v>4177</v>
      </c>
      <c r="G74" t="s">
        <v>669</v>
      </c>
      <c r="H74">
        <v>1</v>
      </c>
      <c r="I74">
        <v>2020</v>
      </c>
    </row>
    <row r="75" spans="1:9" x14ac:dyDescent="0.25">
      <c r="A75">
        <v>76</v>
      </c>
      <c r="B75" t="s">
        <v>1921</v>
      </c>
      <c r="C75" t="s">
        <v>813</v>
      </c>
      <c r="D75">
        <v>24</v>
      </c>
      <c r="E75" t="s">
        <v>4179</v>
      </c>
      <c r="F75" t="s">
        <v>4177</v>
      </c>
      <c r="G75" t="s">
        <v>669</v>
      </c>
      <c r="H75">
        <v>1</v>
      </c>
      <c r="I75">
        <v>2020</v>
      </c>
    </row>
    <row r="76" spans="1:9" x14ac:dyDescent="0.25">
      <c r="A76">
        <v>77</v>
      </c>
      <c r="B76" t="s">
        <v>4180</v>
      </c>
      <c r="C76" t="s">
        <v>813</v>
      </c>
      <c r="D76">
        <v>24</v>
      </c>
      <c r="E76" t="s">
        <v>4179</v>
      </c>
      <c r="F76" t="s">
        <v>4177</v>
      </c>
      <c r="G76" t="s">
        <v>669</v>
      </c>
      <c r="H76">
        <v>1</v>
      </c>
      <c r="I76">
        <v>2020</v>
      </c>
    </row>
    <row r="77" spans="1:9" x14ac:dyDescent="0.25">
      <c r="A77">
        <v>78</v>
      </c>
      <c r="B77" t="s">
        <v>4010</v>
      </c>
      <c r="C77" t="s">
        <v>813</v>
      </c>
      <c r="D77">
        <v>24</v>
      </c>
      <c r="E77" t="s">
        <v>4179</v>
      </c>
      <c r="F77" t="s">
        <v>4177</v>
      </c>
      <c r="G77" t="s">
        <v>669</v>
      </c>
      <c r="H77">
        <v>1</v>
      </c>
      <c r="I77">
        <v>2020</v>
      </c>
    </row>
    <row r="78" spans="1:9" x14ac:dyDescent="0.25">
      <c r="A78">
        <v>79</v>
      </c>
      <c r="B78" t="s">
        <v>1078</v>
      </c>
      <c r="C78" t="s">
        <v>813</v>
      </c>
      <c r="D78">
        <v>24</v>
      </c>
      <c r="E78" t="s">
        <v>4179</v>
      </c>
      <c r="F78" t="s">
        <v>4177</v>
      </c>
      <c r="G78" t="s">
        <v>669</v>
      </c>
      <c r="H78">
        <v>1</v>
      </c>
      <c r="I78">
        <v>2020</v>
      </c>
    </row>
    <row r="79" spans="1:9" x14ac:dyDescent="0.25">
      <c r="A79">
        <v>80</v>
      </c>
      <c r="B79" t="s">
        <v>3922</v>
      </c>
      <c r="C79" t="s">
        <v>813</v>
      </c>
      <c r="D79">
        <v>24</v>
      </c>
      <c r="E79" t="s">
        <v>4179</v>
      </c>
      <c r="F79" t="s">
        <v>4177</v>
      </c>
      <c r="G79" t="s">
        <v>669</v>
      </c>
      <c r="H79">
        <v>1</v>
      </c>
      <c r="I79">
        <v>2020</v>
      </c>
    </row>
    <row r="80" spans="1:9" x14ac:dyDescent="0.25">
      <c r="A80">
        <v>81</v>
      </c>
      <c r="B80" t="s">
        <v>1603</v>
      </c>
      <c r="C80" t="s">
        <v>807</v>
      </c>
      <c r="D80">
        <v>25</v>
      </c>
      <c r="E80" t="s">
        <v>4179</v>
      </c>
      <c r="F80" t="s">
        <v>4177</v>
      </c>
      <c r="G80" t="s">
        <v>669</v>
      </c>
      <c r="H80">
        <v>1</v>
      </c>
      <c r="I80">
        <v>2020</v>
      </c>
    </row>
    <row r="81" spans="1:9" x14ac:dyDescent="0.25">
      <c r="A81">
        <v>82</v>
      </c>
      <c r="B81" t="s">
        <v>301</v>
      </c>
      <c r="C81" t="s">
        <v>301</v>
      </c>
      <c r="D81">
        <v>26</v>
      </c>
      <c r="E81" t="s">
        <v>4179</v>
      </c>
      <c r="F81" t="s">
        <v>4177</v>
      </c>
      <c r="G81" t="s">
        <v>669</v>
      </c>
      <c r="H81">
        <v>1</v>
      </c>
      <c r="I81">
        <v>2020</v>
      </c>
    </row>
    <row r="82" spans="1:9" x14ac:dyDescent="0.25">
      <c r="A82">
        <v>83</v>
      </c>
      <c r="B82" t="s">
        <v>3716</v>
      </c>
      <c r="C82" t="s">
        <v>301</v>
      </c>
      <c r="D82">
        <v>26</v>
      </c>
      <c r="E82" t="s">
        <v>4179</v>
      </c>
      <c r="F82" t="s">
        <v>4177</v>
      </c>
      <c r="G82" t="s">
        <v>669</v>
      </c>
      <c r="H82">
        <v>1</v>
      </c>
      <c r="I82">
        <v>2020</v>
      </c>
    </row>
    <row r="83" spans="1:9" x14ac:dyDescent="0.25">
      <c r="A83">
        <v>84</v>
      </c>
      <c r="B83" t="s">
        <v>930</v>
      </c>
      <c r="C83" t="s">
        <v>301</v>
      </c>
      <c r="D83">
        <v>26</v>
      </c>
      <c r="E83" t="s">
        <v>4179</v>
      </c>
      <c r="F83" t="s">
        <v>4177</v>
      </c>
      <c r="G83" t="s">
        <v>669</v>
      </c>
      <c r="H83">
        <v>1</v>
      </c>
      <c r="I83">
        <v>2020</v>
      </c>
    </row>
    <row r="84" spans="1:9" x14ac:dyDescent="0.25">
      <c r="A84">
        <v>85</v>
      </c>
      <c r="B84" t="s">
        <v>3941</v>
      </c>
      <c r="C84" t="s">
        <v>301</v>
      </c>
      <c r="D84">
        <v>26</v>
      </c>
      <c r="E84" t="s">
        <v>4179</v>
      </c>
      <c r="F84" t="s">
        <v>4177</v>
      </c>
      <c r="G84" t="s">
        <v>669</v>
      </c>
      <c r="H84">
        <v>1</v>
      </c>
      <c r="I84">
        <v>2020</v>
      </c>
    </row>
    <row r="85" spans="1:9" x14ac:dyDescent="0.25">
      <c r="A85">
        <v>86</v>
      </c>
      <c r="B85" t="s">
        <v>3890</v>
      </c>
      <c r="C85" t="s">
        <v>301</v>
      </c>
      <c r="D85">
        <v>26</v>
      </c>
      <c r="E85" t="s">
        <v>4179</v>
      </c>
      <c r="F85" t="s">
        <v>4177</v>
      </c>
      <c r="G85" t="s">
        <v>669</v>
      </c>
      <c r="H85">
        <v>1</v>
      </c>
      <c r="I85">
        <v>2020</v>
      </c>
    </row>
    <row r="86" spans="1:9" x14ac:dyDescent="0.25">
      <c r="A86">
        <v>87</v>
      </c>
      <c r="B86" t="s">
        <v>3676</v>
      </c>
      <c r="C86" t="s">
        <v>301</v>
      </c>
      <c r="D86">
        <v>26</v>
      </c>
      <c r="E86" t="s">
        <v>4179</v>
      </c>
      <c r="F86" t="s">
        <v>4177</v>
      </c>
      <c r="G86" t="s">
        <v>669</v>
      </c>
      <c r="H86">
        <v>1</v>
      </c>
      <c r="I86">
        <v>2020</v>
      </c>
    </row>
    <row r="87" spans="1:9" x14ac:dyDescent="0.25">
      <c r="A87">
        <v>88</v>
      </c>
      <c r="B87" t="s">
        <v>3708</v>
      </c>
      <c r="C87" t="s">
        <v>301</v>
      </c>
      <c r="D87">
        <v>26</v>
      </c>
      <c r="E87" t="s">
        <v>4179</v>
      </c>
      <c r="F87" t="s">
        <v>4177</v>
      </c>
      <c r="G87" t="s">
        <v>669</v>
      </c>
      <c r="H87">
        <v>1</v>
      </c>
      <c r="I87">
        <v>2020</v>
      </c>
    </row>
    <row r="88" spans="1:9" x14ac:dyDescent="0.25">
      <c r="A88">
        <v>89</v>
      </c>
      <c r="B88" t="s">
        <v>690</v>
      </c>
      <c r="C88" t="s">
        <v>299</v>
      </c>
      <c r="D88">
        <v>27</v>
      </c>
      <c r="E88" t="s">
        <v>4179</v>
      </c>
      <c r="F88" t="s">
        <v>4177</v>
      </c>
      <c r="G88" t="s">
        <v>669</v>
      </c>
      <c r="H88">
        <v>1</v>
      </c>
      <c r="I88">
        <v>2020</v>
      </c>
    </row>
    <row r="89" spans="1:9" x14ac:dyDescent="0.25">
      <c r="A89">
        <v>90</v>
      </c>
      <c r="B89" t="s">
        <v>1233</v>
      </c>
      <c r="C89" t="s">
        <v>1094</v>
      </c>
      <c r="D89">
        <v>28</v>
      </c>
      <c r="E89" t="s">
        <v>4179</v>
      </c>
      <c r="F89" t="s">
        <v>4177</v>
      </c>
      <c r="G89" t="s">
        <v>669</v>
      </c>
      <c r="H89">
        <v>1</v>
      </c>
      <c r="I89">
        <v>2020</v>
      </c>
    </row>
    <row r="90" spans="1:9" x14ac:dyDescent="0.25">
      <c r="A90">
        <v>91</v>
      </c>
      <c r="B90" t="s">
        <v>296</v>
      </c>
      <c r="C90" t="s">
        <v>1094</v>
      </c>
      <c r="D90">
        <v>28</v>
      </c>
      <c r="E90" t="s">
        <v>4179</v>
      </c>
      <c r="F90" t="s">
        <v>4177</v>
      </c>
      <c r="G90" t="s">
        <v>669</v>
      </c>
      <c r="H90">
        <v>1</v>
      </c>
      <c r="I90">
        <v>2020</v>
      </c>
    </row>
    <row r="91" spans="1:9" x14ac:dyDescent="0.25">
      <c r="A91">
        <v>92</v>
      </c>
      <c r="B91" t="s">
        <v>3967</v>
      </c>
      <c r="C91" t="s">
        <v>1094</v>
      </c>
      <c r="D91">
        <v>28</v>
      </c>
      <c r="E91" t="s">
        <v>4179</v>
      </c>
      <c r="F91" t="s">
        <v>4177</v>
      </c>
      <c r="G91" t="s">
        <v>669</v>
      </c>
      <c r="H91">
        <v>1</v>
      </c>
      <c r="I91">
        <v>2020</v>
      </c>
    </row>
    <row r="92" spans="1:9" x14ac:dyDescent="0.25">
      <c r="A92">
        <v>93</v>
      </c>
      <c r="B92" t="s">
        <v>4181</v>
      </c>
      <c r="C92" t="s">
        <v>955</v>
      </c>
      <c r="D92">
        <v>29</v>
      </c>
      <c r="E92" t="s">
        <v>4179</v>
      </c>
      <c r="F92" t="s">
        <v>4177</v>
      </c>
      <c r="G92" t="s">
        <v>669</v>
      </c>
      <c r="H92">
        <v>1</v>
      </c>
      <c r="I92">
        <v>2020</v>
      </c>
    </row>
    <row r="93" spans="1:9" x14ac:dyDescent="0.25">
      <c r="A93">
        <v>94</v>
      </c>
      <c r="B93" t="s">
        <v>2089</v>
      </c>
      <c r="C93" t="s">
        <v>955</v>
      </c>
      <c r="D93">
        <v>29</v>
      </c>
      <c r="E93" t="s">
        <v>4179</v>
      </c>
      <c r="F93" t="s">
        <v>4177</v>
      </c>
      <c r="G93" t="s">
        <v>669</v>
      </c>
      <c r="H93">
        <v>1</v>
      </c>
      <c r="I93">
        <v>2020</v>
      </c>
    </row>
    <row r="94" spans="1:9" x14ac:dyDescent="0.25">
      <c r="A94">
        <v>95</v>
      </c>
      <c r="B94" t="s">
        <v>955</v>
      </c>
      <c r="C94" t="s">
        <v>955</v>
      </c>
      <c r="D94">
        <v>29</v>
      </c>
      <c r="E94" t="s">
        <v>4179</v>
      </c>
      <c r="F94" t="s">
        <v>4177</v>
      </c>
      <c r="G94" t="s">
        <v>669</v>
      </c>
      <c r="H94">
        <v>1</v>
      </c>
      <c r="I94">
        <v>2020</v>
      </c>
    </row>
    <row r="95" spans="1:9" x14ac:dyDescent="0.25">
      <c r="A95">
        <v>96</v>
      </c>
      <c r="B95" t="s">
        <v>295</v>
      </c>
      <c r="C95" t="s">
        <v>295</v>
      </c>
      <c r="D95">
        <v>30</v>
      </c>
      <c r="E95" t="s">
        <v>4179</v>
      </c>
      <c r="F95" t="s">
        <v>4177</v>
      </c>
      <c r="G95" t="s">
        <v>669</v>
      </c>
      <c r="H95">
        <v>1</v>
      </c>
      <c r="I95">
        <v>2020</v>
      </c>
    </row>
    <row r="96" spans="1:9" x14ac:dyDescent="0.25">
      <c r="A96">
        <v>97</v>
      </c>
      <c r="B96" t="s">
        <v>1928</v>
      </c>
      <c r="C96" t="s">
        <v>295</v>
      </c>
      <c r="D96">
        <v>30</v>
      </c>
      <c r="E96" t="s">
        <v>4179</v>
      </c>
      <c r="F96" t="s">
        <v>4177</v>
      </c>
      <c r="G96" t="s">
        <v>669</v>
      </c>
      <c r="H96">
        <v>1</v>
      </c>
      <c r="I96">
        <v>2020</v>
      </c>
    </row>
    <row r="97" spans="1:9" x14ac:dyDescent="0.25">
      <c r="A97">
        <v>98</v>
      </c>
      <c r="B97" t="s">
        <v>294</v>
      </c>
      <c r="C97" t="s">
        <v>294</v>
      </c>
      <c r="D97">
        <v>31</v>
      </c>
      <c r="E97" t="s">
        <v>4179</v>
      </c>
      <c r="F97" t="s">
        <v>4177</v>
      </c>
      <c r="G97" t="s">
        <v>669</v>
      </c>
      <c r="H97">
        <v>1</v>
      </c>
      <c r="I97">
        <v>2020</v>
      </c>
    </row>
    <row r="98" spans="1:9" x14ac:dyDescent="0.25">
      <c r="A98">
        <v>99</v>
      </c>
      <c r="B98" t="s">
        <v>4182</v>
      </c>
      <c r="C98" t="s">
        <v>679</v>
      </c>
      <c r="D98">
        <v>32</v>
      </c>
      <c r="E98" t="s">
        <v>4175</v>
      </c>
      <c r="F98" t="s">
        <v>4171</v>
      </c>
      <c r="G98" t="s">
        <v>669</v>
      </c>
      <c r="H98">
        <v>1</v>
      </c>
      <c r="I98">
        <v>2020</v>
      </c>
    </row>
    <row r="99" spans="1:9" x14ac:dyDescent="0.25">
      <c r="A99">
        <v>100</v>
      </c>
      <c r="B99" t="s">
        <v>3798</v>
      </c>
      <c r="C99" t="s">
        <v>679</v>
      </c>
      <c r="D99">
        <v>32</v>
      </c>
      <c r="E99" t="s">
        <v>4175</v>
      </c>
      <c r="F99" t="s">
        <v>4171</v>
      </c>
      <c r="G99" t="s">
        <v>669</v>
      </c>
      <c r="H99">
        <v>1</v>
      </c>
      <c r="I99">
        <v>2020</v>
      </c>
    </row>
    <row r="100" spans="1:9" x14ac:dyDescent="0.25">
      <c r="A100">
        <v>101</v>
      </c>
      <c r="B100" t="s">
        <v>4009</v>
      </c>
      <c r="C100" t="s">
        <v>679</v>
      </c>
      <c r="D100">
        <v>32</v>
      </c>
      <c r="E100" t="s">
        <v>4175</v>
      </c>
      <c r="F100" t="s">
        <v>4171</v>
      </c>
      <c r="G100" t="s">
        <v>669</v>
      </c>
      <c r="H100">
        <v>1</v>
      </c>
      <c r="I100">
        <v>2020</v>
      </c>
    </row>
    <row r="101" spans="1:9" x14ac:dyDescent="0.25">
      <c r="A101">
        <v>102</v>
      </c>
      <c r="B101" t="s">
        <v>3763</v>
      </c>
      <c r="C101" t="s">
        <v>1028</v>
      </c>
      <c r="D101">
        <v>33</v>
      </c>
      <c r="E101" t="s">
        <v>4175</v>
      </c>
      <c r="F101" t="s">
        <v>4171</v>
      </c>
      <c r="G101" t="s">
        <v>669</v>
      </c>
      <c r="H101">
        <v>1</v>
      </c>
      <c r="I101">
        <v>2020</v>
      </c>
    </row>
    <row r="102" spans="1:9" x14ac:dyDescent="0.25">
      <c r="A102">
        <v>103</v>
      </c>
      <c r="B102" t="s">
        <v>3274</v>
      </c>
      <c r="C102" t="s">
        <v>1028</v>
      </c>
      <c r="D102">
        <v>33</v>
      </c>
      <c r="E102" t="s">
        <v>4175</v>
      </c>
      <c r="F102" t="s">
        <v>4171</v>
      </c>
      <c r="G102" t="s">
        <v>669</v>
      </c>
      <c r="H102">
        <v>1</v>
      </c>
      <c r="I102">
        <v>2020</v>
      </c>
    </row>
    <row r="103" spans="1:9" x14ac:dyDescent="0.25">
      <c r="A103">
        <v>105</v>
      </c>
      <c r="B103" t="s">
        <v>1618</v>
      </c>
      <c r="C103" t="s">
        <v>673</v>
      </c>
      <c r="D103">
        <v>34</v>
      </c>
      <c r="E103" t="s">
        <v>4175</v>
      </c>
      <c r="F103" t="s">
        <v>4171</v>
      </c>
      <c r="G103" t="s">
        <v>669</v>
      </c>
      <c r="H103">
        <v>1</v>
      </c>
      <c r="I103">
        <v>2020</v>
      </c>
    </row>
    <row r="104" spans="1:9" x14ac:dyDescent="0.25">
      <c r="A104">
        <v>106</v>
      </c>
      <c r="B104" t="s">
        <v>3959</v>
      </c>
      <c r="C104" t="s">
        <v>673</v>
      </c>
      <c r="D104">
        <v>34</v>
      </c>
      <c r="E104" t="s">
        <v>4175</v>
      </c>
      <c r="F104" t="s">
        <v>4171</v>
      </c>
      <c r="G104" t="s">
        <v>669</v>
      </c>
      <c r="H104">
        <v>1</v>
      </c>
      <c r="I104">
        <v>2020</v>
      </c>
    </row>
    <row r="105" spans="1:9" x14ac:dyDescent="0.25">
      <c r="A105">
        <v>107</v>
      </c>
      <c r="B105" t="s">
        <v>674</v>
      </c>
      <c r="C105" t="s">
        <v>673</v>
      </c>
      <c r="D105">
        <v>34</v>
      </c>
      <c r="E105" t="s">
        <v>4175</v>
      </c>
      <c r="F105" t="s">
        <v>4171</v>
      </c>
      <c r="G105" t="s">
        <v>669</v>
      </c>
      <c r="H105">
        <v>1</v>
      </c>
      <c r="I105">
        <v>2020</v>
      </c>
    </row>
    <row r="106" spans="1:9" x14ac:dyDescent="0.25">
      <c r="A106">
        <v>108</v>
      </c>
      <c r="B106" t="s">
        <v>3792</v>
      </c>
      <c r="C106" t="s">
        <v>673</v>
      </c>
      <c r="D106">
        <v>34</v>
      </c>
      <c r="E106" t="s">
        <v>4175</v>
      </c>
      <c r="F106" t="s">
        <v>4171</v>
      </c>
      <c r="G106" t="s">
        <v>669</v>
      </c>
      <c r="H106">
        <v>1</v>
      </c>
      <c r="I106">
        <v>2020</v>
      </c>
    </row>
    <row r="107" spans="1:9" x14ac:dyDescent="0.25">
      <c r="A107">
        <v>109</v>
      </c>
      <c r="B107" t="s">
        <v>3958</v>
      </c>
      <c r="C107" t="s">
        <v>673</v>
      </c>
      <c r="D107">
        <v>34</v>
      </c>
      <c r="E107" t="s">
        <v>4175</v>
      </c>
      <c r="F107" t="s">
        <v>4171</v>
      </c>
      <c r="G107" t="s">
        <v>669</v>
      </c>
      <c r="H107">
        <v>1</v>
      </c>
      <c r="I107">
        <v>2020</v>
      </c>
    </row>
    <row r="108" spans="1:9" x14ac:dyDescent="0.25">
      <c r="A108">
        <v>110</v>
      </c>
      <c r="B108" t="s">
        <v>3957</v>
      </c>
      <c r="C108" t="s">
        <v>673</v>
      </c>
      <c r="D108">
        <v>34</v>
      </c>
      <c r="E108" t="s">
        <v>4175</v>
      </c>
      <c r="F108" t="s">
        <v>4171</v>
      </c>
      <c r="G108" t="s">
        <v>669</v>
      </c>
      <c r="H108">
        <v>1</v>
      </c>
      <c r="I108">
        <v>2020</v>
      </c>
    </row>
    <row r="109" spans="1:9" x14ac:dyDescent="0.25">
      <c r="A109">
        <v>111</v>
      </c>
      <c r="B109" t="s">
        <v>2911</v>
      </c>
      <c r="C109" t="s">
        <v>673</v>
      </c>
      <c r="D109">
        <v>34</v>
      </c>
      <c r="E109" t="s">
        <v>4175</v>
      </c>
      <c r="F109" t="s">
        <v>4171</v>
      </c>
      <c r="G109" t="s">
        <v>669</v>
      </c>
      <c r="H109">
        <v>1</v>
      </c>
      <c r="I109">
        <v>2020</v>
      </c>
    </row>
    <row r="110" spans="1:9" x14ac:dyDescent="0.25">
      <c r="A110">
        <v>112</v>
      </c>
      <c r="B110" t="s">
        <v>925</v>
      </c>
      <c r="C110" t="s">
        <v>659</v>
      </c>
      <c r="D110">
        <v>35</v>
      </c>
      <c r="E110" t="s">
        <v>4175</v>
      </c>
      <c r="F110" t="s">
        <v>4171</v>
      </c>
      <c r="G110" t="s">
        <v>669</v>
      </c>
      <c r="H110">
        <v>1</v>
      </c>
      <c r="I110">
        <v>2020</v>
      </c>
    </row>
    <row r="111" spans="1:9" x14ac:dyDescent="0.25">
      <c r="A111">
        <v>113</v>
      </c>
      <c r="B111" t="s">
        <v>3791</v>
      </c>
      <c r="C111" t="s">
        <v>659</v>
      </c>
      <c r="D111">
        <v>35</v>
      </c>
      <c r="E111" t="s">
        <v>4175</v>
      </c>
      <c r="F111" t="s">
        <v>4171</v>
      </c>
      <c r="G111" t="s">
        <v>669</v>
      </c>
      <c r="H111">
        <v>1</v>
      </c>
      <c r="I111">
        <v>2020</v>
      </c>
    </row>
    <row r="112" spans="1:9" x14ac:dyDescent="0.25">
      <c r="A112">
        <v>114</v>
      </c>
      <c r="B112" t="s">
        <v>2610</v>
      </c>
      <c r="C112" t="s">
        <v>659</v>
      </c>
      <c r="D112">
        <v>35</v>
      </c>
      <c r="E112" t="s">
        <v>4175</v>
      </c>
      <c r="F112" t="s">
        <v>4171</v>
      </c>
      <c r="G112" t="s">
        <v>669</v>
      </c>
      <c r="H112">
        <v>1</v>
      </c>
      <c r="I112">
        <v>2020</v>
      </c>
    </row>
    <row r="113" spans="1:9" x14ac:dyDescent="0.25">
      <c r="A113">
        <v>115</v>
      </c>
      <c r="B113" t="s">
        <v>1049</v>
      </c>
      <c r="C113" t="s">
        <v>659</v>
      </c>
      <c r="D113">
        <v>35</v>
      </c>
      <c r="E113" t="s">
        <v>4175</v>
      </c>
      <c r="F113" t="s">
        <v>4171</v>
      </c>
      <c r="G113" t="s">
        <v>669</v>
      </c>
      <c r="H113">
        <v>1</v>
      </c>
      <c r="I113">
        <v>2020</v>
      </c>
    </row>
    <row r="114" spans="1:9" x14ac:dyDescent="0.25">
      <c r="A114">
        <v>116</v>
      </c>
      <c r="B114" t="s">
        <v>3955</v>
      </c>
      <c r="C114" t="s">
        <v>659</v>
      </c>
      <c r="D114">
        <v>35</v>
      </c>
      <c r="E114" t="s">
        <v>4175</v>
      </c>
      <c r="F114" t="s">
        <v>4171</v>
      </c>
      <c r="G114" t="s">
        <v>669</v>
      </c>
      <c r="H114">
        <v>1</v>
      </c>
      <c r="I114">
        <v>2020</v>
      </c>
    </row>
    <row r="115" spans="1:9" x14ac:dyDescent="0.25">
      <c r="A115">
        <v>117</v>
      </c>
      <c r="B115" t="s">
        <v>3954</v>
      </c>
      <c r="C115" t="s">
        <v>659</v>
      </c>
      <c r="D115">
        <v>35</v>
      </c>
      <c r="E115" t="s">
        <v>4175</v>
      </c>
      <c r="F115" t="s">
        <v>4171</v>
      </c>
      <c r="G115" t="s">
        <v>669</v>
      </c>
      <c r="H115">
        <v>1</v>
      </c>
      <c r="I115">
        <v>2020</v>
      </c>
    </row>
    <row r="116" spans="1:9" x14ac:dyDescent="0.25">
      <c r="A116">
        <v>118</v>
      </c>
      <c r="B116" t="s">
        <v>1936</v>
      </c>
      <c r="C116" t="s">
        <v>659</v>
      </c>
      <c r="D116">
        <v>35</v>
      </c>
      <c r="E116" t="s">
        <v>4175</v>
      </c>
      <c r="F116" t="s">
        <v>4171</v>
      </c>
      <c r="G116" t="s">
        <v>669</v>
      </c>
      <c r="H116">
        <v>1</v>
      </c>
      <c r="I116">
        <v>2020</v>
      </c>
    </row>
    <row r="117" spans="1:9" x14ac:dyDescent="0.25">
      <c r="A117">
        <v>119</v>
      </c>
      <c r="B117" t="s">
        <v>3293</v>
      </c>
      <c r="C117" t="s">
        <v>659</v>
      </c>
      <c r="D117">
        <v>35</v>
      </c>
      <c r="E117" t="s">
        <v>4175</v>
      </c>
      <c r="F117" t="s">
        <v>4171</v>
      </c>
      <c r="G117" t="s">
        <v>669</v>
      </c>
      <c r="H117">
        <v>1</v>
      </c>
      <c r="I117">
        <v>2020</v>
      </c>
    </row>
    <row r="118" spans="1:9" x14ac:dyDescent="0.25">
      <c r="A118">
        <v>120</v>
      </c>
      <c r="B118" t="s">
        <v>3953</v>
      </c>
      <c r="C118" t="s">
        <v>659</v>
      </c>
      <c r="D118">
        <v>35</v>
      </c>
      <c r="E118" t="s">
        <v>4175</v>
      </c>
      <c r="F118" t="s">
        <v>4171</v>
      </c>
      <c r="G118" t="s">
        <v>669</v>
      </c>
      <c r="H118">
        <v>1</v>
      </c>
      <c r="I118">
        <v>2020</v>
      </c>
    </row>
    <row r="119" spans="1:9" x14ac:dyDescent="0.25">
      <c r="A119">
        <v>121</v>
      </c>
      <c r="B119" t="s">
        <v>3790</v>
      </c>
      <c r="C119" t="s">
        <v>659</v>
      </c>
      <c r="D119">
        <v>35</v>
      </c>
      <c r="E119" t="s">
        <v>4175</v>
      </c>
      <c r="F119" t="s">
        <v>4171</v>
      </c>
      <c r="G119" t="s">
        <v>669</v>
      </c>
      <c r="H119">
        <v>1</v>
      </c>
      <c r="I119">
        <v>2020</v>
      </c>
    </row>
    <row r="120" spans="1:9" x14ac:dyDescent="0.25">
      <c r="A120">
        <v>122</v>
      </c>
      <c r="B120" t="s">
        <v>3713</v>
      </c>
      <c r="C120" t="s">
        <v>659</v>
      </c>
      <c r="D120">
        <v>35</v>
      </c>
      <c r="E120" t="s">
        <v>4175</v>
      </c>
      <c r="F120" t="s">
        <v>4171</v>
      </c>
      <c r="G120" t="s">
        <v>669</v>
      </c>
      <c r="H120">
        <v>1</v>
      </c>
      <c r="I120">
        <v>2020</v>
      </c>
    </row>
    <row r="121" spans="1:9" x14ac:dyDescent="0.25">
      <c r="A121">
        <v>123</v>
      </c>
      <c r="B121" t="s">
        <v>3736</v>
      </c>
      <c r="C121" t="s">
        <v>659</v>
      </c>
      <c r="D121">
        <v>35</v>
      </c>
      <c r="E121" t="s">
        <v>4175</v>
      </c>
      <c r="F121" t="s">
        <v>4171</v>
      </c>
      <c r="G121" t="s">
        <v>669</v>
      </c>
      <c r="H121">
        <v>1</v>
      </c>
      <c r="I121">
        <v>2020</v>
      </c>
    </row>
    <row r="122" spans="1:9" x14ac:dyDescent="0.25">
      <c r="A122">
        <v>124</v>
      </c>
      <c r="B122" t="s">
        <v>4183</v>
      </c>
      <c r="C122" t="s">
        <v>659</v>
      </c>
      <c r="D122">
        <v>35</v>
      </c>
      <c r="E122" t="s">
        <v>4175</v>
      </c>
      <c r="F122" t="s">
        <v>4171</v>
      </c>
      <c r="G122" t="s">
        <v>669</v>
      </c>
      <c r="H122">
        <v>1</v>
      </c>
      <c r="I122">
        <v>2020</v>
      </c>
    </row>
    <row r="123" spans="1:9" x14ac:dyDescent="0.25">
      <c r="A123">
        <v>125</v>
      </c>
      <c r="B123" t="s">
        <v>1538</v>
      </c>
      <c r="C123" t="s">
        <v>1538</v>
      </c>
      <c r="D123">
        <v>36</v>
      </c>
      <c r="E123" t="s">
        <v>4184</v>
      </c>
      <c r="F123" t="s">
        <v>4171</v>
      </c>
      <c r="G123" t="s">
        <v>669</v>
      </c>
      <c r="H123">
        <v>1</v>
      </c>
      <c r="I123">
        <v>2020</v>
      </c>
    </row>
    <row r="124" spans="1:9" x14ac:dyDescent="0.25">
      <c r="A124">
        <v>126</v>
      </c>
      <c r="B124" t="s">
        <v>4019</v>
      </c>
      <c r="C124" t="s">
        <v>1538</v>
      </c>
      <c r="D124">
        <v>36</v>
      </c>
      <c r="E124" t="s">
        <v>4184</v>
      </c>
      <c r="F124" t="s">
        <v>4171</v>
      </c>
      <c r="G124" t="s">
        <v>669</v>
      </c>
      <c r="H124">
        <v>1</v>
      </c>
      <c r="I124">
        <v>2020</v>
      </c>
    </row>
    <row r="125" spans="1:9" x14ac:dyDescent="0.25">
      <c r="A125">
        <v>127</v>
      </c>
      <c r="B125" t="s">
        <v>2240</v>
      </c>
      <c r="C125" t="s">
        <v>1538</v>
      </c>
      <c r="D125">
        <v>36</v>
      </c>
      <c r="E125" t="s">
        <v>4184</v>
      </c>
      <c r="F125" t="s">
        <v>4171</v>
      </c>
      <c r="G125" t="s">
        <v>669</v>
      </c>
      <c r="H125">
        <v>1</v>
      </c>
      <c r="I125">
        <v>2020</v>
      </c>
    </row>
    <row r="126" spans="1:9" x14ac:dyDescent="0.25">
      <c r="A126">
        <v>128</v>
      </c>
      <c r="B126" t="s">
        <v>4020</v>
      </c>
      <c r="C126" t="s">
        <v>1538</v>
      </c>
      <c r="D126">
        <v>36</v>
      </c>
      <c r="E126" t="s">
        <v>4184</v>
      </c>
      <c r="F126" t="s">
        <v>4171</v>
      </c>
      <c r="G126" t="s">
        <v>669</v>
      </c>
      <c r="H126">
        <v>1</v>
      </c>
      <c r="I126">
        <v>2020</v>
      </c>
    </row>
    <row r="127" spans="1:9" x14ac:dyDescent="0.25">
      <c r="A127">
        <v>129</v>
      </c>
      <c r="B127" t="s">
        <v>4185</v>
      </c>
      <c r="C127" t="s">
        <v>1538</v>
      </c>
      <c r="D127">
        <v>36</v>
      </c>
      <c r="E127" t="s">
        <v>4184</v>
      </c>
      <c r="F127" t="s">
        <v>4171</v>
      </c>
      <c r="G127" t="s">
        <v>669</v>
      </c>
      <c r="H127">
        <v>1</v>
      </c>
      <c r="I127">
        <v>2020</v>
      </c>
    </row>
    <row r="128" spans="1:9" x14ac:dyDescent="0.25">
      <c r="A128">
        <v>130</v>
      </c>
      <c r="B128" t="s">
        <v>3932</v>
      </c>
      <c r="C128" t="s">
        <v>1538</v>
      </c>
      <c r="D128">
        <v>36</v>
      </c>
      <c r="E128" t="s">
        <v>4184</v>
      </c>
      <c r="F128" t="s">
        <v>4171</v>
      </c>
      <c r="G128" t="s">
        <v>669</v>
      </c>
      <c r="H128">
        <v>1</v>
      </c>
      <c r="I128">
        <v>2020</v>
      </c>
    </row>
    <row r="129" spans="1:9" x14ac:dyDescent="0.25">
      <c r="A129">
        <v>131</v>
      </c>
      <c r="B129" t="s">
        <v>4186</v>
      </c>
      <c r="C129" t="s">
        <v>1538</v>
      </c>
      <c r="D129">
        <v>36</v>
      </c>
      <c r="E129" t="s">
        <v>4184</v>
      </c>
      <c r="F129" t="s">
        <v>4171</v>
      </c>
      <c r="G129" t="s">
        <v>669</v>
      </c>
      <c r="H129">
        <v>1</v>
      </c>
      <c r="I129">
        <v>2020</v>
      </c>
    </row>
    <row r="130" spans="1:9" x14ac:dyDescent="0.25">
      <c r="A130">
        <v>132</v>
      </c>
      <c r="B130" t="s">
        <v>4018</v>
      </c>
      <c r="C130" t="s">
        <v>1512</v>
      </c>
      <c r="D130">
        <v>37</v>
      </c>
      <c r="E130" t="s">
        <v>4184</v>
      </c>
      <c r="F130" t="s">
        <v>4171</v>
      </c>
      <c r="G130" t="s">
        <v>669</v>
      </c>
      <c r="H130">
        <v>1</v>
      </c>
      <c r="I130">
        <v>2020</v>
      </c>
    </row>
    <row r="131" spans="1:9" x14ac:dyDescent="0.25">
      <c r="A131">
        <v>133</v>
      </c>
      <c r="B131" t="s">
        <v>3737</v>
      </c>
      <c r="C131" t="s">
        <v>1512</v>
      </c>
      <c r="D131">
        <v>37</v>
      </c>
      <c r="E131" t="s">
        <v>4184</v>
      </c>
      <c r="F131" t="s">
        <v>4171</v>
      </c>
      <c r="G131" t="s">
        <v>669</v>
      </c>
      <c r="H131">
        <v>1</v>
      </c>
      <c r="I131">
        <v>2020</v>
      </c>
    </row>
    <row r="132" spans="1:9" x14ac:dyDescent="0.25">
      <c r="A132">
        <v>134</v>
      </c>
      <c r="B132" t="s">
        <v>4017</v>
      </c>
      <c r="C132" t="s">
        <v>1512</v>
      </c>
      <c r="D132">
        <v>37</v>
      </c>
      <c r="E132" t="s">
        <v>4184</v>
      </c>
      <c r="F132" t="s">
        <v>4171</v>
      </c>
      <c r="G132" t="s">
        <v>669</v>
      </c>
      <c r="H132">
        <v>1</v>
      </c>
      <c r="I132">
        <v>2020</v>
      </c>
    </row>
    <row r="133" spans="1:9" x14ac:dyDescent="0.25">
      <c r="A133">
        <v>135</v>
      </c>
      <c r="B133" t="s">
        <v>1089</v>
      </c>
      <c r="C133" t="s">
        <v>1088</v>
      </c>
      <c r="D133">
        <v>38</v>
      </c>
      <c r="E133" t="s">
        <v>4187</v>
      </c>
      <c r="F133" t="s">
        <v>4187</v>
      </c>
      <c r="G133" t="s">
        <v>669</v>
      </c>
      <c r="H133">
        <v>1</v>
      </c>
      <c r="I133">
        <v>2020</v>
      </c>
    </row>
    <row r="134" spans="1:9" x14ac:dyDescent="0.25">
      <c r="A134">
        <v>136</v>
      </c>
      <c r="B134" t="s">
        <v>1265</v>
      </c>
      <c r="C134" t="s">
        <v>1088</v>
      </c>
      <c r="D134">
        <v>38</v>
      </c>
      <c r="E134" t="s">
        <v>4187</v>
      </c>
      <c r="F134" t="s">
        <v>4187</v>
      </c>
      <c r="G134" t="s">
        <v>669</v>
      </c>
      <c r="H134">
        <v>1</v>
      </c>
      <c r="I134">
        <v>2020</v>
      </c>
    </row>
    <row r="135" spans="1:9" x14ac:dyDescent="0.25">
      <c r="A135">
        <v>137</v>
      </c>
      <c r="B135" t="s">
        <v>766</v>
      </c>
      <c r="C135" t="s">
        <v>765</v>
      </c>
      <c r="D135">
        <v>76</v>
      </c>
      <c r="E135" t="s">
        <v>4187</v>
      </c>
      <c r="F135" t="s">
        <v>4187</v>
      </c>
      <c r="G135" t="s">
        <v>669</v>
      </c>
      <c r="H135">
        <v>1</v>
      </c>
      <c r="I135">
        <v>2020</v>
      </c>
    </row>
    <row r="136" spans="1:9" x14ac:dyDescent="0.25">
      <c r="A136">
        <v>138</v>
      </c>
      <c r="B136" t="s">
        <v>1925</v>
      </c>
      <c r="C136" t="s">
        <v>909</v>
      </c>
      <c r="D136">
        <v>39</v>
      </c>
      <c r="E136" t="s">
        <v>4188</v>
      </c>
      <c r="F136" t="s">
        <v>4189</v>
      </c>
      <c r="G136" t="s">
        <v>669</v>
      </c>
      <c r="H136">
        <v>1</v>
      </c>
      <c r="I136">
        <v>2020</v>
      </c>
    </row>
    <row r="137" spans="1:9" x14ac:dyDescent="0.25">
      <c r="A137">
        <v>139</v>
      </c>
      <c r="B137" t="s">
        <v>4190</v>
      </c>
      <c r="C137" t="s">
        <v>909</v>
      </c>
      <c r="D137">
        <v>39</v>
      </c>
      <c r="E137" t="s">
        <v>4188</v>
      </c>
      <c r="F137" t="s">
        <v>4189</v>
      </c>
      <c r="G137" t="s">
        <v>669</v>
      </c>
      <c r="H137">
        <v>1</v>
      </c>
      <c r="I137">
        <v>2020</v>
      </c>
    </row>
    <row r="138" spans="1:9" x14ac:dyDescent="0.25">
      <c r="A138">
        <v>140</v>
      </c>
      <c r="B138" t="s">
        <v>3692</v>
      </c>
      <c r="C138" t="s">
        <v>909</v>
      </c>
      <c r="D138">
        <v>39</v>
      </c>
      <c r="E138" t="s">
        <v>4188</v>
      </c>
      <c r="F138" t="s">
        <v>4189</v>
      </c>
      <c r="G138" t="s">
        <v>669</v>
      </c>
      <c r="H138">
        <v>1</v>
      </c>
      <c r="I138">
        <v>2020</v>
      </c>
    </row>
    <row r="139" spans="1:9" x14ac:dyDescent="0.25">
      <c r="A139">
        <v>141</v>
      </c>
      <c r="B139" t="s">
        <v>1997</v>
      </c>
      <c r="C139" t="s">
        <v>909</v>
      </c>
      <c r="D139">
        <v>39</v>
      </c>
      <c r="E139" t="s">
        <v>4188</v>
      </c>
      <c r="F139" t="s">
        <v>4189</v>
      </c>
      <c r="G139" t="s">
        <v>669</v>
      </c>
      <c r="H139">
        <v>1</v>
      </c>
      <c r="I139">
        <v>2020</v>
      </c>
    </row>
    <row r="140" spans="1:9" x14ac:dyDescent="0.25">
      <c r="A140">
        <v>142</v>
      </c>
      <c r="B140" t="s">
        <v>1942</v>
      </c>
      <c r="C140" t="s">
        <v>909</v>
      </c>
      <c r="D140">
        <v>39</v>
      </c>
      <c r="E140" t="s">
        <v>4188</v>
      </c>
      <c r="F140" t="s">
        <v>4189</v>
      </c>
      <c r="G140" t="s">
        <v>669</v>
      </c>
      <c r="H140">
        <v>1</v>
      </c>
      <c r="I140">
        <v>2020</v>
      </c>
    </row>
    <row r="141" spans="1:9" x14ac:dyDescent="0.25">
      <c r="A141">
        <v>143</v>
      </c>
      <c r="B141" t="s">
        <v>794</v>
      </c>
      <c r="C141" t="s">
        <v>794</v>
      </c>
      <c r="D141">
        <v>40</v>
      </c>
      <c r="E141" t="s">
        <v>4188</v>
      </c>
      <c r="F141" t="s">
        <v>4189</v>
      </c>
      <c r="G141" t="s">
        <v>669</v>
      </c>
      <c r="H141">
        <v>1</v>
      </c>
      <c r="I141">
        <v>2020</v>
      </c>
    </row>
    <row r="142" spans="1:9" x14ac:dyDescent="0.25">
      <c r="A142">
        <v>144</v>
      </c>
      <c r="B142" t="s">
        <v>3710</v>
      </c>
      <c r="C142" t="s">
        <v>794</v>
      </c>
      <c r="D142">
        <v>40</v>
      </c>
      <c r="E142" t="s">
        <v>4188</v>
      </c>
      <c r="F142" t="s">
        <v>4189</v>
      </c>
      <c r="G142" t="s">
        <v>669</v>
      </c>
      <c r="H142">
        <v>1</v>
      </c>
      <c r="I142">
        <v>2020</v>
      </c>
    </row>
    <row r="143" spans="1:9" x14ac:dyDescent="0.25">
      <c r="A143">
        <v>145</v>
      </c>
      <c r="B143" t="s">
        <v>678</v>
      </c>
      <c r="C143" t="s">
        <v>678</v>
      </c>
      <c r="D143">
        <v>41</v>
      </c>
      <c r="E143" t="s">
        <v>4188</v>
      </c>
      <c r="F143" t="s">
        <v>4189</v>
      </c>
      <c r="G143" t="s">
        <v>669</v>
      </c>
      <c r="H143">
        <v>1</v>
      </c>
      <c r="I143">
        <v>2020</v>
      </c>
    </row>
    <row r="144" spans="1:9" x14ac:dyDescent="0.25">
      <c r="A144">
        <v>146</v>
      </c>
      <c r="B144" t="s">
        <v>3952</v>
      </c>
      <c r="C144" t="s">
        <v>678</v>
      </c>
      <c r="D144">
        <v>41</v>
      </c>
      <c r="E144" t="s">
        <v>4188</v>
      </c>
      <c r="F144" t="s">
        <v>4189</v>
      </c>
      <c r="G144" t="s">
        <v>669</v>
      </c>
      <c r="H144">
        <v>1</v>
      </c>
      <c r="I144">
        <v>2020</v>
      </c>
    </row>
    <row r="145" spans="1:9" x14ac:dyDescent="0.25">
      <c r="A145">
        <v>147</v>
      </c>
      <c r="B145" t="s">
        <v>4004</v>
      </c>
      <c r="C145" t="s">
        <v>678</v>
      </c>
      <c r="D145">
        <v>41</v>
      </c>
      <c r="E145" t="s">
        <v>4188</v>
      </c>
      <c r="F145" t="s">
        <v>4189</v>
      </c>
      <c r="G145" t="s">
        <v>669</v>
      </c>
      <c r="H145">
        <v>1</v>
      </c>
      <c r="I145">
        <v>2020</v>
      </c>
    </row>
    <row r="146" spans="1:9" x14ac:dyDescent="0.25">
      <c r="A146">
        <v>148</v>
      </c>
      <c r="B146" t="s">
        <v>1219</v>
      </c>
      <c r="C146" t="s">
        <v>1219</v>
      </c>
      <c r="D146">
        <v>42</v>
      </c>
      <c r="E146" t="s">
        <v>4188</v>
      </c>
      <c r="F146" t="s">
        <v>4189</v>
      </c>
      <c r="G146" t="s">
        <v>669</v>
      </c>
      <c r="H146">
        <v>1</v>
      </c>
      <c r="I146">
        <v>2020</v>
      </c>
    </row>
    <row r="147" spans="1:9" x14ac:dyDescent="0.25">
      <c r="A147">
        <v>149</v>
      </c>
      <c r="B147" t="s">
        <v>1263</v>
      </c>
      <c r="C147" t="s">
        <v>1219</v>
      </c>
      <c r="D147">
        <v>42</v>
      </c>
      <c r="E147" t="s">
        <v>4188</v>
      </c>
      <c r="F147" t="s">
        <v>4189</v>
      </c>
      <c r="G147" t="s">
        <v>669</v>
      </c>
      <c r="H147">
        <v>1</v>
      </c>
      <c r="I147">
        <v>2020</v>
      </c>
    </row>
    <row r="148" spans="1:9" x14ac:dyDescent="0.25">
      <c r="A148">
        <v>150</v>
      </c>
      <c r="B148" t="s">
        <v>1922</v>
      </c>
      <c r="C148" t="s">
        <v>851</v>
      </c>
      <c r="D148">
        <v>43</v>
      </c>
      <c r="E148" t="s">
        <v>4188</v>
      </c>
      <c r="F148" t="s">
        <v>4189</v>
      </c>
      <c r="G148" t="s">
        <v>669</v>
      </c>
      <c r="H148">
        <v>1</v>
      </c>
      <c r="I148">
        <v>2020</v>
      </c>
    </row>
    <row r="149" spans="1:9" x14ac:dyDescent="0.25">
      <c r="A149">
        <v>151</v>
      </c>
      <c r="B149" t="s">
        <v>851</v>
      </c>
      <c r="C149" t="s">
        <v>851</v>
      </c>
      <c r="D149">
        <v>43</v>
      </c>
      <c r="E149" t="s">
        <v>4188</v>
      </c>
      <c r="F149" t="s">
        <v>4189</v>
      </c>
      <c r="G149" t="s">
        <v>669</v>
      </c>
      <c r="H149">
        <v>1</v>
      </c>
      <c r="I149">
        <v>2020</v>
      </c>
    </row>
    <row r="150" spans="1:9" x14ac:dyDescent="0.25">
      <c r="A150">
        <v>152</v>
      </c>
      <c r="B150" t="s">
        <v>3893</v>
      </c>
      <c r="C150" t="s">
        <v>767</v>
      </c>
      <c r="D150">
        <v>44</v>
      </c>
      <c r="E150" t="s">
        <v>4191</v>
      </c>
      <c r="F150" t="s">
        <v>4189</v>
      </c>
      <c r="G150" t="s">
        <v>669</v>
      </c>
      <c r="H150">
        <v>1</v>
      </c>
      <c r="I150">
        <v>2020</v>
      </c>
    </row>
    <row r="151" spans="1:9" x14ac:dyDescent="0.25">
      <c r="A151">
        <v>153</v>
      </c>
      <c r="B151" t="s">
        <v>2347</v>
      </c>
      <c r="C151" t="s">
        <v>767</v>
      </c>
      <c r="D151">
        <v>44</v>
      </c>
      <c r="E151" t="s">
        <v>4191</v>
      </c>
      <c r="F151" t="s">
        <v>4189</v>
      </c>
      <c r="G151" t="s">
        <v>669</v>
      </c>
      <c r="H151">
        <v>1</v>
      </c>
      <c r="I151">
        <v>2020</v>
      </c>
    </row>
    <row r="152" spans="1:9" x14ac:dyDescent="0.25">
      <c r="A152">
        <v>154</v>
      </c>
      <c r="B152" t="s">
        <v>3910</v>
      </c>
      <c r="C152" t="s">
        <v>767</v>
      </c>
      <c r="D152">
        <v>44</v>
      </c>
      <c r="E152" t="s">
        <v>4191</v>
      </c>
      <c r="F152" t="s">
        <v>4189</v>
      </c>
      <c r="G152" t="s">
        <v>669</v>
      </c>
      <c r="H152">
        <v>1</v>
      </c>
      <c r="I152">
        <v>2020</v>
      </c>
    </row>
    <row r="153" spans="1:9" x14ac:dyDescent="0.25">
      <c r="A153">
        <v>155</v>
      </c>
      <c r="B153" t="s">
        <v>4023</v>
      </c>
      <c r="C153" t="s">
        <v>767</v>
      </c>
      <c r="D153">
        <v>44</v>
      </c>
      <c r="E153" t="s">
        <v>4191</v>
      </c>
      <c r="F153" t="s">
        <v>4189</v>
      </c>
      <c r="G153" t="s">
        <v>669</v>
      </c>
      <c r="H153">
        <v>1</v>
      </c>
      <c r="I153">
        <v>2020</v>
      </c>
    </row>
    <row r="154" spans="1:9" x14ac:dyDescent="0.25">
      <c r="A154">
        <v>156</v>
      </c>
      <c r="B154" t="s">
        <v>4192</v>
      </c>
      <c r="C154" t="s">
        <v>3919</v>
      </c>
      <c r="D154">
        <v>45</v>
      </c>
      <c r="E154" t="s">
        <v>4193</v>
      </c>
      <c r="F154" t="s">
        <v>4189</v>
      </c>
      <c r="G154" t="s">
        <v>669</v>
      </c>
      <c r="H154">
        <v>1</v>
      </c>
      <c r="I154">
        <v>2020</v>
      </c>
    </row>
    <row r="155" spans="1:9" x14ac:dyDescent="0.25">
      <c r="A155">
        <v>157</v>
      </c>
      <c r="B155" t="s">
        <v>3920</v>
      </c>
      <c r="C155" t="s">
        <v>3919</v>
      </c>
      <c r="D155">
        <v>45</v>
      </c>
      <c r="E155" t="s">
        <v>4193</v>
      </c>
      <c r="F155" t="s">
        <v>4189</v>
      </c>
      <c r="G155" t="s">
        <v>669</v>
      </c>
      <c r="H155">
        <v>1</v>
      </c>
      <c r="I155">
        <v>2020</v>
      </c>
    </row>
    <row r="156" spans="1:9" x14ac:dyDescent="0.25">
      <c r="A156">
        <v>158</v>
      </c>
      <c r="B156" t="s">
        <v>3689</v>
      </c>
      <c r="C156" t="s">
        <v>1182</v>
      </c>
      <c r="D156">
        <v>46</v>
      </c>
      <c r="E156" t="s">
        <v>4194</v>
      </c>
      <c r="F156" t="s">
        <v>4189</v>
      </c>
      <c r="G156" t="s">
        <v>669</v>
      </c>
      <c r="H156">
        <v>1</v>
      </c>
      <c r="I156">
        <v>2020</v>
      </c>
    </row>
    <row r="157" spans="1:9" x14ac:dyDescent="0.25">
      <c r="A157">
        <v>159</v>
      </c>
      <c r="B157" t="s">
        <v>3918</v>
      </c>
      <c r="C157" t="s">
        <v>1182</v>
      </c>
      <c r="D157">
        <v>46</v>
      </c>
      <c r="E157" t="s">
        <v>4194</v>
      </c>
      <c r="F157" t="s">
        <v>4189</v>
      </c>
      <c r="G157" t="s">
        <v>669</v>
      </c>
      <c r="H157">
        <v>1</v>
      </c>
      <c r="I157">
        <v>2020</v>
      </c>
    </row>
    <row r="158" spans="1:9" x14ac:dyDescent="0.25">
      <c r="A158">
        <v>160</v>
      </c>
      <c r="B158" t="s">
        <v>4005</v>
      </c>
      <c r="C158" t="s">
        <v>1514</v>
      </c>
      <c r="D158">
        <v>47</v>
      </c>
      <c r="E158" t="s">
        <v>980</v>
      </c>
      <c r="F158" t="s">
        <v>4189</v>
      </c>
      <c r="G158" t="s">
        <v>669</v>
      </c>
      <c r="H158">
        <v>1</v>
      </c>
      <c r="I158">
        <v>2020</v>
      </c>
    </row>
    <row r="159" spans="1:9" x14ac:dyDescent="0.25">
      <c r="A159">
        <v>161</v>
      </c>
      <c r="B159" t="s">
        <v>4028</v>
      </c>
      <c r="C159" t="s">
        <v>1514</v>
      </c>
      <c r="D159">
        <v>47</v>
      </c>
      <c r="E159" t="s">
        <v>980</v>
      </c>
      <c r="F159" t="s">
        <v>4189</v>
      </c>
      <c r="G159" t="s">
        <v>669</v>
      </c>
      <c r="H159">
        <v>1</v>
      </c>
      <c r="I159">
        <v>2020</v>
      </c>
    </row>
    <row r="160" spans="1:9" x14ac:dyDescent="0.25">
      <c r="A160">
        <v>162</v>
      </c>
      <c r="B160" t="s">
        <v>3917</v>
      </c>
      <c r="C160" t="s">
        <v>1514</v>
      </c>
      <c r="D160">
        <v>47</v>
      </c>
      <c r="E160" t="s">
        <v>980</v>
      </c>
      <c r="F160" t="s">
        <v>4189</v>
      </c>
      <c r="G160" t="s">
        <v>669</v>
      </c>
      <c r="H160">
        <v>1</v>
      </c>
      <c r="I160">
        <v>2020</v>
      </c>
    </row>
    <row r="161" spans="1:9" x14ac:dyDescent="0.25">
      <c r="A161">
        <v>163</v>
      </c>
      <c r="B161" t="s">
        <v>4027</v>
      </c>
      <c r="C161" t="s">
        <v>1514</v>
      </c>
      <c r="D161">
        <v>47</v>
      </c>
      <c r="E161" t="s">
        <v>980</v>
      </c>
      <c r="F161" t="s">
        <v>4189</v>
      </c>
      <c r="G161" t="s">
        <v>669</v>
      </c>
      <c r="H161">
        <v>1</v>
      </c>
      <c r="I161">
        <v>2020</v>
      </c>
    </row>
    <row r="162" spans="1:9" x14ac:dyDescent="0.25">
      <c r="A162">
        <v>164</v>
      </c>
      <c r="B162" t="s">
        <v>3916</v>
      </c>
      <c r="C162" t="s">
        <v>1514</v>
      </c>
      <c r="D162">
        <v>47</v>
      </c>
      <c r="E162" t="s">
        <v>980</v>
      </c>
      <c r="F162" t="s">
        <v>4189</v>
      </c>
      <c r="G162" t="s">
        <v>669</v>
      </c>
      <c r="H162">
        <v>1</v>
      </c>
      <c r="I162">
        <v>2020</v>
      </c>
    </row>
    <row r="163" spans="1:9" x14ac:dyDescent="0.25">
      <c r="A163">
        <v>165</v>
      </c>
      <c r="B163" t="s">
        <v>4026</v>
      </c>
      <c r="C163" t="s">
        <v>1514</v>
      </c>
      <c r="D163">
        <v>47</v>
      </c>
      <c r="E163" t="s">
        <v>980</v>
      </c>
      <c r="F163" t="s">
        <v>4189</v>
      </c>
      <c r="G163" t="s">
        <v>669</v>
      </c>
      <c r="H163">
        <v>1</v>
      </c>
      <c r="I163">
        <v>2020</v>
      </c>
    </row>
    <row r="164" spans="1:9" x14ac:dyDescent="0.25">
      <c r="A164">
        <v>166</v>
      </c>
      <c r="B164" t="s">
        <v>3935</v>
      </c>
      <c r="C164" t="s">
        <v>742</v>
      </c>
      <c r="D164">
        <v>48</v>
      </c>
      <c r="E164" t="s">
        <v>4165</v>
      </c>
      <c r="F164" t="s">
        <v>4164</v>
      </c>
      <c r="G164" t="s">
        <v>669</v>
      </c>
      <c r="H164">
        <v>1</v>
      </c>
      <c r="I164">
        <v>2020</v>
      </c>
    </row>
    <row r="165" spans="1:9" x14ac:dyDescent="0.25">
      <c r="A165">
        <v>167</v>
      </c>
      <c r="B165" t="s">
        <v>3934</v>
      </c>
      <c r="C165" t="s">
        <v>742</v>
      </c>
      <c r="D165">
        <v>48</v>
      </c>
      <c r="E165" t="s">
        <v>4165</v>
      </c>
      <c r="F165" t="s">
        <v>4164</v>
      </c>
      <c r="G165" t="s">
        <v>669</v>
      </c>
      <c r="H165">
        <v>1</v>
      </c>
      <c r="I165">
        <v>2020</v>
      </c>
    </row>
    <row r="166" spans="1:9" x14ac:dyDescent="0.25">
      <c r="A166">
        <v>168</v>
      </c>
      <c r="B166" t="s">
        <v>4003</v>
      </c>
      <c r="C166" t="s">
        <v>742</v>
      </c>
      <c r="D166">
        <v>48</v>
      </c>
      <c r="E166" t="s">
        <v>4165</v>
      </c>
      <c r="F166" t="s">
        <v>4164</v>
      </c>
      <c r="G166" t="s">
        <v>669</v>
      </c>
      <c r="H166">
        <v>1</v>
      </c>
      <c r="I166">
        <v>2020</v>
      </c>
    </row>
    <row r="167" spans="1:9" x14ac:dyDescent="0.25">
      <c r="A167">
        <v>169</v>
      </c>
      <c r="B167" t="s">
        <v>3981</v>
      </c>
      <c r="C167" t="s">
        <v>742</v>
      </c>
      <c r="D167">
        <v>48</v>
      </c>
      <c r="E167" t="s">
        <v>4165</v>
      </c>
      <c r="F167" t="s">
        <v>4164</v>
      </c>
      <c r="G167" t="s">
        <v>669</v>
      </c>
      <c r="H167">
        <v>1</v>
      </c>
      <c r="I167">
        <v>2020</v>
      </c>
    </row>
    <row r="168" spans="1:9" x14ac:dyDescent="0.25">
      <c r="A168">
        <v>170</v>
      </c>
      <c r="B168" t="s">
        <v>3785</v>
      </c>
      <c r="C168" t="s">
        <v>742</v>
      </c>
      <c r="D168">
        <v>48</v>
      </c>
      <c r="E168" t="s">
        <v>4165</v>
      </c>
      <c r="F168" t="s">
        <v>4164</v>
      </c>
      <c r="G168" t="s">
        <v>669</v>
      </c>
      <c r="H168">
        <v>1</v>
      </c>
      <c r="I168">
        <v>2020</v>
      </c>
    </row>
    <row r="169" spans="1:9" x14ac:dyDescent="0.25">
      <c r="A169">
        <v>171</v>
      </c>
      <c r="B169" t="s">
        <v>742</v>
      </c>
      <c r="C169" t="s">
        <v>742</v>
      </c>
      <c r="D169">
        <v>48</v>
      </c>
      <c r="E169" t="s">
        <v>4165</v>
      </c>
      <c r="F169" t="s">
        <v>4164</v>
      </c>
      <c r="G169" t="s">
        <v>669</v>
      </c>
      <c r="H169">
        <v>1</v>
      </c>
      <c r="I169">
        <v>2020</v>
      </c>
    </row>
    <row r="170" spans="1:9" x14ac:dyDescent="0.25">
      <c r="A170">
        <v>172</v>
      </c>
      <c r="B170" t="s">
        <v>1091</v>
      </c>
      <c r="C170" t="s">
        <v>742</v>
      </c>
      <c r="D170">
        <v>48</v>
      </c>
      <c r="E170" t="s">
        <v>4165</v>
      </c>
      <c r="F170" t="s">
        <v>4164</v>
      </c>
      <c r="G170" t="s">
        <v>669</v>
      </c>
      <c r="H170">
        <v>1</v>
      </c>
      <c r="I170">
        <v>2020</v>
      </c>
    </row>
    <row r="171" spans="1:9" x14ac:dyDescent="0.25">
      <c r="A171">
        <v>173</v>
      </c>
      <c r="B171" t="s">
        <v>3980</v>
      </c>
      <c r="C171" t="s">
        <v>742</v>
      </c>
      <c r="D171">
        <v>48</v>
      </c>
      <c r="E171" t="s">
        <v>4165</v>
      </c>
      <c r="F171" t="s">
        <v>4164</v>
      </c>
      <c r="G171" t="s">
        <v>669</v>
      </c>
      <c r="H171">
        <v>1</v>
      </c>
      <c r="I171">
        <v>2020</v>
      </c>
    </row>
    <row r="172" spans="1:9" x14ac:dyDescent="0.25">
      <c r="A172">
        <v>174</v>
      </c>
      <c r="B172" t="s">
        <v>3979</v>
      </c>
      <c r="C172" t="s">
        <v>742</v>
      </c>
      <c r="D172">
        <v>48</v>
      </c>
      <c r="E172" t="s">
        <v>4165</v>
      </c>
      <c r="F172" t="s">
        <v>4164</v>
      </c>
      <c r="G172" t="s">
        <v>669</v>
      </c>
      <c r="H172">
        <v>1</v>
      </c>
      <c r="I172">
        <v>2020</v>
      </c>
    </row>
    <row r="173" spans="1:9" x14ac:dyDescent="0.25">
      <c r="A173">
        <v>175</v>
      </c>
      <c r="B173" t="s">
        <v>3972</v>
      </c>
      <c r="C173" t="s">
        <v>742</v>
      </c>
      <c r="D173">
        <v>48</v>
      </c>
      <c r="E173" t="s">
        <v>4165</v>
      </c>
      <c r="F173" t="s">
        <v>4164</v>
      </c>
      <c r="G173" t="s">
        <v>669</v>
      </c>
      <c r="H173">
        <v>1</v>
      </c>
      <c r="I173">
        <v>2020</v>
      </c>
    </row>
    <row r="174" spans="1:9" x14ac:dyDescent="0.25">
      <c r="A174">
        <v>176</v>
      </c>
      <c r="B174" t="s">
        <v>3971</v>
      </c>
      <c r="C174" t="s">
        <v>742</v>
      </c>
      <c r="D174">
        <v>48</v>
      </c>
      <c r="E174" t="s">
        <v>4165</v>
      </c>
      <c r="F174" t="s">
        <v>4164</v>
      </c>
      <c r="G174" t="s">
        <v>669</v>
      </c>
      <c r="H174">
        <v>1</v>
      </c>
      <c r="I174">
        <v>2020</v>
      </c>
    </row>
    <row r="175" spans="1:9" x14ac:dyDescent="0.25">
      <c r="A175">
        <v>177</v>
      </c>
      <c r="B175" t="s">
        <v>3978</v>
      </c>
      <c r="C175" t="s">
        <v>742</v>
      </c>
      <c r="D175">
        <v>48</v>
      </c>
      <c r="E175" t="s">
        <v>4165</v>
      </c>
      <c r="F175" t="s">
        <v>4164</v>
      </c>
      <c r="G175" t="s">
        <v>669</v>
      </c>
      <c r="H175">
        <v>1</v>
      </c>
      <c r="I175">
        <v>2020</v>
      </c>
    </row>
    <row r="176" spans="1:9" x14ac:dyDescent="0.25">
      <c r="A176">
        <v>178</v>
      </c>
      <c r="B176" t="s">
        <v>1092</v>
      </c>
      <c r="C176" t="s">
        <v>742</v>
      </c>
      <c r="D176">
        <v>48</v>
      </c>
      <c r="E176" t="s">
        <v>4165</v>
      </c>
      <c r="F176" t="s">
        <v>4164</v>
      </c>
      <c r="G176" t="s">
        <v>669</v>
      </c>
      <c r="H176">
        <v>1</v>
      </c>
      <c r="I176">
        <v>2020</v>
      </c>
    </row>
    <row r="177" spans="1:9" x14ac:dyDescent="0.25">
      <c r="A177">
        <v>179</v>
      </c>
      <c r="B177" t="s">
        <v>3712</v>
      </c>
      <c r="C177" t="s">
        <v>880</v>
      </c>
      <c r="D177">
        <v>58</v>
      </c>
      <c r="E177" t="s">
        <v>4188</v>
      </c>
      <c r="F177" t="s">
        <v>4189</v>
      </c>
      <c r="G177" t="s">
        <v>669</v>
      </c>
      <c r="H177">
        <v>1</v>
      </c>
      <c r="I177">
        <v>2020</v>
      </c>
    </row>
    <row r="178" spans="1:9" x14ac:dyDescent="0.25">
      <c r="A178">
        <v>180</v>
      </c>
      <c r="B178" t="s">
        <v>4195</v>
      </c>
      <c r="C178" t="s">
        <v>742</v>
      </c>
      <c r="D178">
        <v>48</v>
      </c>
      <c r="E178" t="s">
        <v>4165</v>
      </c>
      <c r="F178" t="s">
        <v>4164</v>
      </c>
      <c r="G178" t="s">
        <v>669</v>
      </c>
      <c r="H178">
        <v>1</v>
      </c>
      <c r="I178">
        <v>2020</v>
      </c>
    </row>
    <row r="179" spans="1:9" x14ac:dyDescent="0.25">
      <c r="A179">
        <v>181</v>
      </c>
      <c r="B179" t="s">
        <v>3687</v>
      </c>
      <c r="C179" t="s">
        <v>1080</v>
      </c>
      <c r="D179">
        <v>49</v>
      </c>
      <c r="E179" t="s">
        <v>1080</v>
      </c>
      <c r="F179" t="s">
        <v>4189</v>
      </c>
      <c r="G179" t="s">
        <v>669</v>
      </c>
      <c r="H179">
        <v>1</v>
      </c>
      <c r="I179">
        <v>2020</v>
      </c>
    </row>
    <row r="180" spans="1:9" x14ac:dyDescent="0.25">
      <c r="A180">
        <v>182</v>
      </c>
      <c r="B180" t="s">
        <v>3933</v>
      </c>
      <c r="C180" t="s">
        <v>1080</v>
      </c>
      <c r="D180">
        <v>49</v>
      </c>
      <c r="E180" t="s">
        <v>1080</v>
      </c>
      <c r="F180" t="s">
        <v>4189</v>
      </c>
      <c r="G180" t="s">
        <v>669</v>
      </c>
      <c r="H180">
        <v>1</v>
      </c>
      <c r="I180">
        <v>2020</v>
      </c>
    </row>
    <row r="181" spans="1:9" x14ac:dyDescent="0.25">
      <c r="A181">
        <v>183</v>
      </c>
      <c r="B181" t="s">
        <v>3915</v>
      </c>
      <c r="C181" t="s">
        <v>1080</v>
      </c>
      <c r="D181">
        <v>49</v>
      </c>
      <c r="E181" t="s">
        <v>1080</v>
      </c>
      <c r="F181" t="s">
        <v>4189</v>
      </c>
      <c r="G181" t="s">
        <v>669</v>
      </c>
      <c r="H181">
        <v>1</v>
      </c>
      <c r="I181">
        <v>2020</v>
      </c>
    </row>
    <row r="182" spans="1:9" x14ac:dyDescent="0.25">
      <c r="A182">
        <v>184</v>
      </c>
      <c r="B182" t="s">
        <v>3780</v>
      </c>
      <c r="C182" t="s">
        <v>1080</v>
      </c>
      <c r="D182">
        <v>49</v>
      </c>
      <c r="E182" t="s">
        <v>1080</v>
      </c>
      <c r="F182" t="s">
        <v>4189</v>
      </c>
      <c r="G182" t="s">
        <v>669</v>
      </c>
      <c r="H182">
        <v>1</v>
      </c>
      <c r="I182">
        <v>2020</v>
      </c>
    </row>
    <row r="183" spans="1:9" x14ac:dyDescent="0.25">
      <c r="A183">
        <v>185</v>
      </c>
      <c r="B183" t="s">
        <v>3948</v>
      </c>
      <c r="C183" t="s">
        <v>1080</v>
      </c>
      <c r="D183">
        <v>49</v>
      </c>
      <c r="E183" t="s">
        <v>1080</v>
      </c>
      <c r="F183" t="s">
        <v>4189</v>
      </c>
      <c r="G183" t="s">
        <v>669</v>
      </c>
      <c r="H183">
        <v>1</v>
      </c>
      <c r="I183">
        <v>2020</v>
      </c>
    </row>
    <row r="184" spans="1:9" x14ac:dyDescent="0.25">
      <c r="A184">
        <v>187</v>
      </c>
      <c r="B184" t="s">
        <v>3973</v>
      </c>
      <c r="C184" t="s">
        <v>1080</v>
      </c>
      <c r="D184">
        <v>49</v>
      </c>
      <c r="E184" t="s">
        <v>1080</v>
      </c>
      <c r="F184" t="s">
        <v>4189</v>
      </c>
      <c r="G184" t="s">
        <v>669</v>
      </c>
      <c r="H184">
        <v>1</v>
      </c>
      <c r="I184">
        <v>2020</v>
      </c>
    </row>
    <row r="185" spans="1:9" x14ac:dyDescent="0.25">
      <c r="A185">
        <v>188</v>
      </c>
      <c r="B185" t="s">
        <v>1080</v>
      </c>
      <c r="C185" t="s">
        <v>1080</v>
      </c>
      <c r="D185">
        <v>49</v>
      </c>
      <c r="E185" t="s">
        <v>1080</v>
      </c>
      <c r="F185" t="s">
        <v>4189</v>
      </c>
      <c r="G185" t="s">
        <v>669</v>
      </c>
      <c r="H185">
        <v>1</v>
      </c>
      <c r="I185">
        <v>2020</v>
      </c>
    </row>
    <row r="186" spans="1:9" x14ac:dyDescent="0.25">
      <c r="A186">
        <v>189</v>
      </c>
      <c r="B186" t="s">
        <v>1081</v>
      </c>
      <c r="C186" t="s">
        <v>1080</v>
      </c>
      <c r="D186">
        <v>49</v>
      </c>
      <c r="E186" t="s">
        <v>1080</v>
      </c>
      <c r="F186" t="s">
        <v>4189</v>
      </c>
      <c r="G186" t="s">
        <v>669</v>
      </c>
      <c r="H186">
        <v>1</v>
      </c>
      <c r="I186">
        <v>2020</v>
      </c>
    </row>
    <row r="187" spans="1:9" x14ac:dyDescent="0.25">
      <c r="A187">
        <v>190</v>
      </c>
      <c r="B187" t="s">
        <v>4196</v>
      </c>
      <c r="C187" t="s">
        <v>1080</v>
      </c>
      <c r="D187">
        <v>49</v>
      </c>
      <c r="E187" t="s">
        <v>1080</v>
      </c>
      <c r="F187" t="s">
        <v>4189</v>
      </c>
      <c r="G187" t="s">
        <v>669</v>
      </c>
      <c r="H187">
        <v>1</v>
      </c>
      <c r="I187">
        <v>2020</v>
      </c>
    </row>
    <row r="188" spans="1:9" x14ac:dyDescent="0.25">
      <c r="A188">
        <v>191</v>
      </c>
      <c r="B188" t="s">
        <v>2728</v>
      </c>
      <c r="C188" t="s">
        <v>3131</v>
      </c>
      <c r="D188">
        <v>50</v>
      </c>
      <c r="E188" t="s">
        <v>1080</v>
      </c>
      <c r="F188" t="s">
        <v>4189</v>
      </c>
      <c r="G188" t="s">
        <v>669</v>
      </c>
      <c r="H188">
        <v>1</v>
      </c>
      <c r="I188">
        <v>2020</v>
      </c>
    </row>
    <row r="189" spans="1:9" x14ac:dyDescent="0.25">
      <c r="A189">
        <v>192</v>
      </c>
      <c r="B189" t="s">
        <v>3804</v>
      </c>
      <c r="C189" t="s">
        <v>3131</v>
      </c>
      <c r="D189">
        <v>50</v>
      </c>
      <c r="E189" t="s">
        <v>1080</v>
      </c>
      <c r="F189" t="s">
        <v>4189</v>
      </c>
      <c r="G189" t="s">
        <v>669</v>
      </c>
      <c r="H189">
        <v>1</v>
      </c>
      <c r="I189">
        <v>2020</v>
      </c>
    </row>
    <row r="190" spans="1:9" x14ac:dyDescent="0.25">
      <c r="A190">
        <v>193</v>
      </c>
      <c r="B190" t="s">
        <v>3902</v>
      </c>
      <c r="C190" t="s">
        <v>3131</v>
      </c>
      <c r="D190">
        <v>50</v>
      </c>
      <c r="E190" t="s">
        <v>1080</v>
      </c>
      <c r="F190" t="s">
        <v>4189</v>
      </c>
      <c r="G190" t="s">
        <v>669</v>
      </c>
      <c r="H190">
        <v>1</v>
      </c>
      <c r="I190">
        <v>2020</v>
      </c>
    </row>
    <row r="191" spans="1:9" x14ac:dyDescent="0.25">
      <c r="A191">
        <v>194</v>
      </c>
      <c r="B191" t="s">
        <v>3914</v>
      </c>
      <c r="C191" t="s">
        <v>1528</v>
      </c>
      <c r="D191">
        <v>51</v>
      </c>
      <c r="E191" t="s">
        <v>4193</v>
      </c>
      <c r="F191" t="s">
        <v>4189</v>
      </c>
      <c r="G191" t="s">
        <v>669</v>
      </c>
      <c r="H191">
        <v>1</v>
      </c>
      <c r="I191">
        <v>2020</v>
      </c>
    </row>
    <row r="192" spans="1:9" x14ac:dyDescent="0.25">
      <c r="A192">
        <v>195</v>
      </c>
      <c r="B192" t="s">
        <v>3913</v>
      </c>
      <c r="C192" t="s">
        <v>1528</v>
      </c>
      <c r="D192">
        <v>51</v>
      </c>
      <c r="E192" t="s">
        <v>4193</v>
      </c>
      <c r="F192" t="s">
        <v>4189</v>
      </c>
      <c r="G192" t="s">
        <v>669</v>
      </c>
      <c r="H192">
        <v>1</v>
      </c>
      <c r="I192">
        <v>2020</v>
      </c>
    </row>
    <row r="193" spans="1:9" x14ac:dyDescent="0.25">
      <c r="A193">
        <v>196</v>
      </c>
      <c r="B193" t="s">
        <v>3912</v>
      </c>
      <c r="C193" t="s">
        <v>1528</v>
      </c>
      <c r="D193">
        <v>51</v>
      </c>
      <c r="E193" t="s">
        <v>4193</v>
      </c>
      <c r="F193" t="s">
        <v>4189</v>
      </c>
      <c r="G193" t="s">
        <v>669</v>
      </c>
      <c r="H193">
        <v>1</v>
      </c>
      <c r="I193">
        <v>2020</v>
      </c>
    </row>
    <row r="194" spans="1:9" x14ac:dyDescent="0.25">
      <c r="A194">
        <v>197</v>
      </c>
      <c r="B194" t="s">
        <v>4197</v>
      </c>
      <c r="C194" t="s">
        <v>1528</v>
      </c>
      <c r="D194">
        <v>51</v>
      </c>
      <c r="E194" t="s">
        <v>4193</v>
      </c>
      <c r="F194" t="s">
        <v>4189</v>
      </c>
      <c r="G194" t="s">
        <v>669</v>
      </c>
      <c r="H194">
        <v>1</v>
      </c>
      <c r="I194">
        <v>2020</v>
      </c>
    </row>
    <row r="195" spans="1:9" x14ac:dyDescent="0.25">
      <c r="A195">
        <v>198</v>
      </c>
      <c r="B195" t="s">
        <v>3939</v>
      </c>
      <c r="C195" t="s">
        <v>714</v>
      </c>
      <c r="D195">
        <v>52</v>
      </c>
      <c r="E195" t="s">
        <v>4198</v>
      </c>
      <c r="F195" t="s">
        <v>4189</v>
      </c>
      <c r="G195" t="s">
        <v>669</v>
      </c>
      <c r="H195">
        <v>1</v>
      </c>
      <c r="I195">
        <v>2020</v>
      </c>
    </row>
    <row r="196" spans="1:9" x14ac:dyDescent="0.25">
      <c r="A196">
        <v>199</v>
      </c>
      <c r="B196" t="s">
        <v>3975</v>
      </c>
      <c r="C196" t="s">
        <v>714</v>
      </c>
      <c r="D196">
        <v>52</v>
      </c>
      <c r="E196" t="s">
        <v>4198</v>
      </c>
      <c r="F196" t="s">
        <v>4189</v>
      </c>
      <c r="G196" t="s">
        <v>669</v>
      </c>
      <c r="H196">
        <v>1</v>
      </c>
      <c r="I196">
        <v>2020</v>
      </c>
    </row>
    <row r="197" spans="1:9" x14ac:dyDescent="0.25">
      <c r="A197">
        <v>200</v>
      </c>
      <c r="B197" t="s">
        <v>3801</v>
      </c>
      <c r="C197" t="s">
        <v>714</v>
      </c>
      <c r="D197">
        <v>52</v>
      </c>
      <c r="E197" t="s">
        <v>4198</v>
      </c>
      <c r="F197" t="s">
        <v>4189</v>
      </c>
      <c r="G197" t="s">
        <v>669</v>
      </c>
      <c r="H197">
        <v>1</v>
      </c>
      <c r="I197">
        <v>2020</v>
      </c>
    </row>
    <row r="198" spans="1:9" x14ac:dyDescent="0.25">
      <c r="A198">
        <v>201</v>
      </c>
      <c r="B198" t="s">
        <v>3974</v>
      </c>
      <c r="C198" t="s">
        <v>714</v>
      </c>
      <c r="D198">
        <v>52</v>
      </c>
      <c r="E198" t="s">
        <v>4198</v>
      </c>
      <c r="F198" t="s">
        <v>4189</v>
      </c>
      <c r="G198" t="s">
        <v>669</v>
      </c>
      <c r="H198">
        <v>1</v>
      </c>
      <c r="I198">
        <v>2020</v>
      </c>
    </row>
    <row r="199" spans="1:9" x14ac:dyDescent="0.25">
      <c r="A199">
        <v>202</v>
      </c>
      <c r="B199" t="s">
        <v>928</v>
      </c>
      <c r="C199" t="s">
        <v>714</v>
      </c>
      <c r="D199">
        <v>52</v>
      </c>
      <c r="E199" t="s">
        <v>4198</v>
      </c>
      <c r="F199" t="s">
        <v>4189</v>
      </c>
      <c r="G199" t="s">
        <v>669</v>
      </c>
      <c r="H199">
        <v>1</v>
      </c>
      <c r="I199">
        <v>2020</v>
      </c>
    </row>
    <row r="200" spans="1:9" x14ac:dyDescent="0.25">
      <c r="A200">
        <v>203</v>
      </c>
      <c r="B200" t="s">
        <v>926</v>
      </c>
      <c r="C200" t="s">
        <v>714</v>
      </c>
      <c r="D200">
        <v>52</v>
      </c>
      <c r="E200" t="s">
        <v>4198</v>
      </c>
      <c r="F200" t="s">
        <v>4189</v>
      </c>
      <c r="G200" t="s">
        <v>669</v>
      </c>
      <c r="H200">
        <v>1</v>
      </c>
      <c r="I200">
        <v>2020</v>
      </c>
    </row>
    <row r="201" spans="1:9" x14ac:dyDescent="0.25">
      <c r="A201">
        <v>204</v>
      </c>
      <c r="B201" t="s">
        <v>3931</v>
      </c>
      <c r="C201" t="s">
        <v>710</v>
      </c>
      <c r="D201">
        <v>53</v>
      </c>
      <c r="E201" t="s">
        <v>4198</v>
      </c>
      <c r="F201" t="s">
        <v>4189</v>
      </c>
      <c r="G201" t="s">
        <v>669</v>
      </c>
      <c r="H201">
        <v>1</v>
      </c>
      <c r="I201">
        <v>2020</v>
      </c>
    </row>
    <row r="202" spans="1:9" x14ac:dyDescent="0.25">
      <c r="A202">
        <v>205</v>
      </c>
      <c r="B202" t="s">
        <v>3888</v>
      </c>
      <c r="C202" t="s">
        <v>710</v>
      </c>
      <c r="D202">
        <v>53</v>
      </c>
      <c r="E202" t="s">
        <v>4198</v>
      </c>
      <c r="F202" t="s">
        <v>4189</v>
      </c>
      <c r="G202" t="s">
        <v>669</v>
      </c>
      <c r="H202">
        <v>1</v>
      </c>
      <c r="I202">
        <v>2020</v>
      </c>
    </row>
    <row r="203" spans="1:9" x14ac:dyDescent="0.25">
      <c r="A203">
        <v>206</v>
      </c>
      <c r="B203" t="s">
        <v>711</v>
      </c>
      <c r="C203" t="s">
        <v>710</v>
      </c>
      <c r="D203">
        <v>53</v>
      </c>
      <c r="E203" t="s">
        <v>4198</v>
      </c>
      <c r="F203" t="s">
        <v>4189</v>
      </c>
      <c r="G203" t="s">
        <v>669</v>
      </c>
      <c r="H203">
        <v>1</v>
      </c>
      <c r="I203">
        <v>2020</v>
      </c>
    </row>
    <row r="204" spans="1:9" x14ac:dyDescent="0.25">
      <c r="A204">
        <v>207</v>
      </c>
      <c r="B204" t="s">
        <v>3976</v>
      </c>
      <c r="C204" t="s">
        <v>710</v>
      </c>
      <c r="D204">
        <v>53</v>
      </c>
      <c r="E204" t="s">
        <v>4198</v>
      </c>
      <c r="F204" t="s">
        <v>4189</v>
      </c>
      <c r="G204" t="s">
        <v>669</v>
      </c>
      <c r="H204">
        <v>1</v>
      </c>
      <c r="I204">
        <v>2020</v>
      </c>
    </row>
    <row r="205" spans="1:9" x14ac:dyDescent="0.25">
      <c r="A205">
        <v>208</v>
      </c>
      <c r="B205" t="s">
        <v>4029</v>
      </c>
      <c r="C205" t="s">
        <v>710</v>
      </c>
      <c r="D205">
        <v>53</v>
      </c>
      <c r="E205" t="s">
        <v>4198</v>
      </c>
      <c r="F205" t="s">
        <v>4189</v>
      </c>
      <c r="G205" t="s">
        <v>669</v>
      </c>
      <c r="H205">
        <v>1</v>
      </c>
      <c r="I205">
        <v>2020</v>
      </c>
    </row>
    <row r="206" spans="1:9" x14ac:dyDescent="0.25">
      <c r="A206">
        <v>209</v>
      </c>
      <c r="B206" t="s">
        <v>3909</v>
      </c>
      <c r="C206" t="s">
        <v>710</v>
      </c>
      <c r="D206">
        <v>53</v>
      </c>
      <c r="E206" t="s">
        <v>4198</v>
      </c>
      <c r="F206" t="s">
        <v>4189</v>
      </c>
      <c r="G206" t="s">
        <v>669</v>
      </c>
      <c r="H206">
        <v>1</v>
      </c>
      <c r="I206">
        <v>2020</v>
      </c>
    </row>
    <row r="207" spans="1:9" x14ac:dyDescent="0.25">
      <c r="A207">
        <v>211</v>
      </c>
      <c r="B207" t="s">
        <v>748</v>
      </c>
      <c r="C207" t="s">
        <v>695</v>
      </c>
      <c r="D207">
        <v>54</v>
      </c>
      <c r="E207" t="s">
        <v>4198</v>
      </c>
      <c r="F207" t="s">
        <v>4189</v>
      </c>
      <c r="G207" t="s">
        <v>669</v>
      </c>
      <c r="H207">
        <v>1</v>
      </c>
      <c r="I207">
        <v>2020</v>
      </c>
    </row>
    <row r="208" spans="1:9" x14ac:dyDescent="0.25">
      <c r="A208">
        <v>212</v>
      </c>
      <c r="B208" t="s">
        <v>4031</v>
      </c>
      <c r="C208" t="s">
        <v>695</v>
      </c>
      <c r="D208">
        <v>54</v>
      </c>
      <c r="E208" t="s">
        <v>4198</v>
      </c>
      <c r="F208" t="s">
        <v>4189</v>
      </c>
      <c r="G208" t="s">
        <v>669</v>
      </c>
      <c r="H208">
        <v>1</v>
      </c>
      <c r="I208">
        <v>2020</v>
      </c>
    </row>
    <row r="209" spans="1:9" x14ac:dyDescent="0.25">
      <c r="A209">
        <v>213</v>
      </c>
      <c r="B209" t="s">
        <v>3936</v>
      </c>
      <c r="C209" t="s">
        <v>695</v>
      </c>
      <c r="D209">
        <v>54</v>
      </c>
      <c r="E209" t="s">
        <v>4198</v>
      </c>
      <c r="F209" t="s">
        <v>4189</v>
      </c>
      <c r="G209" t="s">
        <v>669</v>
      </c>
      <c r="H209">
        <v>1</v>
      </c>
      <c r="I209">
        <v>2020</v>
      </c>
    </row>
    <row r="210" spans="1:9" x14ac:dyDescent="0.25">
      <c r="A210">
        <v>214</v>
      </c>
      <c r="B210" t="s">
        <v>3787</v>
      </c>
      <c r="C210" t="s">
        <v>695</v>
      </c>
      <c r="D210">
        <v>54</v>
      </c>
      <c r="E210" t="s">
        <v>4198</v>
      </c>
      <c r="F210" t="s">
        <v>4189</v>
      </c>
      <c r="G210" t="s">
        <v>669</v>
      </c>
      <c r="H210">
        <v>1</v>
      </c>
      <c r="I210">
        <v>2020</v>
      </c>
    </row>
    <row r="211" spans="1:9" x14ac:dyDescent="0.25">
      <c r="A211">
        <v>215</v>
      </c>
      <c r="B211" t="s">
        <v>1511</v>
      </c>
      <c r="C211" t="s">
        <v>695</v>
      </c>
      <c r="D211">
        <v>54</v>
      </c>
      <c r="E211" t="s">
        <v>4198</v>
      </c>
      <c r="F211" t="s">
        <v>4189</v>
      </c>
      <c r="G211" t="s">
        <v>669</v>
      </c>
      <c r="H211">
        <v>1</v>
      </c>
      <c r="I211">
        <v>2020</v>
      </c>
    </row>
    <row r="212" spans="1:9" x14ac:dyDescent="0.25">
      <c r="A212">
        <v>216</v>
      </c>
      <c r="B212" t="s">
        <v>1934</v>
      </c>
      <c r="C212" t="s">
        <v>695</v>
      </c>
      <c r="D212">
        <v>54</v>
      </c>
      <c r="E212" t="s">
        <v>4198</v>
      </c>
      <c r="F212" t="s">
        <v>4189</v>
      </c>
      <c r="G212" t="s">
        <v>669</v>
      </c>
      <c r="H212">
        <v>1</v>
      </c>
      <c r="I212">
        <v>2020</v>
      </c>
    </row>
    <row r="213" spans="1:9" x14ac:dyDescent="0.25">
      <c r="A213">
        <v>217</v>
      </c>
      <c r="B213" t="s">
        <v>1738</v>
      </c>
      <c r="C213" t="s">
        <v>1738</v>
      </c>
      <c r="D213">
        <v>55</v>
      </c>
      <c r="E213" t="s">
        <v>4194</v>
      </c>
      <c r="F213" t="s">
        <v>4189</v>
      </c>
      <c r="G213" t="s">
        <v>669</v>
      </c>
      <c r="H213">
        <v>1</v>
      </c>
      <c r="I213">
        <v>2020</v>
      </c>
    </row>
    <row r="214" spans="1:9" x14ac:dyDescent="0.25">
      <c r="A214">
        <v>218</v>
      </c>
      <c r="B214" t="s">
        <v>4199</v>
      </c>
      <c r="C214" t="s">
        <v>1738</v>
      </c>
      <c r="D214">
        <v>55</v>
      </c>
      <c r="E214" t="s">
        <v>4194</v>
      </c>
      <c r="F214" t="s">
        <v>4189</v>
      </c>
      <c r="G214" t="s">
        <v>669</v>
      </c>
      <c r="H214">
        <v>1</v>
      </c>
      <c r="I214">
        <v>2020</v>
      </c>
    </row>
    <row r="215" spans="1:9" x14ac:dyDescent="0.25">
      <c r="A215">
        <v>219</v>
      </c>
      <c r="B215" t="s">
        <v>3943</v>
      </c>
      <c r="C215" t="s">
        <v>1738</v>
      </c>
      <c r="D215">
        <v>55</v>
      </c>
      <c r="E215" t="s">
        <v>4194</v>
      </c>
      <c r="F215" t="s">
        <v>4189</v>
      </c>
      <c r="G215" t="s">
        <v>669</v>
      </c>
      <c r="H215">
        <v>1</v>
      </c>
      <c r="I215">
        <v>2020</v>
      </c>
    </row>
    <row r="216" spans="1:9" x14ac:dyDescent="0.25">
      <c r="A216">
        <v>220</v>
      </c>
      <c r="B216" t="s">
        <v>3435</v>
      </c>
      <c r="C216" t="s">
        <v>1738</v>
      </c>
      <c r="D216">
        <v>55</v>
      </c>
      <c r="E216" t="s">
        <v>4194</v>
      </c>
      <c r="F216" t="s">
        <v>4189</v>
      </c>
      <c r="G216" t="s">
        <v>669</v>
      </c>
      <c r="H216">
        <v>1</v>
      </c>
      <c r="I216">
        <v>2020</v>
      </c>
    </row>
    <row r="217" spans="1:9" x14ac:dyDescent="0.25">
      <c r="A217">
        <v>221</v>
      </c>
      <c r="B217" t="s">
        <v>3669</v>
      </c>
      <c r="C217" t="s">
        <v>693</v>
      </c>
      <c r="D217">
        <v>56</v>
      </c>
      <c r="E217" t="s">
        <v>4193</v>
      </c>
      <c r="F217" t="s">
        <v>4189</v>
      </c>
      <c r="G217" t="s">
        <v>669</v>
      </c>
      <c r="H217">
        <v>1</v>
      </c>
      <c r="I217">
        <v>2020</v>
      </c>
    </row>
    <row r="218" spans="1:9" x14ac:dyDescent="0.25">
      <c r="A218">
        <v>223</v>
      </c>
      <c r="B218" t="s">
        <v>3929</v>
      </c>
      <c r="C218" t="s">
        <v>693</v>
      </c>
      <c r="D218">
        <v>56</v>
      </c>
      <c r="E218" t="s">
        <v>4193</v>
      </c>
      <c r="F218" t="s">
        <v>4189</v>
      </c>
      <c r="G218" t="s">
        <v>669</v>
      </c>
      <c r="H218">
        <v>1</v>
      </c>
      <c r="I218">
        <v>2020</v>
      </c>
    </row>
    <row r="219" spans="1:9" x14ac:dyDescent="0.25">
      <c r="A219">
        <v>224</v>
      </c>
      <c r="B219" t="s">
        <v>3125</v>
      </c>
      <c r="C219" t="s">
        <v>693</v>
      </c>
      <c r="D219">
        <v>56</v>
      </c>
      <c r="E219" t="s">
        <v>4193</v>
      </c>
      <c r="F219" t="s">
        <v>4189</v>
      </c>
      <c r="G219" t="s">
        <v>669</v>
      </c>
      <c r="H219">
        <v>1</v>
      </c>
      <c r="I219">
        <v>2020</v>
      </c>
    </row>
    <row r="220" spans="1:9" x14ac:dyDescent="0.25">
      <c r="A220">
        <v>225</v>
      </c>
      <c r="B220" t="s">
        <v>1876</v>
      </c>
      <c r="C220" t="s">
        <v>693</v>
      </c>
      <c r="D220">
        <v>56</v>
      </c>
      <c r="E220" t="s">
        <v>4193</v>
      </c>
      <c r="F220" t="s">
        <v>4189</v>
      </c>
      <c r="G220" t="s">
        <v>669</v>
      </c>
      <c r="H220">
        <v>1</v>
      </c>
      <c r="I220">
        <v>2020</v>
      </c>
    </row>
    <row r="221" spans="1:9" x14ac:dyDescent="0.25">
      <c r="A221">
        <v>226</v>
      </c>
      <c r="B221" t="s">
        <v>3674</v>
      </c>
      <c r="C221" t="s">
        <v>693</v>
      </c>
      <c r="D221">
        <v>56</v>
      </c>
      <c r="E221" t="s">
        <v>4193</v>
      </c>
      <c r="F221" t="s">
        <v>4189</v>
      </c>
      <c r="G221" t="s">
        <v>669</v>
      </c>
      <c r="H221">
        <v>1</v>
      </c>
      <c r="I221">
        <v>2020</v>
      </c>
    </row>
    <row r="222" spans="1:9" x14ac:dyDescent="0.25">
      <c r="A222">
        <v>227</v>
      </c>
      <c r="B222" t="s">
        <v>4030</v>
      </c>
      <c r="C222" t="s">
        <v>693</v>
      </c>
      <c r="D222">
        <v>56</v>
      </c>
      <c r="E222" t="s">
        <v>4193</v>
      </c>
      <c r="F222" t="s">
        <v>4189</v>
      </c>
      <c r="G222" t="s">
        <v>669</v>
      </c>
      <c r="H222">
        <v>1</v>
      </c>
      <c r="I222">
        <v>2020</v>
      </c>
    </row>
    <row r="223" spans="1:9" x14ac:dyDescent="0.25">
      <c r="A223">
        <v>228</v>
      </c>
      <c r="B223" t="s">
        <v>3970</v>
      </c>
      <c r="C223" t="s">
        <v>693</v>
      </c>
      <c r="D223">
        <v>56</v>
      </c>
      <c r="E223" t="s">
        <v>4193</v>
      </c>
      <c r="F223" t="s">
        <v>4189</v>
      </c>
      <c r="G223" t="s">
        <v>669</v>
      </c>
      <c r="H223">
        <v>1</v>
      </c>
      <c r="I223">
        <v>2020</v>
      </c>
    </row>
    <row r="224" spans="1:9" x14ac:dyDescent="0.25">
      <c r="A224">
        <v>229</v>
      </c>
      <c r="B224" t="s">
        <v>3969</v>
      </c>
      <c r="C224" t="s">
        <v>693</v>
      </c>
      <c r="D224">
        <v>56</v>
      </c>
      <c r="E224" t="s">
        <v>4193</v>
      </c>
      <c r="F224" t="s">
        <v>4189</v>
      </c>
      <c r="G224" t="s">
        <v>669</v>
      </c>
      <c r="H224">
        <v>1</v>
      </c>
      <c r="I224">
        <v>2020</v>
      </c>
    </row>
    <row r="225" spans="1:9" x14ac:dyDescent="0.25">
      <c r="A225">
        <v>230</v>
      </c>
      <c r="B225" t="s">
        <v>3788</v>
      </c>
      <c r="C225" t="s">
        <v>693</v>
      </c>
      <c r="D225">
        <v>56</v>
      </c>
      <c r="E225" t="s">
        <v>4193</v>
      </c>
      <c r="F225" t="s">
        <v>4189</v>
      </c>
      <c r="G225" t="s">
        <v>669</v>
      </c>
      <c r="H225">
        <v>1</v>
      </c>
      <c r="I225">
        <v>2020</v>
      </c>
    </row>
    <row r="226" spans="1:9" x14ac:dyDescent="0.25">
      <c r="A226">
        <v>231</v>
      </c>
      <c r="B226" t="s">
        <v>3786</v>
      </c>
      <c r="C226" t="s">
        <v>693</v>
      </c>
      <c r="D226">
        <v>56</v>
      </c>
      <c r="E226" t="s">
        <v>4193</v>
      </c>
      <c r="F226" t="s">
        <v>4189</v>
      </c>
      <c r="G226" t="s">
        <v>669</v>
      </c>
      <c r="H226">
        <v>1</v>
      </c>
      <c r="I226">
        <v>2020</v>
      </c>
    </row>
    <row r="227" spans="1:9" x14ac:dyDescent="0.25">
      <c r="A227">
        <v>232</v>
      </c>
      <c r="B227" t="s">
        <v>4200</v>
      </c>
      <c r="C227" t="s">
        <v>693</v>
      </c>
      <c r="D227">
        <v>56</v>
      </c>
      <c r="E227" t="s">
        <v>4193</v>
      </c>
      <c r="F227" t="s">
        <v>4189</v>
      </c>
      <c r="G227" t="s">
        <v>669</v>
      </c>
      <c r="H227">
        <v>1</v>
      </c>
      <c r="I227">
        <v>2020</v>
      </c>
    </row>
    <row r="228" spans="1:9" x14ac:dyDescent="0.25">
      <c r="A228">
        <v>233</v>
      </c>
      <c r="B228" t="s">
        <v>2468</v>
      </c>
      <c r="C228" t="s">
        <v>693</v>
      </c>
      <c r="D228">
        <v>56</v>
      </c>
      <c r="E228" t="s">
        <v>4193</v>
      </c>
      <c r="F228" t="s">
        <v>4189</v>
      </c>
      <c r="G228" t="s">
        <v>669</v>
      </c>
      <c r="H228">
        <v>1</v>
      </c>
      <c r="I228">
        <v>2020</v>
      </c>
    </row>
    <row r="229" spans="1:9" x14ac:dyDescent="0.25">
      <c r="A229">
        <v>234</v>
      </c>
      <c r="B229" t="s">
        <v>3951</v>
      </c>
      <c r="C229" t="s">
        <v>1259</v>
      </c>
      <c r="D229">
        <v>57</v>
      </c>
      <c r="E229" t="s">
        <v>4188</v>
      </c>
      <c r="F229" t="s">
        <v>4189</v>
      </c>
      <c r="G229" t="s">
        <v>669</v>
      </c>
      <c r="H229">
        <v>1</v>
      </c>
      <c r="I229">
        <v>2020</v>
      </c>
    </row>
    <row r="230" spans="1:9" x14ac:dyDescent="0.25">
      <c r="A230">
        <v>235</v>
      </c>
      <c r="B230" t="s">
        <v>1260</v>
      </c>
      <c r="C230" t="s">
        <v>1259</v>
      </c>
      <c r="D230">
        <v>57</v>
      </c>
      <c r="E230" t="s">
        <v>4188</v>
      </c>
      <c r="F230" t="s">
        <v>4189</v>
      </c>
      <c r="G230" t="s">
        <v>669</v>
      </c>
      <c r="H230">
        <v>1</v>
      </c>
      <c r="I230">
        <v>2020</v>
      </c>
    </row>
    <row r="231" spans="1:9" x14ac:dyDescent="0.25">
      <c r="A231">
        <v>236</v>
      </c>
      <c r="B231" t="s">
        <v>880</v>
      </c>
      <c r="C231" t="s">
        <v>880</v>
      </c>
      <c r="D231">
        <v>58</v>
      </c>
      <c r="E231" t="s">
        <v>4188</v>
      </c>
      <c r="F231" t="s">
        <v>4189</v>
      </c>
      <c r="G231" t="s">
        <v>669</v>
      </c>
      <c r="H231">
        <v>1</v>
      </c>
      <c r="I231">
        <v>2020</v>
      </c>
    </row>
    <row r="232" spans="1:9" x14ac:dyDescent="0.25">
      <c r="A232">
        <v>237</v>
      </c>
      <c r="B232" t="s">
        <v>3937</v>
      </c>
      <c r="C232" t="s">
        <v>880</v>
      </c>
      <c r="D232">
        <v>58</v>
      </c>
      <c r="E232" t="s">
        <v>4188</v>
      </c>
      <c r="F232" t="s">
        <v>4189</v>
      </c>
      <c r="G232" t="s">
        <v>669</v>
      </c>
      <c r="H232">
        <v>1</v>
      </c>
      <c r="I232">
        <v>2020</v>
      </c>
    </row>
    <row r="233" spans="1:9" x14ac:dyDescent="0.25">
      <c r="A233">
        <v>238</v>
      </c>
      <c r="B233" t="s">
        <v>1086</v>
      </c>
      <c r="C233" t="s">
        <v>880</v>
      </c>
      <c r="D233">
        <v>58</v>
      </c>
      <c r="E233" t="s">
        <v>4188</v>
      </c>
      <c r="F233" t="s">
        <v>4189</v>
      </c>
      <c r="G233" t="s">
        <v>669</v>
      </c>
      <c r="H233">
        <v>1</v>
      </c>
      <c r="I233">
        <v>2020</v>
      </c>
    </row>
    <row r="234" spans="1:9" x14ac:dyDescent="0.25">
      <c r="A234">
        <v>239</v>
      </c>
      <c r="B234" t="s">
        <v>3982</v>
      </c>
      <c r="C234" t="s">
        <v>880</v>
      </c>
      <c r="D234">
        <v>58</v>
      </c>
      <c r="E234" t="s">
        <v>4188</v>
      </c>
      <c r="F234" t="s">
        <v>4189</v>
      </c>
      <c r="G234" t="s">
        <v>669</v>
      </c>
      <c r="H234">
        <v>1</v>
      </c>
      <c r="I234">
        <v>2020</v>
      </c>
    </row>
    <row r="235" spans="1:9" x14ac:dyDescent="0.25">
      <c r="A235">
        <v>240</v>
      </c>
      <c r="B235" t="s">
        <v>3694</v>
      </c>
      <c r="C235" t="s">
        <v>707</v>
      </c>
      <c r="D235">
        <v>59</v>
      </c>
      <c r="E235" t="s">
        <v>980</v>
      </c>
      <c r="F235" t="s">
        <v>4189</v>
      </c>
      <c r="G235" t="s">
        <v>669</v>
      </c>
      <c r="H235">
        <v>1</v>
      </c>
      <c r="I235">
        <v>2020</v>
      </c>
    </row>
    <row r="236" spans="1:9" x14ac:dyDescent="0.25">
      <c r="A236">
        <v>241</v>
      </c>
      <c r="B236" t="s">
        <v>2292</v>
      </c>
      <c r="C236" t="s">
        <v>707</v>
      </c>
      <c r="D236">
        <v>59</v>
      </c>
      <c r="E236" t="s">
        <v>980</v>
      </c>
      <c r="F236" t="s">
        <v>4189</v>
      </c>
      <c r="G236" t="s">
        <v>669</v>
      </c>
      <c r="H236">
        <v>1</v>
      </c>
      <c r="I236">
        <v>2020</v>
      </c>
    </row>
    <row r="237" spans="1:9" x14ac:dyDescent="0.25">
      <c r="A237">
        <v>242</v>
      </c>
      <c r="B237" t="s">
        <v>708</v>
      </c>
      <c r="C237" t="s">
        <v>707</v>
      </c>
      <c r="D237">
        <v>59</v>
      </c>
      <c r="E237" t="s">
        <v>980</v>
      </c>
      <c r="F237" t="s">
        <v>4189</v>
      </c>
      <c r="G237" t="s">
        <v>669</v>
      </c>
      <c r="H237">
        <v>1</v>
      </c>
      <c r="I237">
        <v>2020</v>
      </c>
    </row>
    <row r="238" spans="1:9" x14ac:dyDescent="0.25">
      <c r="A238">
        <v>243</v>
      </c>
      <c r="B238" t="s">
        <v>709</v>
      </c>
      <c r="C238" t="s">
        <v>707</v>
      </c>
      <c r="D238">
        <v>59</v>
      </c>
      <c r="E238" t="s">
        <v>980</v>
      </c>
      <c r="F238" t="s">
        <v>4189</v>
      </c>
      <c r="G238" t="s">
        <v>669</v>
      </c>
      <c r="H238">
        <v>1</v>
      </c>
      <c r="I238">
        <v>2020</v>
      </c>
    </row>
    <row r="239" spans="1:9" x14ac:dyDescent="0.25">
      <c r="A239">
        <v>244</v>
      </c>
      <c r="B239" t="s">
        <v>3911</v>
      </c>
      <c r="C239" t="s">
        <v>707</v>
      </c>
      <c r="D239">
        <v>59</v>
      </c>
      <c r="E239" t="s">
        <v>980</v>
      </c>
      <c r="F239" t="s">
        <v>4189</v>
      </c>
      <c r="G239" t="s">
        <v>669</v>
      </c>
      <c r="H239">
        <v>1</v>
      </c>
      <c r="I239">
        <v>2020</v>
      </c>
    </row>
    <row r="240" spans="1:9" x14ac:dyDescent="0.25">
      <c r="A240">
        <v>245</v>
      </c>
      <c r="B240" t="s">
        <v>3673</v>
      </c>
      <c r="C240" t="s">
        <v>1236</v>
      </c>
      <c r="D240">
        <v>60</v>
      </c>
      <c r="E240" t="s">
        <v>4193</v>
      </c>
      <c r="F240" t="s">
        <v>4189</v>
      </c>
      <c r="G240" t="s">
        <v>669</v>
      </c>
      <c r="H240">
        <v>1</v>
      </c>
      <c r="I240">
        <v>2020</v>
      </c>
    </row>
    <row r="241" spans="1:9" x14ac:dyDescent="0.25">
      <c r="A241">
        <v>246</v>
      </c>
      <c r="B241" t="s">
        <v>4025</v>
      </c>
      <c r="C241" t="s">
        <v>1236</v>
      </c>
      <c r="D241">
        <v>60</v>
      </c>
      <c r="E241" t="s">
        <v>4193</v>
      </c>
      <c r="F241" t="s">
        <v>4189</v>
      </c>
      <c r="G241" t="s">
        <v>669</v>
      </c>
      <c r="H241">
        <v>1</v>
      </c>
      <c r="I241">
        <v>2020</v>
      </c>
    </row>
    <row r="242" spans="1:9" x14ac:dyDescent="0.25">
      <c r="A242">
        <v>247</v>
      </c>
      <c r="B242" t="s">
        <v>3671</v>
      </c>
      <c r="C242" t="s">
        <v>1236</v>
      </c>
      <c r="D242">
        <v>60</v>
      </c>
      <c r="E242" t="s">
        <v>4193</v>
      </c>
      <c r="F242" t="s">
        <v>4189</v>
      </c>
      <c r="G242" t="s">
        <v>669</v>
      </c>
      <c r="H242">
        <v>1</v>
      </c>
      <c r="I242">
        <v>2020</v>
      </c>
    </row>
    <row r="243" spans="1:9" x14ac:dyDescent="0.25">
      <c r="A243">
        <v>248</v>
      </c>
      <c r="B243" t="s">
        <v>924</v>
      </c>
      <c r="C243" t="s">
        <v>738</v>
      </c>
      <c r="D243">
        <v>61</v>
      </c>
      <c r="E243" t="s">
        <v>4193</v>
      </c>
      <c r="F243" t="s">
        <v>4189</v>
      </c>
      <c r="G243" t="s">
        <v>669</v>
      </c>
      <c r="H243">
        <v>1</v>
      </c>
      <c r="I243">
        <v>2020</v>
      </c>
    </row>
    <row r="244" spans="1:9" x14ac:dyDescent="0.25">
      <c r="A244">
        <v>249</v>
      </c>
      <c r="B244" t="s">
        <v>3928</v>
      </c>
      <c r="C244" t="s">
        <v>738</v>
      </c>
      <c r="D244">
        <v>61</v>
      </c>
      <c r="E244" t="s">
        <v>4193</v>
      </c>
      <c r="F244" t="s">
        <v>4189</v>
      </c>
      <c r="G244" t="s">
        <v>669</v>
      </c>
      <c r="H244">
        <v>1</v>
      </c>
      <c r="I244">
        <v>2020</v>
      </c>
    </row>
    <row r="245" spans="1:9" x14ac:dyDescent="0.25">
      <c r="A245">
        <v>250</v>
      </c>
      <c r="B245" t="s">
        <v>3977</v>
      </c>
      <c r="C245" t="s">
        <v>738</v>
      </c>
      <c r="D245">
        <v>61</v>
      </c>
      <c r="E245" t="s">
        <v>4193</v>
      </c>
      <c r="F245" t="s">
        <v>4189</v>
      </c>
      <c r="G245" t="s">
        <v>669</v>
      </c>
      <c r="H245">
        <v>1</v>
      </c>
      <c r="I245">
        <v>2020</v>
      </c>
    </row>
    <row r="246" spans="1:9" x14ac:dyDescent="0.25">
      <c r="A246">
        <v>251</v>
      </c>
      <c r="B246" t="s">
        <v>3946</v>
      </c>
      <c r="C246" t="s">
        <v>738</v>
      </c>
      <c r="D246">
        <v>61</v>
      </c>
      <c r="E246" t="s">
        <v>4193</v>
      </c>
      <c r="F246" t="s">
        <v>4189</v>
      </c>
      <c r="G246" t="s">
        <v>669</v>
      </c>
      <c r="H246">
        <v>1</v>
      </c>
      <c r="I246">
        <v>2020</v>
      </c>
    </row>
    <row r="247" spans="1:9" x14ac:dyDescent="0.25">
      <c r="A247">
        <v>252</v>
      </c>
      <c r="B247" t="s">
        <v>738</v>
      </c>
      <c r="C247" t="s">
        <v>738</v>
      </c>
      <c r="D247">
        <v>61</v>
      </c>
      <c r="E247" t="s">
        <v>4193</v>
      </c>
      <c r="F247" t="s">
        <v>4189</v>
      </c>
      <c r="G247" t="s">
        <v>669</v>
      </c>
      <c r="H247">
        <v>1</v>
      </c>
      <c r="I247">
        <v>2020</v>
      </c>
    </row>
    <row r="248" spans="1:9" x14ac:dyDescent="0.25">
      <c r="A248">
        <v>253</v>
      </c>
      <c r="B248" t="s">
        <v>1261</v>
      </c>
      <c r="C248" t="s">
        <v>738</v>
      </c>
      <c r="D248">
        <v>61</v>
      </c>
      <c r="E248" t="s">
        <v>4193</v>
      </c>
      <c r="F248" t="s">
        <v>4189</v>
      </c>
      <c r="G248" t="s">
        <v>669</v>
      </c>
      <c r="H248">
        <v>1</v>
      </c>
      <c r="I248">
        <v>2020</v>
      </c>
    </row>
    <row r="249" spans="1:9" x14ac:dyDescent="0.25">
      <c r="A249">
        <v>254</v>
      </c>
      <c r="B249" t="s">
        <v>3945</v>
      </c>
      <c r="C249" t="s">
        <v>738</v>
      </c>
      <c r="D249">
        <v>61</v>
      </c>
      <c r="E249" t="s">
        <v>4193</v>
      </c>
      <c r="F249" t="s">
        <v>4189</v>
      </c>
      <c r="G249" t="s">
        <v>669</v>
      </c>
      <c r="H249">
        <v>1</v>
      </c>
      <c r="I249">
        <v>2020</v>
      </c>
    </row>
    <row r="250" spans="1:9" x14ac:dyDescent="0.25">
      <c r="A250">
        <v>255</v>
      </c>
      <c r="B250" t="s">
        <v>3944</v>
      </c>
      <c r="C250" t="s">
        <v>738</v>
      </c>
      <c r="D250">
        <v>61</v>
      </c>
      <c r="E250" t="s">
        <v>4193</v>
      </c>
      <c r="F250" t="s">
        <v>4189</v>
      </c>
      <c r="G250" t="s">
        <v>669</v>
      </c>
      <c r="H250">
        <v>1</v>
      </c>
      <c r="I250">
        <v>2020</v>
      </c>
    </row>
    <row r="251" spans="1:9" x14ac:dyDescent="0.25">
      <c r="A251">
        <v>256</v>
      </c>
      <c r="B251" t="s">
        <v>3938</v>
      </c>
      <c r="C251" t="s">
        <v>738</v>
      </c>
      <c r="D251">
        <v>61</v>
      </c>
      <c r="E251" t="s">
        <v>4193</v>
      </c>
      <c r="F251" t="s">
        <v>4189</v>
      </c>
      <c r="G251" t="s">
        <v>669</v>
      </c>
      <c r="H251">
        <v>1</v>
      </c>
      <c r="I251">
        <v>2020</v>
      </c>
    </row>
    <row r="252" spans="1:9" x14ac:dyDescent="0.25">
      <c r="A252">
        <v>257</v>
      </c>
      <c r="B252" t="s">
        <v>3984</v>
      </c>
      <c r="C252" t="s">
        <v>738</v>
      </c>
      <c r="D252">
        <v>61</v>
      </c>
      <c r="E252" t="s">
        <v>4193</v>
      </c>
      <c r="F252" t="s">
        <v>4189</v>
      </c>
      <c r="G252" t="s">
        <v>669</v>
      </c>
      <c r="H252">
        <v>1</v>
      </c>
      <c r="I252">
        <v>2020</v>
      </c>
    </row>
    <row r="253" spans="1:9" x14ac:dyDescent="0.25">
      <c r="A253">
        <v>258</v>
      </c>
      <c r="B253" t="s">
        <v>3983</v>
      </c>
      <c r="C253" t="s">
        <v>738</v>
      </c>
      <c r="D253">
        <v>61</v>
      </c>
      <c r="E253" t="s">
        <v>4193</v>
      </c>
      <c r="F253" t="s">
        <v>4189</v>
      </c>
      <c r="G253" t="s">
        <v>669</v>
      </c>
      <c r="H253">
        <v>1</v>
      </c>
      <c r="I253">
        <v>2020</v>
      </c>
    </row>
    <row r="254" spans="1:9" x14ac:dyDescent="0.25">
      <c r="A254">
        <v>259</v>
      </c>
      <c r="B254" t="s">
        <v>4201</v>
      </c>
      <c r="C254" t="s">
        <v>738</v>
      </c>
      <c r="D254">
        <v>61</v>
      </c>
      <c r="E254" t="s">
        <v>4193</v>
      </c>
      <c r="F254" t="s">
        <v>4189</v>
      </c>
      <c r="G254" t="s">
        <v>669</v>
      </c>
      <c r="H254">
        <v>1</v>
      </c>
      <c r="I254">
        <v>2020</v>
      </c>
    </row>
    <row r="255" spans="1:9" x14ac:dyDescent="0.25">
      <c r="A255">
        <v>260</v>
      </c>
      <c r="B255" t="s">
        <v>3927</v>
      </c>
      <c r="C255" t="s">
        <v>738</v>
      </c>
      <c r="D255">
        <v>61</v>
      </c>
      <c r="E255" t="s">
        <v>4193</v>
      </c>
      <c r="F255" t="s">
        <v>4189</v>
      </c>
      <c r="G255" t="s">
        <v>669</v>
      </c>
      <c r="H255">
        <v>1</v>
      </c>
      <c r="I255">
        <v>2020</v>
      </c>
    </row>
    <row r="256" spans="1:9" x14ac:dyDescent="0.25">
      <c r="A256">
        <v>261</v>
      </c>
      <c r="B256" t="s">
        <v>3988</v>
      </c>
      <c r="C256" t="s">
        <v>738</v>
      </c>
      <c r="D256">
        <v>61</v>
      </c>
      <c r="E256" t="s">
        <v>4193</v>
      </c>
      <c r="F256" t="s">
        <v>4189</v>
      </c>
      <c r="G256" t="s">
        <v>669</v>
      </c>
      <c r="H256">
        <v>1</v>
      </c>
      <c r="I256">
        <v>2020</v>
      </c>
    </row>
    <row r="257" spans="1:9" x14ac:dyDescent="0.25">
      <c r="A257">
        <v>262</v>
      </c>
      <c r="B257" t="s">
        <v>3806</v>
      </c>
      <c r="C257" t="s">
        <v>738</v>
      </c>
      <c r="D257">
        <v>61</v>
      </c>
      <c r="E257" t="s">
        <v>4193</v>
      </c>
      <c r="F257" t="s">
        <v>4189</v>
      </c>
      <c r="G257" t="s">
        <v>669</v>
      </c>
      <c r="H257">
        <v>1</v>
      </c>
      <c r="I257">
        <v>2020</v>
      </c>
    </row>
    <row r="258" spans="1:9" x14ac:dyDescent="0.25">
      <c r="A258">
        <v>263</v>
      </c>
      <c r="B258" t="s">
        <v>1924</v>
      </c>
      <c r="C258" t="s">
        <v>848</v>
      </c>
      <c r="D258">
        <v>62</v>
      </c>
      <c r="E258" t="s">
        <v>4193</v>
      </c>
      <c r="F258" t="s">
        <v>4189</v>
      </c>
      <c r="G258" t="s">
        <v>669</v>
      </c>
      <c r="H258">
        <v>1</v>
      </c>
      <c r="I258">
        <v>2020</v>
      </c>
    </row>
    <row r="259" spans="1:9" x14ac:dyDescent="0.25">
      <c r="A259">
        <v>264</v>
      </c>
      <c r="B259" t="s">
        <v>3950</v>
      </c>
      <c r="C259" t="s">
        <v>848</v>
      </c>
      <c r="D259">
        <v>62</v>
      </c>
      <c r="E259" t="s">
        <v>4193</v>
      </c>
      <c r="F259" t="s">
        <v>4189</v>
      </c>
      <c r="G259" t="s">
        <v>669</v>
      </c>
      <c r="H259">
        <v>1</v>
      </c>
      <c r="I259">
        <v>2020</v>
      </c>
    </row>
    <row r="260" spans="1:9" x14ac:dyDescent="0.25">
      <c r="A260">
        <v>265</v>
      </c>
      <c r="B260" t="s">
        <v>4024</v>
      </c>
      <c r="C260" t="s">
        <v>848</v>
      </c>
      <c r="D260">
        <v>62</v>
      </c>
      <c r="E260" t="s">
        <v>4193</v>
      </c>
      <c r="F260" t="s">
        <v>4189</v>
      </c>
      <c r="G260" t="s">
        <v>669</v>
      </c>
      <c r="H260">
        <v>1</v>
      </c>
      <c r="I260">
        <v>2020</v>
      </c>
    </row>
    <row r="261" spans="1:9" x14ac:dyDescent="0.25">
      <c r="A261">
        <v>266</v>
      </c>
      <c r="B261" t="s">
        <v>937</v>
      </c>
      <c r="C261" t="s">
        <v>848</v>
      </c>
      <c r="D261">
        <v>62</v>
      </c>
      <c r="E261" t="s">
        <v>4193</v>
      </c>
      <c r="F261" t="s">
        <v>4189</v>
      </c>
      <c r="G261" t="s">
        <v>669</v>
      </c>
      <c r="H261">
        <v>1</v>
      </c>
      <c r="I261">
        <v>2020</v>
      </c>
    </row>
    <row r="262" spans="1:9" x14ac:dyDescent="0.25">
      <c r="A262">
        <v>267</v>
      </c>
      <c r="B262" t="s">
        <v>3707</v>
      </c>
      <c r="C262" t="s">
        <v>848</v>
      </c>
      <c r="D262">
        <v>62</v>
      </c>
      <c r="E262" t="s">
        <v>4193</v>
      </c>
      <c r="F262" t="s">
        <v>4189</v>
      </c>
      <c r="G262" t="s">
        <v>669</v>
      </c>
      <c r="H262">
        <v>1</v>
      </c>
      <c r="I262">
        <v>2020</v>
      </c>
    </row>
    <row r="263" spans="1:9" x14ac:dyDescent="0.25">
      <c r="A263">
        <v>268</v>
      </c>
      <c r="B263" t="s">
        <v>848</v>
      </c>
      <c r="C263" t="s">
        <v>848</v>
      </c>
      <c r="D263">
        <v>62</v>
      </c>
      <c r="E263" t="s">
        <v>4193</v>
      </c>
      <c r="F263" t="s">
        <v>4189</v>
      </c>
      <c r="G263" t="s">
        <v>669</v>
      </c>
      <c r="H263">
        <v>1</v>
      </c>
      <c r="I263">
        <v>2020</v>
      </c>
    </row>
    <row r="264" spans="1:9" x14ac:dyDescent="0.25">
      <c r="A264">
        <v>269</v>
      </c>
      <c r="B264" t="s">
        <v>1228</v>
      </c>
      <c r="C264" t="s">
        <v>848</v>
      </c>
      <c r="D264">
        <v>62</v>
      </c>
      <c r="E264" t="s">
        <v>4193</v>
      </c>
      <c r="F264" t="s">
        <v>4189</v>
      </c>
      <c r="G264" t="s">
        <v>669</v>
      </c>
      <c r="H264">
        <v>1</v>
      </c>
      <c r="I264">
        <v>2020</v>
      </c>
    </row>
    <row r="265" spans="1:9" x14ac:dyDescent="0.25">
      <c r="A265">
        <v>270</v>
      </c>
      <c r="B265" t="s">
        <v>4202</v>
      </c>
      <c r="C265" t="s">
        <v>848</v>
      </c>
      <c r="D265">
        <v>62</v>
      </c>
      <c r="E265" t="s">
        <v>4193</v>
      </c>
      <c r="F265" t="s">
        <v>4189</v>
      </c>
      <c r="G265" t="s">
        <v>669</v>
      </c>
      <c r="H265">
        <v>1</v>
      </c>
      <c r="I265">
        <v>2020</v>
      </c>
    </row>
    <row r="266" spans="1:9" x14ac:dyDescent="0.25">
      <c r="A266">
        <v>271</v>
      </c>
      <c r="B266" t="s">
        <v>749</v>
      </c>
      <c r="C266" t="s">
        <v>749</v>
      </c>
      <c r="D266">
        <v>63</v>
      </c>
      <c r="E266" t="s">
        <v>4193</v>
      </c>
      <c r="F266" t="s">
        <v>4189</v>
      </c>
      <c r="G266" t="s">
        <v>669</v>
      </c>
      <c r="H266">
        <v>1</v>
      </c>
      <c r="I266">
        <v>2020</v>
      </c>
    </row>
    <row r="267" spans="1:9" x14ac:dyDescent="0.25">
      <c r="A267">
        <v>272</v>
      </c>
      <c r="B267" t="s">
        <v>3985</v>
      </c>
      <c r="C267" t="s">
        <v>749</v>
      </c>
      <c r="D267">
        <v>63</v>
      </c>
      <c r="E267" t="s">
        <v>4193</v>
      </c>
      <c r="F267" t="s">
        <v>4189</v>
      </c>
      <c r="G267" t="s">
        <v>669</v>
      </c>
      <c r="H267">
        <v>1</v>
      </c>
      <c r="I267">
        <v>2020</v>
      </c>
    </row>
    <row r="268" spans="1:9" x14ac:dyDescent="0.25">
      <c r="A268">
        <v>273</v>
      </c>
      <c r="B268" t="s">
        <v>3797</v>
      </c>
      <c r="C268" t="s">
        <v>3795</v>
      </c>
      <c r="D268">
        <v>64</v>
      </c>
      <c r="E268" t="s">
        <v>4193</v>
      </c>
      <c r="F268" t="s">
        <v>4189</v>
      </c>
      <c r="G268" t="s">
        <v>669</v>
      </c>
      <c r="H268">
        <v>1</v>
      </c>
      <c r="I268">
        <v>2020</v>
      </c>
    </row>
    <row r="269" spans="1:9" x14ac:dyDescent="0.25">
      <c r="A269">
        <v>274</v>
      </c>
      <c r="B269" t="s">
        <v>3899</v>
      </c>
      <c r="C269" t="s">
        <v>3795</v>
      </c>
      <c r="D269">
        <v>64</v>
      </c>
      <c r="E269" t="s">
        <v>4193</v>
      </c>
      <c r="F269" t="s">
        <v>4189</v>
      </c>
      <c r="G269" t="s">
        <v>669</v>
      </c>
      <c r="H269">
        <v>1</v>
      </c>
      <c r="I269">
        <v>2020</v>
      </c>
    </row>
    <row r="270" spans="1:9" x14ac:dyDescent="0.25">
      <c r="A270">
        <v>275</v>
      </c>
      <c r="B270" t="s">
        <v>3796</v>
      </c>
      <c r="C270" t="s">
        <v>3795</v>
      </c>
      <c r="D270">
        <v>64</v>
      </c>
      <c r="E270" t="s">
        <v>4193</v>
      </c>
      <c r="F270" t="s">
        <v>4189</v>
      </c>
      <c r="G270" t="s">
        <v>669</v>
      </c>
      <c r="H270">
        <v>1</v>
      </c>
      <c r="I270">
        <v>2020</v>
      </c>
    </row>
    <row r="271" spans="1:9" x14ac:dyDescent="0.25">
      <c r="A271">
        <v>276</v>
      </c>
      <c r="B271" t="s">
        <v>3892</v>
      </c>
      <c r="C271" t="s">
        <v>797</v>
      </c>
      <c r="D271">
        <v>65</v>
      </c>
      <c r="E271" t="s">
        <v>4191</v>
      </c>
      <c r="F271" t="s">
        <v>4189</v>
      </c>
      <c r="G271" t="s">
        <v>669</v>
      </c>
      <c r="H271">
        <v>1</v>
      </c>
      <c r="I271">
        <v>2020</v>
      </c>
    </row>
    <row r="272" spans="1:9" x14ac:dyDescent="0.25">
      <c r="A272">
        <v>277</v>
      </c>
      <c r="B272" t="s">
        <v>3907</v>
      </c>
      <c r="C272" t="s">
        <v>797</v>
      </c>
      <c r="D272">
        <v>65</v>
      </c>
      <c r="E272" t="s">
        <v>4191</v>
      </c>
      <c r="F272" t="s">
        <v>4189</v>
      </c>
      <c r="G272" t="s">
        <v>669</v>
      </c>
      <c r="H272">
        <v>1</v>
      </c>
      <c r="I272">
        <v>2020</v>
      </c>
    </row>
    <row r="273" spans="1:9" x14ac:dyDescent="0.25">
      <c r="A273">
        <v>278</v>
      </c>
      <c r="B273" t="s">
        <v>1526</v>
      </c>
      <c r="C273" t="s">
        <v>797</v>
      </c>
      <c r="D273">
        <v>65</v>
      </c>
      <c r="E273" t="s">
        <v>4191</v>
      </c>
      <c r="F273" t="s">
        <v>4189</v>
      </c>
      <c r="G273" t="s">
        <v>669</v>
      </c>
      <c r="H273">
        <v>1</v>
      </c>
      <c r="I273">
        <v>2020</v>
      </c>
    </row>
    <row r="274" spans="1:9" x14ac:dyDescent="0.25">
      <c r="A274">
        <v>279</v>
      </c>
      <c r="B274" t="s">
        <v>3789</v>
      </c>
      <c r="C274" t="s">
        <v>730</v>
      </c>
      <c r="D274">
        <v>66</v>
      </c>
      <c r="E274" t="s">
        <v>4193</v>
      </c>
      <c r="F274" t="s">
        <v>4189</v>
      </c>
      <c r="G274" t="s">
        <v>669</v>
      </c>
      <c r="H274">
        <v>1</v>
      </c>
      <c r="I274">
        <v>2020</v>
      </c>
    </row>
    <row r="275" spans="1:9" x14ac:dyDescent="0.25">
      <c r="A275">
        <v>280</v>
      </c>
      <c r="B275" t="s">
        <v>3926</v>
      </c>
      <c r="C275" t="s">
        <v>730</v>
      </c>
      <c r="D275">
        <v>66</v>
      </c>
      <c r="E275" t="s">
        <v>4193</v>
      </c>
      <c r="F275" t="s">
        <v>4189</v>
      </c>
      <c r="G275" t="s">
        <v>669</v>
      </c>
      <c r="H275">
        <v>1</v>
      </c>
      <c r="I275">
        <v>2020</v>
      </c>
    </row>
    <row r="276" spans="1:9" x14ac:dyDescent="0.25">
      <c r="A276">
        <v>282</v>
      </c>
      <c r="B276" t="s">
        <v>2124</v>
      </c>
      <c r="C276" t="s">
        <v>730</v>
      </c>
      <c r="D276">
        <v>66</v>
      </c>
      <c r="E276" t="s">
        <v>4193</v>
      </c>
      <c r="F276" t="s">
        <v>4189</v>
      </c>
      <c r="G276" t="s">
        <v>669</v>
      </c>
      <c r="H276">
        <v>1</v>
      </c>
      <c r="I276">
        <v>2020</v>
      </c>
    </row>
    <row r="277" spans="1:9" x14ac:dyDescent="0.25">
      <c r="A277">
        <v>283</v>
      </c>
      <c r="B277" t="s">
        <v>3987</v>
      </c>
      <c r="C277" t="s">
        <v>730</v>
      </c>
      <c r="D277">
        <v>66</v>
      </c>
      <c r="E277" t="s">
        <v>4193</v>
      </c>
      <c r="F277" t="s">
        <v>4189</v>
      </c>
      <c r="G277" t="s">
        <v>669</v>
      </c>
      <c r="H277">
        <v>1</v>
      </c>
      <c r="I277">
        <v>2020</v>
      </c>
    </row>
    <row r="278" spans="1:9" x14ac:dyDescent="0.25">
      <c r="A278">
        <v>284</v>
      </c>
      <c r="B278" t="s">
        <v>3739</v>
      </c>
      <c r="C278" t="s">
        <v>730</v>
      </c>
      <c r="D278">
        <v>66</v>
      </c>
      <c r="E278" t="s">
        <v>4193</v>
      </c>
      <c r="F278" t="s">
        <v>4189</v>
      </c>
      <c r="G278" t="s">
        <v>669</v>
      </c>
      <c r="H278">
        <v>1</v>
      </c>
      <c r="I278">
        <v>2020</v>
      </c>
    </row>
    <row r="279" spans="1:9" x14ac:dyDescent="0.25">
      <c r="A279">
        <v>285</v>
      </c>
      <c r="B279" t="s">
        <v>3738</v>
      </c>
      <c r="C279" t="s">
        <v>730</v>
      </c>
      <c r="D279">
        <v>66</v>
      </c>
      <c r="E279" t="s">
        <v>4193</v>
      </c>
      <c r="F279" t="s">
        <v>4189</v>
      </c>
      <c r="G279" t="s">
        <v>669</v>
      </c>
      <c r="H279">
        <v>1</v>
      </c>
      <c r="I279">
        <v>2020</v>
      </c>
    </row>
    <row r="280" spans="1:9" x14ac:dyDescent="0.25">
      <c r="A280">
        <v>287</v>
      </c>
      <c r="B280" t="s">
        <v>918</v>
      </c>
      <c r="C280" t="s">
        <v>917</v>
      </c>
      <c r="D280">
        <v>83</v>
      </c>
      <c r="E280" t="s">
        <v>4188</v>
      </c>
      <c r="F280" t="s">
        <v>4189</v>
      </c>
      <c r="G280" t="s">
        <v>669</v>
      </c>
      <c r="H280">
        <v>1</v>
      </c>
      <c r="I280">
        <v>2020</v>
      </c>
    </row>
    <row r="281" spans="1:9" x14ac:dyDescent="0.25">
      <c r="A281">
        <v>288</v>
      </c>
      <c r="B281" t="s">
        <v>3887</v>
      </c>
      <c r="C281" t="s">
        <v>730</v>
      </c>
      <c r="D281">
        <v>66</v>
      </c>
      <c r="E281" t="s">
        <v>4193</v>
      </c>
      <c r="F281" t="s">
        <v>4189</v>
      </c>
      <c r="G281" t="s">
        <v>669</v>
      </c>
      <c r="H281">
        <v>1</v>
      </c>
      <c r="I281">
        <v>2020</v>
      </c>
    </row>
    <row r="282" spans="1:9" x14ac:dyDescent="0.25">
      <c r="A282">
        <v>289</v>
      </c>
      <c r="B282" t="s">
        <v>4203</v>
      </c>
      <c r="C282" t="s">
        <v>730</v>
      </c>
      <c r="D282">
        <v>66</v>
      </c>
      <c r="E282" t="s">
        <v>4193</v>
      </c>
      <c r="F282" t="s">
        <v>4189</v>
      </c>
      <c r="G282" t="s">
        <v>669</v>
      </c>
      <c r="H282">
        <v>1</v>
      </c>
      <c r="I282">
        <v>2020</v>
      </c>
    </row>
    <row r="283" spans="1:9" x14ac:dyDescent="0.25">
      <c r="A283">
        <v>290</v>
      </c>
      <c r="B283" t="s">
        <v>969</v>
      </c>
      <c r="C283" t="s">
        <v>730</v>
      </c>
      <c r="D283">
        <v>66</v>
      </c>
      <c r="E283" t="s">
        <v>4193</v>
      </c>
      <c r="F283" t="s">
        <v>4189</v>
      </c>
      <c r="G283" t="s">
        <v>669</v>
      </c>
      <c r="H283">
        <v>1</v>
      </c>
      <c r="I283">
        <v>2020</v>
      </c>
    </row>
    <row r="284" spans="1:9" x14ac:dyDescent="0.25">
      <c r="A284">
        <v>291</v>
      </c>
      <c r="B284" t="s">
        <v>3800</v>
      </c>
      <c r="C284" t="s">
        <v>980</v>
      </c>
      <c r="D284">
        <v>67</v>
      </c>
      <c r="E284" t="s">
        <v>980</v>
      </c>
      <c r="F284" t="s">
        <v>4189</v>
      </c>
      <c r="G284" t="s">
        <v>669</v>
      </c>
      <c r="H284">
        <v>1</v>
      </c>
      <c r="I284">
        <v>2020</v>
      </c>
    </row>
    <row r="285" spans="1:9" x14ac:dyDescent="0.25">
      <c r="A285">
        <v>292</v>
      </c>
      <c r="B285" t="s">
        <v>4204</v>
      </c>
      <c r="C285" t="s">
        <v>980</v>
      </c>
      <c r="D285">
        <v>67</v>
      </c>
      <c r="E285" t="s">
        <v>980</v>
      </c>
      <c r="F285" t="s">
        <v>4189</v>
      </c>
      <c r="G285" t="s">
        <v>669</v>
      </c>
      <c r="H285">
        <v>1</v>
      </c>
      <c r="I285">
        <v>2020</v>
      </c>
    </row>
    <row r="286" spans="1:9" x14ac:dyDescent="0.25">
      <c r="A286">
        <v>293</v>
      </c>
      <c r="B286" t="s">
        <v>4205</v>
      </c>
      <c r="C286" t="s">
        <v>980</v>
      </c>
      <c r="D286">
        <v>67</v>
      </c>
      <c r="E286" t="s">
        <v>980</v>
      </c>
      <c r="F286" t="s">
        <v>4189</v>
      </c>
      <c r="G286" t="s">
        <v>669</v>
      </c>
      <c r="H286">
        <v>1</v>
      </c>
      <c r="I286">
        <v>2020</v>
      </c>
    </row>
    <row r="287" spans="1:9" x14ac:dyDescent="0.25">
      <c r="A287">
        <v>294</v>
      </c>
      <c r="B287" t="s">
        <v>1915</v>
      </c>
      <c r="C287" t="s">
        <v>716</v>
      </c>
      <c r="D287">
        <v>68</v>
      </c>
      <c r="E287" t="s">
        <v>4193</v>
      </c>
      <c r="F287" t="s">
        <v>4189</v>
      </c>
      <c r="G287" t="s">
        <v>669</v>
      </c>
      <c r="H287">
        <v>1</v>
      </c>
      <c r="I287">
        <v>2020</v>
      </c>
    </row>
    <row r="288" spans="1:9" x14ac:dyDescent="0.25">
      <c r="A288">
        <v>295</v>
      </c>
      <c r="B288" t="s">
        <v>717</v>
      </c>
      <c r="C288" t="s">
        <v>716</v>
      </c>
      <c r="D288">
        <v>68</v>
      </c>
      <c r="E288" t="s">
        <v>4193</v>
      </c>
      <c r="F288" t="s">
        <v>4189</v>
      </c>
      <c r="G288" t="s">
        <v>669</v>
      </c>
      <c r="H288">
        <v>1</v>
      </c>
      <c r="I288">
        <v>2020</v>
      </c>
    </row>
    <row r="289" spans="1:9" x14ac:dyDescent="0.25">
      <c r="A289">
        <v>296</v>
      </c>
      <c r="B289" t="s">
        <v>3688</v>
      </c>
      <c r="C289" t="s">
        <v>1055</v>
      </c>
      <c r="D289">
        <v>69</v>
      </c>
      <c r="E289" t="s">
        <v>4194</v>
      </c>
      <c r="F289" t="s">
        <v>4189</v>
      </c>
      <c r="G289" t="s">
        <v>669</v>
      </c>
      <c r="H289">
        <v>1</v>
      </c>
      <c r="I289">
        <v>2020</v>
      </c>
    </row>
    <row r="290" spans="1:9" x14ac:dyDescent="0.25">
      <c r="A290">
        <v>297</v>
      </c>
      <c r="B290" t="s">
        <v>4206</v>
      </c>
      <c r="C290" t="s">
        <v>1055</v>
      </c>
      <c r="D290">
        <v>69</v>
      </c>
      <c r="E290" t="s">
        <v>4194</v>
      </c>
      <c r="F290" t="s">
        <v>4189</v>
      </c>
      <c r="G290" t="s">
        <v>669</v>
      </c>
      <c r="H290">
        <v>1</v>
      </c>
      <c r="I290">
        <v>2020</v>
      </c>
    </row>
    <row r="291" spans="1:9" x14ac:dyDescent="0.25">
      <c r="A291">
        <v>298</v>
      </c>
      <c r="B291" t="s">
        <v>3947</v>
      </c>
      <c r="C291" t="s">
        <v>1055</v>
      </c>
      <c r="D291">
        <v>69</v>
      </c>
      <c r="E291" t="s">
        <v>4194</v>
      </c>
      <c r="F291" t="s">
        <v>4189</v>
      </c>
      <c r="G291" t="s">
        <v>669</v>
      </c>
      <c r="H291">
        <v>1</v>
      </c>
      <c r="I291">
        <v>2020</v>
      </c>
    </row>
    <row r="292" spans="1:9" x14ac:dyDescent="0.25">
      <c r="A292">
        <v>299</v>
      </c>
      <c r="B292" t="s">
        <v>3942</v>
      </c>
      <c r="C292" t="s">
        <v>1055</v>
      </c>
      <c r="D292">
        <v>69</v>
      </c>
      <c r="E292" t="s">
        <v>4194</v>
      </c>
      <c r="F292" t="s">
        <v>4189</v>
      </c>
      <c r="G292" t="s">
        <v>669</v>
      </c>
      <c r="H292">
        <v>1</v>
      </c>
      <c r="I292">
        <v>2020</v>
      </c>
    </row>
    <row r="293" spans="1:9" x14ac:dyDescent="0.25">
      <c r="A293">
        <v>300</v>
      </c>
      <c r="B293" t="s">
        <v>3781</v>
      </c>
      <c r="C293" t="s">
        <v>1055</v>
      </c>
      <c r="D293">
        <v>69</v>
      </c>
      <c r="E293" t="s">
        <v>4194</v>
      </c>
      <c r="F293" t="s">
        <v>4189</v>
      </c>
      <c r="G293" t="s">
        <v>669</v>
      </c>
      <c r="H293">
        <v>1</v>
      </c>
      <c r="I293">
        <v>2020</v>
      </c>
    </row>
    <row r="294" spans="1:9" x14ac:dyDescent="0.25">
      <c r="A294">
        <v>301</v>
      </c>
      <c r="B294" t="s">
        <v>890</v>
      </c>
      <c r="C294" t="s">
        <v>705</v>
      </c>
      <c r="D294">
        <v>70</v>
      </c>
      <c r="E294" t="s">
        <v>4193</v>
      </c>
      <c r="F294" t="s">
        <v>4189</v>
      </c>
      <c r="G294" t="s">
        <v>669</v>
      </c>
      <c r="H294">
        <v>1</v>
      </c>
      <c r="I294">
        <v>2020</v>
      </c>
    </row>
    <row r="295" spans="1:9" x14ac:dyDescent="0.25">
      <c r="A295">
        <v>302</v>
      </c>
      <c r="B295" t="s">
        <v>3803</v>
      </c>
      <c r="C295" t="s">
        <v>705</v>
      </c>
      <c r="D295">
        <v>70</v>
      </c>
      <c r="E295" t="s">
        <v>4193</v>
      </c>
      <c r="F295" t="s">
        <v>4189</v>
      </c>
      <c r="G295" t="s">
        <v>669</v>
      </c>
      <c r="H295">
        <v>1</v>
      </c>
      <c r="I295">
        <v>2020</v>
      </c>
    </row>
    <row r="296" spans="1:9" x14ac:dyDescent="0.25">
      <c r="A296">
        <v>303</v>
      </c>
      <c r="B296" t="s">
        <v>4002</v>
      </c>
      <c r="C296" t="s">
        <v>705</v>
      </c>
      <c r="D296">
        <v>70</v>
      </c>
      <c r="E296" t="s">
        <v>4193</v>
      </c>
      <c r="F296" t="s">
        <v>4189</v>
      </c>
      <c r="G296" t="s">
        <v>669</v>
      </c>
      <c r="H296">
        <v>1</v>
      </c>
      <c r="I296">
        <v>2020</v>
      </c>
    </row>
    <row r="297" spans="1:9" x14ac:dyDescent="0.25">
      <c r="A297">
        <v>304</v>
      </c>
      <c r="B297" t="s">
        <v>4021</v>
      </c>
      <c r="C297" t="s">
        <v>705</v>
      </c>
      <c r="D297">
        <v>70</v>
      </c>
      <c r="E297" t="s">
        <v>4193</v>
      </c>
      <c r="F297" t="s">
        <v>4189</v>
      </c>
      <c r="G297" t="s">
        <v>669</v>
      </c>
      <c r="H297">
        <v>1</v>
      </c>
      <c r="I297">
        <v>2020</v>
      </c>
    </row>
    <row r="298" spans="1:9" x14ac:dyDescent="0.25">
      <c r="A298">
        <v>305</v>
      </c>
      <c r="B298" t="s">
        <v>3784</v>
      </c>
      <c r="C298" t="s">
        <v>705</v>
      </c>
      <c r="D298">
        <v>70</v>
      </c>
      <c r="E298" t="s">
        <v>4193</v>
      </c>
      <c r="F298" t="s">
        <v>4189</v>
      </c>
      <c r="G298" t="s">
        <v>669</v>
      </c>
      <c r="H298">
        <v>1</v>
      </c>
      <c r="I298">
        <v>2020</v>
      </c>
    </row>
    <row r="299" spans="1:9" x14ac:dyDescent="0.25">
      <c r="A299">
        <v>306</v>
      </c>
      <c r="B299" t="s">
        <v>715</v>
      </c>
      <c r="C299" t="s">
        <v>714</v>
      </c>
      <c r="D299">
        <v>52</v>
      </c>
      <c r="E299" t="s">
        <v>4198</v>
      </c>
      <c r="F299" t="s">
        <v>4189</v>
      </c>
      <c r="G299" t="s">
        <v>669</v>
      </c>
      <c r="H299">
        <v>1</v>
      </c>
      <c r="I299">
        <v>2020</v>
      </c>
    </row>
    <row r="300" spans="1:9" x14ac:dyDescent="0.25">
      <c r="A300">
        <v>307</v>
      </c>
      <c r="B300" t="s">
        <v>3672</v>
      </c>
      <c r="C300" t="s">
        <v>1236</v>
      </c>
      <c r="D300">
        <v>60</v>
      </c>
      <c r="E300" t="s">
        <v>4193</v>
      </c>
      <c r="F300" t="s">
        <v>4189</v>
      </c>
      <c r="G300" t="s">
        <v>669</v>
      </c>
      <c r="H300">
        <v>1</v>
      </c>
      <c r="I300">
        <v>2020</v>
      </c>
    </row>
    <row r="301" spans="1:9" x14ac:dyDescent="0.25">
      <c r="A301">
        <v>308</v>
      </c>
      <c r="B301" t="s">
        <v>4022</v>
      </c>
      <c r="C301" t="s">
        <v>705</v>
      </c>
      <c r="D301">
        <v>70</v>
      </c>
      <c r="E301" t="s">
        <v>4193</v>
      </c>
      <c r="F301" t="s">
        <v>4189</v>
      </c>
      <c r="G301" t="s">
        <v>669</v>
      </c>
      <c r="H301">
        <v>1</v>
      </c>
      <c r="I301">
        <v>2020</v>
      </c>
    </row>
    <row r="302" spans="1:9" x14ac:dyDescent="0.25">
      <c r="A302">
        <v>309</v>
      </c>
      <c r="B302" t="s">
        <v>3794</v>
      </c>
      <c r="C302" t="s">
        <v>705</v>
      </c>
      <c r="D302">
        <v>70</v>
      </c>
      <c r="E302" t="s">
        <v>4193</v>
      </c>
      <c r="F302" t="s">
        <v>4189</v>
      </c>
      <c r="G302" t="s">
        <v>669</v>
      </c>
      <c r="H302">
        <v>1</v>
      </c>
      <c r="I302">
        <v>2020</v>
      </c>
    </row>
    <row r="303" spans="1:9" x14ac:dyDescent="0.25">
      <c r="A303">
        <v>310</v>
      </c>
      <c r="B303" t="s">
        <v>3961</v>
      </c>
      <c r="C303" t="s">
        <v>705</v>
      </c>
      <c r="D303">
        <v>70</v>
      </c>
      <c r="E303" t="s">
        <v>4193</v>
      </c>
      <c r="F303" t="s">
        <v>4189</v>
      </c>
      <c r="G303" t="s">
        <v>669</v>
      </c>
      <c r="H303">
        <v>1</v>
      </c>
      <c r="I303">
        <v>2020</v>
      </c>
    </row>
    <row r="304" spans="1:9" x14ac:dyDescent="0.25">
      <c r="A304">
        <v>311</v>
      </c>
      <c r="B304" t="s">
        <v>1132</v>
      </c>
      <c r="C304" t="s">
        <v>1614</v>
      </c>
      <c r="D304">
        <v>71</v>
      </c>
      <c r="E304" t="s">
        <v>1614</v>
      </c>
      <c r="F304" t="s">
        <v>4177</v>
      </c>
      <c r="G304" t="s">
        <v>669</v>
      </c>
      <c r="H304">
        <v>1</v>
      </c>
      <c r="I304">
        <v>2020</v>
      </c>
    </row>
    <row r="305" spans="1:9" x14ac:dyDescent="0.25">
      <c r="A305">
        <v>312</v>
      </c>
      <c r="B305" t="s">
        <v>1133</v>
      </c>
      <c r="C305" t="s">
        <v>1614</v>
      </c>
      <c r="D305">
        <v>71</v>
      </c>
      <c r="E305" t="s">
        <v>1614</v>
      </c>
      <c r="F305" t="s">
        <v>4177</v>
      </c>
      <c r="G305" t="s">
        <v>669</v>
      </c>
      <c r="H305">
        <v>1</v>
      </c>
      <c r="I305">
        <v>2020</v>
      </c>
    </row>
    <row r="306" spans="1:9" x14ac:dyDescent="0.25">
      <c r="A306">
        <v>313</v>
      </c>
      <c r="B306" t="s">
        <v>1134</v>
      </c>
      <c r="C306" t="s">
        <v>1614</v>
      </c>
      <c r="D306">
        <v>71</v>
      </c>
      <c r="E306" t="s">
        <v>1614</v>
      </c>
      <c r="F306" t="s">
        <v>4177</v>
      </c>
      <c r="G306" t="s">
        <v>669</v>
      </c>
      <c r="H306">
        <v>1</v>
      </c>
      <c r="I306">
        <v>2020</v>
      </c>
    </row>
    <row r="307" spans="1:9" x14ac:dyDescent="0.25">
      <c r="A307">
        <v>314</v>
      </c>
      <c r="B307" t="s">
        <v>3906</v>
      </c>
      <c r="C307" t="s">
        <v>1614</v>
      </c>
      <c r="D307">
        <v>71</v>
      </c>
      <c r="E307" t="s">
        <v>1614</v>
      </c>
      <c r="F307" t="s">
        <v>4177</v>
      </c>
      <c r="G307" t="s">
        <v>669</v>
      </c>
      <c r="H307">
        <v>1</v>
      </c>
      <c r="I307">
        <v>2020</v>
      </c>
    </row>
    <row r="308" spans="1:9" x14ac:dyDescent="0.25">
      <c r="A308">
        <v>315</v>
      </c>
      <c r="B308" t="s">
        <v>1939</v>
      </c>
      <c r="C308" t="s">
        <v>1614</v>
      </c>
      <c r="D308">
        <v>71</v>
      </c>
      <c r="E308" t="s">
        <v>1614</v>
      </c>
      <c r="F308" t="s">
        <v>4177</v>
      </c>
      <c r="G308" t="s">
        <v>669</v>
      </c>
      <c r="H308">
        <v>1</v>
      </c>
      <c r="I308">
        <v>2020</v>
      </c>
    </row>
    <row r="309" spans="1:9" x14ac:dyDescent="0.25">
      <c r="A309">
        <v>317</v>
      </c>
      <c r="B309" t="s">
        <v>3903</v>
      </c>
      <c r="C309" t="s">
        <v>1614</v>
      </c>
      <c r="D309">
        <v>71</v>
      </c>
      <c r="E309" t="s">
        <v>1614</v>
      </c>
      <c r="F309" t="s">
        <v>4177</v>
      </c>
      <c r="G309" t="s">
        <v>669</v>
      </c>
      <c r="H309">
        <v>1</v>
      </c>
      <c r="I309">
        <v>2020</v>
      </c>
    </row>
    <row r="310" spans="1:9" x14ac:dyDescent="0.25">
      <c r="A310">
        <v>318</v>
      </c>
      <c r="B310" t="s">
        <v>1135</v>
      </c>
      <c r="C310" t="s">
        <v>1614</v>
      </c>
      <c r="D310">
        <v>71</v>
      </c>
      <c r="E310" t="s">
        <v>1614</v>
      </c>
      <c r="F310" t="s">
        <v>4177</v>
      </c>
      <c r="G310" t="s">
        <v>669</v>
      </c>
      <c r="H310">
        <v>1</v>
      </c>
      <c r="I310">
        <v>2020</v>
      </c>
    </row>
    <row r="311" spans="1:9" x14ac:dyDescent="0.25">
      <c r="A311">
        <v>319</v>
      </c>
      <c r="B311" t="s">
        <v>2160</v>
      </c>
      <c r="C311" t="s">
        <v>1614</v>
      </c>
      <c r="D311">
        <v>71</v>
      </c>
      <c r="E311" t="s">
        <v>1614</v>
      </c>
      <c r="F311" t="s">
        <v>4177</v>
      </c>
      <c r="G311" t="s">
        <v>669</v>
      </c>
      <c r="H311">
        <v>1</v>
      </c>
      <c r="I311">
        <v>2020</v>
      </c>
    </row>
    <row r="312" spans="1:9" x14ac:dyDescent="0.25">
      <c r="A312">
        <v>320</v>
      </c>
      <c r="B312" t="s">
        <v>4207</v>
      </c>
      <c r="C312" t="s">
        <v>1614</v>
      </c>
      <c r="D312">
        <v>71</v>
      </c>
      <c r="E312" t="s">
        <v>1614</v>
      </c>
      <c r="F312" t="s">
        <v>4177</v>
      </c>
      <c r="G312" t="s">
        <v>669</v>
      </c>
      <c r="H312">
        <v>1</v>
      </c>
      <c r="I312">
        <v>2020</v>
      </c>
    </row>
    <row r="313" spans="1:9" x14ac:dyDescent="0.25">
      <c r="A313">
        <v>321</v>
      </c>
      <c r="B313" t="s">
        <v>3905</v>
      </c>
      <c r="C313" t="s">
        <v>1614</v>
      </c>
      <c r="D313">
        <v>71</v>
      </c>
      <c r="E313" t="s">
        <v>1614</v>
      </c>
      <c r="F313" t="s">
        <v>4177</v>
      </c>
      <c r="G313" t="s">
        <v>669</v>
      </c>
      <c r="H313">
        <v>1</v>
      </c>
      <c r="I313">
        <v>2020</v>
      </c>
    </row>
    <row r="314" spans="1:9" x14ac:dyDescent="0.25">
      <c r="A314">
        <v>322</v>
      </c>
      <c r="B314" t="s">
        <v>3904</v>
      </c>
      <c r="C314" t="s">
        <v>1614</v>
      </c>
      <c r="D314">
        <v>71</v>
      </c>
      <c r="E314" t="s">
        <v>1614</v>
      </c>
      <c r="F314" t="s">
        <v>4177</v>
      </c>
      <c r="G314" t="s">
        <v>669</v>
      </c>
      <c r="H314">
        <v>1</v>
      </c>
      <c r="I314">
        <v>2020</v>
      </c>
    </row>
    <row r="315" spans="1:9" x14ac:dyDescent="0.25">
      <c r="A315">
        <v>323</v>
      </c>
      <c r="B315" t="s">
        <v>1937</v>
      </c>
      <c r="C315" t="s">
        <v>1614</v>
      </c>
      <c r="D315">
        <v>71</v>
      </c>
      <c r="E315" t="s">
        <v>1614</v>
      </c>
      <c r="F315" t="s">
        <v>4177</v>
      </c>
      <c r="G315" t="s">
        <v>669</v>
      </c>
      <c r="H315">
        <v>1</v>
      </c>
      <c r="I315">
        <v>2020</v>
      </c>
    </row>
    <row r="316" spans="1:9" x14ac:dyDescent="0.25">
      <c r="A316">
        <v>324</v>
      </c>
      <c r="B316" t="s">
        <v>3900</v>
      </c>
      <c r="C316" t="s">
        <v>1614</v>
      </c>
      <c r="D316">
        <v>71</v>
      </c>
      <c r="E316" t="s">
        <v>1614</v>
      </c>
      <c r="F316" t="s">
        <v>4177</v>
      </c>
      <c r="G316" t="s">
        <v>669</v>
      </c>
      <c r="H316">
        <v>1</v>
      </c>
      <c r="I316">
        <v>2020</v>
      </c>
    </row>
    <row r="317" spans="1:9" x14ac:dyDescent="0.25">
      <c r="A317">
        <v>325</v>
      </c>
      <c r="B317" t="s">
        <v>3901</v>
      </c>
      <c r="C317" t="s">
        <v>1614</v>
      </c>
      <c r="D317">
        <v>71</v>
      </c>
      <c r="E317" t="s">
        <v>1614</v>
      </c>
      <c r="F317" t="s">
        <v>4177</v>
      </c>
      <c r="G317" t="s">
        <v>669</v>
      </c>
      <c r="H317">
        <v>1</v>
      </c>
      <c r="I317">
        <v>2020</v>
      </c>
    </row>
    <row r="318" spans="1:9" x14ac:dyDescent="0.25">
      <c r="A318">
        <v>326</v>
      </c>
      <c r="B318" t="s">
        <v>1005</v>
      </c>
      <c r="C318" t="s">
        <v>1005</v>
      </c>
      <c r="D318">
        <v>72</v>
      </c>
      <c r="E318" t="s">
        <v>1005</v>
      </c>
      <c r="F318" t="s">
        <v>4168</v>
      </c>
      <c r="G318" t="s">
        <v>669</v>
      </c>
      <c r="H318">
        <v>1</v>
      </c>
      <c r="I318">
        <v>2020</v>
      </c>
    </row>
    <row r="319" spans="1:9" x14ac:dyDescent="0.25">
      <c r="A319">
        <v>327</v>
      </c>
      <c r="B319" t="s">
        <v>839</v>
      </c>
      <c r="C319" t="s">
        <v>932</v>
      </c>
      <c r="D319">
        <v>77</v>
      </c>
      <c r="E319" t="s">
        <v>839</v>
      </c>
      <c r="F319" t="s">
        <v>4168</v>
      </c>
      <c r="G319" t="s">
        <v>669</v>
      </c>
      <c r="H319">
        <v>1</v>
      </c>
      <c r="I319">
        <v>2020</v>
      </c>
    </row>
    <row r="320" spans="1:9" x14ac:dyDescent="0.25">
      <c r="A320">
        <v>328</v>
      </c>
      <c r="B320" t="s">
        <v>752</v>
      </c>
      <c r="C320" t="s">
        <v>751</v>
      </c>
      <c r="D320">
        <v>79</v>
      </c>
      <c r="E320" t="s">
        <v>752</v>
      </c>
      <c r="F320" t="s">
        <v>4168</v>
      </c>
      <c r="G320" t="s">
        <v>669</v>
      </c>
      <c r="H320">
        <v>1</v>
      </c>
      <c r="I320">
        <v>2020</v>
      </c>
    </row>
    <row r="321" spans="1:9" x14ac:dyDescent="0.25">
      <c r="A321">
        <v>329</v>
      </c>
      <c r="B321" t="s">
        <v>878</v>
      </c>
      <c r="C321" t="s">
        <v>1931</v>
      </c>
      <c r="D321">
        <v>80</v>
      </c>
      <c r="E321" t="s">
        <v>878</v>
      </c>
      <c r="F321" t="s">
        <v>4168</v>
      </c>
      <c r="G321" t="s">
        <v>669</v>
      </c>
      <c r="H321">
        <v>1</v>
      </c>
      <c r="I321">
        <v>2020</v>
      </c>
    </row>
    <row r="322" spans="1:9" x14ac:dyDescent="0.25">
      <c r="A322">
        <v>330</v>
      </c>
      <c r="B322" t="s">
        <v>933</v>
      </c>
      <c r="C322" t="s">
        <v>932</v>
      </c>
      <c r="D322">
        <v>77</v>
      </c>
      <c r="E322" t="s">
        <v>839</v>
      </c>
      <c r="F322" t="s">
        <v>4168</v>
      </c>
      <c r="G322" t="s">
        <v>669</v>
      </c>
      <c r="H322">
        <v>1</v>
      </c>
      <c r="I322">
        <v>2020</v>
      </c>
    </row>
    <row r="323" spans="1:9" x14ac:dyDescent="0.25">
      <c r="A323">
        <v>331</v>
      </c>
      <c r="B323" t="s">
        <v>1926</v>
      </c>
      <c r="C323" t="s">
        <v>932</v>
      </c>
      <c r="D323">
        <v>77</v>
      </c>
      <c r="E323" t="s">
        <v>839</v>
      </c>
      <c r="F323" t="s">
        <v>4168</v>
      </c>
      <c r="G323" t="s">
        <v>669</v>
      </c>
      <c r="H323">
        <v>1</v>
      </c>
      <c r="I323">
        <v>2020</v>
      </c>
    </row>
    <row r="324" spans="1:9" x14ac:dyDescent="0.25">
      <c r="A324">
        <v>332</v>
      </c>
      <c r="B324" t="s">
        <v>916</v>
      </c>
      <c r="C324" t="s">
        <v>915</v>
      </c>
      <c r="D324">
        <v>78</v>
      </c>
      <c r="E324" t="s">
        <v>839</v>
      </c>
      <c r="F324" t="s">
        <v>4168</v>
      </c>
      <c r="G324" t="s">
        <v>669</v>
      </c>
      <c r="H324">
        <v>1</v>
      </c>
      <c r="I324">
        <v>2020</v>
      </c>
    </row>
    <row r="325" spans="1:9" x14ac:dyDescent="0.25">
      <c r="A325">
        <v>333</v>
      </c>
      <c r="B325" t="s">
        <v>2343</v>
      </c>
      <c r="C325" t="s">
        <v>915</v>
      </c>
      <c r="D325">
        <v>78</v>
      </c>
      <c r="E325" t="s">
        <v>839</v>
      </c>
      <c r="F325" t="s">
        <v>4168</v>
      </c>
      <c r="G325" t="s">
        <v>669</v>
      </c>
      <c r="H325">
        <v>1</v>
      </c>
      <c r="I325">
        <v>2020</v>
      </c>
    </row>
    <row r="326" spans="1:9" x14ac:dyDescent="0.25">
      <c r="A326">
        <v>334</v>
      </c>
      <c r="B326" t="s">
        <v>1266</v>
      </c>
      <c r="C326" t="s">
        <v>915</v>
      </c>
      <c r="D326">
        <v>78</v>
      </c>
      <c r="E326" t="s">
        <v>839</v>
      </c>
      <c r="F326" t="s">
        <v>4168</v>
      </c>
      <c r="G326" t="s">
        <v>669</v>
      </c>
      <c r="H326">
        <v>1</v>
      </c>
      <c r="I326">
        <v>2020</v>
      </c>
    </row>
    <row r="327" spans="1:9" x14ac:dyDescent="0.25">
      <c r="A327">
        <v>335</v>
      </c>
      <c r="B327" t="s">
        <v>920</v>
      </c>
      <c r="C327" t="s">
        <v>671</v>
      </c>
      <c r="D327">
        <v>81</v>
      </c>
      <c r="E327" t="s">
        <v>752</v>
      </c>
      <c r="F327" t="s">
        <v>4168</v>
      </c>
      <c r="G327" t="s">
        <v>669</v>
      </c>
      <c r="H327">
        <v>1</v>
      </c>
      <c r="I327">
        <v>2020</v>
      </c>
    </row>
    <row r="328" spans="1:9" x14ac:dyDescent="0.25">
      <c r="A328">
        <v>336</v>
      </c>
      <c r="B328" t="s">
        <v>4208</v>
      </c>
      <c r="C328" t="s">
        <v>671</v>
      </c>
      <c r="D328">
        <v>81</v>
      </c>
      <c r="E328" t="s">
        <v>752</v>
      </c>
      <c r="F328" t="s">
        <v>4168</v>
      </c>
      <c r="G328" t="s">
        <v>669</v>
      </c>
      <c r="H328">
        <v>1</v>
      </c>
      <c r="I328">
        <v>2020</v>
      </c>
    </row>
    <row r="329" spans="1:9" x14ac:dyDescent="0.25">
      <c r="A329">
        <v>337</v>
      </c>
      <c r="B329" t="s">
        <v>1914</v>
      </c>
      <c r="C329" t="s">
        <v>687</v>
      </c>
      <c r="D329">
        <v>82</v>
      </c>
      <c r="E329" t="s">
        <v>878</v>
      </c>
      <c r="F329" t="s">
        <v>4168</v>
      </c>
      <c r="G329" t="s">
        <v>669</v>
      </c>
      <c r="H329">
        <v>1</v>
      </c>
      <c r="I329">
        <v>2020</v>
      </c>
    </row>
    <row r="330" spans="1:9" x14ac:dyDescent="0.25">
      <c r="A330">
        <v>338</v>
      </c>
      <c r="B330" t="s">
        <v>4209</v>
      </c>
      <c r="C330" t="s">
        <v>915</v>
      </c>
      <c r="D330">
        <v>78</v>
      </c>
      <c r="E330" t="s">
        <v>839</v>
      </c>
      <c r="F330" t="s">
        <v>4168</v>
      </c>
      <c r="G330" t="s">
        <v>669</v>
      </c>
      <c r="H330">
        <v>1</v>
      </c>
      <c r="I330">
        <v>2020</v>
      </c>
    </row>
    <row r="331" spans="1:9" x14ac:dyDescent="0.25">
      <c r="A331">
        <v>339</v>
      </c>
      <c r="B331" t="s">
        <v>672</v>
      </c>
      <c r="C331" t="s">
        <v>671</v>
      </c>
      <c r="D331">
        <v>81</v>
      </c>
      <c r="E331" t="s">
        <v>752</v>
      </c>
      <c r="F331" t="s">
        <v>4168</v>
      </c>
      <c r="G331" t="s">
        <v>669</v>
      </c>
      <c r="H331">
        <v>1</v>
      </c>
      <c r="I331">
        <v>2020</v>
      </c>
    </row>
    <row r="332" spans="1:9" x14ac:dyDescent="0.25">
      <c r="A332">
        <v>340</v>
      </c>
      <c r="B332" t="s">
        <v>1143</v>
      </c>
      <c r="C332" t="s">
        <v>915</v>
      </c>
      <c r="D332">
        <v>78</v>
      </c>
      <c r="E332" t="s">
        <v>839</v>
      </c>
      <c r="F332" t="s">
        <v>4168</v>
      </c>
      <c r="G332" t="s">
        <v>669</v>
      </c>
      <c r="H332">
        <v>1</v>
      </c>
      <c r="I332">
        <v>2020</v>
      </c>
    </row>
    <row r="333" spans="1:9" x14ac:dyDescent="0.25">
      <c r="A333">
        <v>341</v>
      </c>
      <c r="B333" t="s">
        <v>1096</v>
      </c>
      <c r="C333" t="s">
        <v>699</v>
      </c>
      <c r="D333">
        <v>10</v>
      </c>
      <c r="E333" t="s">
        <v>663</v>
      </c>
      <c r="F333" t="s">
        <v>4171</v>
      </c>
      <c r="G333" t="s">
        <v>669</v>
      </c>
      <c r="H333">
        <v>1</v>
      </c>
      <c r="I333">
        <v>2020</v>
      </c>
    </row>
    <row r="334" spans="1:9" x14ac:dyDescent="0.25">
      <c r="A334">
        <v>342</v>
      </c>
      <c r="B334" t="s">
        <v>3886</v>
      </c>
      <c r="C334" t="s">
        <v>699</v>
      </c>
      <c r="D334">
        <v>10</v>
      </c>
      <c r="E334" t="s">
        <v>663</v>
      </c>
      <c r="F334" t="s">
        <v>4171</v>
      </c>
      <c r="G334" t="s">
        <v>669</v>
      </c>
      <c r="H334">
        <v>1</v>
      </c>
      <c r="I334">
        <v>2020</v>
      </c>
    </row>
    <row r="335" spans="1:9" x14ac:dyDescent="0.25">
      <c r="A335">
        <v>343</v>
      </c>
      <c r="B335" t="s">
        <v>3711</v>
      </c>
      <c r="C335" t="s">
        <v>699</v>
      </c>
      <c r="D335">
        <v>10</v>
      </c>
      <c r="E335" t="s">
        <v>663</v>
      </c>
      <c r="F335" t="s">
        <v>4171</v>
      </c>
      <c r="G335" t="s">
        <v>669</v>
      </c>
      <c r="H335">
        <v>1</v>
      </c>
      <c r="I335">
        <v>2020</v>
      </c>
    </row>
    <row r="336" spans="1:9" x14ac:dyDescent="0.25">
      <c r="A336">
        <v>344</v>
      </c>
      <c r="B336" t="s">
        <v>3853</v>
      </c>
      <c r="C336" t="s">
        <v>699</v>
      </c>
      <c r="D336">
        <v>10</v>
      </c>
      <c r="E336" t="s">
        <v>663</v>
      </c>
      <c r="F336" t="s">
        <v>4171</v>
      </c>
      <c r="G336" t="s">
        <v>669</v>
      </c>
      <c r="H336">
        <v>1</v>
      </c>
      <c r="I336">
        <v>2020</v>
      </c>
    </row>
    <row r="337" spans="1:9" x14ac:dyDescent="0.25">
      <c r="A337">
        <v>345</v>
      </c>
      <c r="B337" t="s">
        <v>1606</v>
      </c>
      <c r="C337" t="s">
        <v>699</v>
      </c>
      <c r="D337">
        <v>10</v>
      </c>
      <c r="E337" t="s">
        <v>663</v>
      </c>
      <c r="F337" t="s">
        <v>4171</v>
      </c>
      <c r="G337" t="s">
        <v>669</v>
      </c>
      <c r="H337">
        <v>1</v>
      </c>
      <c r="I337">
        <v>2020</v>
      </c>
    </row>
    <row r="338" spans="1:9" x14ac:dyDescent="0.25">
      <c r="A338">
        <v>346</v>
      </c>
      <c r="B338" t="s">
        <v>1241</v>
      </c>
      <c r="C338" t="s">
        <v>699</v>
      </c>
      <c r="D338">
        <v>10</v>
      </c>
      <c r="E338" t="s">
        <v>663</v>
      </c>
      <c r="F338" t="s">
        <v>4171</v>
      </c>
      <c r="G338" t="s">
        <v>669</v>
      </c>
      <c r="H338">
        <v>1</v>
      </c>
      <c r="I338">
        <v>2020</v>
      </c>
    </row>
    <row r="339" spans="1:9" x14ac:dyDescent="0.25">
      <c r="A339">
        <v>347</v>
      </c>
      <c r="B339" t="s">
        <v>3718</v>
      </c>
      <c r="C339" t="s">
        <v>699</v>
      </c>
      <c r="D339">
        <v>10</v>
      </c>
      <c r="E339" t="s">
        <v>663</v>
      </c>
      <c r="F339" t="s">
        <v>4171</v>
      </c>
      <c r="G339" t="s">
        <v>669</v>
      </c>
      <c r="H339">
        <v>1</v>
      </c>
      <c r="I339">
        <v>2020</v>
      </c>
    </row>
    <row r="340" spans="1:9" x14ac:dyDescent="0.25">
      <c r="A340">
        <v>348</v>
      </c>
      <c r="B340" t="s">
        <v>700</v>
      </c>
      <c r="C340" t="s">
        <v>699</v>
      </c>
      <c r="D340">
        <v>10</v>
      </c>
      <c r="E340" t="s">
        <v>663</v>
      </c>
      <c r="F340" t="s">
        <v>4171</v>
      </c>
      <c r="G340" t="s">
        <v>669</v>
      </c>
      <c r="H340">
        <v>1</v>
      </c>
      <c r="I340">
        <v>2020</v>
      </c>
    </row>
    <row r="341" spans="1:9" x14ac:dyDescent="0.25">
      <c r="A341">
        <v>349</v>
      </c>
      <c r="B341" t="s">
        <v>1757</v>
      </c>
      <c r="C341" t="s">
        <v>699</v>
      </c>
      <c r="D341">
        <v>10</v>
      </c>
      <c r="E341" t="s">
        <v>663</v>
      </c>
      <c r="F341" t="s">
        <v>4171</v>
      </c>
      <c r="G341" t="s">
        <v>669</v>
      </c>
      <c r="H341">
        <v>1</v>
      </c>
      <c r="I341">
        <v>2020</v>
      </c>
    </row>
    <row r="342" spans="1:9" x14ac:dyDescent="0.25">
      <c r="A342">
        <v>350</v>
      </c>
      <c r="B342" t="s">
        <v>720</v>
      </c>
      <c r="C342" t="s">
        <v>699</v>
      </c>
      <c r="D342">
        <v>10</v>
      </c>
      <c r="E342" t="s">
        <v>663</v>
      </c>
      <c r="F342" t="s">
        <v>4171</v>
      </c>
      <c r="G342" t="s">
        <v>669</v>
      </c>
      <c r="H342">
        <v>1</v>
      </c>
      <c r="I342">
        <v>2020</v>
      </c>
    </row>
    <row r="343" spans="1:9" x14ac:dyDescent="0.25">
      <c r="A343">
        <v>351</v>
      </c>
      <c r="B343" t="s">
        <v>3754</v>
      </c>
      <c r="C343" t="s">
        <v>699</v>
      </c>
      <c r="D343">
        <v>10</v>
      </c>
      <c r="E343" t="s">
        <v>663</v>
      </c>
      <c r="F343" t="s">
        <v>4171</v>
      </c>
      <c r="G343" t="s">
        <v>669</v>
      </c>
      <c r="H343">
        <v>1</v>
      </c>
      <c r="I343">
        <v>2020</v>
      </c>
    </row>
    <row r="344" spans="1:9" x14ac:dyDescent="0.25">
      <c r="A344">
        <v>352</v>
      </c>
      <c r="B344" t="s">
        <v>1847</v>
      </c>
      <c r="C344" t="s">
        <v>699</v>
      </c>
      <c r="D344">
        <v>10</v>
      </c>
      <c r="E344" t="s">
        <v>663</v>
      </c>
      <c r="F344" t="s">
        <v>4171</v>
      </c>
      <c r="G344" t="s">
        <v>669</v>
      </c>
      <c r="H344">
        <v>1</v>
      </c>
      <c r="I344">
        <v>2020</v>
      </c>
    </row>
    <row r="345" spans="1:9" x14ac:dyDescent="0.25">
      <c r="A345">
        <v>354</v>
      </c>
      <c r="B345" t="s">
        <v>1257</v>
      </c>
      <c r="C345" t="s">
        <v>864</v>
      </c>
      <c r="D345">
        <v>14</v>
      </c>
      <c r="E345" t="s">
        <v>864</v>
      </c>
      <c r="F345" t="s">
        <v>4171</v>
      </c>
      <c r="G345" t="s">
        <v>669</v>
      </c>
      <c r="H345">
        <v>1</v>
      </c>
      <c r="I345">
        <v>2020</v>
      </c>
    </row>
    <row r="346" spans="1:9" x14ac:dyDescent="0.25">
      <c r="A346">
        <v>355</v>
      </c>
      <c r="B346" t="s">
        <v>1941</v>
      </c>
      <c r="C346" t="s">
        <v>864</v>
      </c>
      <c r="D346">
        <v>14</v>
      </c>
      <c r="E346" t="s">
        <v>864</v>
      </c>
      <c r="F346" t="s">
        <v>4171</v>
      </c>
      <c r="G346" t="s">
        <v>669</v>
      </c>
      <c r="H346">
        <v>1</v>
      </c>
      <c r="I346">
        <v>2020</v>
      </c>
    </row>
    <row r="347" spans="1:9" x14ac:dyDescent="0.25">
      <c r="A347">
        <v>356</v>
      </c>
      <c r="B347" t="s">
        <v>3993</v>
      </c>
      <c r="C347" t="s">
        <v>864</v>
      </c>
      <c r="D347">
        <v>14</v>
      </c>
      <c r="E347" t="s">
        <v>864</v>
      </c>
      <c r="F347" t="s">
        <v>4171</v>
      </c>
      <c r="G347" t="s">
        <v>669</v>
      </c>
      <c r="H347">
        <v>1</v>
      </c>
      <c r="I347">
        <v>2020</v>
      </c>
    </row>
    <row r="348" spans="1:9" x14ac:dyDescent="0.25">
      <c r="A348">
        <v>357</v>
      </c>
      <c r="B348" t="s">
        <v>4210</v>
      </c>
      <c r="C348" t="s">
        <v>864</v>
      </c>
      <c r="D348">
        <v>14</v>
      </c>
      <c r="E348" t="s">
        <v>864</v>
      </c>
      <c r="F348" t="s">
        <v>4171</v>
      </c>
      <c r="G348" t="s">
        <v>669</v>
      </c>
      <c r="H348">
        <v>1</v>
      </c>
      <c r="I348">
        <v>2020</v>
      </c>
    </row>
    <row r="349" spans="1:9" x14ac:dyDescent="0.25">
      <c r="A349">
        <v>358</v>
      </c>
      <c r="B349" t="s">
        <v>3897</v>
      </c>
      <c r="C349" t="s">
        <v>864</v>
      </c>
      <c r="D349">
        <v>14</v>
      </c>
      <c r="E349" t="s">
        <v>864</v>
      </c>
      <c r="F349" t="s">
        <v>4171</v>
      </c>
      <c r="G349" t="s">
        <v>669</v>
      </c>
      <c r="H349">
        <v>1</v>
      </c>
      <c r="I349">
        <v>2020</v>
      </c>
    </row>
    <row r="350" spans="1:9" x14ac:dyDescent="0.25">
      <c r="A350">
        <v>359</v>
      </c>
      <c r="B350" t="s">
        <v>1095</v>
      </c>
      <c r="C350" t="s">
        <v>864</v>
      </c>
      <c r="D350">
        <v>14</v>
      </c>
      <c r="E350" t="s">
        <v>864</v>
      </c>
      <c r="F350" t="s">
        <v>4171</v>
      </c>
      <c r="G350" t="s">
        <v>669</v>
      </c>
      <c r="H350">
        <v>1</v>
      </c>
      <c r="I350">
        <v>2020</v>
      </c>
    </row>
    <row r="351" spans="1:9" x14ac:dyDescent="0.25">
      <c r="A351">
        <v>360</v>
      </c>
      <c r="B351" t="s">
        <v>3896</v>
      </c>
      <c r="C351" t="s">
        <v>864</v>
      </c>
      <c r="D351">
        <v>14</v>
      </c>
      <c r="E351" t="s">
        <v>864</v>
      </c>
      <c r="F351" t="s">
        <v>4171</v>
      </c>
      <c r="G351" t="s">
        <v>669</v>
      </c>
      <c r="H351">
        <v>1</v>
      </c>
      <c r="I351">
        <v>2020</v>
      </c>
    </row>
    <row r="352" spans="1:9" x14ac:dyDescent="0.25">
      <c r="A352">
        <v>361</v>
      </c>
      <c r="B352" t="s">
        <v>3895</v>
      </c>
      <c r="C352" t="s">
        <v>864</v>
      </c>
      <c r="D352">
        <v>14</v>
      </c>
      <c r="E352" t="s">
        <v>864</v>
      </c>
      <c r="F352" t="s">
        <v>4171</v>
      </c>
      <c r="G352" t="s">
        <v>669</v>
      </c>
      <c r="H352">
        <v>1</v>
      </c>
      <c r="I352">
        <v>2020</v>
      </c>
    </row>
    <row r="353" spans="1:9" x14ac:dyDescent="0.25">
      <c r="A353">
        <v>362</v>
      </c>
      <c r="B353" t="s">
        <v>3783</v>
      </c>
      <c r="C353" t="s">
        <v>864</v>
      </c>
      <c r="D353">
        <v>14</v>
      </c>
      <c r="E353" t="s">
        <v>864</v>
      </c>
      <c r="F353" t="s">
        <v>4171</v>
      </c>
      <c r="G353" t="s">
        <v>669</v>
      </c>
      <c r="H353">
        <v>1</v>
      </c>
      <c r="I353">
        <v>2020</v>
      </c>
    </row>
    <row r="354" spans="1:9" x14ac:dyDescent="0.25">
      <c r="A354">
        <v>363</v>
      </c>
      <c r="B354" t="s">
        <v>3989</v>
      </c>
      <c r="C354" t="s">
        <v>864</v>
      </c>
      <c r="D354">
        <v>14</v>
      </c>
      <c r="E354" t="s">
        <v>864</v>
      </c>
      <c r="F354" t="s">
        <v>4171</v>
      </c>
      <c r="G354" t="s">
        <v>669</v>
      </c>
      <c r="H354">
        <v>1</v>
      </c>
      <c r="I354">
        <v>2020</v>
      </c>
    </row>
    <row r="355" spans="1:9" x14ac:dyDescent="0.25">
      <c r="A355">
        <v>364</v>
      </c>
      <c r="B355" t="s">
        <v>3992</v>
      </c>
      <c r="C355" t="s">
        <v>864</v>
      </c>
      <c r="D355">
        <v>14</v>
      </c>
      <c r="E355" t="s">
        <v>864</v>
      </c>
      <c r="F355" t="s">
        <v>4171</v>
      </c>
      <c r="G355" t="s">
        <v>669</v>
      </c>
      <c r="H355">
        <v>1</v>
      </c>
      <c r="I355">
        <v>2020</v>
      </c>
    </row>
    <row r="356" spans="1:9" x14ac:dyDescent="0.25">
      <c r="A356">
        <v>365</v>
      </c>
      <c r="B356" t="s">
        <v>3990</v>
      </c>
      <c r="C356" t="s">
        <v>864</v>
      </c>
      <c r="D356">
        <v>14</v>
      </c>
      <c r="E356" t="s">
        <v>864</v>
      </c>
      <c r="F356" t="s">
        <v>4171</v>
      </c>
      <c r="G356" t="s">
        <v>669</v>
      </c>
      <c r="H356">
        <v>1</v>
      </c>
      <c r="I356">
        <v>2020</v>
      </c>
    </row>
    <row r="357" spans="1:9" x14ac:dyDescent="0.25">
      <c r="A357">
        <v>366</v>
      </c>
      <c r="B357" t="s">
        <v>4211</v>
      </c>
      <c r="C357" t="s">
        <v>864</v>
      </c>
      <c r="D357">
        <v>14</v>
      </c>
      <c r="E357" t="s">
        <v>864</v>
      </c>
      <c r="F357" t="s">
        <v>4171</v>
      </c>
      <c r="G357" t="s">
        <v>669</v>
      </c>
      <c r="H357">
        <v>1</v>
      </c>
      <c r="I357">
        <v>2020</v>
      </c>
    </row>
    <row r="358" spans="1:9" x14ac:dyDescent="0.25">
      <c r="A358">
        <v>367</v>
      </c>
      <c r="B358" t="s">
        <v>4212</v>
      </c>
      <c r="C358" t="s">
        <v>864</v>
      </c>
      <c r="D358">
        <v>14</v>
      </c>
      <c r="E358" t="s">
        <v>864</v>
      </c>
      <c r="F358" t="s">
        <v>4171</v>
      </c>
      <c r="G358" t="s">
        <v>669</v>
      </c>
      <c r="H358">
        <v>1</v>
      </c>
      <c r="I358">
        <v>2020</v>
      </c>
    </row>
    <row r="359" spans="1:9" x14ac:dyDescent="0.25">
      <c r="A359">
        <v>368</v>
      </c>
      <c r="B359" t="s">
        <v>4007</v>
      </c>
      <c r="C359" t="s">
        <v>864</v>
      </c>
      <c r="D359">
        <v>14</v>
      </c>
      <c r="E359" t="s">
        <v>864</v>
      </c>
      <c r="F359" t="s">
        <v>4171</v>
      </c>
      <c r="G359" t="s">
        <v>669</v>
      </c>
      <c r="H359">
        <v>1</v>
      </c>
      <c r="I359">
        <v>2020</v>
      </c>
    </row>
    <row r="360" spans="1:9" x14ac:dyDescent="0.25">
      <c r="A360">
        <v>369</v>
      </c>
      <c r="B360" t="s">
        <v>4213</v>
      </c>
      <c r="C360" t="s">
        <v>864</v>
      </c>
      <c r="D360">
        <v>14</v>
      </c>
      <c r="E360" t="s">
        <v>864</v>
      </c>
      <c r="F360" t="s">
        <v>4171</v>
      </c>
      <c r="G360" t="s">
        <v>669</v>
      </c>
      <c r="H360">
        <v>1</v>
      </c>
      <c r="I360">
        <v>2020</v>
      </c>
    </row>
    <row r="361" spans="1:9" x14ac:dyDescent="0.25">
      <c r="A361">
        <v>370</v>
      </c>
      <c r="B361" t="s">
        <v>1610</v>
      </c>
      <c r="C361" t="s">
        <v>864</v>
      </c>
      <c r="D361">
        <v>14</v>
      </c>
      <c r="E361" t="s">
        <v>864</v>
      </c>
      <c r="F361" t="s">
        <v>4171</v>
      </c>
      <c r="G361" t="s">
        <v>669</v>
      </c>
      <c r="H361">
        <v>1</v>
      </c>
      <c r="I361">
        <v>2020</v>
      </c>
    </row>
    <row r="362" spans="1:9" x14ac:dyDescent="0.25">
      <c r="A362">
        <v>371</v>
      </c>
      <c r="B362" t="s">
        <v>3962</v>
      </c>
      <c r="C362" t="s">
        <v>864</v>
      </c>
      <c r="D362">
        <v>14</v>
      </c>
      <c r="E362" t="s">
        <v>864</v>
      </c>
      <c r="F362" t="s">
        <v>4171</v>
      </c>
      <c r="G362" t="s">
        <v>669</v>
      </c>
      <c r="H362">
        <v>1</v>
      </c>
      <c r="I362">
        <v>2020</v>
      </c>
    </row>
    <row r="363" spans="1:9" x14ac:dyDescent="0.25">
      <c r="A363">
        <v>372</v>
      </c>
      <c r="B363" t="s">
        <v>3991</v>
      </c>
      <c r="C363" t="s">
        <v>864</v>
      </c>
      <c r="D363">
        <v>14</v>
      </c>
      <c r="E363" t="s">
        <v>864</v>
      </c>
      <c r="F363" t="s">
        <v>4171</v>
      </c>
      <c r="G363" t="s">
        <v>669</v>
      </c>
      <c r="H363">
        <v>1</v>
      </c>
      <c r="I363">
        <v>2020</v>
      </c>
    </row>
    <row r="364" spans="1:9" x14ac:dyDescent="0.25">
      <c r="A364">
        <v>373</v>
      </c>
      <c r="B364" t="s">
        <v>4214</v>
      </c>
      <c r="C364" t="s">
        <v>864</v>
      </c>
      <c r="D364">
        <v>14</v>
      </c>
      <c r="E364" t="s">
        <v>864</v>
      </c>
      <c r="F364" t="s">
        <v>4171</v>
      </c>
      <c r="G364" t="s">
        <v>669</v>
      </c>
      <c r="H364">
        <v>1</v>
      </c>
      <c r="I364">
        <v>2020</v>
      </c>
    </row>
    <row r="365" spans="1:9" x14ac:dyDescent="0.25">
      <c r="A365">
        <v>374</v>
      </c>
      <c r="B365" t="s">
        <v>4011</v>
      </c>
      <c r="C365" t="s">
        <v>864</v>
      </c>
      <c r="D365">
        <v>14</v>
      </c>
      <c r="E365" t="s">
        <v>864</v>
      </c>
      <c r="F365" t="s">
        <v>4171</v>
      </c>
      <c r="G365" t="s">
        <v>669</v>
      </c>
      <c r="H365">
        <v>1</v>
      </c>
      <c r="I365">
        <v>2020</v>
      </c>
    </row>
    <row r="366" spans="1:9" x14ac:dyDescent="0.25">
      <c r="A366">
        <v>375</v>
      </c>
      <c r="B366" t="s">
        <v>4215</v>
      </c>
      <c r="C366" t="s">
        <v>864</v>
      </c>
      <c r="D366">
        <v>14</v>
      </c>
      <c r="E366" t="s">
        <v>864</v>
      </c>
      <c r="F366" t="s">
        <v>4171</v>
      </c>
      <c r="G366" t="s">
        <v>669</v>
      </c>
      <c r="H366">
        <v>1</v>
      </c>
      <c r="I366">
        <v>2020</v>
      </c>
    </row>
    <row r="367" spans="1:9" x14ac:dyDescent="0.25">
      <c r="A367">
        <v>376</v>
      </c>
      <c r="B367" t="s">
        <v>4216</v>
      </c>
      <c r="C367" t="s">
        <v>864</v>
      </c>
      <c r="D367">
        <v>14</v>
      </c>
      <c r="E367" t="s">
        <v>864</v>
      </c>
      <c r="F367" t="s">
        <v>4171</v>
      </c>
      <c r="G367" t="s">
        <v>669</v>
      </c>
      <c r="H367">
        <v>1</v>
      </c>
      <c r="I367">
        <v>2020</v>
      </c>
    </row>
    <row r="368" spans="1:9" x14ac:dyDescent="0.25">
      <c r="A368">
        <v>377</v>
      </c>
      <c r="B368" t="s">
        <v>4217</v>
      </c>
      <c r="C368" t="s">
        <v>864</v>
      </c>
      <c r="D368">
        <v>14</v>
      </c>
      <c r="E368" t="s">
        <v>864</v>
      </c>
      <c r="F368" t="s">
        <v>4171</v>
      </c>
      <c r="G368" t="s">
        <v>669</v>
      </c>
      <c r="H368">
        <v>1</v>
      </c>
      <c r="I368">
        <v>2020</v>
      </c>
    </row>
    <row r="369" spans="1:9" x14ac:dyDescent="0.25">
      <c r="A369">
        <v>378</v>
      </c>
      <c r="B369" t="s">
        <v>3956</v>
      </c>
      <c r="C369" t="s">
        <v>659</v>
      </c>
      <c r="D369">
        <v>35</v>
      </c>
      <c r="E369" t="s">
        <v>4175</v>
      </c>
      <c r="F369" t="s">
        <v>4171</v>
      </c>
      <c r="G369" t="s">
        <v>669</v>
      </c>
      <c r="H369">
        <v>1</v>
      </c>
      <c r="I369">
        <v>2020</v>
      </c>
    </row>
    <row r="370" spans="1:9" x14ac:dyDescent="0.25">
      <c r="A370">
        <v>379</v>
      </c>
      <c r="B370" t="s">
        <v>1604</v>
      </c>
      <c r="C370" t="s">
        <v>659</v>
      </c>
      <c r="D370">
        <v>35</v>
      </c>
      <c r="E370" t="s">
        <v>4175</v>
      </c>
      <c r="F370" t="s">
        <v>4171</v>
      </c>
      <c r="G370" t="s">
        <v>669</v>
      </c>
      <c r="H370">
        <v>1</v>
      </c>
      <c r="I370">
        <v>2020</v>
      </c>
    </row>
    <row r="371" spans="1:9" x14ac:dyDescent="0.25">
      <c r="A371">
        <v>380</v>
      </c>
      <c r="B371" t="s">
        <v>3793</v>
      </c>
      <c r="C371" t="s">
        <v>659</v>
      </c>
      <c r="D371">
        <v>35</v>
      </c>
      <c r="E371" t="s">
        <v>4175</v>
      </c>
      <c r="F371" t="s">
        <v>4171</v>
      </c>
      <c r="G371" t="s">
        <v>669</v>
      </c>
      <c r="H371">
        <v>1</v>
      </c>
      <c r="I371">
        <v>2020</v>
      </c>
    </row>
    <row r="372" spans="1:9" x14ac:dyDescent="0.25">
      <c r="A372">
        <v>381</v>
      </c>
      <c r="B372" t="s">
        <v>3889</v>
      </c>
      <c r="C372" t="s">
        <v>864</v>
      </c>
      <c r="D372">
        <v>14</v>
      </c>
      <c r="E372" t="s">
        <v>864</v>
      </c>
      <c r="F372" t="s">
        <v>4171</v>
      </c>
      <c r="G372" t="s">
        <v>669</v>
      </c>
      <c r="H372">
        <v>1</v>
      </c>
      <c r="I372">
        <v>2020</v>
      </c>
    </row>
    <row r="373" spans="1:9" x14ac:dyDescent="0.25">
      <c r="A373">
        <v>456</v>
      </c>
      <c r="B373" t="s">
        <v>3998</v>
      </c>
      <c r="C373" t="s">
        <v>699</v>
      </c>
      <c r="D373">
        <v>10</v>
      </c>
      <c r="E373" t="s">
        <v>663</v>
      </c>
      <c r="F373" t="s">
        <v>4171</v>
      </c>
      <c r="G373" t="s">
        <v>669</v>
      </c>
      <c r="H373">
        <v>1</v>
      </c>
      <c r="I373">
        <v>2020</v>
      </c>
    </row>
    <row r="374" spans="1:9" x14ac:dyDescent="0.25">
      <c r="A374">
        <v>457</v>
      </c>
      <c r="B374" t="s">
        <v>3706</v>
      </c>
      <c r="C374" t="s">
        <v>699</v>
      </c>
      <c r="D374">
        <v>10</v>
      </c>
      <c r="E374" t="s">
        <v>663</v>
      </c>
      <c r="F374" t="s">
        <v>4171</v>
      </c>
      <c r="G374" t="s">
        <v>669</v>
      </c>
      <c r="H374">
        <v>1</v>
      </c>
      <c r="I374">
        <v>2020</v>
      </c>
    </row>
    <row r="375" spans="1:9" x14ac:dyDescent="0.25">
      <c r="A375">
        <v>458</v>
      </c>
      <c r="B375" t="s">
        <v>1753</v>
      </c>
      <c r="C375" t="s">
        <v>699</v>
      </c>
      <c r="D375">
        <v>10</v>
      </c>
      <c r="E375" t="s">
        <v>663</v>
      </c>
      <c r="F375" t="s">
        <v>4171</v>
      </c>
      <c r="G375" t="s">
        <v>669</v>
      </c>
      <c r="H375">
        <v>1</v>
      </c>
      <c r="I375">
        <v>2020</v>
      </c>
    </row>
    <row r="376" spans="1:9" x14ac:dyDescent="0.25">
      <c r="A376">
        <v>459</v>
      </c>
      <c r="B376" t="s">
        <v>1664</v>
      </c>
      <c r="C376" t="s">
        <v>699</v>
      </c>
      <c r="D376">
        <v>10</v>
      </c>
      <c r="E376" t="s">
        <v>663</v>
      </c>
      <c r="F376" t="s">
        <v>4171</v>
      </c>
      <c r="G376" t="s">
        <v>669</v>
      </c>
      <c r="H376">
        <v>1</v>
      </c>
      <c r="I376">
        <v>2020</v>
      </c>
    </row>
    <row r="377" spans="1:9" x14ac:dyDescent="0.25">
      <c r="A377">
        <v>460</v>
      </c>
      <c r="B377" t="s">
        <v>1509</v>
      </c>
      <c r="C377" t="s">
        <v>699</v>
      </c>
      <c r="D377">
        <v>10</v>
      </c>
      <c r="E377" t="s">
        <v>663</v>
      </c>
      <c r="F377" t="s">
        <v>4171</v>
      </c>
      <c r="G377" t="s">
        <v>669</v>
      </c>
      <c r="H377">
        <v>1</v>
      </c>
      <c r="I377">
        <v>2020</v>
      </c>
    </row>
    <row r="378" spans="1:9" x14ac:dyDescent="0.25">
      <c r="A378">
        <v>461</v>
      </c>
      <c r="B378" t="s">
        <v>3717</v>
      </c>
      <c r="C378" t="s">
        <v>895</v>
      </c>
      <c r="D378">
        <v>13</v>
      </c>
      <c r="E378" t="s">
        <v>895</v>
      </c>
      <c r="F378" t="s">
        <v>4171</v>
      </c>
      <c r="G378" t="s">
        <v>669</v>
      </c>
      <c r="H378">
        <v>1</v>
      </c>
      <c r="I378">
        <v>2020</v>
      </c>
    </row>
    <row r="379" spans="1:9" x14ac:dyDescent="0.25">
      <c r="A379">
        <v>462</v>
      </c>
      <c r="B379" t="s">
        <v>4218</v>
      </c>
      <c r="C379" t="s">
        <v>1028</v>
      </c>
      <c r="D379">
        <v>33</v>
      </c>
      <c r="E379" t="s">
        <v>4175</v>
      </c>
      <c r="F379" t="s">
        <v>4171</v>
      </c>
      <c r="G379" t="s">
        <v>669</v>
      </c>
      <c r="H379">
        <v>1</v>
      </c>
      <c r="I379">
        <v>2020</v>
      </c>
    </row>
    <row r="380" spans="1:9" x14ac:dyDescent="0.25">
      <c r="A380">
        <v>463</v>
      </c>
      <c r="B380" t="s">
        <v>1612</v>
      </c>
      <c r="C380" t="s">
        <v>679</v>
      </c>
      <c r="D380">
        <v>32</v>
      </c>
      <c r="E380" t="s">
        <v>4175</v>
      </c>
      <c r="F380" t="s">
        <v>4171</v>
      </c>
      <c r="G380" t="s">
        <v>669</v>
      </c>
      <c r="H380">
        <v>1</v>
      </c>
      <c r="I380">
        <v>2020</v>
      </c>
    </row>
    <row r="381" spans="1:9" x14ac:dyDescent="0.25">
      <c r="A381">
        <v>464</v>
      </c>
      <c r="B381" t="s">
        <v>1947</v>
      </c>
      <c r="C381" t="s">
        <v>679</v>
      </c>
      <c r="D381">
        <v>32</v>
      </c>
      <c r="E381" t="s">
        <v>4175</v>
      </c>
      <c r="F381" t="s">
        <v>4171</v>
      </c>
      <c r="G381" t="s">
        <v>669</v>
      </c>
      <c r="H381">
        <v>1</v>
      </c>
      <c r="I381">
        <v>2020</v>
      </c>
    </row>
    <row r="382" spans="1:9" x14ac:dyDescent="0.25">
      <c r="A382">
        <v>465</v>
      </c>
      <c r="B382" t="s">
        <v>1946</v>
      </c>
      <c r="C382" t="s">
        <v>679</v>
      </c>
      <c r="D382">
        <v>32</v>
      </c>
      <c r="E382" t="s">
        <v>4175</v>
      </c>
      <c r="F382" t="s">
        <v>4171</v>
      </c>
      <c r="G382" t="s">
        <v>669</v>
      </c>
      <c r="H382">
        <v>1</v>
      </c>
      <c r="I382">
        <v>2020</v>
      </c>
    </row>
    <row r="383" spans="1:9" x14ac:dyDescent="0.25">
      <c r="A383">
        <v>466</v>
      </c>
      <c r="B383" t="s">
        <v>680</v>
      </c>
      <c r="C383" t="s">
        <v>679</v>
      </c>
      <c r="D383">
        <v>32</v>
      </c>
      <c r="E383" t="s">
        <v>4175</v>
      </c>
      <c r="F383" t="s">
        <v>4171</v>
      </c>
      <c r="G383" t="s">
        <v>669</v>
      </c>
      <c r="H383">
        <v>1</v>
      </c>
      <c r="I383">
        <v>2020</v>
      </c>
    </row>
    <row r="384" spans="1:9" x14ac:dyDescent="0.25">
      <c r="A384">
        <v>467</v>
      </c>
      <c r="B384" t="s">
        <v>1267</v>
      </c>
      <c r="C384" t="s">
        <v>679</v>
      </c>
      <c r="D384">
        <v>32</v>
      </c>
      <c r="E384" t="s">
        <v>4175</v>
      </c>
      <c r="F384" t="s">
        <v>4171</v>
      </c>
      <c r="G384" t="s">
        <v>669</v>
      </c>
      <c r="H384">
        <v>1</v>
      </c>
      <c r="I384">
        <v>2020</v>
      </c>
    </row>
    <row r="385" spans="1:9" x14ac:dyDescent="0.25">
      <c r="A385">
        <v>468</v>
      </c>
      <c r="B385" t="s">
        <v>1734</v>
      </c>
      <c r="C385" t="s">
        <v>679</v>
      </c>
      <c r="D385">
        <v>32</v>
      </c>
      <c r="E385" t="s">
        <v>4175</v>
      </c>
      <c r="F385" t="s">
        <v>4171</v>
      </c>
      <c r="G385" t="s">
        <v>669</v>
      </c>
      <c r="H385">
        <v>1</v>
      </c>
      <c r="I385">
        <v>2020</v>
      </c>
    </row>
    <row r="386" spans="1:9" x14ac:dyDescent="0.25">
      <c r="A386">
        <v>469</v>
      </c>
      <c r="B386" t="s">
        <v>4008</v>
      </c>
      <c r="C386" t="s">
        <v>1028</v>
      </c>
      <c r="D386">
        <v>33</v>
      </c>
      <c r="E386" t="s">
        <v>4175</v>
      </c>
      <c r="F386" t="s">
        <v>4171</v>
      </c>
      <c r="G386" t="s">
        <v>669</v>
      </c>
      <c r="H386">
        <v>1</v>
      </c>
      <c r="I386">
        <v>2020</v>
      </c>
    </row>
    <row r="387" spans="1:9" x14ac:dyDescent="0.25">
      <c r="A387">
        <v>470</v>
      </c>
      <c r="B387" t="s">
        <v>1945</v>
      </c>
      <c r="C387" t="s">
        <v>1028</v>
      </c>
      <c r="D387">
        <v>33</v>
      </c>
      <c r="E387" t="s">
        <v>4175</v>
      </c>
      <c r="F387" t="s">
        <v>4171</v>
      </c>
      <c r="G387" t="s">
        <v>669</v>
      </c>
      <c r="H387">
        <v>1</v>
      </c>
      <c r="I387">
        <v>2020</v>
      </c>
    </row>
    <row r="388" spans="1:9" x14ac:dyDescent="0.25">
      <c r="A388">
        <v>471</v>
      </c>
      <c r="B388" t="s">
        <v>1944</v>
      </c>
      <c r="C388" t="s">
        <v>1028</v>
      </c>
      <c r="D388">
        <v>33</v>
      </c>
      <c r="E388" t="s">
        <v>4175</v>
      </c>
      <c r="F388" t="s">
        <v>4171</v>
      </c>
      <c r="G388" t="s">
        <v>669</v>
      </c>
      <c r="H388">
        <v>1</v>
      </c>
      <c r="I388">
        <v>2020</v>
      </c>
    </row>
    <row r="389" spans="1:9" x14ac:dyDescent="0.25">
      <c r="A389">
        <v>472</v>
      </c>
      <c r="B389" t="s">
        <v>1090</v>
      </c>
      <c r="C389" t="s">
        <v>851</v>
      </c>
      <c r="D389">
        <v>43</v>
      </c>
      <c r="E389" t="s">
        <v>4188</v>
      </c>
      <c r="F389" t="s">
        <v>4189</v>
      </c>
      <c r="G389" t="s">
        <v>669</v>
      </c>
      <c r="H389">
        <v>1</v>
      </c>
      <c r="I389">
        <v>2020</v>
      </c>
    </row>
    <row r="390" spans="1:9" x14ac:dyDescent="0.25">
      <c r="A390">
        <v>473</v>
      </c>
      <c r="B390" t="s">
        <v>3799</v>
      </c>
      <c r="C390" t="s">
        <v>851</v>
      </c>
      <c r="D390">
        <v>43</v>
      </c>
      <c r="E390" t="s">
        <v>4188</v>
      </c>
      <c r="F390" t="s">
        <v>4189</v>
      </c>
      <c r="G390" t="s">
        <v>669</v>
      </c>
      <c r="H390">
        <v>1</v>
      </c>
      <c r="I390">
        <v>2020</v>
      </c>
    </row>
    <row r="391" spans="1:9" x14ac:dyDescent="0.25">
      <c r="A391">
        <v>474</v>
      </c>
      <c r="B391" t="s">
        <v>3940</v>
      </c>
      <c r="C391" t="s">
        <v>851</v>
      </c>
      <c r="D391">
        <v>43</v>
      </c>
      <c r="E391" t="s">
        <v>4188</v>
      </c>
      <c r="F391" t="s">
        <v>4189</v>
      </c>
      <c r="G391" t="s">
        <v>669</v>
      </c>
      <c r="H391">
        <v>1</v>
      </c>
      <c r="I391">
        <v>2020</v>
      </c>
    </row>
    <row r="392" spans="1:9" x14ac:dyDescent="0.25">
      <c r="A392">
        <v>475</v>
      </c>
      <c r="B392" t="s">
        <v>1536</v>
      </c>
      <c r="C392" t="s">
        <v>880</v>
      </c>
      <c r="D392">
        <v>58</v>
      </c>
      <c r="E392" t="s">
        <v>4188</v>
      </c>
      <c r="F392" t="s">
        <v>4189</v>
      </c>
      <c r="G392" t="s">
        <v>669</v>
      </c>
      <c r="H392">
        <v>1</v>
      </c>
      <c r="I392">
        <v>2020</v>
      </c>
    </row>
    <row r="393" spans="1:9" x14ac:dyDescent="0.25">
      <c r="A393">
        <v>476</v>
      </c>
      <c r="B393" t="s">
        <v>3805</v>
      </c>
      <c r="C393" t="s">
        <v>705</v>
      </c>
      <c r="D393">
        <v>70</v>
      </c>
      <c r="E393" t="s">
        <v>4193</v>
      </c>
      <c r="F393" t="s">
        <v>4189</v>
      </c>
      <c r="G393" t="s">
        <v>669</v>
      </c>
      <c r="H393">
        <v>1</v>
      </c>
      <c r="I393">
        <v>2020</v>
      </c>
    </row>
    <row r="394" spans="1:9" x14ac:dyDescent="0.25">
      <c r="A394">
        <v>477</v>
      </c>
      <c r="B394" t="s">
        <v>706</v>
      </c>
      <c r="C394" t="s">
        <v>705</v>
      </c>
      <c r="D394">
        <v>70</v>
      </c>
      <c r="E394" t="s">
        <v>4193</v>
      </c>
      <c r="F394" t="s">
        <v>4189</v>
      </c>
      <c r="G394" t="s">
        <v>669</v>
      </c>
      <c r="H394">
        <v>1</v>
      </c>
      <c r="I394">
        <v>2020</v>
      </c>
    </row>
    <row r="395" spans="1:9" x14ac:dyDescent="0.25">
      <c r="A395">
        <v>494</v>
      </c>
      <c r="B395" t="s">
        <v>3921</v>
      </c>
      <c r="C395" t="s">
        <v>659</v>
      </c>
      <c r="D395">
        <v>35</v>
      </c>
      <c r="E395" t="s">
        <v>4175</v>
      </c>
      <c r="F395" t="s">
        <v>4171</v>
      </c>
      <c r="G395" t="s">
        <v>669</v>
      </c>
      <c r="H395">
        <v>1</v>
      </c>
      <c r="I395">
        <v>2020</v>
      </c>
    </row>
    <row r="396" spans="1:9" x14ac:dyDescent="0.25">
      <c r="A396">
        <v>495</v>
      </c>
      <c r="B396" t="s">
        <v>3960</v>
      </c>
      <c r="C396" t="s">
        <v>679</v>
      </c>
      <c r="D396">
        <v>32</v>
      </c>
      <c r="E396" t="s">
        <v>4175</v>
      </c>
      <c r="F396" t="s">
        <v>4171</v>
      </c>
      <c r="G396" t="s">
        <v>669</v>
      </c>
      <c r="H396">
        <v>1</v>
      </c>
      <c r="I396">
        <v>2020</v>
      </c>
    </row>
    <row r="397" spans="1:9" x14ac:dyDescent="0.25">
      <c r="A397">
        <v>496</v>
      </c>
      <c r="B397" t="s">
        <v>4219</v>
      </c>
      <c r="C397" t="s">
        <v>679</v>
      </c>
      <c r="D397">
        <v>32</v>
      </c>
      <c r="E397" t="s">
        <v>4175</v>
      </c>
      <c r="F397" t="s">
        <v>4171</v>
      </c>
      <c r="G397" t="s">
        <v>669</v>
      </c>
      <c r="H397">
        <v>1</v>
      </c>
      <c r="I397">
        <v>2020</v>
      </c>
    </row>
    <row r="398" spans="1:9" x14ac:dyDescent="0.25">
      <c r="A398">
        <v>497</v>
      </c>
      <c r="B398" t="s">
        <v>3898</v>
      </c>
      <c r="C398" t="s">
        <v>1028</v>
      </c>
      <c r="D398">
        <v>33</v>
      </c>
      <c r="E398" t="s">
        <v>4175</v>
      </c>
      <c r="F398" t="s">
        <v>4171</v>
      </c>
      <c r="G398" t="s">
        <v>669</v>
      </c>
      <c r="H398">
        <v>1</v>
      </c>
      <c r="I398">
        <v>2020</v>
      </c>
    </row>
    <row r="399" spans="1:9" x14ac:dyDescent="0.25">
      <c r="A399">
        <v>498</v>
      </c>
      <c r="B399" t="s">
        <v>3719</v>
      </c>
      <c r="C399" t="s">
        <v>699</v>
      </c>
      <c r="D399">
        <v>10</v>
      </c>
      <c r="E399" t="s">
        <v>663</v>
      </c>
      <c r="F399" t="s">
        <v>4171</v>
      </c>
      <c r="G399" t="s">
        <v>669</v>
      </c>
      <c r="H399">
        <v>1</v>
      </c>
      <c r="I399">
        <v>2020</v>
      </c>
    </row>
    <row r="400" spans="1:9" x14ac:dyDescent="0.25">
      <c r="A400">
        <v>499</v>
      </c>
      <c r="B400" t="s">
        <v>4220</v>
      </c>
      <c r="C400" t="s">
        <v>699</v>
      </c>
      <c r="D400">
        <v>10</v>
      </c>
      <c r="E400" t="s">
        <v>663</v>
      </c>
      <c r="F400" t="s">
        <v>4171</v>
      </c>
      <c r="G400" t="s">
        <v>669</v>
      </c>
      <c r="H400">
        <v>1</v>
      </c>
      <c r="I400">
        <v>2020</v>
      </c>
    </row>
    <row r="401" spans="1:9" x14ac:dyDescent="0.25">
      <c r="A401">
        <v>500</v>
      </c>
      <c r="B401" t="s">
        <v>3808</v>
      </c>
      <c r="C401" t="s">
        <v>699</v>
      </c>
      <c r="D401">
        <v>10</v>
      </c>
      <c r="E401" t="s">
        <v>663</v>
      </c>
      <c r="F401" t="s">
        <v>4171</v>
      </c>
      <c r="G401" t="s">
        <v>669</v>
      </c>
      <c r="H401">
        <v>1</v>
      </c>
      <c r="I401">
        <v>2020</v>
      </c>
    </row>
    <row r="402" spans="1:9" x14ac:dyDescent="0.25">
      <c r="A402">
        <v>501</v>
      </c>
      <c r="B402" t="s">
        <v>1932</v>
      </c>
      <c r="C402" t="s">
        <v>699</v>
      </c>
      <c r="D402">
        <v>10</v>
      </c>
      <c r="E402" t="s">
        <v>663</v>
      </c>
      <c r="F402" t="s">
        <v>4171</v>
      </c>
      <c r="G402" t="s">
        <v>669</v>
      </c>
      <c r="H402">
        <v>1</v>
      </c>
      <c r="I402">
        <v>2020</v>
      </c>
    </row>
    <row r="403" spans="1:9" x14ac:dyDescent="0.25">
      <c r="A403">
        <v>502</v>
      </c>
      <c r="B403" t="s">
        <v>1692</v>
      </c>
      <c r="C403" t="s">
        <v>699</v>
      </c>
      <c r="D403">
        <v>10</v>
      </c>
      <c r="E403" t="s">
        <v>663</v>
      </c>
      <c r="F403" t="s">
        <v>4171</v>
      </c>
      <c r="G403" t="s">
        <v>669</v>
      </c>
      <c r="H403">
        <v>1</v>
      </c>
      <c r="I403">
        <v>2020</v>
      </c>
    </row>
    <row r="404" spans="1:9" x14ac:dyDescent="0.25">
      <c r="A404">
        <v>503</v>
      </c>
      <c r="B404" t="s">
        <v>3812</v>
      </c>
      <c r="C404" t="s">
        <v>699</v>
      </c>
      <c r="D404">
        <v>10</v>
      </c>
      <c r="E404" t="s">
        <v>663</v>
      </c>
      <c r="F404" t="s">
        <v>4171</v>
      </c>
      <c r="G404" t="s">
        <v>669</v>
      </c>
      <c r="H404">
        <v>1</v>
      </c>
      <c r="I404">
        <v>2020</v>
      </c>
    </row>
    <row r="405" spans="1:9" x14ac:dyDescent="0.25">
      <c r="A405">
        <v>504</v>
      </c>
      <c r="B405" t="s">
        <v>3814</v>
      </c>
      <c r="C405" t="s">
        <v>699</v>
      </c>
      <c r="D405">
        <v>10</v>
      </c>
      <c r="E405" t="s">
        <v>663</v>
      </c>
      <c r="F405" t="s">
        <v>4171</v>
      </c>
      <c r="G405" t="s">
        <v>669</v>
      </c>
      <c r="H405">
        <v>1</v>
      </c>
      <c r="I405">
        <v>2020</v>
      </c>
    </row>
    <row r="406" spans="1:9" x14ac:dyDescent="0.25">
      <c r="A406">
        <v>505</v>
      </c>
      <c r="B406" t="s">
        <v>1707</v>
      </c>
      <c r="C406" t="s">
        <v>699</v>
      </c>
      <c r="D406">
        <v>10</v>
      </c>
      <c r="E406" t="s">
        <v>663</v>
      </c>
      <c r="F406" t="s">
        <v>4171</v>
      </c>
      <c r="G406" t="s">
        <v>669</v>
      </c>
      <c r="H406">
        <v>1</v>
      </c>
      <c r="I406">
        <v>2020</v>
      </c>
    </row>
    <row r="407" spans="1:9" x14ac:dyDescent="0.25">
      <c r="A407">
        <v>506</v>
      </c>
      <c r="B407" t="s">
        <v>3826</v>
      </c>
      <c r="C407" t="s">
        <v>699</v>
      </c>
      <c r="D407">
        <v>10</v>
      </c>
      <c r="E407" t="s">
        <v>663</v>
      </c>
      <c r="F407" t="s">
        <v>4171</v>
      </c>
      <c r="G407" t="s">
        <v>669</v>
      </c>
      <c r="H407">
        <v>1</v>
      </c>
      <c r="I407">
        <v>2020</v>
      </c>
    </row>
    <row r="408" spans="1:9" x14ac:dyDescent="0.25">
      <c r="A408">
        <v>508</v>
      </c>
      <c r="B408" t="s">
        <v>4221</v>
      </c>
      <c r="C408" t="s">
        <v>909</v>
      </c>
      <c r="D408">
        <v>39</v>
      </c>
      <c r="E408" t="s">
        <v>4188</v>
      </c>
      <c r="F408" t="s">
        <v>4189</v>
      </c>
      <c r="G408" t="s">
        <v>669</v>
      </c>
      <c r="H408">
        <v>1</v>
      </c>
      <c r="I408">
        <v>2020</v>
      </c>
    </row>
    <row r="409" spans="1:9" x14ac:dyDescent="0.25">
      <c r="A409">
        <v>509</v>
      </c>
      <c r="B409" t="s">
        <v>1007</v>
      </c>
      <c r="C409" t="s">
        <v>851</v>
      </c>
      <c r="D409">
        <v>43</v>
      </c>
      <c r="E409" t="s">
        <v>4188</v>
      </c>
      <c r="F409" t="s">
        <v>4189</v>
      </c>
      <c r="G409" t="s">
        <v>669</v>
      </c>
      <c r="H409">
        <v>1</v>
      </c>
      <c r="I409">
        <v>2020</v>
      </c>
    </row>
    <row r="410" spans="1:9" x14ac:dyDescent="0.25">
      <c r="A410">
        <v>510</v>
      </c>
      <c r="B410" t="s">
        <v>1703</v>
      </c>
      <c r="C410" t="s">
        <v>767</v>
      </c>
      <c r="D410">
        <v>44</v>
      </c>
      <c r="E410" t="s">
        <v>4191</v>
      </c>
      <c r="F410" t="s">
        <v>4189</v>
      </c>
      <c r="G410" t="s">
        <v>669</v>
      </c>
      <c r="H410">
        <v>1</v>
      </c>
      <c r="I410">
        <v>2020</v>
      </c>
    </row>
    <row r="411" spans="1:9" x14ac:dyDescent="0.25">
      <c r="A411">
        <v>511</v>
      </c>
      <c r="B411" t="s">
        <v>4222</v>
      </c>
      <c r="C411" t="s">
        <v>932</v>
      </c>
      <c r="D411">
        <v>77</v>
      </c>
      <c r="E411" t="s">
        <v>839</v>
      </c>
      <c r="F411" t="s">
        <v>4168</v>
      </c>
      <c r="G411" t="s">
        <v>669</v>
      </c>
      <c r="H411">
        <v>1</v>
      </c>
      <c r="I411">
        <v>2020</v>
      </c>
    </row>
    <row r="412" spans="1:9" x14ac:dyDescent="0.25">
      <c r="A412">
        <v>512</v>
      </c>
      <c r="B412" t="s">
        <v>4223</v>
      </c>
      <c r="C412" t="s">
        <v>915</v>
      </c>
      <c r="D412">
        <v>78</v>
      </c>
      <c r="E412" t="s">
        <v>839</v>
      </c>
      <c r="F412" t="s">
        <v>4168</v>
      </c>
      <c r="G412" t="s">
        <v>669</v>
      </c>
      <c r="H412">
        <v>1</v>
      </c>
      <c r="I412">
        <v>2020</v>
      </c>
    </row>
    <row r="413" spans="1:9" x14ac:dyDescent="0.25">
      <c r="A413">
        <v>513</v>
      </c>
      <c r="B413" t="s">
        <v>1675</v>
      </c>
      <c r="C413" t="s">
        <v>693</v>
      </c>
      <c r="D413">
        <v>56</v>
      </c>
      <c r="E413" t="s">
        <v>4193</v>
      </c>
      <c r="F413" t="s">
        <v>4189</v>
      </c>
      <c r="G413" t="s">
        <v>669</v>
      </c>
      <c r="H413">
        <v>1</v>
      </c>
      <c r="I413">
        <v>2020</v>
      </c>
    </row>
    <row r="414" spans="1:9" x14ac:dyDescent="0.25">
      <c r="A414">
        <v>514</v>
      </c>
      <c r="B414" t="s">
        <v>1688</v>
      </c>
      <c r="C414" t="s">
        <v>695</v>
      </c>
      <c r="D414">
        <v>54</v>
      </c>
      <c r="E414" t="s">
        <v>4198</v>
      </c>
      <c r="F414" t="s">
        <v>4189</v>
      </c>
      <c r="G414" t="s">
        <v>669</v>
      </c>
      <c r="H414">
        <v>1</v>
      </c>
      <c r="I414">
        <v>2020</v>
      </c>
    </row>
    <row r="415" spans="1:9" x14ac:dyDescent="0.25">
      <c r="A415">
        <v>515</v>
      </c>
      <c r="B415" t="s">
        <v>4224</v>
      </c>
      <c r="C415" t="s">
        <v>1088</v>
      </c>
      <c r="D415">
        <v>38</v>
      </c>
      <c r="E415" t="s">
        <v>4187</v>
      </c>
      <c r="F415" t="s">
        <v>4187</v>
      </c>
      <c r="G415" t="s">
        <v>669</v>
      </c>
      <c r="H415">
        <v>1</v>
      </c>
      <c r="I415">
        <v>2020</v>
      </c>
    </row>
    <row r="416" spans="1:9" x14ac:dyDescent="0.25">
      <c r="A416">
        <v>516</v>
      </c>
      <c r="B416" t="s">
        <v>891</v>
      </c>
      <c r="C416" t="s">
        <v>742</v>
      </c>
      <c r="D416">
        <v>48</v>
      </c>
      <c r="E416" t="s">
        <v>4165</v>
      </c>
      <c r="F416" t="s">
        <v>4164</v>
      </c>
      <c r="G416" t="s">
        <v>669</v>
      </c>
      <c r="H416">
        <v>1</v>
      </c>
      <c r="I416">
        <v>2020</v>
      </c>
    </row>
    <row r="417" spans="1:9" x14ac:dyDescent="0.25">
      <c r="A417">
        <v>517</v>
      </c>
      <c r="B417" t="s">
        <v>1679</v>
      </c>
      <c r="C417" t="s">
        <v>880</v>
      </c>
      <c r="D417">
        <v>58</v>
      </c>
      <c r="E417" t="s">
        <v>4188</v>
      </c>
      <c r="F417" t="s">
        <v>4189</v>
      </c>
      <c r="G417" t="s">
        <v>669</v>
      </c>
      <c r="H417">
        <v>1</v>
      </c>
      <c r="I417">
        <v>2020</v>
      </c>
    </row>
    <row r="418" spans="1:9" x14ac:dyDescent="0.25">
      <c r="A418">
        <v>519</v>
      </c>
      <c r="B418" t="s">
        <v>1916</v>
      </c>
      <c r="C418" t="s">
        <v>693</v>
      </c>
      <c r="D418">
        <v>56</v>
      </c>
      <c r="E418" t="s">
        <v>4193</v>
      </c>
      <c r="F418" t="s">
        <v>4189</v>
      </c>
      <c r="G418" t="s">
        <v>669</v>
      </c>
      <c r="H418">
        <v>1</v>
      </c>
      <c r="I418">
        <v>2020</v>
      </c>
    </row>
    <row r="419" spans="1:9" x14ac:dyDescent="0.25">
      <c r="A419">
        <v>520</v>
      </c>
      <c r="B419" t="s">
        <v>1918</v>
      </c>
      <c r="C419" t="s">
        <v>1917</v>
      </c>
      <c r="D419">
        <v>84</v>
      </c>
      <c r="E419" t="s">
        <v>802</v>
      </c>
      <c r="F419" t="s">
        <v>4171</v>
      </c>
      <c r="G419" t="s">
        <v>669</v>
      </c>
      <c r="H419">
        <v>1</v>
      </c>
      <c r="I419">
        <v>2020</v>
      </c>
    </row>
    <row r="420" spans="1:9" x14ac:dyDescent="0.25">
      <c r="A420">
        <v>521</v>
      </c>
      <c r="B420" t="s">
        <v>4225</v>
      </c>
      <c r="C420" t="s">
        <v>1917</v>
      </c>
      <c r="D420">
        <v>84</v>
      </c>
      <c r="E420" t="s">
        <v>802</v>
      </c>
      <c r="F420" t="s">
        <v>4171</v>
      </c>
      <c r="G420" t="s">
        <v>669</v>
      </c>
      <c r="H420">
        <v>1</v>
      </c>
      <c r="I420">
        <v>2020</v>
      </c>
    </row>
    <row r="421" spans="1:9" x14ac:dyDescent="0.25">
      <c r="A421">
        <v>522</v>
      </c>
      <c r="B421" t="s">
        <v>4226</v>
      </c>
      <c r="C421" t="s">
        <v>1917</v>
      </c>
      <c r="D421">
        <v>84</v>
      </c>
      <c r="E421" t="s">
        <v>802</v>
      </c>
      <c r="F421" t="s">
        <v>4171</v>
      </c>
      <c r="G421" t="s">
        <v>669</v>
      </c>
      <c r="H421">
        <v>1</v>
      </c>
      <c r="I421">
        <v>2020</v>
      </c>
    </row>
    <row r="422" spans="1:9" x14ac:dyDescent="0.25">
      <c r="A422">
        <v>523</v>
      </c>
      <c r="B422" t="s">
        <v>4227</v>
      </c>
      <c r="C422" t="s">
        <v>864</v>
      </c>
      <c r="D422">
        <v>14</v>
      </c>
      <c r="E422" t="s">
        <v>864</v>
      </c>
      <c r="F422" t="s">
        <v>4171</v>
      </c>
      <c r="G422" t="s">
        <v>669</v>
      </c>
      <c r="H422">
        <v>1</v>
      </c>
      <c r="I422">
        <v>2020</v>
      </c>
    </row>
    <row r="423" spans="1:9" x14ac:dyDescent="0.25">
      <c r="A423">
        <v>524</v>
      </c>
      <c r="B423" t="s">
        <v>4228</v>
      </c>
      <c r="C423" t="s">
        <v>864</v>
      </c>
      <c r="D423">
        <v>14</v>
      </c>
      <c r="E423" t="s">
        <v>864</v>
      </c>
      <c r="F423" t="s">
        <v>4171</v>
      </c>
      <c r="G423" t="s">
        <v>669</v>
      </c>
      <c r="H423">
        <v>1</v>
      </c>
      <c r="I423">
        <v>2020</v>
      </c>
    </row>
    <row r="424" spans="1:9" x14ac:dyDescent="0.25">
      <c r="A424">
        <v>525</v>
      </c>
      <c r="B424" t="s">
        <v>3691</v>
      </c>
      <c r="C424" t="s">
        <v>1182</v>
      </c>
      <c r="D424">
        <v>46</v>
      </c>
      <c r="E424" t="s">
        <v>4194</v>
      </c>
      <c r="F424" t="s">
        <v>4189</v>
      </c>
      <c r="G424" t="s">
        <v>669</v>
      </c>
      <c r="H424">
        <v>1</v>
      </c>
      <c r="I424">
        <v>2020</v>
      </c>
    </row>
    <row r="425" spans="1:9" x14ac:dyDescent="0.25">
      <c r="A425">
        <v>526</v>
      </c>
      <c r="B425" t="s">
        <v>3690</v>
      </c>
      <c r="C425" t="s">
        <v>1182</v>
      </c>
      <c r="D425">
        <v>46</v>
      </c>
      <c r="E425" t="s">
        <v>4194</v>
      </c>
      <c r="F425" t="s">
        <v>4189</v>
      </c>
      <c r="G425" t="s">
        <v>669</v>
      </c>
      <c r="H425">
        <v>1</v>
      </c>
      <c r="I425">
        <v>2020</v>
      </c>
    </row>
    <row r="426" spans="1:9" x14ac:dyDescent="0.25">
      <c r="A426">
        <v>527</v>
      </c>
      <c r="B426" t="s">
        <v>3668</v>
      </c>
      <c r="C426" t="s">
        <v>1614</v>
      </c>
      <c r="D426">
        <v>71</v>
      </c>
      <c r="E426" t="s">
        <v>1614</v>
      </c>
      <c r="F426" t="s">
        <v>4177</v>
      </c>
      <c r="G426" t="s">
        <v>669</v>
      </c>
      <c r="H426">
        <v>1</v>
      </c>
      <c r="I426">
        <v>2020</v>
      </c>
    </row>
    <row r="427" spans="1:9" x14ac:dyDescent="0.25">
      <c r="A427">
        <v>528</v>
      </c>
      <c r="B427" t="s">
        <v>3670</v>
      </c>
      <c r="C427" t="s">
        <v>813</v>
      </c>
      <c r="D427">
        <v>24</v>
      </c>
      <c r="E427" t="s">
        <v>4179</v>
      </c>
      <c r="F427" t="s">
        <v>4177</v>
      </c>
      <c r="G427" t="s">
        <v>669</v>
      </c>
      <c r="H427">
        <v>1</v>
      </c>
      <c r="I427">
        <v>2020</v>
      </c>
    </row>
    <row r="428" spans="1:9" x14ac:dyDescent="0.25">
      <c r="A428">
        <v>530</v>
      </c>
      <c r="B428" t="s">
        <v>851</v>
      </c>
      <c r="C428" t="s">
        <v>851</v>
      </c>
      <c r="D428">
        <v>43</v>
      </c>
      <c r="E428" t="s">
        <v>4188</v>
      </c>
      <c r="F428" t="s">
        <v>4189</v>
      </c>
      <c r="G428" t="s">
        <v>656</v>
      </c>
      <c r="H428">
        <v>2</v>
      </c>
      <c r="I428">
        <v>2020</v>
      </c>
    </row>
    <row r="429" spans="1:9" x14ac:dyDescent="0.25">
      <c r="A429">
        <v>531</v>
      </c>
      <c r="B429" t="s">
        <v>3667</v>
      </c>
      <c r="C429" t="s">
        <v>851</v>
      </c>
      <c r="D429">
        <v>43</v>
      </c>
      <c r="E429" t="s">
        <v>4188</v>
      </c>
      <c r="F429" t="s">
        <v>4189</v>
      </c>
      <c r="G429" t="s">
        <v>656</v>
      </c>
      <c r="H429">
        <v>2</v>
      </c>
      <c r="I429">
        <v>2020</v>
      </c>
    </row>
    <row r="430" spans="1:9" x14ac:dyDescent="0.25">
      <c r="A430">
        <v>532</v>
      </c>
      <c r="B430" t="s">
        <v>4229</v>
      </c>
      <c r="C430" t="s">
        <v>767</v>
      </c>
      <c r="D430">
        <v>44</v>
      </c>
      <c r="E430" t="s">
        <v>4191</v>
      </c>
      <c r="F430" t="s">
        <v>4189</v>
      </c>
      <c r="G430" t="s">
        <v>656</v>
      </c>
      <c r="H430">
        <v>2</v>
      </c>
      <c r="I430">
        <v>2020</v>
      </c>
    </row>
    <row r="431" spans="1:9" x14ac:dyDescent="0.25">
      <c r="A431">
        <v>534</v>
      </c>
      <c r="B431" t="s">
        <v>3666</v>
      </c>
      <c r="C431" t="s">
        <v>767</v>
      </c>
      <c r="D431">
        <v>44</v>
      </c>
      <c r="E431" t="s">
        <v>4191</v>
      </c>
      <c r="F431" t="s">
        <v>4189</v>
      </c>
      <c r="G431" t="s">
        <v>656</v>
      </c>
      <c r="H431">
        <v>2</v>
      </c>
      <c r="I431">
        <v>2020</v>
      </c>
    </row>
    <row r="432" spans="1:9" x14ac:dyDescent="0.25">
      <c r="A432">
        <v>535</v>
      </c>
      <c r="B432" t="s">
        <v>3665</v>
      </c>
      <c r="C432" t="s">
        <v>767</v>
      </c>
      <c r="D432">
        <v>44</v>
      </c>
      <c r="E432" t="s">
        <v>4191</v>
      </c>
      <c r="F432" t="s">
        <v>4189</v>
      </c>
      <c r="G432" t="s">
        <v>656</v>
      </c>
      <c r="H432">
        <v>2</v>
      </c>
      <c r="I432">
        <v>2020</v>
      </c>
    </row>
    <row r="433" spans="1:9" x14ac:dyDescent="0.25">
      <c r="A433">
        <v>536</v>
      </c>
      <c r="B433" t="s">
        <v>1711</v>
      </c>
      <c r="C433" t="s">
        <v>767</v>
      </c>
      <c r="D433">
        <v>44</v>
      </c>
      <c r="E433" t="s">
        <v>4191</v>
      </c>
      <c r="F433" t="s">
        <v>4189</v>
      </c>
      <c r="G433" t="s">
        <v>656</v>
      </c>
      <c r="H433">
        <v>2</v>
      </c>
      <c r="I433">
        <v>2020</v>
      </c>
    </row>
    <row r="434" spans="1:9" x14ac:dyDescent="0.25">
      <c r="A434">
        <v>538</v>
      </c>
      <c r="B434" t="s">
        <v>3664</v>
      </c>
      <c r="C434" t="s">
        <v>767</v>
      </c>
      <c r="D434">
        <v>44</v>
      </c>
      <c r="E434" t="s">
        <v>4191</v>
      </c>
      <c r="F434" t="s">
        <v>4189</v>
      </c>
      <c r="G434" t="s">
        <v>656</v>
      </c>
      <c r="H434">
        <v>2</v>
      </c>
      <c r="I434">
        <v>2020</v>
      </c>
    </row>
    <row r="435" spans="1:9" x14ac:dyDescent="0.25">
      <c r="A435">
        <v>539</v>
      </c>
      <c r="B435" t="s">
        <v>3663</v>
      </c>
      <c r="C435" t="s">
        <v>767</v>
      </c>
      <c r="D435">
        <v>44</v>
      </c>
      <c r="E435" t="s">
        <v>4191</v>
      </c>
      <c r="F435" t="s">
        <v>4189</v>
      </c>
      <c r="G435" t="s">
        <v>656</v>
      </c>
      <c r="H435">
        <v>2</v>
      </c>
      <c r="I435">
        <v>2020</v>
      </c>
    </row>
    <row r="436" spans="1:9" x14ac:dyDescent="0.25">
      <c r="A436">
        <v>541</v>
      </c>
      <c r="B436" t="s">
        <v>3662</v>
      </c>
      <c r="C436" t="s">
        <v>767</v>
      </c>
      <c r="D436">
        <v>44</v>
      </c>
      <c r="E436" t="s">
        <v>4191</v>
      </c>
      <c r="F436" t="s">
        <v>4189</v>
      </c>
      <c r="G436" t="s">
        <v>656</v>
      </c>
      <c r="H436">
        <v>2</v>
      </c>
      <c r="I436">
        <v>2020</v>
      </c>
    </row>
    <row r="437" spans="1:9" x14ac:dyDescent="0.25">
      <c r="A437">
        <v>542</v>
      </c>
      <c r="B437" t="s">
        <v>3661</v>
      </c>
      <c r="C437" t="s">
        <v>767</v>
      </c>
      <c r="D437">
        <v>44</v>
      </c>
      <c r="E437" t="s">
        <v>4191</v>
      </c>
      <c r="F437" t="s">
        <v>4189</v>
      </c>
      <c r="G437" t="s">
        <v>656</v>
      </c>
      <c r="H437">
        <v>2</v>
      </c>
      <c r="I437">
        <v>2020</v>
      </c>
    </row>
    <row r="438" spans="1:9" x14ac:dyDescent="0.25">
      <c r="A438">
        <v>543</v>
      </c>
      <c r="B438" t="s">
        <v>1713</v>
      </c>
      <c r="C438" t="s">
        <v>767</v>
      </c>
      <c r="D438">
        <v>44</v>
      </c>
      <c r="E438" t="s">
        <v>4191</v>
      </c>
      <c r="F438" t="s">
        <v>4189</v>
      </c>
      <c r="G438" t="s">
        <v>656</v>
      </c>
      <c r="H438">
        <v>2</v>
      </c>
      <c r="I438">
        <v>2020</v>
      </c>
    </row>
    <row r="439" spans="1:9" x14ac:dyDescent="0.25">
      <c r="A439">
        <v>544</v>
      </c>
      <c r="B439" t="s">
        <v>4230</v>
      </c>
      <c r="C439" t="s">
        <v>767</v>
      </c>
      <c r="D439">
        <v>44</v>
      </c>
      <c r="E439" t="s">
        <v>4191</v>
      </c>
      <c r="F439" t="s">
        <v>4189</v>
      </c>
      <c r="G439" t="s">
        <v>656</v>
      </c>
      <c r="H439">
        <v>2</v>
      </c>
      <c r="I439">
        <v>2020</v>
      </c>
    </row>
    <row r="440" spans="1:9" x14ac:dyDescent="0.25">
      <c r="A440">
        <v>545</v>
      </c>
      <c r="B440" t="s">
        <v>1714</v>
      </c>
      <c r="C440" t="s">
        <v>767</v>
      </c>
      <c r="D440">
        <v>44</v>
      </c>
      <c r="E440" t="s">
        <v>4191</v>
      </c>
      <c r="F440" t="s">
        <v>4189</v>
      </c>
      <c r="G440" t="s">
        <v>656</v>
      </c>
      <c r="H440">
        <v>2</v>
      </c>
      <c r="I440">
        <v>2020</v>
      </c>
    </row>
    <row r="441" spans="1:9" x14ac:dyDescent="0.25">
      <c r="A441">
        <v>547</v>
      </c>
      <c r="B441" t="s">
        <v>3660</v>
      </c>
      <c r="C441" t="s">
        <v>813</v>
      </c>
      <c r="D441">
        <v>24</v>
      </c>
      <c r="E441" t="s">
        <v>4179</v>
      </c>
      <c r="F441" t="s">
        <v>4177</v>
      </c>
      <c r="G441" t="s">
        <v>656</v>
      </c>
      <c r="H441">
        <v>2</v>
      </c>
      <c r="I441">
        <v>2020</v>
      </c>
    </row>
    <row r="442" spans="1:9" x14ac:dyDescent="0.25">
      <c r="A442">
        <v>549</v>
      </c>
      <c r="B442" t="s">
        <v>3658</v>
      </c>
      <c r="C442" t="s">
        <v>707</v>
      </c>
      <c r="D442">
        <v>59</v>
      </c>
      <c r="E442" t="s">
        <v>980</v>
      </c>
      <c r="F442" t="s">
        <v>4189</v>
      </c>
      <c r="G442" t="s">
        <v>656</v>
      </c>
      <c r="H442">
        <v>2</v>
      </c>
      <c r="I442">
        <v>2020</v>
      </c>
    </row>
    <row r="443" spans="1:9" x14ac:dyDescent="0.25">
      <c r="A443">
        <v>550</v>
      </c>
      <c r="B443" t="s">
        <v>3657</v>
      </c>
      <c r="C443" t="s">
        <v>707</v>
      </c>
      <c r="D443">
        <v>59</v>
      </c>
      <c r="E443" t="s">
        <v>980</v>
      </c>
      <c r="F443" t="s">
        <v>4189</v>
      </c>
      <c r="G443" t="s">
        <v>656</v>
      </c>
      <c r="H443">
        <v>2</v>
      </c>
      <c r="I443">
        <v>2020</v>
      </c>
    </row>
    <row r="444" spans="1:9" x14ac:dyDescent="0.25">
      <c r="A444">
        <v>551</v>
      </c>
      <c r="B444" t="s">
        <v>3656</v>
      </c>
      <c r="C444" t="s">
        <v>1236</v>
      </c>
      <c r="D444">
        <v>60</v>
      </c>
      <c r="E444" t="s">
        <v>4193</v>
      </c>
      <c r="F444" t="s">
        <v>4189</v>
      </c>
      <c r="G444" t="s">
        <v>656</v>
      </c>
      <c r="H444">
        <v>2</v>
      </c>
      <c r="I444">
        <v>2020</v>
      </c>
    </row>
    <row r="445" spans="1:9" x14ac:dyDescent="0.25">
      <c r="A445">
        <v>552</v>
      </c>
      <c r="B445" t="s">
        <v>3655</v>
      </c>
      <c r="C445" t="s">
        <v>1236</v>
      </c>
      <c r="D445">
        <v>60</v>
      </c>
      <c r="E445" t="s">
        <v>4193</v>
      </c>
      <c r="F445" t="s">
        <v>4189</v>
      </c>
      <c r="G445" t="s">
        <v>656</v>
      </c>
      <c r="H445">
        <v>2</v>
      </c>
      <c r="I445">
        <v>2020</v>
      </c>
    </row>
    <row r="446" spans="1:9" x14ac:dyDescent="0.25">
      <c r="A446">
        <v>553</v>
      </c>
      <c r="B446" t="s">
        <v>3654</v>
      </c>
      <c r="C446" t="s">
        <v>1236</v>
      </c>
      <c r="D446">
        <v>60</v>
      </c>
      <c r="E446" t="s">
        <v>4193</v>
      </c>
      <c r="F446" t="s">
        <v>4189</v>
      </c>
      <c r="G446" t="s">
        <v>656</v>
      </c>
      <c r="H446">
        <v>2</v>
      </c>
      <c r="I446">
        <v>2020</v>
      </c>
    </row>
    <row r="447" spans="1:9" x14ac:dyDescent="0.25">
      <c r="A447">
        <v>554</v>
      </c>
      <c r="B447" t="s">
        <v>3653</v>
      </c>
      <c r="C447" t="s">
        <v>1236</v>
      </c>
      <c r="D447">
        <v>60</v>
      </c>
      <c r="E447" t="s">
        <v>4193</v>
      </c>
      <c r="F447" t="s">
        <v>4189</v>
      </c>
      <c r="G447" t="s">
        <v>656</v>
      </c>
      <c r="H447">
        <v>2</v>
      </c>
      <c r="I447">
        <v>2020</v>
      </c>
    </row>
    <row r="448" spans="1:9" x14ac:dyDescent="0.25">
      <c r="A448">
        <v>555</v>
      </c>
      <c r="B448" t="s">
        <v>4231</v>
      </c>
      <c r="C448" t="s">
        <v>1236</v>
      </c>
      <c r="D448">
        <v>60</v>
      </c>
      <c r="E448" t="s">
        <v>4193</v>
      </c>
      <c r="F448" t="s">
        <v>4189</v>
      </c>
      <c r="G448" t="s">
        <v>656</v>
      </c>
      <c r="H448">
        <v>2</v>
      </c>
      <c r="I448">
        <v>2020</v>
      </c>
    </row>
    <row r="449" spans="1:9" x14ac:dyDescent="0.25">
      <c r="A449">
        <v>556</v>
      </c>
      <c r="B449" t="s">
        <v>3652</v>
      </c>
      <c r="C449" t="s">
        <v>1236</v>
      </c>
      <c r="D449">
        <v>60</v>
      </c>
      <c r="E449" t="s">
        <v>4193</v>
      </c>
      <c r="F449" t="s">
        <v>4189</v>
      </c>
      <c r="G449" t="s">
        <v>656</v>
      </c>
      <c r="H449">
        <v>2</v>
      </c>
      <c r="I449">
        <v>2020</v>
      </c>
    </row>
    <row r="450" spans="1:9" x14ac:dyDescent="0.25">
      <c r="A450">
        <v>557</v>
      </c>
      <c r="B450" t="s">
        <v>848</v>
      </c>
      <c r="C450" t="s">
        <v>848</v>
      </c>
      <c r="D450">
        <v>62</v>
      </c>
      <c r="E450" t="s">
        <v>4193</v>
      </c>
      <c r="F450" t="s">
        <v>4189</v>
      </c>
      <c r="G450" t="s">
        <v>656</v>
      </c>
      <c r="H450">
        <v>2</v>
      </c>
      <c r="I450">
        <v>2020</v>
      </c>
    </row>
    <row r="451" spans="1:9" x14ac:dyDescent="0.25">
      <c r="A451">
        <v>558</v>
      </c>
      <c r="B451" t="s">
        <v>3651</v>
      </c>
      <c r="C451" t="s">
        <v>848</v>
      </c>
      <c r="D451">
        <v>62</v>
      </c>
      <c r="E451" t="s">
        <v>4193</v>
      </c>
      <c r="F451" t="s">
        <v>4189</v>
      </c>
      <c r="G451" t="s">
        <v>656</v>
      </c>
      <c r="H451">
        <v>2</v>
      </c>
      <c r="I451">
        <v>2020</v>
      </c>
    </row>
    <row r="452" spans="1:9" x14ac:dyDescent="0.25">
      <c r="A452">
        <v>559</v>
      </c>
      <c r="B452" t="s">
        <v>4232</v>
      </c>
      <c r="C452" t="s">
        <v>848</v>
      </c>
      <c r="D452">
        <v>62</v>
      </c>
      <c r="E452" t="s">
        <v>4193</v>
      </c>
      <c r="F452" t="s">
        <v>4189</v>
      </c>
      <c r="G452" t="s">
        <v>656</v>
      </c>
      <c r="H452">
        <v>2</v>
      </c>
      <c r="I452">
        <v>2020</v>
      </c>
    </row>
    <row r="453" spans="1:9" x14ac:dyDescent="0.25">
      <c r="A453">
        <v>560</v>
      </c>
      <c r="B453" t="s">
        <v>3650</v>
      </c>
      <c r="C453" t="s">
        <v>848</v>
      </c>
      <c r="D453">
        <v>62</v>
      </c>
      <c r="E453" t="s">
        <v>4193</v>
      </c>
      <c r="F453" t="s">
        <v>4189</v>
      </c>
      <c r="G453" t="s">
        <v>656</v>
      </c>
      <c r="H453">
        <v>2</v>
      </c>
      <c r="I453">
        <v>2020</v>
      </c>
    </row>
    <row r="454" spans="1:9" x14ac:dyDescent="0.25">
      <c r="A454">
        <v>561</v>
      </c>
      <c r="B454" t="s">
        <v>3649</v>
      </c>
      <c r="C454" t="s">
        <v>848</v>
      </c>
      <c r="D454">
        <v>62</v>
      </c>
      <c r="E454" t="s">
        <v>4193</v>
      </c>
      <c r="F454" t="s">
        <v>4189</v>
      </c>
      <c r="G454" t="s">
        <v>656</v>
      </c>
      <c r="H454">
        <v>2</v>
      </c>
      <c r="I454">
        <v>2020</v>
      </c>
    </row>
    <row r="455" spans="1:9" x14ac:dyDescent="0.25">
      <c r="A455">
        <v>562</v>
      </c>
      <c r="B455" t="s">
        <v>3648</v>
      </c>
      <c r="C455" t="s">
        <v>848</v>
      </c>
      <c r="D455">
        <v>62</v>
      </c>
      <c r="E455" t="s">
        <v>4193</v>
      </c>
      <c r="F455" t="s">
        <v>4189</v>
      </c>
      <c r="G455" t="s">
        <v>656</v>
      </c>
      <c r="H455">
        <v>2</v>
      </c>
      <c r="I455">
        <v>2020</v>
      </c>
    </row>
    <row r="456" spans="1:9" x14ac:dyDescent="0.25">
      <c r="A456">
        <v>563</v>
      </c>
      <c r="B456" t="s">
        <v>3647</v>
      </c>
      <c r="C456" t="s">
        <v>848</v>
      </c>
      <c r="D456">
        <v>62</v>
      </c>
      <c r="E456" t="s">
        <v>4193</v>
      </c>
      <c r="F456" t="s">
        <v>4189</v>
      </c>
      <c r="G456" t="s">
        <v>656</v>
      </c>
      <c r="H456">
        <v>2</v>
      </c>
      <c r="I456">
        <v>2020</v>
      </c>
    </row>
    <row r="457" spans="1:9" x14ac:dyDescent="0.25">
      <c r="A457">
        <v>564</v>
      </c>
      <c r="B457" t="s">
        <v>3646</v>
      </c>
      <c r="C457" t="s">
        <v>848</v>
      </c>
      <c r="D457">
        <v>62</v>
      </c>
      <c r="E457" t="s">
        <v>4193</v>
      </c>
      <c r="F457" t="s">
        <v>4189</v>
      </c>
      <c r="G457" t="s">
        <v>656</v>
      </c>
      <c r="H457">
        <v>2</v>
      </c>
      <c r="I457">
        <v>2020</v>
      </c>
    </row>
    <row r="458" spans="1:9" x14ac:dyDescent="0.25">
      <c r="A458">
        <v>565</v>
      </c>
      <c r="B458" t="s">
        <v>3645</v>
      </c>
      <c r="C458" t="s">
        <v>880</v>
      </c>
      <c r="D458">
        <v>58</v>
      </c>
      <c r="E458" t="s">
        <v>4188</v>
      </c>
      <c r="F458" t="s">
        <v>4189</v>
      </c>
      <c r="G458" t="s">
        <v>656</v>
      </c>
      <c r="H458">
        <v>2</v>
      </c>
      <c r="I458">
        <v>2020</v>
      </c>
    </row>
    <row r="459" spans="1:9" x14ac:dyDescent="0.25">
      <c r="A459">
        <v>566</v>
      </c>
      <c r="B459" t="s">
        <v>881</v>
      </c>
      <c r="C459" t="s">
        <v>880</v>
      </c>
      <c r="D459">
        <v>58</v>
      </c>
      <c r="E459" t="s">
        <v>4188</v>
      </c>
      <c r="F459" t="s">
        <v>4189</v>
      </c>
      <c r="G459" t="s">
        <v>656</v>
      </c>
      <c r="H459">
        <v>2</v>
      </c>
      <c r="I459">
        <v>2020</v>
      </c>
    </row>
    <row r="460" spans="1:9" x14ac:dyDescent="0.25">
      <c r="A460">
        <v>567</v>
      </c>
      <c r="B460" t="s">
        <v>3644</v>
      </c>
      <c r="C460" t="s">
        <v>797</v>
      </c>
      <c r="D460">
        <v>65</v>
      </c>
      <c r="E460" t="s">
        <v>4191</v>
      </c>
      <c r="F460" t="s">
        <v>4189</v>
      </c>
      <c r="G460" t="s">
        <v>656</v>
      </c>
      <c r="H460">
        <v>2</v>
      </c>
      <c r="I460">
        <v>2020</v>
      </c>
    </row>
    <row r="461" spans="1:9" x14ac:dyDescent="0.25">
      <c r="A461">
        <v>568</v>
      </c>
      <c r="B461" t="s">
        <v>3643</v>
      </c>
      <c r="C461" t="s">
        <v>797</v>
      </c>
      <c r="D461">
        <v>65</v>
      </c>
      <c r="E461" t="s">
        <v>4191</v>
      </c>
      <c r="F461" t="s">
        <v>4189</v>
      </c>
      <c r="G461" t="s">
        <v>656</v>
      </c>
      <c r="H461">
        <v>2</v>
      </c>
      <c r="I461">
        <v>2020</v>
      </c>
    </row>
    <row r="462" spans="1:9" x14ac:dyDescent="0.25">
      <c r="A462">
        <v>569</v>
      </c>
      <c r="B462" t="s">
        <v>3642</v>
      </c>
      <c r="C462" t="s">
        <v>797</v>
      </c>
      <c r="D462">
        <v>65</v>
      </c>
      <c r="E462" t="s">
        <v>4191</v>
      </c>
      <c r="F462" t="s">
        <v>4189</v>
      </c>
      <c r="G462" t="s">
        <v>656</v>
      </c>
      <c r="H462">
        <v>2</v>
      </c>
      <c r="I462">
        <v>2020</v>
      </c>
    </row>
    <row r="463" spans="1:9" x14ac:dyDescent="0.25">
      <c r="A463">
        <v>570</v>
      </c>
      <c r="B463" t="s">
        <v>3641</v>
      </c>
      <c r="C463" t="s">
        <v>797</v>
      </c>
      <c r="D463">
        <v>65</v>
      </c>
      <c r="E463" t="s">
        <v>4191</v>
      </c>
      <c r="F463" t="s">
        <v>4189</v>
      </c>
      <c r="G463" t="s">
        <v>656</v>
      </c>
      <c r="H463">
        <v>2</v>
      </c>
      <c r="I463">
        <v>2020</v>
      </c>
    </row>
    <row r="464" spans="1:9" x14ac:dyDescent="0.25">
      <c r="A464">
        <v>571</v>
      </c>
      <c r="B464" t="s">
        <v>3640</v>
      </c>
      <c r="C464" t="s">
        <v>797</v>
      </c>
      <c r="D464">
        <v>65</v>
      </c>
      <c r="E464" t="s">
        <v>4191</v>
      </c>
      <c r="F464" t="s">
        <v>4189</v>
      </c>
      <c r="G464" t="s">
        <v>656</v>
      </c>
      <c r="H464">
        <v>2</v>
      </c>
      <c r="I464">
        <v>2020</v>
      </c>
    </row>
    <row r="465" spans="1:9" x14ac:dyDescent="0.25">
      <c r="A465">
        <v>573</v>
      </c>
      <c r="B465" t="s">
        <v>3638</v>
      </c>
      <c r="C465" t="s">
        <v>797</v>
      </c>
      <c r="D465">
        <v>65</v>
      </c>
      <c r="E465" t="s">
        <v>4191</v>
      </c>
      <c r="F465" t="s">
        <v>4189</v>
      </c>
      <c r="G465" t="s">
        <v>656</v>
      </c>
      <c r="H465">
        <v>2</v>
      </c>
      <c r="I465">
        <v>2020</v>
      </c>
    </row>
    <row r="466" spans="1:9" x14ac:dyDescent="0.25">
      <c r="A466">
        <v>574</v>
      </c>
      <c r="B466" t="s">
        <v>3637</v>
      </c>
      <c r="C466" t="s">
        <v>797</v>
      </c>
      <c r="D466">
        <v>65</v>
      </c>
      <c r="E466" t="s">
        <v>4191</v>
      </c>
      <c r="F466" t="s">
        <v>4189</v>
      </c>
      <c r="G466" t="s">
        <v>656</v>
      </c>
      <c r="H466">
        <v>2</v>
      </c>
      <c r="I466">
        <v>2020</v>
      </c>
    </row>
    <row r="467" spans="1:9" x14ac:dyDescent="0.25">
      <c r="A467">
        <v>575</v>
      </c>
      <c r="B467" t="s">
        <v>4233</v>
      </c>
      <c r="C467" t="s">
        <v>797</v>
      </c>
      <c r="D467">
        <v>65</v>
      </c>
      <c r="E467" t="s">
        <v>4191</v>
      </c>
      <c r="F467" t="s">
        <v>4189</v>
      </c>
      <c r="G467" t="s">
        <v>656</v>
      </c>
      <c r="H467">
        <v>2</v>
      </c>
      <c r="I467">
        <v>2020</v>
      </c>
    </row>
    <row r="468" spans="1:9" x14ac:dyDescent="0.25">
      <c r="A468">
        <v>577</v>
      </c>
      <c r="B468" t="s">
        <v>3635</v>
      </c>
      <c r="C468" t="s">
        <v>980</v>
      </c>
      <c r="D468">
        <v>67</v>
      </c>
      <c r="E468" t="s">
        <v>980</v>
      </c>
      <c r="F468" t="s">
        <v>4189</v>
      </c>
      <c r="G468" t="s">
        <v>656</v>
      </c>
      <c r="H468">
        <v>2</v>
      </c>
      <c r="I468">
        <v>2020</v>
      </c>
    </row>
    <row r="469" spans="1:9" x14ac:dyDescent="0.25">
      <c r="A469">
        <v>578</v>
      </c>
      <c r="B469" t="s">
        <v>3634</v>
      </c>
      <c r="C469" t="s">
        <v>980</v>
      </c>
      <c r="D469">
        <v>67</v>
      </c>
      <c r="E469" t="s">
        <v>980</v>
      </c>
      <c r="F469" t="s">
        <v>4189</v>
      </c>
      <c r="G469" t="s">
        <v>656</v>
      </c>
      <c r="H469">
        <v>2</v>
      </c>
      <c r="I469">
        <v>2020</v>
      </c>
    </row>
    <row r="470" spans="1:9" x14ac:dyDescent="0.25">
      <c r="A470">
        <v>579</v>
      </c>
      <c r="B470" t="s">
        <v>3633</v>
      </c>
      <c r="C470" t="s">
        <v>980</v>
      </c>
      <c r="D470">
        <v>67</v>
      </c>
      <c r="E470" t="s">
        <v>980</v>
      </c>
      <c r="F470" t="s">
        <v>4189</v>
      </c>
      <c r="G470" t="s">
        <v>656</v>
      </c>
      <c r="H470">
        <v>2</v>
      </c>
      <c r="I470">
        <v>2020</v>
      </c>
    </row>
    <row r="471" spans="1:9" x14ac:dyDescent="0.25">
      <c r="A471">
        <v>581</v>
      </c>
      <c r="B471" t="s">
        <v>3631</v>
      </c>
      <c r="C471" t="s">
        <v>1514</v>
      </c>
      <c r="D471">
        <v>47</v>
      </c>
      <c r="E471" t="s">
        <v>980</v>
      </c>
      <c r="F471" t="s">
        <v>4189</v>
      </c>
      <c r="G471" t="s">
        <v>656</v>
      </c>
      <c r="H471">
        <v>2</v>
      </c>
      <c r="I471">
        <v>2020</v>
      </c>
    </row>
    <row r="472" spans="1:9" x14ac:dyDescent="0.25">
      <c r="A472">
        <v>582</v>
      </c>
      <c r="B472" t="s">
        <v>3630</v>
      </c>
      <c r="C472" t="s">
        <v>1514</v>
      </c>
      <c r="D472">
        <v>47</v>
      </c>
      <c r="E472" t="s">
        <v>980</v>
      </c>
      <c r="F472" t="s">
        <v>4189</v>
      </c>
      <c r="G472" t="s">
        <v>656</v>
      </c>
      <c r="H472">
        <v>2</v>
      </c>
      <c r="I472">
        <v>2020</v>
      </c>
    </row>
    <row r="473" spans="1:9" x14ac:dyDescent="0.25">
      <c r="A473">
        <v>583</v>
      </c>
      <c r="B473" t="s">
        <v>3629</v>
      </c>
      <c r="C473" t="s">
        <v>1514</v>
      </c>
      <c r="D473">
        <v>47</v>
      </c>
      <c r="E473" t="s">
        <v>980</v>
      </c>
      <c r="F473" t="s">
        <v>4189</v>
      </c>
      <c r="G473" t="s">
        <v>656</v>
      </c>
      <c r="H473">
        <v>2</v>
      </c>
      <c r="I473">
        <v>2020</v>
      </c>
    </row>
    <row r="474" spans="1:9" x14ac:dyDescent="0.25">
      <c r="A474">
        <v>584</v>
      </c>
      <c r="B474" t="s">
        <v>3628</v>
      </c>
      <c r="C474" t="s">
        <v>1514</v>
      </c>
      <c r="D474">
        <v>47</v>
      </c>
      <c r="E474" t="s">
        <v>980</v>
      </c>
      <c r="F474" t="s">
        <v>4189</v>
      </c>
      <c r="G474" t="s">
        <v>656</v>
      </c>
      <c r="H474">
        <v>2</v>
      </c>
      <c r="I474">
        <v>2020</v>
      </c>
    </row>
    <row r="475" spans="1:9" x14ac:dyDescent="0.25">
      <c r="A475">
        <v>585</v>
      </c>
      <c r="B475" t="s">
        <v>3627</v>
      </c>
      <c r="C475" t="s">
        <v>1514</v>
      </c>
      <c r="D475">
        <v>47</v>
      </c>
      <c r="E475" t="s">
        <v>980</v>
      </c>
      <c r="F475" t="s">
        <v>4189</v>
      </c>
      <c r="G475" t="s">
        <v>656</v>
      </c>
      <c r="H475">
        <v>2</v>
      </c>
      <c r="I475">
        <v>2020</v>
      </c>
    </row>
    <row r="476" spans="1:9" x14ac:dyDescent="0.25">
      <c r="A476">
        <v>586</v>
      </c>
      <c r="B476" t="s">
        <v>3626</v>
      </c>
      <c r="C476" t="s">
        <v>742</v>
      </c>
      <c r="D476">
        <v>48</v>
      </c>
      <c r="E476" t="s">
        <v>4165</v>
      </c>
      <c r="F476" t="s">
        <v>4164</v>
      </c>
      <c r="G476" t="s">
        <v>656</v>
      </c>
      <c r="H476">
        <v>2</v>
      </c>
      <c r="I476">
        <v>2020</v>
      </c>
    </row>
    <row r="477" spans="1:9" x14ac:dyDescent="0.25">
      <c r="A477">
        <v>587</v>
      </c>
      <c r="B477" t="s">
        <v>2749</v>
      </c>
      <c r="C477" t="s">
        <v>742</v>
      </c>
      <c r="D477">
        <v>48</v>
      </c>
      <c r="E477" t="s">
        <v>4165</v>
      </c>
      <c r="F477" t="s">
        <v>4164</v>
      </c>
      <c r="G477" t="s">
        <v>656</v>
      </c>
      <c r="H477">
        <v>2</v>
      </c>
      <c r="I477">
        <v>2020</v>
      </c>
    </row>
    <row r="478" spans="1:9" x14ac:dyDescent="0.25">
      <c r="A478">
        <v>588</v>
      </c>
      <c r="B478" t="s">
        <v>4234</v>
      </c>
      <c r="C478" t="s">
        <v>742</v>
      </c>
      <c r="D478">
        <v>48</v>
      </c>
      <c r="E478" t="s">
        <v>4165</v>
      </c>
      <c r="F478" t="s">
        <v>4164</v>
      </c>
      <c r="G478" t="s">
        <v>656</v>
      </c>
      <c r="H478">
        <v>2</v>
      </c>
      <c r="I478">
        <v>2020</v>
      </c>
    </row>
    <row r="479" spans="1:9" x14ac:dyDescent="0.25">
      <c r="A479">
        <v>589</v>
      </c>
      <c r="B479" t="s">
        <v>3625</v>
      </c>
      <c r="C479" t="s">
        <v>742</v>
      </c>
      <c r="D479">
        <v>48</v>
      </c>
      <c r="E479" t="s">
        <v>4165</v>
      </c>
      <c r="F479" t="s">
        <v>4164</v>
      </c>
      <c r="G479" t="s">
        <v>656</v>
      </c>
      <c r="H479">
        <v>2</v>
      </c>
      <c r="I479">
        <v>2020</v>
      </c>
    </row>
    <row r="480" spans="1:9" x14ac:dyDescent="0.25">
      <c r="A480">
        <v>590</v>
      </c>
      <c r="B480" t="s">
        <v>3624</v>
      </c>
      <c r="C480" t="s">
        <v>742</v>
      </c>
      <c r="D480">
        <v>48</v>
      </c>
      <c r="E480" t="s">
        <v>4165</v>
      </c>
      <c r="F480" t="s">
        <v>4164</v>
      </c>
      <c r="G480" t="s">
        <v>656</v>
      </c>
      <c r="H480">
        <v>2</v>
      </c>
      <c r="I480">
        <v>2020</v>
      </c>
    </row>
    <row r="481" spans="1:9" x14ac:dyDescent="0.25">
      <c r="A481">
        <v>591</v>
      </c>
      <c r="B481" t="s">
        <v>3623</v>
      </c>
      <c r="C481" t="s">
        <v>742</v>
      </c>
      <c r="D481">
        <v>48</v>
      </c>
      <c r="E481" t="s">
        <v>4165</v>
      </c>
      <c r="F481" t="s">
        <v>4164</v>
      </c>
      <c r="G481" t="s">
        <v>656</v>
      </c>
      <c r="H481">
        <v>2</v>
      </c>
      <c r="I481">
        <v>2020</v>
      </c>
    </row>
    <row r="482" spans="1:9" x14ac:dyDescent="0.25">
      <c r="A482">
        <v>592</v>
      </c>
      <c r="B482" t="s">
        <v>3622</v>
      </c>
      <c r="C482" t="s">
        <v>742</v>
      </c>
      <c r="D482">
        <v>48</v>
      </c>
      <c r="E482" t="s">
        <v>4165</v>
      </c>
      <c r="F482" t="s">
        <v>4164</v>
      </c>
      <c r="G482" t="s">
        <v>656</v>
      </c>
      <c r="H482">
        <v>2</v>
      </c>
      <c r="I482">
        <v>2020</v>
      </c>
    </row>
    <row r="483" spans="1:9" x14ac:dyDescent="0.25">
      <c r="A483">
        <v>593</v>
      </c>
      <c r="B483" t="s">
        <v>3621</v>
      </c>
      <c r="C483" t="s">
        <v>742</v>
      </c>
      <c r="D483">
        <v>48</v>
      </c>
      <c r="E483" t="s">
        <v>4165</v>
      </c>
      <c r="F483" t="s">
        <v>4164</v>
      </c>
      <c r="G483" t="s">
        <v>656</v>
      </c>
      <c r="H483">
        <v>2</v>
      </c>
      <c r="I483">
        <v>2020</v>
      </c>
    </row>
    <row r="484" spans="1:9" x14ac:dyDescent="0.25">
      <c r="A484">
        <v>594</v>
      </c>
      <c r="B484" t="s">
        <v>3620</v>
      </c>
      <c r="C484" t="s">
        <v>742</v>
      </c>
      <c r="D484">
        <v>48</v>
      </c>
      <c r="E484" t="s">
        <v>4165</v>
      </c>
      <c r="F484" t="s">
        <v>4164</v>
      </c>
      <c r="G484" t="s">
        <v>656</v>
      </c>
      <c r="H484">
        <v>2</v>
      </c>
      <c r="I484">
        <v>2020</v>
      </c>
    </row>
    <row r="485" spans="1:9" x14ac:dyDescent="0.25">
      <c r="A485">
        <v>595</v>
      </c>
      <c r="B485" t="s">
        <v>2707</v>
      </c>
      <c r="C485" t="s">
        <v>714</v>
      </c>
      <c r="D485">
        <v>52</v>
      </c>
      <c r="E485" t="s">
        <v>4198</v>
      </c>
      <c r="F485" t="s">
        <v>4189</v>
      </c>
      <c r="G485" t="s">
        <v>656</v>
      </c>
      <c r="H485">
        <v>2</v>
      </c>
      <c r="I485">
        <v>2020</v>
      </c>
    </row>
    <row r="486" spans="1:9" x14ac:dyDescent="0.25">
      <c r="A486">
        <v>596</v>
      </c>
      <c r="B486" t="s">
        <v>3619</v>
      </c>
      <c r="C486" t="s">
        <v>714</v>
      </c>
      <c r="D486">
        <v>52</v>
      </c>
      <c r="E486" t="s">
        <v>4198</v>
      </c>
      <c r="F486" t="s">
        <v>4189</v>
      </c>
      <c r="G486" t="s">
        <v>656</v>
      </c>
      <c r="H486">
        <v>2</v>
      </c>
      <c r="I486">
        <v>2020</v>
      </c>
    </row>
    <row r="487" spans="1:9" x14ac:dyDescent="0.25">
      <c r="A487">
        <v>597</v>
      </c>
      <c r="B487" t="s">
        <v>3618</v>
      </c>
      <c r="C487" t="s">
        <v>714</v>
      </c>
      <c r="D487">
        <v>52</v>
      </c>
      <c r="E487" t="s">
        <v>4198</v>
      </c>
      <c r="F487" t="s">
        <v>4189</v>
      </c>
      <c r="G487" t="s">
        <v>656</v>
      </c>
      <c r="H487">
        <v>2</v>
      </c>
      <c r="I487">
        <v>2020</v>
      </c>
    </row>
    <row r="488" spans="1:9" x14ac:dyDescent="0.25">
      <c r="A488">
        <v>598</v>
      </c>
      <c r="B488" t="s">
        <v>3617</v>
      </c>
      <c r="C488" t="s">
        <v>714</v>
      </c>
      <c r="D488">
        <v>52</v>
      </c>
      <c r="E488" t="s">
        <v>4198</v>
      </c>
      <c r="F488" t="s">
        <v>4189</v>
      </c>
      <c r="G488" t="s">
        <v>656</v>
      </c>
      <c r="H488">
        <v>2</v>
      </c>
      <c r="I488">
        <v>2020</v>
      </c>
    </row>
    <row r="489" spans="1:9" x14ac:dyDescent="0.25">
      <c r="A489">
        <v>599</v>
      </c>
      <c r="B489" t="s">
        <v>4235</v>
      </c>
      <c r="C489" t="s">
        <v>714</v>
      </c>
      <c r="D489">
        <v>52</v>
      </c>
      <c r="E489" t="s">
        <v>4198</v>
      </c>
      <c r="F489" t="s">
        <v>4189</v>
      </c>
      <c r="G489" t="s">
        <v>656</v>
      </c>
      <c r="H489">
        <v>2</v>
      </c>
      <c r="I489">
        <v>2020</v>
      </c>
    </row>
    <row r="490" spans="1:9" x14ac:dyDescent="0.25">
      <c r="A490">
        <v>600</v>
      </c>
      <c r="B490" t="s">
        <v>3616</v>
      </c>
      <c r="C490" t="s">
        <v>714</v>
      </c>
      <c r="D490">
        <v>52</v>
      </c>
      <c r="E490" t="s">
        <v>4198</v>
      </c>
      <c r="F490" t="s">
        <v>4189</v>
      </c>
      <c r="G490" t="s">
        <v>656</v>
      </c>
      <c r="H490">
        <v>2</v>
      </c>
      <c r="I490">
        <v>2020</v>
      </c>
    </row>
    <row r="491" spans="1:9" x14ac:dyDescent="0.25">
      <c r="A491">
        <v>602</v>
      </c>
      <c r="B491" t="s">
        <v>3614</v>
      </c>
      <c r="C491" t="s">
        <v>710</v>
      </c>
      <c r="D491">
        <v>53</v>
      </c>
      <c r="E491" t="s">
        <v>4198</v>
      </c>
      <c r="F491" t="s">
        <v>4189</v>
      </c>
      <c r="G491" t="s">
        <v>656</v>
      </c>
      <c r="H491">
        <v>2</v>
      </c>
      <c r="I491">
        <v>2020</v>
      </c>
    </row>
    <row r="492" spans="1:9" x14ac:dyDescent="0.25">
      <c r="A492">
        <v>603</v>
      </c>
      <c r="B492" t="s">
        <v>3613</v>
      </c>
      <c r="C492" t="s">
        <v>710</v>
      </c>
      <c r="D492">
        <v>53</v>
      </c>
      <c r="E492" t="s">
        <v>4198</v>
      </c>
      <c r="F492" t="s">
        <v>4189</v>
      </c>
      <c r="G492" t="s">
        <v>656</v>
      </c>
      <c r="H492">
        <v>2</v>
      </c>
      <c r="I492">
        <v>2020</v>
      </c>
    </row>
    <row r="493" spans="1:9" x14ac:dyDescent="0.25">
      <c r="A493">
        <v>604</v>
      </c>
      <c r="B493" t="s">
        <v>3612</v>
      </c>
      <c r="C493" t="s">
        <v>710</v>
      </c>
      <c r="D493">
        <v>53</v>
      </c>
      <c r="E493" t="s">
        <v>4198</v>
      </c>
      <c r="F493" t="s">
        <v>4189</v>
      </c>
      <c r="G493" t="s">
        <v>656</v>
      </c>
      <c r="H493">
        <v>2</v>
      </c>
      <c r="I493">
        <v>2020</v>
      </c>
    </row>
    <row r="494" spans="1:9" x14ac:dyDescent="0.25">
      <c r="A494">
        <v>605</v>
      </c>
      <c r="B494" t="s">
        <v>3611</v>
      </c>
      <c r="C494" t="s">
        <v>710</v>
      </c>
      <c r="D494">
        <v>53</v>
      </c>
      <c r="E494" t="s">
        <v>4198</v>
      </c>
      <c r="F494" t="s">
        <v>4189</v>
      </c>
      <c r="G494" t="s">
        <v>656</v>
      </c>
      <c r="H494">
        <v>2</v>
      </c>
      <c r="I494">
        <v>2020</v>
      </c>
    </row>
    <row r="495" spans="1:9" x14ac:dyDescent="0.25">
      <c r="A495">
        <v>606</v>
      </c>
      <c r="B495" t="s">
        <v>3610</v>
      </c>
      <c r="C495" t="s">
        <v>710</v>
      </c>
      <c r="D495">
        <v>53</v>
      </c>
      <c r="E495" t="s">
        <v>4198</v>
      </c>
      <c r="F495" t="s">
        <v>4189</v>
      </c>
      <c r="G495" t="s">
        <v>656</v>
      </c>
      <c r="H495">
        <v>2</v>
      </c>
      <c r="I495">
        <v>2020</v>
      </c>
    </row>
    <row r="496" spans="1:9" x14ac:dyDescent="0.25">
      <c r="A496">
        <v>607</v>
      </c>
      <c r="B496" t="s">
        <v>3609</v>
      </c>
      <c r="C496" t="s">
        <v>710</v>
      </c>
      <c r="D496">
        <v>53</v>
      </c>
      <c r="E496" t="s">
        <v>4198</v>
      </c>
      <c r="F496" t="s">
        <v>4189</v>
      </c>
      <c r="G496" t="s">
        <v>656</v>
      </c>
      <c r="H496">
        <v>2</v>
      </c>
      <c r="I496">
        <v>2020</v>
      </c>
    </row>
    <row r="497" spans="1:9" x14ac:dyDescent="0.25">
      <c r="A497">
        <v>608</v>
      </c>
      <c r="B497" t="s">
        <v>4236</v>
      </c>
      <c r="C497" t="s">
        <v>710</v>
      </c>
      <c r="D497">
        <v>53</v>
      </c>
      <c r="E497" t="s">
        <v>4198</v>
      </c>
      <c r="F497" t="s">
        <v>4189</v>
      </c>
      <c r="G497" t="s">
        <v>656</v>
      </c>
      <c r="H497">
        <v>2</v>
      </c>
      <c r="I497">
        <v>2020</v>
      </c>
    </row>
    <row r="498" spans="1:9" x14ac:dyDescent="0.25">
      <c r="A498">
        <v>609</v>
      </c>
      <c r="B498" t="s">
        <v>3608</v>
      </c>
      <c r="C498" t="s">
        <v>710</v>
      </c>
      <c r="D498">
        <v>53</v>
      </c>
      <c r="E498" t="s">
        <v>4198</v>
      </c>
      <c r="F498" t="s">
        <v>4189</v>
      </c>
      <c r="G498" t="s">
        <v>656</v>
      </c>
      <c r="H498">
        <v>2</v>
      </c>
      <c r="I498">
        <v>2020</v>
      </c>
    </row>
    <row r="499" spans="1:9" x14ac:dyDescent="0.25">
      <c r="A499">
        <v>611</v>
      </c>
      <c r="B499" t="s">
        <v>3606</v>
      </c>
      <c r="C499" t="s">
        <v>710</v>
      </c>
      <c r="D499">
        <v>53</v>
      </c>
      <c r="E499" t="s">
        <v>4198</v>
      </c>
      <c r="F499" t="s">
        <v>4189</v>
      </c>
      <c r="G499" t="s">
        <v>656</v>
      </c>
      <c r="H499">
        <v>2</v>
      </c>
      <c r="I499">
        <v>2020</v>
      </c>
    </row>
    <row r="500" spans="1:9" x14ac:dyDescent="0.25">
      <c r="A500">
        <v>612</v>
      </c>
      <c r="B500" t="s">
        <v>3605</v>
      </c>
      <c r="C500" t="s">
        <v>710</v>
      </c>
      <c r="D500">
        <v>53</v>
      </c>
      <c r="E500" t="s">
        <v>4198</v>
      </c>
      <c r="F500" t="s">
        <v>4189</v>
      </c>
      <c r="G500" t="s">
        <v>656</v>
      </c>
      <c r="H500">
        <v>2</v>
      </c>
      <c r="I500">
        <v>2020</v>
      </c>
    </row>
    <row r="501" spans="1:9" x14ac:dyDescent="0.25">
      <c r="A501">
        <v>613</v>
      </c>
      <c r="B501" t="s">
        <v>3604</v>
      </c>
      <c r="C501" t="s">
        <v>710</v>
      </c>
      <c r="D501">
        <v>53</v>
      </c>
      <c r="E501" t="s">
        <v>4198</v>
      </c>
      <c r="F501" t="s">
        <v>4189</v>
      </c>
      <c r="G501" t="s">
        <v>656</v>
      </c>
      <c r="H501">
        <v>2</v>
      </c>
      <c r="I501">
        <v>2020</v>
      </c>
    </row>
    <row r="502" spans="1:9" x14ac:dyDescent="0.25">
      <c r="A502">
        <v>614</v>
      </c>
      <c r="B502" t="s">
        <v>3603</v>
      </c>
      <c r="C502" t="s">
        <v>710</v>
      </c>
      <c r="D502">
        <v>53</v>
      </c>
      <c r="E502" t="s">
        <v>4198</v>
      </c>
      <c r="F502" t="s">
        <v>4189</v>
      </c>
      <c r="G502" t="s">
        <v>656</v>
      </c>
      <c r="H502">
        <v>2</v>
      </c>
      <c r="I502">
        <v>2020</v>
      </c>
    </row>
    <row r="503" spans="1:9" x14ac:dyDescent="0.25">
      <c r="A503">
        <v>615</v>
      </c>
      <c r="B503" t="s">
        <v>3602</v>
      </c>
      <c r="C503" t="s">
        <v>710</v>
      </c>
      <c r="D503">
        <v>53</v>
      </c>
      <c r="E503" t="s">
        <v>4198</v>
      </c>
      <c r="F503" t="s">
        <v>4189</v>
      </c>
      <c r="G503" t="s">
        <v>656</v>
      </c>
      <c r="H503">
        <v>2</v>
      </c>
      <c r="I503">
        <v>2020</v>
      </c>
    </row>
    <row r="504" spans="1:9" x14ac:dyDescent="0.25">
      <c r="A504">
        <v>616</v>
      </c>
      <c r="B504" t="s">
        <v>3601</v>
      </c>
      <c r="C504" t="s">
        <v>710</v>
      </c>
      <c r="D504">
        <v>53</v>
      </c>
      <c r="E504" t="s">
        <v>4198</v>
      </c>
      <c r="F504" t="s">
        <v>4189</v>
      </c>
      <c r="G504" t="s">
        <v>656</v>
      </c>
      <c r="H504">
        <v>2</v>
      </c>
      <c r="I504">
        <v>2020</v>
      </c>
    </row>
    <row r="505" spans="1:9" x14ac:dyDescent="0.25">
      <c r="A505">
        <v>617</v>
      </c>
      <c r="B505" t="s">
        <v>3600</v>
      </c>
      <c r="C505" t="s">
        <v>710</v>
      </c>
      <c r="D505">
        <v>53</v>
      </c>
      <c r="E505" t="s">
        <v>4198</v>
      </c>
      <c r="F505" t="s">
        <v>4189</v>
      </c>
      <c r="G505" t="s">
        <v>656</v>
      </c>
      <c r="H505">
        <v>2</v>
      </c>
      <c r="I505">
        <v>2020</v>
      </c>
    </row>
    <row r="506" spans="1:9" x14ac:dyDescent="0.25">
      <c r="A506">
        <v>618</v>
      </c>
      <c r="B506" t="s">
        <v>3599</v>
      </c>
      <c r="C506" t="s">
        <v>710</v>
      </c>
      <c r="D506">
        <v>53</v>
      </c>
      <c r="E506" t="s">
        <v>4198</v>
      </c>
      <c r="F506" t="s">
        <v>4189</v>
      </c>
      <c r="G506" t="s">
        <v>656</v>
      </c>
      <c r="H506">
        <v>2</v>
      </c>
      <c r="I506">
        <v>2020</v>
      </c>
    </row>
    <row r="507" spans="1:9" x14ac:dyDescent="0.25">
      <c r="A507">
        <v>619</v>
      </c>
      <c r="B507" t="s">
        <v>3598</v>
      </c>
      <c r="C507" t="s">
        <v>710</v>
      </c>
      <c r="D507">
        <v>53</v>
      </c>
      <c r="E507" t="s">
        <v>4198</v>
      </c>
      <c r="F507" t="s">
        <v>4189</v>
      </c>
      <c r="G507" t="s">
        <v>656</v>
      </c>
      <c r="H507">
        <v>2</v>
      </c>
      <c r="I507">
        <v>2020</v>
      </c>
    </row>
    <row r="508" spans="1:9" x14ac:dyDescent="0.25">
      <c r="A508">
        <v>620</v>
      </c>
      <c r="B508" t="s">
        <v>996</v>
      </c>
      <c r="C508" t="s">
        <v>710</v>
      </c>
      <c r="D508">
        <v>53</v>
      </c>
      <c r="E508" t="s">
        <v>4198</v>
      </c>
      <c r="F508" t="s">
        <v>4189</v>
      </c>
      <c r="G508" t="s">
        <v>656</v>
      </c>
      <c r="H508">
        <v>2</v>
      </c>
      <c r="I508">
        <v>2020</v>
      </c>
    </row>
    <row r="509" spans="1:9" x14ac:dyDescent="0.25">
      <c r="A509">
        <v>621</v>
      </c>
      <c r="B509" t="s">
        <v>3597</v>
      </c>
      <c r="C509" t="s">
        <v>710</v>
      </c>
      <c r="D509">
        <v>53</v>
      </c>
      <c r="E509" t="s">
        <v>4198</v>
      </c>
      <c r="F509" t="s">
        <v>4189</v>
      </c>
      <c r="G509" t="s">
        <v>656</v>
      </c>
      <c r="H509">
        <v>2</v>
      </c>
      <c r="I509">
        <v>2020</v>
      </c>
    </row>
    <row r="510" spans="1:9" x14ac:dyDescent="0.25">
      <c r="A510">
        <v>622</v>
      </c>
      <c r="B510" t="s">
        <v>3114</v>
      </c>
      <c r="C510" t="s">
        <v>710</v>
      </c>
      <c r="D510">
        <v>53</v>
      </c>
      <c r="E510" t="s">
        <v>4198</v>
      </c>
      <c r="F510" t="s">
        <v>4189</v>
      </c>
      <c r="G510" t="s">
        <v>656</v>
      </c>
      <c r="H510">
        <v>2</v>
      </c>
      <c r="I510">
        <v>2020</v>
      </c>
    </row>
    <row r="511" spans="1:9" x14ac:dyDescent="0.25">
      <c r="A511">
        <v>623</v>
      </c>
      <c r="B511" t="s">
        <v>3596</v>
      </c>
      <c r="C511" t="s">
        <v>710</v>
      </c>
      <c r="D511">
        <v>53</v>
      </c>
      <c r="E511" t="s">
        <v>4198</v>
      </c>
      <c r="F511" t="s">
        <v>4189</v>
      </c>
      <c r="G511" t="s">
        <v>656</v>
      </c>
      <c r="H511">
        <v>2</v>
      </c>
      <c r="I511">
        <v>2020</v>
      </c>
    </row>
    <row r="512" spans="1:9" x14ac:dyDescent="0.25">
      <c r="A512">
        <v>624</v>
      </c>
      <c r="B512" t="s">
        <v>3595</v>
      </c>
      <c r="C512" t="s">
        <v>695</v>
      </c>
      <c r="D512">
        <v>54</v>
      </c>
      <c r="E512" t="s">
        <v>4198</v>
      </c>
      <c r="F512" t="s">
        <v>4189</v>
      </c>
      <c r="G512" t="s">
        <v>656</v>
      </c>
      <c r="H512">
        <v>2</v>
      </c>
      <c r="I512">
        <v>2020</v>
      </c>
    </row>
    <row r="513" spans="1:9" x14ac:dyDescent="0.25">
      <c r="A513">
        <v>625</v>
      </c>
      <c r="B513" t="s">
        <v>4237</v>
      </c>
      <c r="C513" t="s">
        <v>695</v>
      </c>
      <c r="D513">
        <v>54</v>
      </c>
      <c r="E513" t="s">
        <v>4198</v>
      </c>
      <c r="F513" t="s">
        <v>4189</v>
      </c>
      <c r="G513" t="s">
        <v>656</v>
      </c>
      <c r="H513">
        <v>2</v>
      </c>
      <c r="I513">
        <v>2020</v>
      </c>
    </row>
    <row r="514" spans="1:9" x14ac:dyDescent="0.25">
      <c r="A514">
        <v>626</v>
      </c>
      <c r="B514" t="s">
        <v>748</v>
      </c>
      <c r="C514" t="s">
        <v>695</v>
      </c>
      <c r="D514">
        <v>54</v>
      </c>
      <c r="E514" t="s">
        <v>4198</v>
      </c>
      <c r="F514" t="s">
        <v>4189</v>
      </c>
      <c r="G514" t="s">
        <v>656</v>
      </c>
      <c r="H514">
        <v>2</v>
      </c>
      <c r="I514">
        <v>2020</v>
      </c>
    </row>
    <row r="515" spans="1:9" x14ac:dyDescent="0.25">
      <c r="A515">
        <v>627</v>
      </c>
      <c r="B515" t="s">
        <v>3594</v>
      </c>
      <c r="C515" t="s">
        <v>695</v>
      </c>
      <c r="D515">
        <v>54</v>
      </c>
      <c r="E515" t="s">
        <v>4198</v>
      </c>
      <c r="F515" t="s">
        <v>4189</v>
      </c>
      <c r="G515" t="s">
        <v>656</v>
      </c>
      <c r="H515">
        <v>2</v>
      </c>
      <c r="I515">
        <v>2020</v>
      </c>
    </row>
    <row r="516" spans="1:9" x14ac:dyDescent="0.25">
      <c r="A516">
        <v>628</v>
      </c>
      <c r="B516" t="s">
        <v>3593</v>
      </c>
      <c r="C516" t="s">
        <v>695</v>
      </c>
      <c r="D516">
        <v>54</v>
      </c>
      <c r="E516" t="s">
        <v>4198</v>
      </c>
      <c r="F516" t="s">
        <v>4189</v>
      </c>
      <c r="G516" t="s">
        <v>656</v>
      </c>
      <c r="H516">
        <v>2</v>
      </c>
      <c r="I516">
        <v>2020</v>
      </c>
    </row>
    <row r="517" spans="1:9" x14ac:dyDescent="0.25">
      <c r="A517">
        <v>629</v>
      </c>
      <c r="B517" t="s">
        <v>4238</v>
      </c>
      <c r="C517" t="s">
        <v>695</v>
      </c>
      <c r="D517">
        <v>54</v>
      </c>
      <c r="E517" t="s">
        <v>4198</v>
      </c>
      <c r="F517" t="s">
        <v>4189</v>
      </c>
      <c r="G517" t="s">
        <v>656</v>
      </c>
      <c r="H517">
        <v>2</v>
      </c>
      <c r="I517">
        <v>2020</v>
      </c>
    </row>
    <row r="518" spans="1:9" x14ac:dyDescent="0.25">
      <c r="A518">
        <v>630</v>
      </c>
      <c r="B518" t="s">
        <v>3592</v>
      </c>
      <c r="C518" t="s">
        <v>695</v>
      </c>
      <c r="D518">
        <v>54</v>
      </c>
      <c r="E518" t="s">
        <v>4198</v>
      </c>
      <c r="F518" t="s">
        <v>4189</v>
      </c>
      <c r="G518" t="s">
        <v>656</v>
      </c>
      <c r="H518">
        <v>2</v>
      </c>
      <c r="I518">
        <v>2020</v>
      </c>
    </row>
    <row r="519" spans="1:9" x14ac:dyDescent="0.25">
      <c r="A519">
        <v>631</v>
      </c>
      <c r="B519" t="s">
        <v>3591</v>
      </c>
      <c r="C519" t="s">
        <v>693</v>
      </c>
      <c r="D519">
        <v>56</v>
      </c>
      <c r="E519" t="s">
        <v>4193</v>
      </c>
      <c r="F519" t="s">
        <v>4189</v>
      </c>
      <c r="G519" t="s">
        <v>656</v>
      </c>
      <c r="H519">
        <v>2</v>
      </c>
      <c r="I519">
        <v>2020</v>
      </c>
    </row>
    <row r="520" spans="1:9" x14ac:dyDescent="0.25">
      <c r="A520">
        <v>632</v>
      </c>
      <c r="B520" t="s">
        <v>1884</v>
      </c>
      <c r="C520" t="s">
        <v>693</v>
      </c>
      <c r="D520">
        <v>56</v>
      </c>
      <c r="E520" t="s">
        <v>4193</v>
      </c>
      <c r="F520" t="s">
        <v>4189</v>
      </c>
      <c r="G520" t="s">
        <v>656</v>
      </c>
      <c r="H520">
        <v>2</v>
      </c>
      <c r="I520">
        <v>2020</v>
      </c>
    </row>
    <row r="521" spans="1:9" x14ac:dyDescent="0.25">
      <c r="A521">
        <v>633</v>
      </c>
      <c r="B521" t="s">
        <v>3590</v>
      </c>
      <c r="C521" t="s">
        <v>693</v>
      </c>
      <c r="D521">
        <v>56</v>
      </c>
      <c r="E521" t="s">
        <v>4193</v>
      </c>
      <c r="F521" t="s">
        <v>4189</v>
      </c>
      <c r="G521" t="s">
        <v>656</v>
      </c>
      <c r="H521">
        <v>2</v>
      </c>
      <c r="I521">
        <v>2020</v>
      </c>
    </row>
    <row r="522" spans="1:9" x14ac:dyDescent="0.25">
      <c r="A522">
        <v>634</v>
      </c>
      <c r="B522" t="s">
        <v>3589</v>
      </c>
      <c r="C522" t="s">
        <v>693</v>
      </c>
      <c r="D522">
        <v>56</v>
      </c>
      <c r="E522" t="s">
        <v>4193</v>
      </c>
      <c r="F522" t="s">
        <v>4189</v>
      </c>
      <c r="G522" t="s">
        <v>656</v>
      </c>
      <c r="H522">
        <v>2</v>
      </c>
      <c r="I522">
        <v>2020</v>
      </c>
    </row>
    <row r="523" spans="1:9" x14ac:dyDescent="0.25">
      <c r="A523">
        <v>635</v>
      </c>
      <c r="B523" t="s">
        <v>3588</v>
      </c>
      <c r="C523" t="s">
        <v>693</v>
      </c>
      <c r="D523">
        <v>56</v>
      </c>
      <c r="E523" t="s">
        <v>4193</v>
      </c>
      <c r="F523" t="s">
        <v>4189</v>
      </c>
      <c r="G523" t="s">
        <v>656</v>
      </c>
      <c r="H523">
        <v>2</v>
      </c>
      <c r="I523">
        <v>2020</v>
      </c>
    </row>
    <row r="524" spans="1:9" x14ac:dyDescent="0.25">
      <c r="A524">
        <v>636</v>
      </c>
      <c r="B524" t="s">
        <v>3587</v>
      </c>
      <c r="C524" t="s">
        <v>693</v>
      </c>
      <c r="D524">
        <v>56</v>
      </c>
      <c r="E524" t="s">
        <v>4193</v>
      </c>
      <c r="F524" t="s">
        <v>4189</v>
      </c>
      <c r="G524" t="s">
        <v>656</v>
      </c>
      <c r="H524">
        <v>2</v>
      </c>
      <c r="I524">
        <v>2020</v>
      </c>
    </row>
    <row r="525" spans="1:9" x14ac:dyDescent="0.25">
      <c r="A525">
        <v>637</v>
      </c>
      <c r="B525" t="s">
        <v>3586</v>
      </c>
      <c r="C525" t="s">
        <v>693</v>
      </c>
      <c r="D525">
        <v>56</v>
      </c>
      <c r="E525" t="s">
        <v>4193</v>
      </c>
      <c r="F525" t="s">
        <v>4189</v>
      </c>
      <c r="G525" t="s">
        <v>656</v>
      </c>
      <c r="H525">
        <v>2</v>
      </c>
      <c r="I525">
        <v>2020</v>
      </c>
    </row>
    <row r="526" spans="1:9" x14ac:dyDescent="0.25">
      <c r="A526">
        <v>638</v>
      </c>
      <c r="B526" t="s">
        <v>3585</v>
      </c>
      <c r="C526" t="s">
        <v>693</v>
      </c>
      <c r="D526">
        <v>56</v>
      </c>
      <c r="E526" t="s">
        <v>4193</v>
      </c>
      <c r="F526" t="s">
        <v>4189</v>
      </c>
      <c r="G526" t="s">
        <v>656</v>
      </c>
      <c r="H526">
        <v>2</v>
      </c>
      <c r="I526">
        <v>2020</v>
      </c>
    </row>
    <row r="527" spans="1:9" x14ac:dyDescent="0.25">
      <c r="A527">
        <v>639</v>
      </c>
      <c r="B527" t="s">
        <v>3584</v>
      </c>
      <c r="C527" t="s">
        <v>693</v>
      </c>
      <c r="D527">
        <v>56</v>
      </c>
      <c r="E527" t="s">
        <v>4193</v>
      </c>
      <c r="F527" t="s">
        <v>4189</v>
      </c>
      <c r="G527" t="s">
        <v>656</v>
      </c>
      <c r="H527">
        <v>2</v>
      </c>
      <c r="I527">
        <v>2020</v>
      </c>
    </row>
    <row r="528" spans="1:9" x14ac:dyDescent="0.25">
      <c r="A528">
        <v>640</v>
      </c>
      <c r="B528" t="s">
        <v>3583</v>
      </c>
      <c r="C528" t="s">
        <v>693</v>
      </c>
      <c r="D528">
        <v>56</v>
      </c>
      <c r="E528" t="s">
        <v>4193</v>
      </c>
      <c r="F528" t="s">
        <v>4189</v>
      </c>
      <c r="G528" t="s">
        <v>656</v>
      </c>
      <c r="H528">
        <v>2</v>
      </c>
      <c r="I528">
        <v>2020</v>
      </c>
    </row>
    <row r="529" spans="1:9" x14ac:dyDescent="0.25">
      <c r="A529">
        <v>641</v>
      </c>
      <c r="B529" t="s">
        <v>3582</v>
      </c>
      <c r="C529" t="s">
        <v>693</v>
      </c>
      <c r="D529">
        <v>56</v>
      </c>
      <c r="E529" t="s">
        <v>4193</v>
      </c>
      <c r="F529" t="s">
        <v>4189</v>
      </c>
      <c r="G529" t="s">
        <v>656</v>
      </c>
      <c r="H529">
        <v>2</v>
      </c>
      <c r="I529">
        <v>2020</v>
      </c>
    </row>
    <row r="530" spans="1:9" x14ac:dyDescent="0.25">
      <c r="A530">
        <v>643</v>
      </c>
      <c r="B530" t="s">
        <v>3580</v>
      </c>
      <c r="C530" t="s">
        <v>693</v>
      </c>
      <c r="D530">
        <v>56</v>
      </c>
      <c r="E530" t="s">
        <v>4193</v>
      </c>
      <c r="F530" t="s">
        <v>4189</v>
      </c>
      <c r="G530" t="s">
        <v>656</v>
      </c>
      <c r="H530">
        <v>2</v>
      </c>
      <c r="I530">
        <v>2020</v>
      </c>
    </row>
    <row r="531" spans="1:9" x14ac:dyDescent="0.25">
      <c r="A531">
        <v>644</v>
      </c>
      <c r="B531" t="s">
        <v>3579</v>
      </c>
      <c r="C531" t="s">
        <v>693</v>
      </c>
      <c r="D531">
        <v>56</v>
      </c>
      <c r="E531" t="s">
        <v>4193</v>
      </c>
      <c r="F531" t="s">
        <v>4189</v>
      </c>
      <c r="G531" t="s">
        <v>656</v>
      </c>
      <c r="H531">
        <v>2</v>
      </c>
      <c r="I531">
        <v>2020</v>
      </c>
    </row>
    <row r="532" spans="1:9" x14ac:dyDescent="0.25">
      <c r="A532">
        <v>645</v>
      </c>
      <c r="B532" t="s">
        <v>2468</v>
      </c>
      <c r="C532" t="s">
        <v>693</v>
      </c>
      <c r="D532">
        <v>56</v>
      </c>
      <c r="E532" t="s">
        <v>4193</v>
      </c>
      <c r="F532" t="s">
        <v>4189</v>
      </c>
      <c r="G532" t="s">
        <v>656</v>
      </c>
      <c r="H532">
        <v>2</v>
      </c>
      <c r="I532">
        <v>2020</v>
      </c>
    </row>
    <row r="533" spans="1:9" x14ac:dyDescent="0.25">
      <c r="A533">
        <v>646</v>
      </c>
      <c r="B533" t="s">
        <v>3578</v>
      </c>
      <c r="C533" t="s">
        <v>693</v>
      </c>
      <c r="D533">
        <v>56</v>
      </c>
      <c r="E533" t="s">
        <v>4193</v>
      </c>
      <c r="F533" t="s">
        <v>4189</v>
      </c>
      <c r="G533" t="s">
        <v>656</v>
      </c>
      <c r="H533">
        <v>2</v>
      </c>
      <c r="I533">
        <v>2020</v>
      </c>
    </row>
    <row r="534" spans="1:9" x14ac:dyDescent="0.25">
      <c r="A534">
        <v>647</v>
      </c>
      <c r="B534" t="s">
        <v>3577</v>
      </c>
      <c r="C534" t="s">
        <v>693</v>
      </c>
      <c r="D534">
        <v>56</v>
      </c>
      <c r="E534" t="s">
        <v>4193</v>
      </c>
      <c r="F534" t="s">
        <v>4189</v>
      </c>
      <c r="G534" t="s">
        <v>656</v>
      </c>
      <c r="H534">
        <v>2</v>
      </c>
      <c r="I534">
        <v>2020</v>
      </c>
    </row>
    <row r="535" spans="1:9" x14ac:dyDescent="0.25">
      <c r="A535">
        <v>648</v>
      </c>
      <c r="B535" t="s">
        <v>3576</v>
      </c>
      <c r="C535" t="s">
        <v>738</v>
      </c>
      <c r="D535">
        <v>61</v>
      </c>
      <c r="E535" t="s">
        <v>4193</v>
      </c>
      <c r="F535" t="s">
        <v>4189</v>
      </c>
      <c r="G535" t="s">
        <v>656</v>
      </c>
      <c r="H535">
        <v>2</v>
      </c>
      <c r="I535">
        <v>2020</v>
      </c>
    </row>
    <row r="536" spans="1:9" x14ac:dyDescent="0.25">
      <c r="A536">
        <v>649</v>
      </c>
      <c r="B536" t="s">
        <v>3575</v>
      </c>
      <c r="C536" t="s">
        <v>738</v>
      </c>
      <c r="D536">
        <v>61</v>
      </c>
      <c r="E536" t="s">
        <v>4193</v>
      </c>
      <c r="F536" t="s">
        <v>4189</v>
      </c>
      <c r="G536" t="s">
        <v>656</v>
      </c>
      <c r="H536">
        <v>2</v>
      </c>
      <c r="I536">
        <v>2020</v>
      </c>
    </row>
    <row r="537" spans="1:9" x14ac:dyDescent="0.25">
      <c r="A537">
        <v>650</v>
      </c>
      <c r="B537" t="s">
        <v>3574</v>
      </c>
      <c r="C537" t="s">
        <v>738</v>
      </c>
      <c r="D537">
        <v>61</v>
      </c>
      <c r="E537" t="s">
        <v>4193</v>
      </c>
      <c r="F537" t="s">
        <v>4189</v>
      </c>
      <c r="G537" t="s">
        <v>656</v>
      </c>
      <c r="H537">
        <v>2</v>
      </c>
      <c r="I537">
        <v>2020</v>
      </c>
    </row>
    <row r="538" spans="1:9" x14ac:dyDescent="0.25">
      <c r="A538">
        <v>651</v>
      </c>
      <c r="B538" t="s">
        <v>3573</v>
      </c>
      <c r="C538" t="s">
        <v>738</v>
      </c>
      <c r="D538">
        <v>61</v>
      </c>
      <c r="E538" t="s">
        <v>4193</v>
      </c>
      <c r="F538" t="s">
        <v>4189</v>
      </c>
      <c r="G538" t="s">
        <v>656</v>
      </c>
      <c r="H538">
        <v>2</v>
      </c>
      <c r="I538">
        <v>2020</v>
      </c>
    </row>
    <row r="539" spans="1:9" x14ac:dyDescent="0.25">
      <c r="A539">
        <v>652</v>
      </c>
      <c r="B539" t="s">
        <v>3572</v>
      </c>
      <c r="C539" t="s">
        <v>738</v>
      </c>
      <c r="D539">
        <v>61</v>
      </c>
      <c r="E539" t="s">
        <v>4193</v>
      </c>
      <c r="F539" t="s">
        <v>4189</v>
      </c>
      <c r="G539" t="s">
        <v>656</v>
      </c>
      <c r="H539">
        <v>2</v>
      </c>
      <c r="I539">
        <v>2020</v>
      </c>
    </row>
    <row r="540" spans="1:9" x14ac:dyDescent="0.25">
      <c r="A540">
        <v>653</v>
      </c>
      <c r="B540" t="s">
        <v>3571</v>
      </c>
      <c r="C540" t="s">
        <v>738</v>
      </c>
      <c r="D540">
        <v>61</v>
      </c>
      <c r="E540" t="s">
        <v>4193</v>
      </c>
      <c r="F540" t="s">
        <v>4189</v>
      </c>
      <c r="G540" t="s">
        <v>656</v>
      </c>
      <c r="H540">
        <v>2</v>
      </c>
      <c r="I540">
        <v>2020</v>
      </c>
    </row>
    <row r="541" spans="1:9" x14ac:dyDescent="0.25">
      <c r="A541">
        <v>654</v>
      </c>
      <c r="B541" t="s">
        <v>3570</v>
      </c>
      <c r="C541" t="s">
        <v>738</v>
      </c>
      <c r="D541">
        <v>61</v>
      </c>
      <c r="E541" t="s">
        <v>4193</v>
      </c>
      <c r="F541" t="s">
        <v>4189</v>
      </c>
      <c r="G541" t="s">
        <v>656</v>
      </c>
      <c r="H541">
        <v>2</v>
      </c>
      <c r="I541">
        <v>2020</v>
      </c>
    </row>
    <row r="542" spans="1:9" x14ac:dyDescent="0.25">
      <c r="A542">
        <v>656</v>
      </c>
      <c r="B542" t="s">
        <v>3568</v>
      </c>
      <c r="C542" t="s">
        <v>738</v>
      </c>
      <c r="D542">
        <v>61</v>
      </c>
      <c r="E542" t="s">
        <v>4193</v>
      </c>
      <c r="F542" t="s">
        <v>4189</v>
      </c>
      <c r="G542" t="s">
        <v>656</v>
      </c>
      <c r="H542">
        <v>2</v>
      </c>
      <c r="I542">
        <v>2020</v>
      </c>
    </row>
    <row r="543" spans="1:9" x14ac:dyDescent="0.25">
      <c r="A543">
        <v>657</v>
      </c>
      <c r="B543" t="s">
        <v>4239</v>
      </c>
      <c r="C543" t="s">
        <v>738</v>
      </c>
      <c r="D543">
        <v>61</v>
      </c>
      <c r="E543" t="s">
        <v>4193</v>
      </c>
      <c r="F543" t="s">
        <v>4189</v>
      </c>
      <c r="G543" t="s">
        <v>656</v>
      </c>
      <c r="H543">
        <v>2</v>
      </c>
      <c r="I543">
        <v>2020</v>
      </c>
    </row>
    <row r="544" spans="1:9" x14ac:dyDescent="0.25">
      <c r="A544">
        <v>659</v>
      </c>
      <c r="B544" t="s">
        <v>3566</v>
      </c>
      <c r="C544" t="s">
        <v>738</v>
      </c>
      <c r="D544">
        <v>61</v>
      </c>
      <c r="E544" t="s">
        <v>4193</v>
      </c>
      <c r="F544" t="s">
        <v>4189</v>
      </c>
      <c r="G544" t="s">
        <v>656</v>
      </c>
      <c r="H544">
        <v>2</v>
      </c>
      <c r="I544">
        <v>2020</v>
      </c>
    </row>
    <row r="545" spans="1:9" x14ac:dyDescent="0.25">
      <c r="A545">
        <v>660</v>
      </c>
      <c r="B545" t="s">
        <v>3565</v>
      </c>
      <c r="C545" t="s">
        <v>738</v>
      </c>
      <c r="D545">
        <v>61</v>
      </c>
      <c r="E545" t="s">
        <v>4193</v>
      </c>
      <c r="F545" t="s">
        <v>4189</v>
      </c>
      <c r="G545" t="s">
        <v>656</v>
      </c>
      <c r="H545">
        <v>2</v>
      </c>
      <c r="I545">
        <v>2020</v>
      </c>
    </row>
    <row r="546" spans="1:9" x14ac:dyDescent="0.25">
      <c r="A546">
        <v>661</v>
      </c>
      <c r="B546" t="s">
        <v>3564</v>
      </c>
      <c r="C546" t="s">
        <v>738</v>
      </c>
      <c r="D546">
        <v>61</v>
      </c>
      <c r="E546" t="s">
        <v>4193</v>
      </c>
      <c r="F546" t="s">
        <v>4189</v>
      </c>
      <c r="G546" t="s">
        <v>656</v>
      </c>
      <c r="H546">
        <v>2</v>
      </c>
      <c r="I546">
        <v>2020</v>
      </c>
    </row>
    <row r="547" spans="1:9" x14ac:dyDescent="0.25">
      <c r="A547">
        <v>662</v>
      </c>
      <c r="B547" t="s">
        <v>3563</v>
      </c>
      <c r="C547" t="s">
        <v>738</v>
      </c>
      <c r="D547">
        <v>61</v>
      </c>
      <c r="E547" t="s">
        <v>4193</v>
      </c>
      <c r="F547" t="s">
        <v>4189</v>
      </c>
      <c r="G547" t="s">
        <v>656</v>
      </c>
      <c r="H547">
        <v>2</v>
      </c>
      <c r="I547">
        <v>2020</v>
      </c>
    </row>
    <row r="548" spans="1:9" x14ac:dyDescent="0.25">
      <c r="A548">
        <v>663</v>
      </c>
      <c r="B548" t="s">
        <v>3562</v>
      </c>
      <c r="C548" t="s">
        <v>738</v>
      </c>
      <c r="D548">
        <v>61</v>
      </c>
      <c r="E548" t="s">
        <v>4193</v>
      </c>
      <c r="F548" t="s">
        <v>4189</v>
      </c>
      <c r="G548" t="s">
        <v>656</v>
      </c>
      <c r="H548">
        <v>2</v>
      </c>
      <c r="I548">
        <v>2020</v>
      </c>
    </row>
    <row r="549" spans="1:9" x14ac:dyDescent="0.25">
      <c r="A549">
        <v>664</v>
      </c>
      <c r="B549" t="s">
        <v>3561</v>
      </c>
      <c r="C549" t="s">
        <v>730</v>
      </c>
      <c r="D549">
        <v>66</v>
      </c>
      <c r="E549" t="s">
        <v>4193</v>
      </c>
      <c r="F549" t="s">
        <v>4189</v>
      </c>
      <c r="G549" t="s">
        <v>656</v>
      </c>
      <c r="H549">
        <v>2</v>
      </c>
      <c r="I549">
        <v>2020</v>
      </c>
    </row>
    <row r="550" spans="1:9" x14ac:dyDescent="0.25">
      <c r="A550">
        <v>665</v>
      </c>
      <c r="B550" t="s">
        <v>3560</v>
      </c>
      <c r="C550" t="s">
        <v>730</v>
      </c>
      <c r="D550">
        <v>66</v>
      </c>
      <c r="E550" t="s">
        <v>4193</v>
      </c>
      <c r="F550" t="s">
        <v>4189</v>
      </c>
      <c r="G550" t="s">
        <v>656</v>
      </c>
      <c r="H550">
        <v>2</v>
      </c>
      <c r="I550">
        <v>2020</v>
      </c>
    </row>
    <row r="551" spans="1:9" x14ac:dyDescent="0.25">
      <c r="A551">
        <v>666</v>
      </c>
      <c r="B551" t="s">
        <v>3559</v>
      </c>
      <c r="C551" t="s">
        <v>730</v>
      </c>
      <c r="D551">
        <v>66</v>
      </c>
      <c r="E551" t="s">
        <v>4193</v>
      </c>
      <c r="F551" t="s">
        <v>4189</v>
      </c>
      <c r="G551" t="s">
        <v>656</v>
      </c>
      <c r="H551">
        <v>2</v>
      </c>
      <c r="I551">
        <v>2020</v>
      </c>
    </row>
    <row r="552" spans="1:9" x14ac:dyDescent="0.25">
      <c r="A552">
        <v>667</v>
      </c>
      <c r="B552" t="s">
        <v>3558</v>
      </c>
      <c r="C552" t="s">
        <v>730</v>
      </c>
      <c r="D552">
        <v>66</v>
      </c>
      <c r="E552" t="s">
        <v>4193</v>
      </c>
      <c r="F552" t="s">
        <v>4189</v>
      </c>
      <c r="G552" t="s">
        <v>656</v>
      </c>
      <c r="H552">
        <v>2</v>
      </c>
      <c r="I552">
        <v>2020</v>
      </c>
    </row>
    <row r="553" spans="1:9" x14ac:dyDescent="0.25">
      <c r="A553">
        <v>668</v>
      </c>
      <c r="B553" t="s">
        <v>3557</v>
      </c>
      <c r="C553" t="s">
        <v>730</v>
      </c>
      <c r="D553">
        <v>66</v>
      </c>
      <c r="E553" t="s">
        <v>4193</v>
      </c>
      <c r="F553" t="s">
        <v>4189</v>
      </c>
      <c r="G553" t="s">
        <v>656</v>
      </c>
      <c r="H553">
        <v>2</v>
      </c>
      <c r="I553">
        <v>2020</v>
      </c>
    </row>
    <row r="554" spans="1:9" x14ac:dyDescent="0.25">
      <c r="A554">
        <v>669</v>
      </c>
      <c r="B554" t="s">
        <v>3556</v>
      </c>
      <c r="C554" t="s">
        <v>730</v>
      </c>
      <c r="D554">
        <v>66</v>
      </c>
      <c r="E554" t="s">
        <v>4193</v>
      </c>
      <c r="F554" t="s">
        <v>4189</v>
      </c>
      <c r="G554" t="s">
        <v>656</v>
      </c>
      <c r="H554">
        <v>2</v>
      </c>
      <c r="I554">
        <v>2020</v>
      </c>
    </row>
    <row r="555" spans="1:9" x14ac:dyDescent="0.25">
      <c r="A555">
        <v>670</v>
      </c>
      <c r="B555" t="s">
        <v>3555</v>
      </c>
      <c r="C555" t="s">
        <v>730</v>
      </c>
      <c r="D555">
        <v>66</v>
      </c>
      <c r="E555" t="s">
        <v>4193</v>
      </c>
      <c r="F555" t="s">
        <v>4189</v>
      </c>
      <c r="G555" t="s">
        <v>656</v>
      </c>
      <c r="H555">
        <v>2</v>
      </c>
      <c r="I555">
        <v>2020</v>
      </c>
    </row>
    <row r="556" spans="1:9" x14ac:dyDescent="0.25">
      <c r="A556">
        <v>673</v>
      </c>
      <c r="B556" t="s">
        <v>3552</v>
      </c>
      <c r="C556" t="s">
        <v>730</v>
      </c>
      <c r="D556">
        <v>66</v>
      </c>
      <c r="E556" t="s">
        <v>4193</v>
      </c>
      <c r="F556" t="s">
        <v>4189</v>
      </c>
      <c r="G556" t="s">
        <v>656</v>
      </c>
      <c r="H556">
        <v>2</v>
      </c>
      <c r="I556">
        <v>2020</v>
      </c>
    </row>
    <row r="557" spans="1:9" x14ac:dyDescent="0.25">
      <c r="A557">
        <v>674</v>
      </c>
      <c r="B557" t="s">
        <v>3551</v>
      </c>
      <c r="C557" t="s">
        <v>730</v>
      </c>
      <c r="D557">
        <v>66</v>
      </c>
      <c r="E557" t="s">
        <v>4193</v>
      </c>
      <c r="F557" t="s">
        <v>4189</v>
      </c>
      <c r="G557" t="s">
        <v>656</v>
      </c>
      <c r="H557">
        <v>2</v>
      </c>
      <c r="I557">
        <v>2020</v>
      </c>
    </row>
    <row r="558" spans="1:9" x14ac:dyDescent="0.25">
      <c r="A558">
        <v>675</v>
      </c>
      <c r="B558" t="s">
        <v>3550</v>
      </c>
      <c r="C558" t="s">
        <v>730</v>
      </c>
      <c r="D558">
        <v>66</v>
      </c>
      <c r="E558" t="s">
        <v>4193</v>
      </c>
      <c r="F558" t="s">
        <v>4189</v>
      </c>
      <c r="G558" t="s">
        <v>656</v>
      </c>
      <c r="H558">
        <v>2</v>
      </c>
      <c r="I558">
        <v>2020</v>
      </c>
    </row>
    <row r="559" spans="1:9" x14ac:dyDescent="0.25">
      <c r="A559">
        <v>3837</v>
      </c>
      <c r="B559" t="s">
        <v>4240</v>
      </c>
      <c r="C559" t="s">
        <v>730</v>
      </c>
      <c r="D559">
        <v>66</v>
      </c>
      <c r="E559" t="s">
        <v>4193</v>
      </c>
      <c r="F559" t="s">
        <v>4189</v>
      </c>
      <c r="G559" t="s">
        <v>656</v>
      </c>
      <c r="H559">
        <v>2</v>
      </c>
      <c r="I559">
        <v>2020</v>
      </c>
    </row>
    <row r="560" spans="1:9" x14ac:dyDescent="0.25">
      <c r="A560">
        <v>678</v>
      </c>
      <c r="B560" t="s">
        <v>3547</v>
      </c>
      <c r="C560" t="s">
        <v>730</v>
      </c>
      <c r="D560">
        <v>66</v>
      </c>
      <c r="E560" t="s">
        <v>4193</v>
      </c>
      <c r="F560" t="s">
        <v>4189</v>
      </c>
      <c r="G560" t="s">
        <v>656</v>
      </c>
      <c r="H560">
        <v>2</v>
      </c>
      <c r="I560">
        <v>2020</v>
      </c>
    </row>
    <row r="561" spans="1:9" x14ac:dyDescent="0.25">
      <c r="A561">
        <v>681</v>
      </c>
      <c r="B561" t="s">
        <v>3544</v>
      </c>
      <c r="C561" t="s">
        <v>716</v>
      </c>
      <c r="D561">
        <v>68</v>
      </c>
      <c r="E561" t="s">
        <v>4193</v>
      </c>
      <c r="F561" t="s">
        <v>4189</v>
      </c>
      <c r="G561" t="s">
        <v>656</v>
      </c>
      <c r="H561">
        <v>2</v>
      </c>
      <c r="I561">
        <v>2020</v>
      </c>
    </row>
    <row r="562" spans="1:9" x14ac:dyDescent="0.25">
      <c r="A562">
        <v>682</v>
      </c>
      <c r="B562" t="s">
        <v>3543</v>
      </c>
      <c r="C562" t="s">
        <v>716</v>
      </c>
      <c r="D562">
        <v>68</v>
      </c>
      <c r="E562" t="s">
        <v>4193</v>
      </c>
      <c r="F562" t="s">
        <v>4189</v>
      </c>
      <c r="G562" t="s">
        <v>656</v>
      </c>
      <c r="H562">
        <v>2</v>
      </c>
      <c r="I562">
        <v>2020</v>
      </c>
    </row>
    <row r="563" spans="1:9" x14ac:dyDescent="0.25">
      <c r="A563">
        <v>684</v>
      </c>
      <c r="B563" t="s">
        <v>3542</v>
      </c>
      <c r="C563" t="s">
        <v>691</v>
      </c>
      <c r="D563">
        <v>21</v>
      </c>
      <c r="E563" t="s">
        <v>691</v>
      </c>
      <c r="F563" t="s">
        <v>4177</v>
      </c>
      <c r="G563" t="s">
        <v>656</v>
      </c>
      <c r="H563">
        <v>2</v>
      </c>
      <c r="I563">
        <v>2020</v>
      </c>
    </row>
    <row r="564" spans="1:9" x14ac:dyDescent="0.25">
      <c r="A564">
        <v>686</v>
      </c>
      <c r="B564" t="s">
        <v>4241</v>
      </c>
      <c r="C564" t="s">
        <v>684</v>
      </c>
      <c r="D564">
        <v>22</v>
      </c>
      <c r="E564" t="s">
        <v>4178</v>
      </c>
      <c r="F564" t="s">
        <v>4177</v>
      </c>
      <c r="G564" t="s">
        <v>656</v>
      </c>
      <c r="H564">
        <v>2</v>
      </c>
      <c r="I564">
        <v>2020</v>
      </c>
    </row>
    <row r="565" spans="1:9" x14ac:dyDescent="0.25">
      <c r="A565">
        <v>687</v>
      </c>
      <c r="B565" t="s">
        <v>4242</v>
      </c>
      <c r="C565" t="s">
        <v>684</v>
      </c>
      <c r="D565">
        <v>22</v>
      </c>
      <c r="E565" t="s">
        <v>4178</v>
      </c>
      <c r="F565" t="s">
        <v>4177</v>
      </c>
      <c r="G565" t="s">
        <v>656</v>
      </c>
      <c r="H565">
        <v>2</v>
      </c>
      <c r="I565">
        <v>2020</v>
      </c>
    </row>
    <row r="566" spans="1:9" x14ac:dyDescent="0.25">
      <c r="A566">
        <v>688</v>
      </c>
      <c r="B566" t="s">
        <v>4243</v>
      </c>
      <c r="C566" t="s">
        <v>684</v>
      </c>
      <c r="D566">
        <v>22</v>
      </c>
      <c r="E566" t="s">
        <v>4178</v>
      </c>
      <c r="F566" t="s">
        <v>4177</v>
      </c>
      <c r="G566" t="s">
        <v>656</v>
      </c>
      <c r="H566">
        <v>2</v>
      </c>
      <c r="I566">
        <v>2020</v>
      </c>
    </row>
    <row r="567" spans="1:9" x14ac:dyDescent="0.25">
      <c r="A567">
        <v>689</v>
      </c>
      <c r="B567" t="s">
        <v>3540</v>
      </c>
      <c r="C567" t="s">
        <v>684</v>
      </c>
      <c r="D567">
        <v>22</v>
      </c>
      <c r="E567" t="s">
        <v>4178</v>
      </c>
      <c r="F567" t="s">
        <v>4177</v>
      </c>
      <c r="G567" t="s">
        <v>656</v>
      </c>
      <c r="H567">
        <v>2</v>
      </c>
      <c r="I567">
        <v>2020</v>
      </c>
    </row>
    <row r="568" spans="1:9" x14ac:dyDescent="0.25">
      <c r="A568">
        <v>690</v>
      </c>
      <c r="B568" t="s">
        <v>4244</v>
      </c>
      <c r="C568" t="s">
        <v>705</v>
      </c>
      <c r="D568">
        <v>70</v>
      </c>
      <c r="E568" t="s">
        <v>4193</v>
      </c>
      <c r="F568" t="s">
        <v>4189</v>
      </c>
      <c r="G568" t="s">
        <v>656</v>
      </c>
      <c r="H568">
        <v>2</v>
      </c>
      <c r="I568">
        <v>2020</v>
      </c>
    </row>
    <row r="569" spans="1:9" x14ac:dyDescent="0.25">
      <c r="A569">
        <v>691</v>
      </c>
      <c r="B569" t="s">
        <v>4245</v>
      </c>
      <c r="C569" t="s">
        <v>705</v>
      </c>
      <c r="D569">
        <v>70</v>
      </c>
      <c r="E569" t="s">
        <v>4193</v>
      </c>
      <c r="F569" t="s">
        <v>4189</v>
      </c>
      <c r="G569" t="s">
        <v>656</v>
      </c>
      <c r="H569">
        <v>2</v>
      </c>
      <c r="I569">
        <v>2020</v>
      </c>
    </row>
    <row r="570" spans="1:9" x14ac:dyDescent="0.25">
      <c r="A570">
        <v>692</v>
      </c>
      <c r="B570" t="s">
        <v>3539</v>
      </c>
      <c r="C570" t="s">
        <v>705</v>
      </c>
      <c r="D570">
        <v>70</v>
      </c>
      <c r="E570" t="s">
        <v>4193</v>
      </c>
      <c r="F570" t="s">
        <v>4189</v>
      </c>
      <c r="G570" t="s">
        <v>656</v>
      </c>
      <c r="H570">
        <v>2</v>
      </c>
      <c r="I570">
        <v>2020</v>
      </c>
    </row>
    <row r="571" spans="1:9" x14ac:dyDescent="0.25">
      <c r="A571">
        <v>693</v>
      </c>
      <c r="B571" t="s">
        <v>890</v>
      </c>
      <c r="C571" t="s">
        <v>705</v>
      </c>
      <c r="D571">
        <v>70</v>
      </c>
      <c r="E571" t="s">
        <v>4193</v>
      </c>
      <c r="F571" t="s">
        <v>4189</v>
      </c>
      <c r="G571" t="s">
        <v>656</v>
      </c>
      <c r="H571">
        <v>2</v>
      </c>
      <c r="I571">
        <v>2020</v>
      </c>
    </row>
    <row r="572" spans="1:9" x14ac:dyDescent="0.25">
      <c r="A572">
        <v>694</v>
      </c>
      <c r="B572" t="s">
        <v>4246</v>
      </c>
      <c r="C572" t="s">
        <v>705</v>
      </c>
      <c r="D572">
        <v>70</v>
      </c>
      <c r="E572" t="s">
        <v>4193</v>
      </c>
      <c r="F572" t="s">
        <v>4189</v>
      </c>
      <c r="G572" t="s">
        <v>656</v>
      </c>
      <c r="H572">
        <v>2</v>
      </c>
      <c r="I572">
        <v>2020</v>
      </c>
    </row>
    <row r="573" spans="1:9" x14ac:dyDescent="0.25">
      <c r="A573">
        <v>696</v>
      </c>
      <c r="B573" t="s">
        <v>3537</v>
      </c>
      <c r="C573" t="s">
        <v>705</v>
      </c>
      <c r="D573">
        <v>70</v>
      </c>
      <c r="E573" t="s">
        <v>4193</v>
      </c>
      <c r="F573" t="s">
        <v>4189</v>
      </c>
      <c r="G573" t="s">
        <v>656</v>
      </c>
      <c r="H573">
        <v>2</v>
      </c>
      <c r="I573">
        <v>2020</v>
      </c>
    </row>
    <row r="574" spans="1:9" x14ac:dyDescent="0.25">
      <c r="A574">
        <v>697</v>
      </c>
      <c r="B574" t="s">
        <v>3536</v>
      </c>
      <c r="C574" t="s">
        <v>705</v>
      </c>
      <c r="D574">
        <v>70</v>
      </c>
      <c r="E574" t="s">
        <v>4193</v>
      </c>
      <c r="F574" t="s">
        <v>4189</v>
      </c>
      <c r="G574" t="s">
        <v>656</v>
      </c>
      <c r="H574">
        <v>2</v>
      </c>
      <c r="I574">
        <v>2020</v>
      </c>
    </row>
    <row r="575" spans="1:9" x14ac:dyDescent="0.25">
      <c r="A575">
        <v>698</v>
      </c>
      <c r="B575" t="s">
        <v>4247</v>
      </c>
      <c r="C575" t="s">
        <v>705</v>
      </c>
      <c r="D575">
        <v>70</v>
      </c>
      <c r="E575" t="s">
        <v>4193</v>
      </c>
      <c r="F575" t="s">
        <v>4189</v>
      </c>
      <c r="G575" t="s">
        <v>656</v>
      </c>
      <c r="H575">
        <v>2</v>
      </c>
      <c r="I575">
        <v>2020</v>
      </c>
    </row>
    <row r="576" spans="1:9" x14ac:dyDescent="0.25">
      <c r="A576">
        <v>699</v>
      </c>
      <c r="B576" t="s">
        <v>3535</v>
      </c>
      <c r="C576" t="s">
        <v>705</v>
      </c>
      <c r="D576">
        <v>70</v>
      </c>
      <c r="E576" t="s">
        <v>4193</v>
      </c>
      <c r="F576" t="s">
        <v>4189</v>
      </c>
      <c r="G576" t="s">
        <v>656</v>
      </c>
      <c r="H576">
        <v>2</v>
      </c>
      <c r="I576">
        <v>2020</v>
      </c>
    </row>
    <row r="577" spans="1:9" x14ac:dyDescent="0.25">
      <c r="A577">
        <v>700</v>
      </c>
      <c r="B577" t="s">
        <v>3534</v>
      </c>
      <c r="C577" t="s">
        <v>705</v>
      </c>
      <c r="D577">
        <v>70</v>
      </c>
      <c r="E577" t="s">
        <v>4193</v>
      </c>
      <c r="F577" t="s">
        <v>4189</v>
      </c>
      <c r="G577" t="s">
        <v>656</v>
      </c>
      <c r="H577">
        <v>2</v>
      </c>
      <c r="I577">
        <v>2020</v>
      </c>
    </row>
    <row r="578" spans="1:9" x14ac:dyDescent="0.25">
      <c r="A578">
        <v>701</v>
      </c>
      <c r="B578" t="s">
        <v>2738</v>
      </c>
      <c r="C578" t="s">
        <v>1022</v>
      </c>
      <c r="D578">
        <v>85</v>
      </c>
      <c r="E578" t="s">
        <v>1080</v>
      </c>
      <c r="F578" t="s">
        <v>4189</v>
      </c>
      <c r="G578" t="s">
        <v>656</v>
      </c>
      <c r="H578">
        <v>2</v>
      </c>
      <c r="I578">
        <v>2020</v>
      </c>
    </row>
    <row r="579" spans="1:9" x14ac:dyDescent="0.25">
      <c r="A579">
        <v>702</v>
      </c>
      <c r="B579" t="s">
        <v>2739</v>
      </c>
      <c r="C579" t="s">
        <v>1022</v>
      </c>
      <c r="D579">
        <v>85</v>
      </c>
      <c r="E579" t="s">
        <v>1080</v>
      </c>
      <c r="F579" t="s">
        <v>4189</v>
      </c>
      <c r="G579" t="s">
        <v>656</v>
      </c>
      <c r="H579">
        <v>2</v>
      </c>
      <c r="I579">
        <v>2020</v>
      </c>
    </row>
    <row r="580" spans="1:9" x14ac:dyDescent="0.25">
      <c r="A580">
        <v>703</v>
      </c>
      <c r="B580" t="s">
        <v>3533</v>
      </c>
      <c r="C580" t="s">
        <v>1022</v>
      </c>
      <c r="D580">
        <v>85</v>
      </c>
      <c r="E580" t="s">
        <v>1080</v>
      </c>
      <c r="F580" t="s">
        <v>4189</v>
      </c>
      <c r="G580" t="s">
        <v>656</v>
      </c>
      <c r="H580">
        <v>2</v>
      </c>
      <c r="I580">
        <v>2020</v>
      </c>
    </row>
    <row r="581" spans="1:9" x14ac:dyDescent="0.25">
      <c r="A581">
        <v>704</v>
      </c>
      <c r="B581" t="s">
        <v>3532</v>
      </c>
      <c r="C581" t="s">
        <v>1022</v>
      </c>
      <c r="D581">
        <v>85</v>
      </c>
      <c r="E581" t="s">
        <v>1080</v>
      </c>
      <c r="F581" t="s">
        <v>4189</v>
      </c>
      <c r="G581" t="s">
        <v>656</v>
      </c>
      <c r="H581">
        <v>2</v>
      </c>
      <c r="I581">
        <v>2020</v>
      </c>
    </row>
    <row r="582" spans="1:9" x14ac:dyDescent="0.25">
      <c r="A582">
        <v>705</v>
      </c>
      <c r="B582" t="s">
        <v>3531</v>
      </c>
      <c r="C582" t="s">
        <v>1022</v>
      </c>
      <c r="D582">
        <v>85</v>
      </c>
      <c r="E582" t="s">
        <v>1080</v>
      </c>
      <c r="F582" t="s">
        <v>4189</v>
      </c>
      <c r="G582" t="s">
        <v>656</v>
      </c>
      <c r="H582">
        <v>2</v>
      </c>
      <c r="I582">
        <v>2020</v>
      </c>
    </row>
    <row r="583" spans="1:9" x14ac:dyDescent="0.25">
      <c r="A583">
        <v>706</v>
      </c>
      <c r="B583" t="s">
        <v>3530</v>
      </c>
      <c r="C583" t="s">
        <v>1022</v>
      </c>
      <c r="D583">
        <v>85</v>
      </c>
      <c r="E583" t="s">
        <v>1080</v>
      </c>
      <c r="F583" t="s">
        <v>4189</v>
      </c>
      <c r="G583" t="s">
        <v>656</v>
      </c>
      <c r="H583">
        <v>2</v>
      </c>
      <c r="I583">
        <v>2020</v>
      </c>
    </row>
    <row r="584" spans="1:9" x14ac:dyDescent="0.25">
      <c r="A584">
        <v>707</v>
      </c>
      <c r="B584" t="s">
        <v>2732</v>
      </c>
      <c r="C584" t="s">
        <v>1022</v>
      </c>
      <c r="D584">
        <v>85</v>
      </c>
      <c r="E584" t="s">
        <v>1080</v>
      </c>
      <c r="F584" t="s">
        <v>4189</v>
      </c>
      <c r="G584" t="s">
        <v>656</v>
      </c>
      <c r="H584">
        <v>2</v>
      </c>
      <c r="I584">
        <v>2020</v>
      </c>
    </row>
    <row r="585" spans="1:9" x14ac:dyDescent="0.25">
      <c r="A585">
        <v>708</v>
      </c>
      <c r="B585" t="s">
        <v>3529</v>
      </c>
      <c r="C585" t="s">
        <v>1022</v>
      </c>
      <c r="D585">
        <v>85</v>
      </c>
      <c r="E585" t="s">
        <v>1080</v>
      </c>
      <c r="F585" t="s">
        <v>4189</v>
      </c>
      <c r="G585" t="s">
        <v>656</v>
      </c>
      <c r="H585">
        <v>2</v>
      </c>
      <c r="I585">
        <v>2020</v>
      </c>
    </row>
    <row r="586" spans="1:9" x14ac:dyDescent="0.25">
      <c r="A586">
        <v>709</v>
      </c>
      <c r="B586" t="s">
        <v>3528</v>
      </c>
      <c r="C586" t="s">
        <v>1022</v>
      </c>
      <c r="D586">
        <v>85</v>
      </c>
      <c r="E586" t="s">
        <v>1080</v>
      </c>
      <c r="F586" t="s">
        <v>4189</v>
      </c>
      <c r="G586" t="s">
        <v>656</v>
      </c>
      <c r="H586">
        <v>2</v>
      </c>
      <c r="I586">
        <v>2020</v>
      </c>
    </row>
    <row r="587" spans="1:9" x14ac:dyDescent="0.25">
      <c r="A587">
        <v>710</v>
      </c>
      <c r="B587" t="s">
        <v>3134</v>
      </c>
      <c r="C587" t="s">
        <v>1022</v>
      </c>
      <c r="D587">
        <v>85</v>
      </c>
      <c r="E587" t="s">
        <v>1080</v>
      </c>
      <c r="F587" t="s">
        <v>4189</v>
      </c>
      <c r="G587" t="s">
        <v>656</v>
      </c>
      <c r="H587">
        <v>2</v>
      </c>
      <c r="I587">
        <v>2020</v>
      </c>
    </row>
    <row r="588" spans="1:9" x14ac:dyDescent="0.25">
      <c r="A588">
        <v>711</v>
      </c>
      <c r="B588" t="s">
        <v>2737</v>
      </c>
      <c r="C588" t="s">
        <v>1022</v>
      </c>
      <c r="D588">
        <v>85</v>
      </c>
      <c r="E588" t="s">
        <v>1080</v>
      </c>
      <c r="F588" t="s">
        <v>4189</v>
      </c>
      <c r="G588" t="s">
        <v>656</v>
      </c>
      <c r="H588">
        <v>2</v>
      </c>
      <c r="I588">
        <v>2020</v>
      </c>
    </row>
    <row r="589" spans="1:9" x14ac:dyDescent="0.25">
      <c r="A589">
        <v>712</v>
      </c>
      <c r="B589" t="s">
        <v>3527</v>
      </c>
      <c r="C589" t="s">
        <v>1022</v>
      </c>
      <c r="D589">
        <v>85</v>
      </c>
      <c r="E589" t="s">
        <v>1080</v>
      </c>
      <c r="F589" t="s">
        <v>4189</v>
      </c>
      <c r="G589" t="s">
        <v>656</v>
      </c>
      <c r="H589">
        <v>2</v>
      </c>
      <c r="I589">
        <v>2020</v>
      </c>
    </row>
    <row r="590" spans="1:9" x14ac:dyDescent="0.25">
      <c r="A590">
        <v>713</v>
      </c>
      <c r="B590" t="s">
        <v>3526</v>
      </c>
      <c r="C590" t="s">
        <v>1022</v>
      </c>
      <c r="D590">
        <v>85</v>
      </c>
      <c r="E590" t="s">
        <v>1080</v>
      </c>
      <c r="F590" t="s">
        <v>4189</v>
      </c>
      <c r="G590" t="s">
        <v>656</v>
      </c>
      <c r="H590">
        <v>2</v>
      </c>
      <c r="I590">
        <v>2020</v>
      </c>
    </row>
    <row r="591" spans="1:9" x14ac:dyDescent="0.25">
      <c r="A591">
        <v>714</v>
      </c>
      <c r="B591" t="s">
        <v>3525</v>
      </c>
      <c r="C591" t="s">
        <v>1022</v>
      </c>
      <c r="D591">
        <v>85</v>
      </c>
      <c r="E591" t="s">
        <v>1080</v>
      </c>
      <c r="F591" t="s">
        <v>4189</v>
      </c>
      <c r="G591" t="s">
        <v>656</v>
      </c>
      <c r="H591">
        <v>2</v>
      </c>
      <c r="I591">
        <v>2020</v>
      </c>
    </row>
    <row r="592" spans="1:9" x14ac:dyDescent="0.25">
      <c r="A592">
        <v>715</v>
      </c>
      <c r="B592" t="s">
        <v>3524</v>
      </c>
      <c r="C592" t="s">
        <v>1022</v>
      </c>
      <c r="D592">
        <v>85</v>
      </c>
      <c r="E592" t="s">
        <v>1080</v>
      </c>
      <c r="F592" t="s">
        <v>4189</v>
      </c>
      <c r="G592" t="s">
        <v>656</v>
      </c>
      <c r="H592">
        <v>2</v>
      </c>
      <c r="I592">
        <v>2020</v>
      </c>
    </row>
    <row r="593" spans="1:9" x14ac:dyDescent="0.25">
      <c r="A593">
        <v>716</v>
      </c>
      <c r="B593" t="s">
        <v>3523</v>
      </c>
      <c r="C593" t="s">
        <v>1022</v>
      </c>
      <c r="D593">
        <v>85</v>
      </c>
      <c r="E593" t="s">
        <v>1080</v>
      </c>
      <c r="F593" t="s">
        <v>4189</v>
      </c>
      <c r="G593" t="s">
        <v>656</v>
      </c>
      <c r="H593">
        <v>2</v>
      </c>
      <c r="I593">
        <v>2020</v>
      </c>
    </row>
    <row r="594" spans="1:9" x14ac:dyDescent="0.25">
      <c r="A594">
        <v>717</v>
      </c>
      <c r="B594" t="s">
        <v>3522</v>
      </c>
      <c r="C594" t="s">
        <v>730</v>
      </c>
      <c r="D594">
        <v>66</v>
      </c>
      <c r="E594" t="s">
        <v>4193</v>
      </c>
      <c r="F594" t="s">
        <v>4189</v>
      </c>
      <c r="G594" t="s">
        <v>656</v>
      </c>
      <c r="H594">
        <v>2</v>
      </c>
      <c r="I594">
        <v>2020</v>
      </c>
    </row>
    <row r="595" spans="1:9" x14ac:dyDescent="0.25">
      <c r="A595">
        <v>718</v>
      </c>
      <c r="B595" t="s">
        <v>3521</v>
      </c>
      <c r="C595" t="s">
        <v>738</v>
      </c>
      <c r="D595">
        <v>61</v>
      </c>
      <c r="E595" t="s">
        <v>4193</v>
      </c>
      <c r="F595" t="s">
        <v>4189</v>
      </c>
      <c r="G595" t="s">
        <v>656</v>
      </c>
      <c r="H595">
        <v>2</v>
      </c>
      <c r="I595">
        <v>2020</v>
      </c>
    </row>
    <row r="596" spans="1:9" x14ac:dyDescent="0.25">
      <c r="A596">
        <v>720</v>
      </c>
      <c r="B596" t="s">
        <v>3519</v>
      </c>
      <c r="C596" t="s">
        <v>738</v>
      </c>
      <c r="D596">
        <v>61</v>
      </c>
      <c r="E596" t="s">
        <v>4193</v>
      </c>
      <c r="F596" t="s">
        <v>4189</v>
      </c>
      <c r="G596" t="s">
        <v>656</v>
      </c>
      <c r="H596">
        <v>2</v>
      </c>
      <c r="I596">
        <v>2020</v>
      </c>
    </row>
    <row r="597" spans="1:9" x14ac:dyDescent="0.25">
      <c r="A597">
        <v>721</v>
      </c>
      <c r="B597" t="s">
        <v>3518</v>
      </c>
      <c r="C597" t="s">
        <v>1182</v>
      </c>
      <c r="D597">
        <v>46</v>
      </c>
      <c r="E597" t="s">
        <v>4194</v>
      </c>
      <c r="F597" t="s">
        <v>4189</v>
      </c>
      <c r="G597" t="s">
        <v>656</v>
      </c>
      <c r="H597">
        <v>2</v>
      </c>
      <c r="I597">
        <v>2020</v>
      </c>
    </row>
    <row r="598" spans="1:9" x14ac:dyDescent="0.25">
      <c r="A598">
        <v>722</v>
      </c>
      <c r="B598" t="s">
        <v>3517</v>
      </c>
      <c r="C598" t="s">
        <v>1182</v>
      </c>
      <c r="D598">
        <v>46</v>
      </c>
      <c r="E598" t="s">
        <v>4194</v>
      </c>
      <c r="F598" t="s">
        <v>4189</v>
      </c>
      <c r="G598" t="s">
        <v>656</v>
      </c>
      <c r="H598">
        <v>2</v>
      </c>
      <c r="I598">
        <v>2020</v>
      </c>
    </row>
    <row r="599" spans="1:9" x14ac:dyDescent="0.25">
      <c r="A599">
        <v>723</v>
      </c>
      <c r="B599" t="s">
        <v>3516</v>
      </c>
      <c r="C599" t="s">
        <v>1182</v>
      </c>
      <c r="D599">
        <v>46</v>
      </c>
      <c r="E599" t="s">
        <v>4194</v>
      </c>
      <c r="F599" t="s">
        <v>4189</v>
      </c>
      <c r="G599" t="s">
        <v>656</v>
      </c>
      <c r="H599">
        <v>2</v>
      </c>
      <c r="I599">
        <v>2020</v>
      </c>
    </row>
    <row r="600" spans="1:9" x14ac:dyDescent="0.25">
      <c r="A600">
        <v>724</v>
      </c>
      <c r="B600" t="s">
        <v>2641</v>
      </c>
      <c r="C600" t="s">
        <v>1182</v>
      </c>
      <c r="D600">
        <v>46</v>
      </c>
      <c r="E600" t="s">
        <v>4194</v>
      </c>
      <c r="F600" t="s">
        <v>4189</v>
      </c>
      <c r="G600" t="s">
        <v>656</v>
      </c>
      <c r="H600">
        <v>2</v>
      </c>
      <c r="I600">
        <v>2020</v>
      </c>
    </row>
    <row r="601" spans="1:9" x14ac:dyDescent="0.25">
      <c r="A601">
        <v>725</v>
      </c>
      <c r="B601" t="s">
        <v>906</v>
      </c>
      <c r="C601" t="s">
        <v>684</v>
      </c>
      <c r="D601">
        <v>22</v>
      </c>
      <c r="E601" t="s">
        <v>4178</v>
      </c>
      <c r="F601" t="s">
        <v>4177</v>
      </c>
      <c r="G601" t="s">
        <v>656</v>
      </c>
      <c r="H601">
        <v>2</v>
      </c>
      <c r="I601">
        <v>2020</v>
      </c>
    </row>
    <row r="602" spans="1:9" x14ac:dyDescent="0.25">
      <c r="A602">
        <v>726</v>
      </c>
      <c r="B602" t="s">
        <v>3515</v>
      </c>
      <c r="C602" t="s">
        <v>684</v>
      </c>
      <c r="D602">
        <v>22</v>
      </c>
      <c r="E602" t="s">
        <v>4178</v>
      </c>
      <c r="F602" t="s">
        <v>4177</v>
      </c>
      <c r="G602" t="s">
        <v>656</v>
      </c>
      <c r="H602">
        <v>2</v>
      </c>
      <c r="I602">
        <v>2020</v>
      </c>
    </row>
    <row r="603" spans="1:9" x14ac:dyDescent="0.25">
      <c r="A603">
        <v>727</v>
      </c>
      <c r="B603" t="s">
        <v>3514</v>
      </c>
      <c r="C603" t="s">
        <v>663</v>
      </c>
      <c r="D603">
        <v>99</v>
      </c>
      <c r="E603" t="s">
        <v>663</v>
      </c>
      <c r="F603" t="s">
        <v>4171</v>
      </c>
      <c r="G603" t="s">
        <v>656</v>
      </c>
      <c r="H603">
        <v>2</v>
      </c>
      <c r="I603">
        <v>2020</v>
      </c>
    </row>
    <row r="604" spans="1:9" x14ac:dyDescent="0.25">
      <c r="A604">
        <v>728</v>
      </c>
      <c r="B604" t="s">
        <v>3513</v>
      </c>
      <c r="C604" t="s">
        <v>1512</v>
      </c>
      <c r="D604">
        <v>37</v>
      </c>
      <c r="E604" t="s">
        <v>4184</v>
      </c>
      <c r="F604" t="s">
        <v>4171</v>
      </c>
      <c r="G604" t="s">
        <v>656</v>
      </c>
      <c r="H604">
        <v>2</v>
      </c>
      <c r="I604">
        <v>2020</v>
      </c>
    </row>
    <row r="605" spans="1:9" x14ac:dyDescent="0.25">
      <c r="A605">
        <v>729</v>
      </c>
      <c r="B605" t="s">
        <v>3512</v>
      </c>
      <c r="C605" t="s">
        <v>1512</v>
      </c>
      <c r="D605">
        <v>37</v>
      </c>
      <c r="E605" t="s">
        <v>4184</v>
      </c>
      <c r="F605" t="s">
        <v>4171</v>
      </c>
      <c r="G605" t="s">
        <v>656</v>
      </c>
      <c r="H605">
        <v>2</v>
      </c>
      <c r="I605">
        <v>2020</v>
      </c>
    </row>
    <row r="606" spans="1:9" x14ac:dyDescent="0.25">
      <c r="A606">
        <v>730</v>
      </c>
      <c r="B606" t="s">
        <v>3511</v>
      </c>
      <c r="C606" t="s">
        <v>1512</v>
      </c>
      <c r="D606">
        <v>37</v>
      </c>
      <c r="E606" t="s">
        <v>4184</v>
      </c>
      <c r="F606" t="s">
        <v>4171</v>
      </c>
      <c r="G606" t="s">
        <v>656</v>
      </c>
      <c r="H606">
        <v>2</v>
      </c>
      <c r="I606">
        <v>2020</v>
      </c>
    </row>
    <row r="607" spans="1:9" x14ac:dyDescent="0.25">
      <c r="A607">
        <v>731</v>
      </c>
      <c r="B607" t="s">
        <v>3510</v>
      </c>
      <c r="C607" t="s">
        <v>1512</v>
      </c>
      <c r="D607">
        <v>37</v>
      </c>
      <c r="E607" t="s">
        <v>4184</v>
      </c>
      <c r="F607" t="s">
        <v>4171</v>
      </c>
      <c r="G607" t="s">
        <v>656</v>
      </c>
      <c r="H607">
        <v>2</v>
      </c>
      <c r="I607">
        <v>2020</v>
      </c>
    </row>
    <row r="608" spans="1:9" x14ac:dyDescent="0.25">
      <c r="A608">
        <v>732</v>
      </c>
      <c r="B608" t="s">
        <v>3509</v>
      </c>
      <c r="C608" t="s">
        <v>1512</v>
      </c>
      <c r="D608">
        <v>37</v>
      </c>
      <c r="E608" t="s">
        <v>4184</v>
      </c>
      <c r="F608" t="s">
        <v>4171</v>
      </c>
      <c r="G608" t="s">
        <v>656</v>
      </c>
      <c r="H608">
        <v>2</v>
      </c>
      <c r="I608">
        <v>2020</v>
      </c>
    </row>
    <row r="609" spans="1:9" x14ac:dyDescent="0.25">
      <c r="A609">
        <v>733</v>
      </c>
      <c r="B609" t="s">
        <v>3508</v>
      </c>
      <c r="C609" t="s">
        <v>1512</v>
      </c>
      <c r="D609">
        <v>37</v>
      </c>
      <c r="E609" t="s">
        <v>4184</v>
      </c>
      <c r="F609" t="s">
        <v>4171</v>
      </c>
      <c r="G609" t="s">
        <v>656</v>
      </c>
      <c r="H609">
        <v>2</v>
      </c>
      <c r="I609">
        <v>2020</v>
      </c>
    </row>
    <row r="610" spans="1:9" x14ac:dyDescent="0.25">
      <c r="A610">
        <v>734</v>
      </c>
      <c r="B610" t="s">
        <v>3507</v>
      </c>
      <c r="C610" t="s">
        <v>909</v>
      </c>
      <c r="D610">
        <v>39</v>
      </c>
      <c r="E610" t="s">
        <v>4188</v>
      </c>
      <c r="F610" t="s">
        <v>4189</v>
      </c>
      <c r="G610" t="s">
        <v>656</v>
      </c>
      <c r="H610">
        <v>2</v>
      </c>
      <c r="I610">
        <v>2020</v>
      </c>
    </row>
    <row r="611" spans="1:9" x14ac:dyDescent="0.25">
      <c r="A611">
        <v>735</v>
      </c>
      <c r="B611" t="s">
        <v>3506</v>
      </c>
      <c r="C611" t="s">
        <v>909</v>
      </c>
      <c r="D611">
        <v>39</v>
      </c>
      <c r="E611" t="s">
        <v>4188</v>
      </c>
      <c r="F611" t="s">
        <v>4189</v>
      </c>
      <c r="G611" t="s">
        <v>656</v>
      </c>
      <c r="H611">
        <v>2</v>
      </c>
      <c r="I611">
        <v>2020</v>
      </c>
    </row>
    <row r="612" spans="1:9" x14ac:dyDescent="0.25">
      <c r="A612">
        <v>736</v>
      </c>
      <c r="B612" t="s">
        <v>3505</v>
      </c>
      <c r="C612" t="s">
        <v>909</v>
      </c>
      <c r="D612">
        <v>39</v>
      </c>
      <c r="E612" t="s">
        <v>4188</v>
      </c>
      <c r="F612" t="s">
        <v>4189</v>
      </c>
      <c r="G612" t="s">
        <v>656</v>
      </c>
      <c r="H612">
        <v>2</v>
      </c>
      <c r="I612">
        <v>2020</v>
      </c>
    </row>
    <row r="613" spans="1:9" x14ac:dyDescent="0.25">
      <c r="A613">
        <v>737</v>
      </c>
      <c r="B613" t="s">
        <v>4248</v>
      </c>
      <c r="C613" t="s">
        <v>909</v>
      </c>
      <c r="D613">
        <v>39</v>
      </c>
      <c r="E613" t="s">
        <v>4188</v>
      </c>
      <c r="F613" t="s">
        <v>4189</v>
      </c>
      <c r="G613" t="s">
        <v>656</v>
      </c>
      <c r="H613">
        <v>2</v>
      </c>
      <c r="I613">
        <v>2020</v>
      </c>
    </row>
    <row r="614" spans="1:9" x14ac:dyDescent="0.25">
      <c r="A614">
        <v>738</v>
      </c>
      <c r="B614" t="s">
        <v>3504</v>
      </c>
      <c r="C614" t="s">
        <v>909</v>
      </c>
      <c r="D614">
        <v>39</v>
      </c>
      <c r="E614" t="s">
        <v>4188</v>
      </c>
      <c r="F614" t="s">
        <v>4189</v>
      </c>
      <c r="G614" t="s">
        <v>656</v>
      </c>
      <c r="H614">
        <v>2</v>
      </c>
      <c r="I614">
        <v>2020</v>
      </c>
    </row>
    <row r="615" spans="1:9" x14ac:dyDescent="0.25">
      <c r="A615">
        <v>739</v>
      </c>
      <c r="B615" t="s">
        <v>3503</v>
      </c>
      <c r="C615" t="s">
        <v>909</v>
      </c>
      <c r="D615">
        <v>39</v>
      </c>
      <c r="E615" t="s">
        <v>4188</v>
      </c>
      <c r="F615" t="s">
        <v>4189</v>
      </c>
      <c r="G615" t="s">
        <v>656</v>
      </c>
      <c r="H615">
        <v>2</v>
      </c>
      <c r="I615">
        <v>2020</v>
      </c>
    </row>
    <row r="616" spans="1:9" x14ac:dyDescent="0.25">
      <c r="A616">
        <v>740</v>
      </c>
      <c r="B616" t="s">
        <v>3502</v>
      </c>
      <c r="C616" t="s">
        <v>794</v>
      </c>
      <c r="D616">
        <v>40</v>
      </c>
      <c r="E616" t="s">
        <v>4188</v>
      </c>
      <c r="F616" t="s">
        <v>4189</v>
      </c>
      <c r="G616" t="s">
        <v>656</v>
      </c>
      <c r="H616">
        <v>2</v>
      </c>
      <c r="I616">
        <v>2020</v>
      </c>
    </row>
    <row r="617" spans="1:9" x14ac:dyDescent="0.25">
      <c r="A617">
        <v>741</v>
      </c>
      <c r="B617" t="s">
        <v>4249</v>
      </c>
      <c r="C617" t="s">
        <v>794</v>
      </c>
      <c r="D617">
        <v>40</v>
      </c>
      <c r="E617" t="s">
        <v>4188</v>
      </c>
      <c r="F617" t="s">
        <v>4189</v>
      </c>
      <c r="G617" t="s">
        <v>656</v>
      </c>
      <c r="H617">
        <v>2</v>
      </c>
      <c r="I617">
        <v>2020</v>
      </c>
    </row>
    <row r="618" spans="1:9" x14ac:dyDescent="0.25">
      <c r="A618">
        <v>742</v>
      </c>
      <c r="B618" t="s">
        <v>3501</v>
      </c>
      <c r="C618" t="s">
        <v>794</v>
      </c>
      <c r="D618">
        <v>40</v>
      </c>
      <c r="E618" t="s">
        <v>4188</v>
      </c>
      <c r="F618" t="s">
        <v>4189</v>
      </c>
      <c r="G618" t="s">
        <v>656</v>
      </c>
      <c r="H618">
        <v>2</v>
      </c>
      <c r="I618">
        <v>2020</v>
      </c>
    </row>
    <row r="619" spans="1:9" x14ac:dyDescent="0.25">
      <c r="A619">
        <v>743</v>
      </c>
      <c r="B619" t="s">
        <v>3500</v>
      </c>
      <c r="C619" t="s">
        <v>794</v>
      </c>
      <c r="D619">
        <v>40</v>
      </c>
      <c r="E619" t="s">
        <v>4188</v>
      </c>
      <c r="F619" t="s">
        <v>4189</v>
      </c>
      <c r="G619" t="s">
        <v>656</v>
      </c>
      <c r="H619">
        <v>2</v>
      </c>
      <c r="I619">
        <v>2020</v>
      </c>
    </row>
    <row r="620" spans="1:9" x14ac:dyDescent="0.25">
      <c r="A620">
        <v>744</v>
      </c>
      <c r="B620" t="s">
        <v>3499</v>
      </c>
      <c r="C620" t="s">
        <v>794</v>
      </c>
      <c r="D620">
        <v>40</v>
      </c>
      <c r="E620" t="s">
        <v>4188</v>
      </c>
      <c r="F620" t="s">
        <v>4189</v>
      </c>
      <c r="G620" t="s">
        <v>656</v>
      </c>
      <c r="H620">
        <v>2</v>
      </c>
      <c r="I620">
        <v>2020</v>
      </c>
    </row>
    <row r="621" spans="1:9" x14ac:dyDescent="0.25">
      <c r="A621">
        <v>745</v>
      </c>
      <c r="B621" t="s">
        <v>4250</v>
      </c>
      <c r="C621" t="s">
        <v>1219</v>
      </c>
      <c r="D621">
        <v>42</v>
      </c>
      <c r="E621" t="s">
        <v>4188</v>
      </c>
      <c r="F621" t="s">
        <v>4189</v>
      </c>
      <c r="G621" t="s">
        <v>656</v>
      </c>
      <c r="H621">
        <v>2</v>
      </c>
      <c r="I621">
        <v>2020</v>
      </c>
    </row>
    <row r="622" spans="1:9" x14ac:dyDescent="0.25">
      <c r="A622">
        <v>746</v>
      </c>
      <c r="B622" t="s">
        <v>3498</v>
      </c>
      <c r="C622" t="s">
        <v>880</v>
      </c>
      <c r="D622">
        <v>58</v>
      </c>
      <c r="E622" t="s">
        <v>4188</v>
      </c>
      <c r="F622" t="s">
        <v>4189</v>
      </c>
      <c r="G622" t="s">
        <v>656</v>
      </c>
      <c r="H622">
        <v>2</v>
      </c>
      <c r="I622">
        <v>2020</v>
      </c>
    </row>
    <row r="623" spans="1:9" x14ac:dyDescent="0.25">
      <c r="A623">
        <v>747</v>
      </c>
      <c r="B623" t="s">
        <v>1025</v>
      </c>
      <c r="C623" t="s">
        <v>880</v>
      </c>
      <c r="D623">
        <v>58</v>
      </c>
      <c r="E623" t="s">
        <v>4188</v>
      </c>
      <c r="F623" t="s">
        <v>4189</v>
      </c>
      <c r="G623" t="s">
        <v>656</v>
      </c>
      <c r="H623">
        <v>2</v>
      </c>
      <c r="I623">
        <v>2020</v>
      </c>
    </row>
    <row r="624" spans="1:9" x14ac:dyDescent="0.25">
      <c r="A624">
        <v>748</v>
      </c>
      <c r="B624" t="s">
        <v>3497</v>
      </c>
      <c r="C624" t="s">
        <v>880</v>
      </c>
      <c r="D624">
        <v>58</v>
      </c>
      <c r="E624" t="s">
        <v>4188</v>
      </c>
      <c r="F624" t="s">
        <v>4189</v>
      </c>
      <c r="G624" t="s">
        <v>656</v>
      </c>
      <c r="H624">
        <v>2</v>
      </c>
      <c r="I624">
        <v>2020</v>
      </c>
    </row>
    <row r="625" spans="1:9" x14ac:dyDescent="0.25">
      <c r="A625">
        <v>749</v>
      </c>
      <c r="B625" t="s">
        <v>3496</v>
      </c>
      <c r="C625" t="s">
        <v>880</v>
      </c>
      <c r="D625">
        <v>58</v>
      </c>
      <c r="E625" t="s">
        <v>4188</v>
      </c>
      <c r="F625" t="s">
        <v>4189</v>
      </c>
      <c r="G625" t="s">
        <v>656</v>
      </c>
      <c r="H625">
        <v>2</v>
      </c>
      <c r="I625">
        <v>2020</v>
      </c>
    </row>
    <row r="626" spans="1:9" x14ac:dyDescent="0.25">
      <c r="A626">
        <v>750</v>
      </c>
      <c r="B626" t="s">
        <v>3495</v>
      </c>
      <c r="C626" t="s">
        <v>848</v>
      </c>
      <c r="D626">
        <v>62</v>
      </c>
      <c r="E626" t="s">
        <v>4193</v>
      </c>
      <c r="F626" t="s">
        <v>4189</v>
      </c>
      <c r="G626" t="s">
        <v>656</v>
      </c>
      <c r="H626">
        <v>2</v>
      </c>
      <c r="I626">
        <v>2020</v>
      </c>
    </row>
    <row r="627" spans="1:9" x14ac:dyDescent="0.25">
      <c r="A627">
        <v>751</v>
      </c>
      <c r="B627" t="s">
        <v>3494</v>
      </c>
      <c r="C627" t="s">
        <v>848</v>
      </c>
      <c r="D627">
        <v>62</v>
      </c>
      <c r="E627" t="s">
        <v>4193</v>
      </c>
      <c r="F627" t="s">
        <v>4189</v>
      </c>
      <c r="G627" t="s">
        <v>656</v>
      </c>
      <c r="H627">
        <v>2</v>
      </c>
      <c r="I627">
        <v>2020</v>
      </c>
    </row>
    <row r="628" spans="1:9" x14ac:dyDescent="0.25">
      <c r="A628">
        <v>752</v>
      </c>
      <c r="B628" t="s">
        <v>4251</v>
      </c>
      <c r="C628" t="s">
        <v>851</v>
      </c>
      <c r="D628">
        <v>43</v>
      </c>
      <c r="E628" t="s">
        <v>4188</v>
      </c>
      <c r="F628" t="s">
        <v>4189</v>
      </c>
      <c r="G628" t="s">
        <v>656</v>
      </c>
      <c r="H628">
        <v>2</v>
      </c>
      <c r="I628">
        <v>2020</v>
      </c>
    </row>
    <row r="629" spans="1:9" x14ac:dyDescent="0.25">
      <c r="A629">
        <v>753</v>
      </c>
      <c r="B629" t="s">
        <v>3493</v>
      </c>
      <c r="C629" t="s">
        <v>851</v>
      </c>
      <c r="D629">
        <v>43</v>
      </c>
      <c r="E629" t="s">
        <v>4188</v>
      </c>
      <c r="F629" t="s">
        <v>4189</v>
      </c>
      <c r="G629" t="s">
        <v>656</v>
      </c>
      <c r="H629">
        <v>2</v>
      </c>
      <c r="I629">
        <v>2020</v>
      </c>
    </row>
    <row r="630" spans="1:9" x14ac:dyDescent="0.25">
      <c r="A630">
        <v>754</v>
      </c>
      <c r="B630" t="s">
        <v>3492</v>
      </c>
      <c r="C630" t="s">
        <v>851</v>
      </c>
      <c r="D630">
        <v>43</v>
      </c>
      <c r="E630" t="s">
        <v>4188</v>
      </c>
      <c r="F630" t="s">
        <v>4189</v>
      </c>
      <c r="G630" t="s">
        <v>656</v>
      </c>
      <c r="H630">
        <v>2</v>
      </c>
      <c r="I630">
        <v>2020</v>
      </c>
    </row>
    <row r="631" spans="1:9" x14ac:dyDescent="0.25">
      <c r="A631">
        <v>755</v>
      </c>
      <c r="B631" t="s">
        <v>3491</v>
      </c>
      <c r="C631" t="s">
        <v>851</v>
      </c>
      <c r="D631">
        <v>43</v>
      </c>
      <c r="E631" t="s">
        <v>4188</v>
      </c>
      <c r="F631" t="s">
        <v>4189</v>
      </c>
      <c r="G631" t="s">
        <v>656</v>
      </c>
      <c r="H631">
        <v>2</v>
      </c>
      <c r="I631">
        <v>2020</v>
      </c>
    </row>
    <row r="632" spans="1:9" x14ac:dyDescent="0.25">
      <c r="A632">
        <v>756</v>
      </c>
      <c r="B632" t="s">
        <v>2253</v>
      </c>
      <c r="C632" t="s">
        <v>917</v>
      </c>
      <c r="D632">
        <v>83</v>
      </c>
      <c r="E632" t="s">
        <v>4188</v>
      </c>
      <c r="F632" t="s">
        <v>4189</v>
      </c>
      <c r="G632" t="s">
        <v>656</v>
      </c>
      <c r="H632">
        <v>2</v>
      </c>
      <c r="I632">
        <v>2020</v>
      </c>
    </row>
    <row r="633" spans="1:9" x14ac:dyDescent="0.25">
      <c r="A633">
        <v>757</v>
      </c>
      <c r="B633" t="s">
        <v>3490</v>
      </c>
      <c r="C633" t="s">
        <v>917</v>
      </c>
      <c r="D633">
        <v>83</v>
      </c>
      <c r="E633" t="s">
        <v>4188</v>
      </c>
      <c r="F633" t="s">
        <v>4189</v>
      </c>
      <c r="G633" t="s">
        <v>656</v>
      </c>
      <c r="H633">
        <v>2</v>
      </c>
      <c r="I633">
        <v>2020</v>
      </c>
    </row>
    <row r="634" spans="1:9" x14ac:dyDescent="0.25">
      <c r="A634">
        <v>758</v>
      </c>
      <c r="B634" t="s">
        <v>3489</v>
      </c>
      <c r="C634" t="s">
        <v>917</v>
      </c>
      <c r="D634">
        <v>83</v>
      </c>
      <c r="E634" t="s">
        <v>4188</v>
      </c>
      <c r="F634" t="s">
        <v>4189</v>
      </c>
      <c r="G634" t="s">
        <v>656</v>
      </c>
      <c r="H634">
        <v>2</v>
      </c>
      <c r="I634">
        <v>2020</v>
      </c>
    </row>
    <row r="635" spans="1:9" x14ac:dyDescent="0.25">
      <c r="A635">
        <v>759</v>
      </c>
      <c r="B635" t="s">
        <v>3488</v>
      </c>
      <c r="C635" t="s">
        <v>917</v>
      </c>
      <c r="D635">
        <v>83</v>
      </c>
      <c r="E635" t="s">
        <v>4188</v>
      </c>
      <c r="F635" t="s">
        <v>4189</v>
      </c>
      <c r="G635" t="s">
        <v>656</v>
      </c>
      <c r="H635">
        <v>2</v>
      </c>
      <c r="I635">
        <v>2020</v>
      </c>
    </row>
    <row r="636" spans="1:9" x14ac:dyDescent="0.25">
      <c r="A636">
        <v>760</v>
      </c>
      <c r="B636" t="s">
        <v>3487</v>
      </c>
      <c r="C636" t="s">
        <v>917</v>
      </c>
      <c r="D636">
        <v>83</v>
      </c>
      <c r="E636" t="s">
        <v>4188</v>
      </c>
      <c r="F636" t="s">
        <v>4189</v>
      </c>
      <c r="G636" t="s">
        <v>656</v>
      </c>
      <c r="H636">
        <v>2</v>
      </c>
      <c r="I636">
        <v>2020</v>
      </c>
    </row>
    <row r="637" spans="1:9" x14ac:dyDescent="0.25">
      <c r="A637">
        <v>761</v>
      </c>
      <c r="B637" t="s">
        <v>3486</v>
      </c>
      <c r="C637" t="s">
        <v>730</v>
      </c>
      <c r="D637">
        <v>66</v>
      </c>
      <c r="E637" t="s">
        <v>4193</v>
      </c>
      <c r="F637" t="s">
        <v>4189</v>
      </c>
      <c r="G637" t="s">
        <v>656</v>
      </c>
      <c r="H637">
        <v>2</v>
      </c>
      <c r="I637">
        <v>2020</v>
      </c>
    </row>
    <row r="638" spans="1:9" x14ac:dyDescent="0.25">
      <c r="A638">
        <v>762</v>
      </c>
      <c r="B638" t="s">
        <v>4252</v>
      </c>
      <c r="C638" t="s">
        <v>684</v>
      </c>
      <c r="D638">
        <v>22</v>
      </c>
      <c r="E638" t="s">
        <v>4178</v>
      </c>
      <c r="F638" t="s">
        <v>4177</v>
      </c>
      <c r="G638" t="s">
        <v>656</v>
      </c>
      <c r="H638">
        <v>2</v>
      </c>
      <c r="I638">
        <v>2020</v>
      </c>
    </row>
    <row r="639" spans="1:9" x14ac:dyDescent="0.25">
      <c r="A639">
        <v>763</v>
      </c>
      <c r="B639" t="s">
        <v>3485</v>
      </c>
      <c r="C639" t="s">
        <v>301</v>
      </c>
      <c r="D639">
        <v>26</v>
      </c>
      <c r="E639" t="s">
        <v>4179</v>
      </c>
      <c r="F639" t="s">
        <v>4177</v>
      </c>
      <c r="G639" t="s">
        <v>656</v>
      </c>
      <c r="H639">
        <v>2</v>
      </c>
      <c r="I639">
        <v>2020</v>
      </c>
    </row>
    <row r="640" spans="1:9" x14ac:dyDescent="0.25">
      <c r="A640">
        <v>764</v>
      </c>
      <c r="B640" t="s">
        <v>3484</v>
      </c>
      <c r="C640" t="s">
        <v>301</v>
      </c>
      <c r="D640">
        <v>26</v>
      </c>
      <c r="E640" t="s">
        <v>4179</v>
      </c>
      <c r="F640" t="s">
        <v>4177</v>
      </c>
      <c r="G640" t="s">
        <v>656</v>
      </c>
      <c r="H640">
        <v>2</v>
      </c>
      <c r="I640">
        <v>2020</v>
      </c>
    </row>
    <row r="641" spans="1:9" x14ac:dyDescent="0.25">
      <c r="A641">
        <v>765</v>
      </c>
      <c r="B641" t="s">
        <v>3483</v>
      </c>
      <c r="C641" t="s">
        <v>301</v>
      </c>
      <c r="D641">
        <v>26</v>
      </c>
      <c r="E641" t="s">
        <v>4179</v>
      </c>
      <c r="F641" t="s">
        <v>4177</v>
      </c>
      <c r="G641" t="s">
        <v>656</v>
      </c>
      <c r="H641">
        <v>2</v>
      </c>
      <c r="I641">
        <v>2020</v>
      </c>
    </row>
    <row r="642" spans="1:9" x14ac:dyDescent="0.25">
      <c r="A642">
        <v>766</v>
      </c>
      <c r="B642" t="s">
        <v>3482</v>
      </c>
      <c r="C642" t="s">
        <v>301</v>
      </c>
      <c r="D642">
        <v>26</v>
      </c>
      <c r="E642" t="s">
        <v>4179</v>
      </c>
      <c r="F642" t="s">
        <v>4177</v>
      </c>
      <c r="G642" t="s">
        <v>656</v>
      </c>
      <c r="H642">
        <v>2</v>
      </c>
      <c r="I642">
        <v>2020</v>
      </c>
    </row>
    <row r="643" spans="1:9" x14ac:dyDescent="0.25">
      <c r="A643">
        <v>768</v>
      </c>
      <c r="B643" t="s">
        <v>3480</v>
      </c>
      <c r="C643" t="s">
        <v>301</v>
      </c>
      <c r="D643">
        <v>26</v>
      </c>
      <c r="E643" t="s">
        <v>4179</v>
      </c>
      <c r="F643" t="s">
        <v>4177</v>
      </c>
      <c r="G643" t="s">
        <v>656</v>
      </c>
      <c r="H643">
        <v>2</v>
      </c>
      <c r="I643">
        <v>2020</v>
      </c>
    </row>
    <row r="644" spans="1:9" x14ac:dyDescent="0.25">
      <c r="A644">
        <v>769</v>
      </c>
      <c r="B644" t="s">
        <v>3479</v>
      </c>
      <c r="C644" t="s">
        <v>682</v>
      </c>
      <c r="D644">
        <v>20</v>
      </c>
      <c r="E644" t="s">
        <v>682</v>
      </c>
      <c r="F644" t="s">
        <v>4177</v>
      </c>
      <c r="G644" t="s">
        <v>656</v>
      </c>
      <c r="H644">
        <v>2</v>
      </c>
      <c r="I644">
        <v>2020</v>
      </c>
    </row>
    <row r="645" spans="1:9" x14ac:dyDescent="0.25">
      <c r="A645">
        <v>770</v>
      </c>
      <c r="B645" t="s">
        <v>4253</v>
      </c>
      <c r="C645" t="s">
        <v>682</v>
      </c>
      <c r="D645">
        <v>20</v>
      </c>
      <c r="E645" t="s">
        <v>682</v>
      </c>
      <c r="F645" t="s">
        <v>4177</v>
      </c>
      <c r="G645" t="s">
        <v>656</v>
      </c>
      <c r="H645">
        <v>2</v>
      </c>
      <c r="I645">
        <v>2020</v>
      </c>
    </row>
    <row r="646" spans="1:9" x14ac:dyDescent="0.25">
      <c r="A646">
        <v>771</v>
      </c>
      <c r="B646" t="s">
        <v>3478</v>
      </c>
      <c r="C646" t="s">
        <v>682</v>
      </c>
      <c r="D646">
        <v>20</v>
      </c>
      <c r="E646" t="s">
        <v>682</v>
      </c>
      <c r="F646" t="s">
        <v>4177</v>
      </c>
      <c r="G646" t="s">
        <v>656</v>
      </c>
      <c r="H646">
        <v>2</v>
      </c>
      <c r="I646">
        <v>2020</v>
      </c>
    </row>
    <row r="647" spans="1:9" x14ac:dyDescent="0.25">
      <c r="A647">
        <v>772</v>
      </c>
      <c r="B647" t="s">
        <v>3477</v>
      </c>
      <c r="C647" t="s">
        <v>682</v>
      </c>
      <c r="D647">
        <v>20</v>
      </c>
      <c r="E647" t="s">
        <v>682</v>
      </c>
      <c r="F647" t="s">
        <v>4177</v>
      </c>
      <c r="G647" t="s">
        <v>656</v>
      </c>
      <c r="H647">
        <v>2</v>
      </c>
      <c r="I647">
        <v>2020</v>
      </c>
    </row>
    <row r="648" spans="1:9" x14ac:dyDescent="0.25">
      <c r="A648">
        <v>773</v>
      </c>
      <c r="B648" t="s">
        <v>3476</v>
      </c>
      <c r="C648" t="s">
        <v>682</v>
      </c>
      <c r="D648">
        <v>20</v>
      </c>
      <c r="E648" t="s">
        <v>682</v>
      </c>
      <c r="F648" t="s">
        <v>4177</v>
      </c>
      <c r="G648" t="s">
        <v>656</v>
      </c>
      <c r="H648">
        <v>2</v>
      </c>
      <c r="I648">
        <v>2020</v>
      </c>
    </row>
    <row r="649" spans="1:9" x14ac:dyDescent="0.25">
      <c r="A649">
        <v>774</v>
      </c>
      <c r="B649" t="s">
        <v>3475</v>
      </c>
      <c r="C649" t="s">
        <v>682</v>
      </c>
      <c r="D649">
        <v>20</v>
      </c>
      <c r="E649" t="s">
        <v>682</v>
      </c>
      <c r="F649" t="s">
        <v>4177</v>
      </c>
      <c r="G649" t="s">
        <v>656</v>
      </c>
      <c r="H649">
        <v>2</v>
      </c>
      <c r="I649">
        <v>2020</v>
      </c>
    </row>
    <row r="650" spans="1:9" x14ac:dyDescent="0.25">
      <c r="A650">
        <v>775</v>
      </c>
      <c r="B650" t="s">
        <v>3474</v>
      </c>
      <c r="C650" t="s">
        <v>682</v>
      </c>
      <c r="D650">
        <v>20</v>
      </c>
      <c r="E650" t="s">
        <v>682</v>
      </c>
      <c r="F650" t="s">
        <v>4177</v>
      </c>
      <c r="G650" t="s">
        <v>656</v>
      </c>
      <c r="H650">
        <v>2</v>
      </c>
      <c r="I650">
        <v>2020</v>
      </c>
    </row>
    <row r="651" spans="1:9" x14ac:dyDescent="0.25">
      <c r="A651">
        <v>776</v>
      </c>
      <c r="B651" t="s">
        <v>3473</v>
      </c>
      <c r="C651" t="s">
        <v>682</v>
      </c>
      <c r="D651">
        <v>20</v>
      </c>
      <c r="E651" t="s">
        <v>682</v>
      </c>
      <c r="F651" t="s">
        <v>4177</v>
      </c>
      <c r="G651" t="s">
        <v>656</v>
      </c>
      <c r="H651">
        <v>2</v>
      </c>
      <c r="I651">
        <v>2020</v>
      </c>
    </row>
    <row r="652" spans="1:9" x14ac:dyDescent="0.25">
      <c r="A652">
        <v>777</v>
      </c>
      <c r="B652" t="s">
        <v>4254</v>
      </c>
      <c r="C652" t="s">
        <v>831</v>
      </c>
      <c r="D652">
        <v>5</v>
      </c>
      <c r="E652" t="s">
        <v>831</v>
      </c>
      <c r="F652" t="s">
        <v>4168</v>
      </c>
      <c r="G652" t="s">
        <v>656</v>
      </c>
      <c r="H652">
        <v>2</v>
      </c>
      <c r="I652">
        <v>2020</v>
      </c>
    </row>
    <row r="653" spans="1:9" x14ac:dyDescent="0.25">
      <c r="A653">
        <v>778</v>
      </c>
      <c r="B653" t="s">
        <v>3472</v>
      </c>
      <c r="C653" t="s">
        <v>831</v>
      </c>
      <c r="D653">
        <v>5</v>
      </c>
      <c r="E653" t="s">
        <v>831</v>
      </c>
      <c r="F653" t="s">
        <v>4168</v>
      </c>
      <c r="G653" t="s">
        <v>656</v>
      </c>
      <c r="H653">
        <v>2</v>
      </c>
      <c r="I653">
        <v>2020</v>
      </c>
    </row>
    <row r="654" spans="1:9" x14ac:dyDescent="0.25">
      <c r="A654">
        <v>779</v>
      </c>
      <c r="B654" t="s">
        <v>3471</v>
      </c>
      <c r="C654" t="s">
        <v>831</v>
      </c>
      <c r="D654">
        <v>5</v>
      </c>
      <c r="E654" t="s">
        <v>831</v>
      </c>
      <c r="F654" t="s">
        <v>4168</v>
      </c>
      <c r="G654" t="s">
        <v>656</v>
      </c>
      <c r="H654">
        <v>2</v>
      </c>
      <c r="I654">
        <v>2020</v>
      </c>
    </row>
    <row r="655" spans="1:9" x14ac:dyDescent="0.25">
      <c r="A655">
        <v>780</v>
      </c>
      <c r="B655" t="s">
        <v>1637</v>
      </c>
      <c r="C655" t="s">
        <v>831</v>
      </c>
      <c r="D655">
        <v>5</v>
      </c>
      <c r="E655" t="s">
        <v>831</v>
      </c>
      <c r="F655" t="s">
        <v>4168</v>
      </c>
      <c r="G655" t="s">
        <v>656</v>
      </c>
      <c r="H655">
        <v>2</v>
      </c>
      <c r="I655">
        <v>2020</v>
      </c>
    </row>
    <row r="656" spans="1:9" x14ac:dyDescent="0.25">
      <c r="A656">
        <v>781</v>
      </c>
      <c r="B656" t="s">
        <v>4255</v>
      </c>
      <c r="C656" t="s">
        <v>831</v>
      </c>
      <c r="D656">
        <v>5</v>
      </c>
      <c r="E656" t="s">
        <v>831</v>
      </c>
      <c r="F656" t="s">
        <v>4168</v>
      </c>
      <c r="G656" t="s">
        <v>656</v>
      </c>
      <c r="H656">
        <v>2</v>
      </c>
      <c r="I656">
        <v>2020</v>
      </c>
    </row>
    <row r="657" spans="1:9" x14ac:dyDescent="0.25">
      <c r="A657">
        <v>782</v>
      </c>
      <c r="B657" t="s">
        <v>4256</v>
      </c>
      <c r="C657" t="s">
        <v>831</v>
      </c>
      <c r="D657">
        <v>5</v>
      </c>
      <c r="E657" t="s">
        <v>831</v>
      </c>
      <c r="F657" t="s">
        <v>4168</v>
      </c>
      <c r="G657" t="s">
        <v>656</v>
      </c>
      <c r="H657">
        <v>2</v>
      </c>
      <c r="I657">
        <v>2020</v>
      </c>
    </row>
    <row r="658" spans="1:9" x14ac:dyDescent="0.25">
      <c r="A658">
        <v>783</v>
      </c>
      <c r="B658" t="s">
        <v>4257</v>
      </c>
      <c r="C658" t="s">
        <v>831</v>
      </c>
      <c r="D658">
        <v>5</v>
      </c>
      <c r="E658" t="s">
        <v>831</v>
      </c>
      <c r="F658" t="s">
        <v>4168</v>
      </c>
      <c r="G658" t="s">
        <v>656</v>
      </c>
      <c r="H658">
        <v>2</v>
      </c>
      <c r="I658">
        <v>2020</v>
      </c>
    </row>
    <row r="659" spans="1:9" x14ac:dyDescent="0.25">
      <c r="A659">
        <v>784</v>
      </c>
      <c r="B659" t="s">
        <v>4258</v>
      </c>
      <c r="C659" t="s">
        <v>831</v>
      </c>
      <c r="D659">
        <v>5</v>
      </c>
      <c r="E659" t="s">
        <v>831</v>
      </c>
      <c r="F659" t="s">
        <v>4168</v>
      </c>
      <c r="G659" t="s">
        <v>656</v>
      </c>
      <c r="H659">
        <v>2</v>
      </c>
      <c r="I659">
        <v>2020</v>
      </c>
    </row>
    <row r="660" spans="1:9" x14ac:dyDescent="0.25">
      <c r="A660">
        <v>785</v>
      </c>
      <c r="B660" t="s">
        <v>4259</v>
      </c>
      <c r="C660" t="s">
        <v>831</v>
      </c>
      <c r="D660">
        <v>5</v>
      </c>
      <c r="E660" t="s">
        <v>831</v>
      </c>
      <c r="F660" t="s">
        <v>4168</v>
      </c>
      <c r="G660" t="s">
        <v>656</v>
      </c>
      <c r="H660">
        <v>2</v>
      </c>
      <c r="I660">
        <v>2020</v>
      </c>
    </row>
    <row r="661" spans="1:9" x14ac:dyDescent="0.25">
      <c r="A661">
        <v>786</v>
      </c>
      <c r="B661" t="s">
        <v>3470</v>
      </c>
      <c r="C661" t="s">
        <v>831</v>
      </c>
      <c r="D661">
        <v>5</v>
      </c>
      <c r="E661" t="s">
        <v>831</v>
      </c>
      <c r="F661" t="s">
        <v>4168</v>
      </c>
      <c r="G661" t="s">
        <v>656</v>
      </c>
      <c r="H661">
        <v>2</v>
      </c>
      <c r="I661">
        <v>2020</v>
      </c>
    </row>
    <row r="662" spans="1:9" x14ac:dyDescent="0.25">
      <c r="A662">
        <v>787</v>
      </c>
      <c r="B662" t="s">
        <v>3469</v>
      </c>
      <c r="C662" t="s">
        <v>831</v>
      </c>
      <c r="D662">
        <v>5</v>
      </c>
      <c r="E662" t="s">
        <v>831</v>
      </c>
      <c r="F662" t="s">
        <v>4168</v>
      </c>
      <c r="G662" t="s">
        <v>656</v>
      </c>
      <c r="H662">
        <v>2</v>
      </c>
      <c r="I662">
        <v>2020</v>
      </c>
    </row>
    <row r="663" spans="1:9" x14ac:dyDescent="0.25">
      <c r="A663">
        <v>788</v>
      </c>
      <c r="B663" t="s">
        <v>3468</v>
      </c>
      <c r="C663" t="s">
        <v>831</v>
      </c>
      <c r="D663">
        <v>5</v>
      </c>
      <c r="E663" t="s">
        <v>831</v>
      </c>
      <c r="F663" t="s">
        <v>4168</v>
      </c>
      <c r="G663" t="s">
        <v>656</v>
      </c>
      <c r="H663">
        <v>2</v>
      </c>
      <c r="I663">
        <v>2020</v>
      </c>
    </row>
    <row r="664" spans="1:9" x14ac:dyDescent="0.25">
      <c r="A664">
        <v>789</v>
      </c>
      <c r="B664" t="s">
        <v>3467</v>
      </c>
      <c r="C664" t="s">
        <v>736</v>
      </c>
      <c r="D664">
        <v>8</v>
      </c>
      <c r="E664" t="s">
        <v>4169</v>
      </c>
      <c r="F664" t="s">
        <v>4164</v>
      </c>
      <c r="G664" t="s">
        <v>656</v>
      </c>
      <c r="H664">
        <v>2</v>
      </c>
      <c r="I664">
        <v>2020</v>
      </c>
    </row>
    <row r="665" spans="1:9" x14ac:dyDescent="0.25">
      <c r="A665">
        <v>790</v>
      </c>
      <c r="B665" t="s">
        <v>3466</v>
      </c>
      <c r="C665" t="s">
        <v>736</v>
      </c>
      <c r="D665">
        <v>8</v>
      </c>
      <c r="E665" t="s">
        <v>4169</v>
      </c>
      <c r="F665" t="s">
        <v>4164</v>
      </c>
      <c r="G665" t="s">
        <v>656</v>
      </c>
      <c r="H665">
        <v>2</v>
      </c>
      <c r="I665">
        <v>2020</v>
      </c>
    </row>
    <row r="666" spans="1:9" x14ac:dyDescent="0.25">
      <c r="A666">
        <v>791</v>
      </c>
      <c r="B666" t="s">
        <v>4260</v>
      </c>
      <c r="C666" t="s">
        <v>736</v>
      </c>
      <c r="D666">
        <v>8</v>
      </c>
      <c r="E666" t="s">
        <v>4169</v>
      </c>
      <c r="F666" t="s">
        <v>4164</v>
      </c>
      <c r="G666" t="s">
        <v>656</v>
      </c>
      <c r="H666">
        <v>2</v>
      </c>
      <c r="I666">
        <v>2020</v>
      </c>
    </row>
    <row r="667" spans="1:9" x14ac:dyDescent="0.25">
      <c r="A667">
        <v>792</v>
      </c>
      <c r="B667" t="s">
        <v>3465</v>
      </c>
      <c r="C667" t="s">
        <v>736</v>
      </c>
      <c r="D667">
        <v>8</v>
      </c>
      <c r="E667" t="s">
        <v>4169</v>
      </c>
      <c r="F667" t="s">
        <v>4164</v>
      </c>
      <c r="G667" t="s">
        <v>656</v>
      </c>
      <c r="H667">
        <v>2</v>
      </c>
      <c r="I667">
        <v>2020</v>
      </c>
    </row>
    <row r="668" spans="1:9" x14ac:dyDescent="0.25">
      <c r="A668">
        <v>793</v>
      </c>
      <c r="B668" t="s">
        <v>4261</v>
      </c>
      <c r="C668" t="s">
        <v>736</v>
      </c>
      <c r="D668">
        <v>8</v>
      </c>
      <c r="E668" t="s">
        <v>4169</v>
      </c>
      <c r="F668" t="s">
        <v>4164</v>
      </c>
      <c r="G668" t="s">
        <v>656</v>
      </c>
      <c r="H668">
        <v>2</v>
      </c>
      <c r="I668">
        <v>2020</v>
      </c>
    </row>
    <row r="669" spans="1:9" x14ac:dyDescent="0.25">
      <c r="A669">
        <v>794</v>
      </c>
      <c r="B669" t="s">
        <v>3464</v>
      </c>
      <c r="C669" t="s">
        <v>897</v>
      </c>
      <c r="D669">
        <v>3</v>
      </c>
      <c r="E669" t="s">
        <v>4165</v>
      </c>
      <c r="F669" t="s">
        <v>4164</v>
      </c>
      <c r="G669" t="s">
        <v>656</v>
      </c>
      <c r="H669">
        <v>2</v>
      </c>
      <c r="I669">
        <v>2020</v>
      </c>
    </row>
    <row r="670" spans="1:9" x14ac:dyDescent="0.25">
      <c r="A670">
        <v>795</v>
      </c>
      <c r="B670" t="s">
        <v>3463</v>
      </c>
      <c r="C670" t="s">
        <v>897</v>
      </c>
      <c r="D670">
        <v>3</v>
      </c>
      <c r="E670" t="s">
        <v>4165</v>
      </c>
      <c r="F670" t="s">
        <v>4164</v>
      </c>
      <c r="G670" t="s">
        <v>656</v>
      </c>
      <c r="H670">
        <v>2</v>
      </c>
      <c r="I670">
        <v>2020</v>
      </c>
    </row>
    <row r="671" spans="1:9" x14ac:dyDescent="0.25">
      <c r="A671">
        <v>796</v>
      </c>
      <c r="B671" t="s">
        <v>3462</v>
      </c>
      <c r="C671" t="s">
        <v>897</v>
      </c>
      <c r="D671">
        <v>3</v>
      </c>
      <c r="E671" t="s">
        <v>4165</v>
      </c>
      <c r="F671" t="s">
        <v>4164</v>
      </c>
      <c r="G671" t="s">
        <v>656</v>
      </c>
      <c r="H671">
        <v>2</v>
      </c>
      <c r="I671">
        <v>2020</v>
      </c>
    </row>
    <row r="672" spans="1:9" x14ac:dyDescent="0.25">
      <c r="A672">
        <v>797</v>
      </c>
      <c r="B672" t="s">
        <v>3089</v>
      </c>
      <c r="C672" t="s">
        <v>897</v>
      </c>
      <c r="D672">
        <v>3</v>
      </c>
      <c r="E672" t="s">
        <v>4165</v>
      </c>
      <c r="F672" t="s">
        <v>4164</v>
      </c>
      <c r="G672" t="s">
        <v>656</v>
      </c>
      <c r="H672">
        <v>2</v>
      </c>
      <c r="I672">
        <v>2020</v>
      </c>
    </row>
    <row r="673" spans="1:9" x14ac:dyDescent="0.25">
      <c r="A673">
        <v>798</v>
      </c>
      <c r="B673" t="s">
        <v>4262</v>
      </c>
      <c r="C673" t="s">
        <v>897</v>
      </c>
      <c r="D673">
        <v>3</v>
      </c>
      <c r="E673" t="s">
        <v>4165</v>
      </c>
      <c r="F673" t="s">
        <v>4164</v>
      </c>
      <c r="G673" t="s">
        <v>656</v>
      </c>
      <c r="H673">
        <v>2</v>
      </c>
      <c r="I673">
        <v>2020</v>
      </c>
    </row>
    <row r="674" spans="1:9" x14ac:dyDescent="0.25">
      <c r="A674">
        <v>799</v>
      </c>
      <c r="B674" t="s">
        <v>908</v>
      </c>
      <c r="C674" t="s">
        <v>65</v>
      </c>
      <c r="D674">
        <v>15</v>
      </c>
      <c r="E674" t="s">
        <v>4176</v>
      </c>
      <c r="F674" t="s">
        <v>4177</v>
      </c>
      <c r="G674" t="s">
        <v>656</v>
      </c>
      <c r="H674">
        <v>2</v>
      </c>
      <c r="I674">
        <v>2020</v>
      </c>
    </row>
    <row r="675" spans="1:9" x14ac:dyDescent="0.25">
      <c r="A675">
        <v>800</v>
      </c>
      <c r="B675" t="s">
        <v>1979</v>
      </c>
      <c r="C675" t="s">
        <v>65</v>
      </c>
      <c r="D675">
        <v>15</v>
      </c>
      <c r="E675" t="s">
        <v>4176</v>
      </c>
      <c r="F675" t="s">
        <v>4177</v>
      </c>
      <c r="G675" t="s">
        <v>656</v>
      </c>
      <c r="H675">
        <v>2</v>
      </c>
      <c r="I675">
        <v>2020</v>
      </c>
    </row>
    <row r="676" spans="1:9" x14ac:dyDescent="0.25">
      <c r="A676">
        <v>801</v>
      </c>
      <c r="B676" t="s">
        <v>3461</v>
      </c>
      <c r="C676" t="s">
        <v>65</v>
      </c>
      <c r="D676">
        <v>15</v>
      </c>
      <c r="E676" t="s">
        <v>4176</v>
      </c>
      <c r="F676" t="s">
        <v>4177</v>
      </c>
      <c r="G676" t="s">
        <v>656</v>
      </c>
      <c r="H676">
        <v>2</v>
      </c>
      <c r="I676">
        <v>2020</v>
      </c>
    </row>
    <row r="677" spans="1:9" x14ac:dyDescent="0.25">
      <c r="A677">
        <v>802</v>
      </c>
      <c r="B677" t="s">
        <v>1962</v>
      </c>
      <c r="C677" t="s">
        <v>65</v>
      </c>
      <c r="D677">
        <v>15</v>
      </c>
      <c r="E677" t="s">
        <v>4176</v>
      </c>
      <c r="F677" t="s">
        <v>4177</v>
      </c>
      <c r="G677" t="s">
        <v>656</v>
      </c>
      <c r="H677">
        <v>2</v>
      </c>
      <c r="I677">
        <v>2020</v>
      </c>
    </row>
    <row r="678" spans="1:9" x14ac:dyDescent="0.25">
      <c r="A678">
        <v>803</v>
      </c>
      <c r="B678" t="s">
        <v>899</v>
      </c>
      <c r="C678" t="s">
        <v>65</v>
      </c>
      <c r="D678">
        <v>15</v>
      </c>
      <c r="E678" t="s">
        <v>4176</v>
      </c>
      <c r="F678" t="s">
        <v>4177</v>
      </c>
      <c r="G678" t="s">
        <v>656</v>
      </c>
      <c r="H678">
        <v>2</v>
      </c>
      <c r="I678">
        <v>2020</v>
      </c>
    </row>
    <row r="679" spans="1:9" x14ac:dyDescent="0.25">
      <c r="A679">
        <v>806</v>
      </c>
      <c r="B679" t="s">
        <v>898</v>
      </c>
      <c r="C679" t="s">
        <v>65</v>
      </c>
      <c r="D679">
        <v>15</v>
      </c>
      <c r="E679" t="s">
        <v>4176</v>
      </c>
      <c r="F679" t="s">
        <v>4177</v>
      </c>
      <c r="G679" t="s">
        <v>656</v>
      </c>
      <c r="H679">
        <v>2</v>
      </c>
      <c r="I679">
        <v>2020</v>
      </c>
    </row>
    <row r="680" spans="1:9" x14ac:dyDescent="0.25">
      <c r="A680">
        <v>807</v>
      </c>
      <c r="B680" t="s">
        <v>791</v>
      </c>
      <c r="C680" t="s">
        <v>65</v>
      </c>
      <c r="D680">
        <v>15</v>
      </c>
      <c r="E680" t="s">
        <v>4176</v>
      </c>
      <c r="F680" t="s">
        <v>4177</v>
      </c>
      <c r="G680" t="s">
        <v>656</v>
      </c>
      <c r="H680">
        <v>2</v>
      </c>
      <c r="I680">
        <v>2020</v>
      </c>
    </row>
    <row r="681" spans="1:9" x14ac:dyDescent="0.25">
      <c r="A681">
        <v>808</v>
      </c>
      <c r="B681" t="s">
        <v>3459</v>
      </c>
      <c r="C681" t="s">
        <v>65</v>
      </c>
      <c r="D681">
        <v>15</v>
      </c>
      <c r="E681" t="s">
        <v>4176</v>
      </c>
      <c r="F681" t="s">
        <v>4177</v>
      </c>
      <c r="G681" t="s">
        <v>656</v>
      </c>
      <c r="H681">
        <v>2</v>
      </c>
      <c r="I681">
        <v>2020</v>
      </c>
    </row>
    <row r="682" spans="1:9" x14ac:dyDescent="0.25">
      <c r="A682">
        <v>809</v>
      </c>
      <c r="B682" t="s">
        <v>4263</v>
      </c>
      <c r="C682" t="s">
        <v>65</v>
      </c>
      <c r="D682">
        <v>15</v>
      </c>
      <c r="E682" t="s">
        <v>4176</v>
      </c>
      <c r="F682" t="s">
        <v>4177</v>
      </c>
      <c r="G682" t="s">
        <v>656</v>
      </c>
      <c r="H682">
        <v>2</v>
      </c>
      <c r="I682">
        <v>2020</v>
      </c>
    </row>
    <row r="683" spans="1:9" x14ac:dyDescent="0.25">
      <c r="A683">
        <v>810</v>
      </c>
      <c r="B683" t="s">
        <v>3458</v>
      </c>
      <c r="C683" t="s">
        <v>65</v>
      </c>
      <c r="D683">
        <v>15</v>
      </c>
      <c r="E683" t="s">
        <v>4176</v>
      </c>
      <c r="F683" t="s">
        <v>4177</v>
      </c>
      <c r="G683" t="s">
        <v>656</v>
      </c>
      <c r="H683">
        <v>2</v>
      </c>
      <c r="I683">
        <v>2020</v>
      </c>
    </row>
    <row r="684" spans="1:9" x14ac:dyDescent="0.25">
      <c r="A684">
        <v>811</v>
      </c>
      <c r="B684" t="s">
        <v>4264</v>
      </c>
      <c r="C684" t="s">
        <v>866</v>
      </c>
      <c r="D684">
        <v>9</v>
      </c>
      <c r="E684" t="s">
        <v>866</v>
      </c>
      <c r="F684" t="s">
        <v>4171</v>
      </c>
      <c r="G684" t="s">
        <v>656</v>
      </c>
      <c r="H684">
        <v>2</v>
      </c>
      <c r="I684">
        <v>2020</v>
      </c>
    </row>
    <row r="685" spans="1:9" x14ac:dyDescent="0.25">
      <c r="A685">
        <v>812</v>
      </c>
      <c r="B685" t="s">
        <v>3457</v>
      </c>
      <c r="C685" t="s">
        <v>866</v>
      </c>
      <c r="D685">
        <v>9</v>
      </c>
      <c r="E685" t="s">
        <v>866</v>
      </c>
      <c r="F685" t="s">
        <v>4171</v>
      </c>
      <c r="G685" t="s">
        <v>656</v>
      </c>
      <c r="H685">
        <v>2</v>
      </c>
      <c r="I685">
        <v>2020</v>
      </c>
    </row>
    <row r="686" spans="1:9" x14ac:dyDescent="0.25">
      <c r="A686">
        <v>813</v>
      </c>
      <c r="B686" t="s">
        <v>3456</v>
      </c>
      <c r="C686" t="s">
        <v>866</v>
      </c>
      <c r="D686">
        <v>9</v>
      </c>
      <c r="E686" t="s">
        <v>866</v>
      </c>
      <c r="F686" t="s">
        <v>4171</v>
      </c>
      <c r="G686" t="s">
        <v>656</v>
      </c>
      <c r="H686">
        <v>2</v>
      </c>
      <c r="I686">
        <v>2020</v>
      </c>
    </row>
    <row r="687" spans="1:9" x14ac:dyDescent="0.25">
      <c r="A687">
        <v>814</v>
      </c>
      <c r="B687" t="s">
        <v>3455</v>
      </c>
      <c r="C687" t="s">
        <v>866</v>
      </c>
      <c r="D687">
        <v>9</v>
      </c>
      <c r="E687" t="s">
        <v>866</v>
      </c>
      <c r="F687" t="s">
        <v>4171</v>
      </c>
      <c r="G687" t="s">
        <v>656</v>
      </c>
      <c r="H687">
        <v>2</v>
      </c>
      <c r="I687">
        <v>2020</v>
      </c>
    </row>
    <row r="688" spans="1:9" x14ac:dyDescent="0.25">
      <c r="A688">
        <v>815</v>
      </c>
      <c r="B688" t="s">
        <v>3454</v>
      </c>
      <c r="C688" t="s">
        <v>866</v>
      </c>
      <c r="D688">
        <v>9</v>
      </c>
      <c r="E688" t="s">
        <v>866</v>
      </c>
      <c r="F688" t="s">
        <v>4171</v>
      </c>
      <c r="G688" t="s">
        <v>656</v>
      </c>
      <c r="H688">
        <v>2</v>
      </c>
      <c r="I688">
        <v>2020</v>
      </c>
    </row>
    <row r="689" spans="1:9" x14ac:dyDescent="0.25">
      <c r="A689">
        <v>816</v>
      </c>
      <c r="B689" t="s">
        <v>3453</v>
      </c>
      <c r="C689" t="s">
        <v>866</v>
      </c>
      <c r="D689">
        <v>9</v>
      </c>
      <c r="E689" t="s">
        <v>866</v>
      </c>
      <c r="F689" t="s">
        <v>4171</v>
      </c>
      <c r="G689" t="s">
        <v>656</v>
      </c>
      <c r="H689">
        <v>2</v>
      </c>
      <c r="I689">
        <v>2020</v>
      </c>
    </row>
    <row r="690" spans="1:9" x14ac:dyDescent="0.25">
      <c r="A690">
        <v>817</v>
      </c>
      <c r="B690" t="s">
        <v>3452</v>
      </c>
      <c r="C690" t="s">
        <v>866</v>
      </c>
      <c r="D690">
        <v>9</v>
      </c>
      <c r="E690" t="s">
        <v>866</v>
      </c>
      <c r="F690" t="s">
        <v>4171</v>
      </c>
      <c r="G690" t="s">
        <v>656</v>
      </c>
      <c r="H690">
        <v>2</v>
      </c>
      <c r="I690">
        <v>2020</v>
      </c>
    </row>
    <row r="691" spans="1:9" x14ac:dyDescent="0.25">
      <c r="A691">
        <v>818</v>
      </c>
      <c r="B691" t="s">
        <v>3451</v>
      </c>
      <c r="C691" t="s">
        <v>866</v>
      </c>
      <c r="D691">
        <v>9</v>
      </c>
      <c r="E691" t="s">
        <v>866</v>
      </c>
      <c r="F691" t="s">
        <v>4171</v>
      </c>
      <c r="G691" t="s">
        <v>656</v>
      </c>
      <c r="H691">
        <v>2</v>
      </c>
      <c r="I691">
        <v>2020</v>
      </c>
    </row>
    <row r="692" spans="1:9" x14ac:dyDescent="0.25">
      <c r="A692">
        <v>819</v>
      </c>
      <c r="B692" t="s">
        <v>3450</v>
      </c>
      <c r="C692" t="s">
        <v>866</v>
      </c>
      <c r="D692">
        <v>9</v>
      </c>
      <c r="E692" t="s">
        <v>866</v>
      </c>
      <c r="F692" t="s">
        <v>4171</v>
      </c>
      <c r="G692" t="s">
        <v>656</v>
      </c>
      <c r="H692">
        <v>2</v>
      </c>
      <c r="I692">
        <v>2020</v>
      </c>
    </row>
    <row r="693" spans="1:9" x14ac:dyDescent="0.25">
      <c r="A693">
        <v>820</v>
      </c>
      <c r="B693" t="s">
        <v>3449</v>
      </c>
      <c r="C693" t="s">
        <v>726</v>
      </c>
      <c r="D693">
        <v>2</v>
      </c>
      <c r="E693" t="s">
        <v>726</v>
      </c>
      <c r="F693" t="s">
        <v>4164</v>
      </c>
      <c r="G693" t="s">
        <v>656</v>
      </c>
      <c r="H693">
        <v>2</v>
      </c>
      <c r="I693">
        <v>2020</v>
      </c>
    </row>
    <row r="694" spans="1:9" x14ac:dyDescent="0.25">
      <c r="A694">
        <v>821</v>
      </c>
      <c r="B694" t="s">
        <v>1087</v>
      </c>
      <c r="C694" t="s">
        <v>726</v>
      </c>
      <c r="D694">
        <v>2</v>
      </c>
      <c r="E694" t="s">
        <v>726</v>
      </c>
      <c r="F694" t="s">
        <v>4164</v>
      </c>
      <c r="G694" t="s">
        <v>656</v>
      </c>
      <c r="H694">
        <v>2</v>
      </c>
      <c r="I694">
        <v>2020</v>
      </c>
    </row>
    <row r="695" spans="1:9" x14ac:dyDescent="0.25">
      <c r="A695">
        <v>822</v>
      </c>
      <c r="B695" t="s">
        <v>3448</v>
      </c>
      <c r="C695" t="s">
        <v>726</v>
      </c>
      <c r="D695">
        <v>2</v>
      </c>
      <c r="E695" t="s">
        <v>726</v>
      </c>
      <c r="F695" t="s">
        <v>4164</v>
      </c>
      <c r="G695" t="s">
        <v>656</v>
      </c>
      <c r="H695">
        <v>2</v>
      </c>
      <c r="I695">
        <v>2020</v>
      </c>
    </row>
    <row r="696" spans="1:9" x14ac:dyDescent="0.25">
      <c r="A696">
        <v>823</v>
      </c>
      <c r="B696" t="s">
        <v>3447</v>
      </c>
      <c r="C696" t="s">
        <v>726</v>
      </c>
      <c r="D696">
        <v>2</v>
      </c>
      <c r="E696" t="s">
        <v>726</v>
      </c>
      <c r="F696" t="s">
        <v>4164</v>
      </c>
      <c r="G696" t="s">
        <v>656</v>
      </c>
      <c r="H696">
        <v>2</v>
      </c>
      <c r="I696">
        <v>2020</v>
      </c>
    </row>
    <row r="697" spans="1:9" x14ac:dyDescent="0.25">
      <c r="A697">
        <v>824</v>
      </c>
      <c r="B697" t="s">
        <v>3446</v>
      </c>
      <c r="C697" t="s">
        <v>726</v>
      </c>
      <c r="D697">
        <v>2</v>
      </c>
      <c r="E697" t="s">
        <v>726</v>
      </c>
      <c r="F697" t="s">
        <v>4164</v>
      </c>
      <c r="G697" t="s">
        <v>656</v>
      </c>
      <c r="H697">
        <v>2</v>
      </c>
      <c r="I697">
        <v>2020</v>
      </c>
    </row>
    <row r="698" spans="1:9" x14ac:dyDescent="0.25">
      <c r="A698">
        <v>825</v>
      </c>
      <c r="B698" t="s">
        <v>3445</v>
      </c>
      <c r="C698" t="s">
        <v>726</v>
      </c>
      <c r="D698">
        <v>2</v>
      </c>
      <c r="E698" t="s">
        <v>726</v>
      </c>
      <c r="F698" t="s">
        <v>4164</v>
      </c>
      <c r="G698" t="s">
        <v>656</v>
      </c>
      <c r="H698">
        <v>2</v>
      </c>
      <c r="I698">
        <v>2020</v>
      </c>
    </row>
    <row r="699" spans="1:9" x14ac:dyDescent="0.25">
      <c r="A699">
        <v>826</v>
      </c>
      <c r="B699" t="s">
        <v>4265</v>
      </c>
      <c r="C699" t="s">
        <v>726</v>
      </c>
      <c r="D699">
        <v>2</v>
      </c>
      <c r="E699" t="s">
        <v>726</v>
      </c>
      <c r="F699" t="s">
        <v>4164</v>
      </c>
      <c r="G699" t="s">
        <v>656</v>
      </c>
      <c r="H699">
        <v>2</v>
      </c>
      <c r="I699">
        <v>2020</v>
      </c>
    </row>
    <row r="700" spans="1:9" x14ac:dyDescent="0.25">
      <c r="A700">
        <v>827</v>
      </c>
      <c r="B700" t="s">
        <v>4266</v>
      </c>
      <c r="C700" t="s">
        <v>726</v>
      </c>
      <c r="D700">
        <v>2</v>
      </c>
      <c r="E700" t="s">
        <v>726</v>
      </c>
      <c r="F700" t="s">
        <v>4164</v>
      </c>
      <c r="G700" t="s">
        <v>656</v>
      </c>
      <c r="H700">
        <v>2</v>
      </c>
      <c r="I700">
        <v>2020</v>
      </c>
    </row>
    <row r="701" spans="1:9" x14ac:dyDescent="0.25">
      <c r="A701">
        <v>828</v>
      </c>
      <c r="B701" t="s">
        <v>3444</v>
      </c>
      <c r="C701" t="s">
        <v>726</v>
      </c>
      <c r="D701">
        <v>2</v>
      </c>
      <c r="E701" t="s">
        <v>726</v>
      </c>
      <c r="F701" t="s">
        <v>4164</v>
      </c>
      <c r="G701" t="s">
        <v>656</v>
      </c>
      <c r="H701">
        <v>2</v>
      </c>
      <c r="I701">
        <v>2020</v>
      </c>
    </row>
    <row r="702" spans="1:9" x14ac:dyDescent="0.25">
      <c r="A702">
        <v>829</v>
      </c>
      <c r="B702" t="s">
        <v>4267</v>
      </c>
      <c r="C702" t="s">
        <v>726</v>
      </c>
      <c r="D702">
        <v>2</v>
      </c>
      <c r="E702" t="s">
        <v>726</v>
      </c>
      <c r="F702" t="s">
        <v>4164</v>
      </c>
      <c r="G702" t="s">
        <v>656</v>
      </c>
      <c r="H702">
        <v>2</v>
      </c>
      <c r="I702">
        <v>2020</v>
      </c>
    </row>
    <row r="703" spans="1:9" x14ac:dyDescent="0.25">
      <c r="A703">
        <v>830</v>
      </c>
      <c r="B703" t="s">
        <v>4268</v>
      </c>
      <c r="C703" t="s">
        <v>705</v>
      </c>
      <c r="D703">
        <v>70</v>
      </c>
      <c r="E703" t="s">
        <v>4193</v>
      </c>
      <c r="F703" t="s">
        <v>4189</v>
      </c>
      <c r="G703" t="s">
        <v>656</v>
      </c>
      <c r="H703">
        <v>2</v>
      </c>
      <c r="I703">
        <v>2020</v>
      </c>
    </row>
    <row r="704" spans="1:9" x14ac:dyDescent="0.25">
      <c r="A704">
        <v>831</v>
      </c>
      <c r="B704" t="s">
        <v>3443</v>
      </c>
      <c r="C704" t="s">
        <v>792</v>
      </c>
      <c r="D704">
        <v>6</v>
      </c>
      <c r="E704" t="s">
        <v>4169</v>
      </c>
      <c r="F704" t="s">
        <v>4164</v>
      </c>
      <c r="G704" t="s">
        <v>656</v>
      </c>
      <c r="H704">
        <v>2</v>
      </c>
      <c r="I704">
        <v>2020</v>
      </c>
    </row>
    <row r="705" spans="1:9" x14ac:dyDescent="0.25">
      <c r="A705">
        <v>832</v>
      </c>
      <c r="B705" t="s">
        <v>3442</v>
      </c>
      <c r="C705" t="s">
        <v>792</v>
      </c>
      <c r="D705">
        <v>6</v>
      </c>
      <c r="E705" t="s">
        <v>4169</v>
      </c>
      <c r="F705" t="s">
        <v>4164</v>
      </c>
      <c r="G705" t="s">
        <v>656</v>
      </c>
      <c r="H705">
        <v>2</v>
      </c>
      <c r="I705">
        <v>2020</v>
      </c>
    </row>
    <row r="706" spans="1:9" x14ac:dyDescent="0.25">
      <c r="A706">
        <v>833</v>
      </c>
      <c r="B706" t="s">
        <v>3441</v>
      </c>
      <c r="C706" t="s">
        <v>792</v>
      </c>
      <c r="D706">
        <v>6</v>
      </c>
      <c r="E706" t="s">
        <v>4169</v>
      </c>
      <c r="F706" t="s">
        <v>4164</v>
      </c>
      <c r="G706" t="s">
        <v>656</v>
      </c>
      <c r="H706">
        <v>2</v>
      </c>
      <c r="I706">
        <v>2020</v>
      </c>
    </row>
    <row r="707" spans="1:9" x14ac:dyDescent="0.25">
      <c r="A707">
        <v>834</v>
      </c>
      <c r="B707" t="s">
        <v>3440</v>
      </c>
      <c r="C707" t="s">
        <v>792</v>
      </c>
      <c r="D707">
        <v>6</v>
      </c>
      <c r="E707" t="s">
        <v>4169</v>
      </c>
      <c r="F707" t="s">
        <v>4164</v>
      </c>
      <c r="G707" t="s">
        <v>656</v>
      </c>
      <c r="H707">
        <v>2</v>
      </c>
      <c r="I707">
        <v>2020</v>
      </c>
    </row>
    <row r="708" spans="1:9" x14ac:dyDescent="0.25">
      <c r="A708">
        <v>835</v>
      </c>
      <c r="B708" t="s">
        <v>3439</v>
      </c>
      <c r="C708" t="s">
        <v>792</v>
      </c>
      <c r="D708">
        <v>6</v>
      </c>
      <c r="E708" t="s">
        <v>4169</v>
      </c>
      <c r="F708" t="s">
        <v>4164</v>
      </c>
      <c r="G708" t="s">
        <v>656</v>
      </c>
      <c r="H708">
        <v>2</v>
      </c>
      <c r="I708">
        <v>2020</v>
      </c>
    </row>
    <row r="709" spans="1:9" x14ac:dyDescent="0.25">
      <c r="A709">
        <v>836</v>
      </c>
      <c r="B709" t="s">
        <v>3438</v>
      </c>
      <c r="C709" t="s">
        <v>792</v>
      </c>
      <c r="D709">
        <v>6</v>
      </c>
      <c r="E709" t="s">
        <v>4169</v>
      </c>
      <c r="F709" t="s">
        <v>4164</v>
      </c>
      <c r="G709" t="s">
        <v>656</v>
      </c>
      <c r="H709">
        <v>2</v>
      </c>
      <c r="I709">
        <v>2020</v>
      </c>
    </row>
    <row r="710" spans="1:9" x14ac:dyDescent="0.25">
      <c r="A710">
        <v>837</v>
      </c>
      <c r="B710" t="s">
        <v>3437</v>
      </c>
      <c r="C710" t="s">
        <v>792</v>
      </c>
      <c r="D710">
        <v>6</v>
      </c>
      <c r="E710" t="s">
        <v>4169</v>
      </c>
      <c r="F710" t="s">
        <v>4164</v>
      </c>
      <c r="G710" t="s">
        <v>656</v>
      </c>
      <c r="H710">
        <v>2</v>
      </c>
      <c r="I710">
        <v>2020</v>
      </c>
    </row>
    <row r="711" spans="1:9" x14ac:dyDescent="0.25">
      <c r="A711">
        <v>838</v>
      </c>
      <c r="B711" t="s">
        <v>3436</v>
      </c>
      <c r="C711" t="s">
        <v>1738</v>
      </c>
      <c r="D711">
        <v>55</v>
      </c>
      <c r="E711" t="s">
        <v>4194</v>
      </c>
      <c r="F711" t="s">
        <v>4189</v>
      </c>
      <c r="G711" t="s">
        <v>656</v>
      </c>
      <c r="H711">
        <v>2</v>
      </c>
      <c r="I711">
        <v>2020</v>
      </c>
    </row>
    <row r="712" spans="1:9" x14ac:dyDescent="0.25">
      <c r="A712">
        <v>839</v>
      </c>
      <c r="B712" t="s">
        <v>3435</v>
      </c>
      <c r="C712" t="s">
        <v>1738</v>
      </c>
      <c r="D712">
        <v>55</v>
      </c>
      <c r="E712" t="s">
        <v>4194</v>
      </c>
      <c r="F712" t="s">
        <v>4189</v>
      </c>
      <c r="G712" t="s">
        <v>656</v>
      </c>
      <c r="H712">
        <v>2</v>
      </c>
      <c r="I712">
        <v>2020</v>
      </c>
    </row>
    <row r="713" spans="1:9" x14ac:dyDescent="0.25">
      <c r="A713">
        <v>840</v>
      </c>
      <c r="B713" t="s">
        <v>3434</v>
      </c>
      <c r="C713" t="s">
        <v>1738</v>
      </c>
      <c r="D713">
        <v>55</v>
      </c>
      <c r="E713" t="s">
        <v>4194</v>
      </c>
      <c r="F713" t="s">
        <v>4189</v>
      </c>
      <c r="G713" t="s">
        <v>656</v>
      </c>
      <c r="H713">
        <v>2</v>
      </c>
      <c r="I713">
        <v>2020</v>
      </c>
    </row>
    <row r="714" spans="1:9" x14ac:dyDescent="0.25">
      <c r="A714">
        <v>841</v>
      </c>
      <c r="B714" t="s">
        <v>3433</v>
      </c>
      <c r="C714" t="s">
        <v>1738</v>
      </c>
      <c r="D714">
        <v>55</v>
      </c>
      <c r="E714" t="s">
        <v>4194</v>
      </c>
      <c r="F714" t="s">
        <v>4189</v>
      </c>
      <c r="G714" t="s">
        <v>656</v>
      </c>
      <c r="H714">
        <v>2</v>
      </c>
      <c r="I714">
        <v>2020</v>
      </c>
    </row>
    <row r="715" spans="1:9" x14ac:dyDescent="0.25">
      <c r="A715">
        <v>842</v>
      </c>
      <c r="B715" t="s">
        <v>3432</v>
      </c>
      <c r="C715" t="s">
        <v>1738</v>
      </c>
      <c r="D715">
        <v>55</v>
      </c>
      <c r="E715" t="s">
        <v>4194</v>
      </c>
      <c r="F715" t="s">
        <v>4189</v>
      </c>
      <c r="G715" t="s">
        <v>656</v>
      </c>
      <c r="H715">
        <v>2</v>
      </c>
      <c r="I715">
        <v>2020</v>
      </c>
    </row>
    <row r="716" spans="1:9" x14ac:dyDescent="0.25">
      <c r="A716">
        <v>843</v>
      </c>
      <c r="B716" t="s">
        <v>3431</v>
      </c>
      <c r="C716" t="s">
        <v>802</v>
      </c>
      <c r="D716">
        <v>12</v>
      </c>
      <c r="E716" t="s">
        <v>802</v>
      </c>
      <c r="F716" t="s">
        <v>4171</v>
      </c>
      <c r="G716" t="s">
        <v>656</v>
      </c>
      <c r="H716">
        <v>2</v>
      </c>
      <c r="I716">
        <v>2020</v>
      </c>
    </row>
    <row r="717" spans="1:9" x14ac:dyDescent="0.25">
      <c r="A717">
        <v>844</v>
      </c>
      <c r="B717" t="s">
        <v>3430</v>
      </c>
      <c r="C717" t="s">
        <v>802</v>
      </c>
      <c r="D717">
        <v>12</v>
      </c>
      <c r="E717" t="s">
        <v>802</v>
      </c>
      <c r="F717" t="s">
        <v>4171</v>
      </c>
      <c r="G717" t="s">
        <v>656</v>
      </c>
      <c r="H717">
        <v>2</v>
      </c>
      <c r="I717">
        <v>2020</v>
      </c>
    </row>
    <row r="718" spans="1:9" x14ac:dyDescent="0.25">
      <c r="A718">
        <v>845</v>
      </c>
      <c r="B718" t="s">
        <v>4269</v>
      </c>
      <c r="C718" t="s">
        <v>802</v>
      </c>
      <c r="D718">
        <v>12</v>
      </c>
      <c r="E718" t="s">
        <v>802</v>
      </c>
      <c r="F718" t="s">
        <v>4171</v>
      </c>
      <c r="G718" t="s">
        <v>656</v>
      </c>
      <c r="H718">
        <v>2</v>
      </c>
      <c r="I718">
        <v>2020</v>
      </c>
    </row>
    <row r="719" spans="1:9" x14ac:dyDescent="0.25">
      <c r="A719">
        <v>846</v>
      </c>
      <c r="B719" t="s">
        <v>3429</v>
      </c>
      <c r="C719" t="s">
        <v>802</v>
      </c>
      <c r="D719">
        <v>12</v>
      </c>
      <c r="E719" t="s">
        <v>802</v>
      </c>
      <c r="F719" t="s">
        <v>4171</v>
      </c>
      <c r="G719" t="s">
        <v>656</v>
      </c>
      <c r="H719">
        <v>2</v>
      </c>
      <c r="I719">
        <v>2020</v>
      </c>
    </row>
    <row r="720" spans="1:9" x14ac:dyDescent="0.25">
      <c r="A720">
        <v>847</v>
      </c>
      <c r="B720" t="s">
        <v>4270</v>
      </c>
      <c r="C720" t="s">
        <v>802</v>
      </c>
      <c r="D720">
        <v>12</v>
      </c>
      <c r="E720" t="s">
        <v>802</v>
      </c>
      <c r="F720" t="s">
        <v>4171</v>
      </c>
      <c r="G720" t="s">
        <v>656</v>
      </c>
      <c r="H720">
        <v>2</v>
      </c>
      <c r="I720">
        <v>2020</v>
      </c>
    </row>
    <row r="721" spans="1:9" x14ac:dyDescent="0.25">
      <c r="A721">
        <v>848</v>
      </c>
      <c r="B721" t="s">
        <v>4271</v>
      </c>
      <c r="C721" t="s">
        <v>802</v>
      </c>
      <c r="D721">
        <v>12</v>
      </c>
      <c r="E721" t="s">
        <v>802</v>
      </c>
      <c r="F721" t="s">
        <v>4171</v>
      </c>
      <c r="G721" t="s">
        <v>656</v>
      </c>
      <c r="H721">
        <v>2</v>
      </c>
      <c r="I721">
        <v>2020</v>
      </c>
    </row>
    <row r="722" spans="1:9" x14ac:dyDescent="0.25">
      <c r="A722">
        <v>849</v>
      </c>
      <c r="B722" t="s">
        <v>3428</v>
      </c>
      <c r="C722" t="s">
        <v>802</v>
      </c>
      <c r="D722">
        <v>12</v>
      </c>
      <c r="E722" t="s">
        <v>802</v>
      </c>
      <c r="F722" t="s">
        <v>4171</v>
      </c>
      <c r="G722" t="s">
        <v>656</v>
      </c>
      <c r="H722">
        <v>2</v>
      </c>
      <c r="I722">
        <v>2020</v>
      </c>
    </row>
    <row r="723" spans="1:9" x14ac:dyDescent="0.25">
      <c r="A723">
        <v>850</v>
      </c>
      <c r="B723" t="s">
        <v>3427</v>
      </c>
      <c r="C723" t="s">
        <v>802</v>
      </c>
      <c r="D723">
        <v>12</v>
      </c>
      <c r="E723" t="s">
        <v>802</v>
      </c>
      <c r="F723" t="s">
        <v>4171</v>
      </c>
      <c r="G723" t="s">
        <v>656</v>
      </c>
      <c r="H723">
        <v>2</v>
      </c>
      <c r="I723">
        <v>2020</v>
      </c>
    </row>
    <row r="724" spans="1:9" x14ac:dyDescent="0.25">
      <c r="A724">
        <v>851</v>
      </c>
      <c r="B724" t="s">
        <v>3426</v>
      </c>
      <c r="C724" t="s">
        <v>802</v>
      </c>
      <c r="D724">
        <v>12</v>
      </c>
      <c r="E724" t="s">
        <v>802</v>
      </c>
      <c r="F724" t="s">
        <v>4171</v>
      </c>
      <c r="G724" t="s">
        <v>656</v>
      </c>
      <c r="H724">
        <v>2</v>
      </c>
      <c r="I724">
        <v>2020</v>
      </c>
    </row>
    <row r="725" spans="1:9" x14ac:dyDescent="0.25">
      <c r="A725">
        <v>852</v>
      </c>
      <c r="B725" t="s">
        <v>3425</v>
      </c>
      <c r="C725" t="s">
        <v>802</v>
      </c>
      <c r="D725">
        <v>12</v>
      </c>
      <c r="E725" t="s">
        <v>802</v>
      </c>
      <c r="F725" t="s">
        <v>4171</v>
      </c>
      <c r="G725" t="s">
        <v>656</v>
      </c>
      <c r="H725">
        <v>2</v>
      </c>
      <c r="I725">
        <v>2020</v>
      </c>
    </row>
    <row r="726" spans="1:9" x14ac:dyDescent="0.25">
      <c r="A726">
        <v>853</v>
      </c>
      <c r="B726" t="s">
        <v>3424</v>
      </c>
      <c r="C726" t="s">
        <v>756</v>
      </c>
      <c r="D726">
        <v>19</v>
      </c>
      <c r="E726" t="s">
        <v>894</v>
      </c>
      <c r="F726" t="s">
        <v>4177</v>
      </c>
      <c r="G726" t="s">
        <v>656</v>
      </c>
      <c r="H726">
        <v>2</v>
      </c>
      <c r="I726">
        <v>2020</v>
      </c>
    </row>
    <row r="727" spans="1:9" x14ac:dyDescent="0.25">
      <c r="A727">
        <v>854</v>
      </c>
      <c r="B727" t="s">
        <v>3423</v>
      </c>
      <c r="C727" t="s">
        <v>756</v>
      </c>
      <c r="D727">
        <v>19</v>
      </c>
      <c r="E727" t="s">
        <v>894</v>
      </c>
      <c r="F727" t="s">
        <v>4177</v>
      </c>
      <c r="G727" t="s">
        <v>656</v>
      </c>
      <c r="H727">
        <v>2</v>
      </c>
      <c r="I727">
        <v>2020</v>
      </c>
    </row>
    <row r="728" spans="1:9" x14ac:dyDescent="0.25">
      <c r="A728">
        <v>855</v>
      </c>
      <c r="B728" t="s">
        <v>2403</v>
      </c>
      <c r="C728" t="s">
        <v>756</v>
      </c>
      <c r="D728">
        <v>19</v>
      </c>
      <c r="E728" t="s">
        <v>894</v>
      </c>
      <c r="F728" t="s">
        <v>4177</v>
      </c>
      <c r="G728" t="s">
        <v>656</v>
      </c>
      <c r="H728">
        <v>2</v>
      </c>
      <c r="I728">
        <v>2020</v>
      </c>
    </row>
    <row r="729" spans="1:9" x14ac:dyDescent="0.25">
      <c r="A729">
        <v>856</v>
      </c>
      <c r="B729" t="s">
        <v>3422</v>
      </c>
      <c r="C729" t="s">
        <v>691</v>
      </c>
      <c r="D729">
        <v>21</v>
      </c>
      <c r="E729" t="s">
        <v>691</v>
      </c>
      <c r="F729" t="s">
        <v>4177</v>
      </c>
      <c r="G729" t="s">
        <v>656</v>
      </c>
      <c r="H729">
        <v>2</v>
      </c>
      <c r="I729">
        <v>2020</v>
      </c>
    </row>
    <row r="730" spans="1:9" x14ac:dyDescent="0.25">
      <c r="A730">
        <v>857</v>
      </c>
      <c r="B730" t="s">
        <v>4272</v>
      </c>
      <c r="C730" t="s">
        <v>691</v>
      </c>
      <c r="D730">
        <v>21</v>
      </c>
      <c r="E730" t="s">
        <v>691</v>
      </c>
      <c r="F730" t="s">
        <v>4177</v>
      </c>
      <c r="G730" t="s">
        <v>656</v>
      </c>
      <c r="H730">
        <v>2</v>
      </c>
      <c r="I730">
        <v>2020</v>
      </c>
    </row>
    <row r="731" spans="1:9" x14ac:dyDescent="0.25">
      <c r="A731">
        <v>858</v>
      </c>
      <c r="B731" t="s">
        <v>3421</v>
      </c>
      <c r="C731" t="s">
        <v>691</v>
      </c>
      <c r="D731">
        <v>21</v>
      </c>
      <c r="E731" t="s">
        <v>691</v>
      </c>
      <c r="F731" t="s">
        <v>4177</v>
      </c>
      <c r="G731" t="s">
        <v>656</v>
      </c>
      <c r="H731">
        <v>2</v>
      </c>
      <c r="I731">
        <v>2020</v>
      </c>
    </row>
    <row r="732" spans="1:9" x14ac:dyDescent="0.25">
      <c r="A732">
        <v>859</v>
      </c>
      <c r="B732" t="s">
        <v>2176</v>
      </c>
      <c r="C732" t="s">
        <v>691</v>
      </c>
      <c r="D732">
        <v>21</v>
      </c>
      <c r="E732" t="s">
        <v>691</v>
      </c>
      <c r="F732" t="s">
        <v>4177</v>
      </c>
      <c r="G732" t="s">
        <v>656</v>
      </c>
      <c r="H732">
        <v>2</v>
      </c>
      <c r="I732">
        <v>2020</v>
      </c>
    </row>
    <row r="733" spans="1:9" x14ac:dyDescent="0.25">
      <c r="A733">
        <v>860</v>
      </c>
      <c r="B733" t="s">
        <v>3420</v>
      </c>
      <c r="C733" t="s">
        <v>691</v>
      </c>
      <c r="D733">
        <v>21</v>
      </c>
      <c r="E733" t="s">
        <v>691</v>
      </c>
      <c r="F733" t="s">
        <v>4177</v>
      </c>
      <c r="G733" t="s">
        <v>656</v>
      </c>
      <c r="H733">
        <v>2</v>
      </c>
      <c r="I733">
        <v>2020</v>
      </c>
    </row>
    <row r="734" spans="1:9" x14ac:dyDescent="0.25">
      <c r="A734">
        <v>861</v>
      </c>
      <c r="B734" t="s">
        <v>3419</v>
      </c>
      <c r="C734" t="s">
        <v>691</v>
      </c>
      <c r="D734">
        <v>21</v>
      </c>
      <c r="E734" t="s">
        <v>691</v>
      </c>
      <c r="F734" t="s">
        <v>4177</v>
      </c>
      <c r="G734" t="s">
        <v>656</v>
      </c>
      <c r="H734">
        <v>2</v>
      </c>
      <c r="I734">
        <v>2020</v>
      </c>
    </row>
    <row r="735" spans="1:9" x14ac:dyDescent="0.25">
      <c r="A735">
        <v>862</v>
      </c>
      <c r="B735" t="s">
        <v>3418</v>
      </c>
      <c r="C735" t="s">
        <v>691</v>
      </c>
      <c r="D735">
        <v>21</v>
      </c>
      <c r="E735" t="s">
        <v>691</v>
      </c>
      <c r="F735" t="s">
        <v>4177</v>
      </c>
      <c r="G735" t="s">
        <v>656</v>
      </c>
      <c r="H735">
        <v>2</v>
      </c>
      <c r="I735">
        <v>2020</v>
      </c>
    </row>
    <row r="736" spans="1:9" x14ac:dyDescent="0.25">
      <c r="A736">
        <v>863</v>
      </c>
      <c r="B736" t="s">
        <v>3417</v>
      </c>
      <c r="C736" t="s">
        <v>691</v>
      </c>
      <c r="D736">
        <v>21</v>
      </c>
      <c r="E736" t="s">
        <v>691</v>
      </c>
      <c r="F736" t="s">
        <v>4177</v>
      </c>
      <c r="G736" t="s">
        <v>656</v>
      </c>
      <c r="H736">
        <v>2</v>
      </c>
      <c r="I736">
        <v>2020</v>
      </c>
    </row>
    <row r="737" spans="1:9" x14ac:dyDescent="0.25">
      <c r="A737">
        <v>864</v>
      </c>
      <c r="B737" t="s">
        <v>3416</v>
      </c>
      <c r="C737" t="s">
        <v>691</v>
      </c>
      <c r="D737">
        <v>21</v>
      </c>
      <c r="E737" t="s">
        <v>691</v>
      </c>
      <c r="F737" t="s">
        <v>4177</v>
      </c>
      <c r="G737" t="s">
        <v>656</v>
      </c>
      <c r="H737">
        <v>2</v>
      </c>
      <c r="I737">
        <v>2020</v>
      </c>
    </row>
    <row r="738" spans="1:9" x14ac:dyDescent="0.25">
      <c r="A738">
        <v>865</v>
      </c>
      <c r="B738" t="s">
        <v>3415</v>
      </c>
      <c r="C738" t="s">
        <v>691</v>
      </c>
      <c r="D738">
        <v>21</v>
      </c>
      <c r="E738" t="s">
        <v>691</v>
      </c>
      <c r="F738" t="s">
        <v>4177</v>
      </c>
      <c r="G738" t="s">
        <v>656</v>
      </c>
      <c r="H738">
        <v>2</v>
      </c>
      <c r="I738">
        <v>2020</v>
      </c>
    </row>
    <row r="739" spans="1:9" x14ac:dyDescent="0.25">
      <c r="A739">
        <v>866</v>
      </c>
      <c r="B739" t="s">
        <v>3414</v>
      </c>
      <c r="C739" t="s">
        <v>691</v>
      </c>
      <c r="D739">
        <v>21</v>
      </c>
      <c r="E739" t="s">
        <v>691</v>
      </c>
      <c r="F739" t="s">
        <v>4177</v>
      </c>
      <c r="G739" t="s">
        <v>656</v>
      </c>
      <c r="H739">
        <v>2</v>
      </c>
      <c r="I739">
        <v>2020</v>
      </c>
    </row>
    <row r="740" spans="1:9" x14ac:dyDescent="0.25">
      <c r="A740">
        <v>867</v>
      </c>
      <c r="B740" t="s">
        <v>3413</v>
      </c>
      <c r="C740" t="s">
        <v>691</v>
      </c>
      <c r="D740">
        <v>21</v>
      </c>
      <c r="E740" t="s">
        <v>691</v>
      </c>
      <c r="F740" t="s">
        <v>4177</v>
      </c>
      <c r="G740" t="s">
        <v>656</v>
      </c>
      <c r="H740">
        <v>2</v>
      </c>
      <c r="I740">
        <v>2020</v>
      </c>
    </row>
    <row r="741" spans="1:9" x14ac:dyDescent="0.25">
      <c r="A741">
        <v>868</v>
      </c>
      <c r="B741" t="s">
        <v>3412</v>
      </c>
      <c r="C741" t="s">
        <v>663</v>
      </c>
      <c r="D741">
        <v>99</v>
      </c>
      <c r="E741" t="s">
        <v>663</v>
      </c>
      <c r="F741" t="s">
        <v>4171</v>
      </c>
      <c r="G741" t="s">
        <v>656</v>
      </c>
      <c r="H741">
        <v>2</v>
      </c>
      <c r="I741">
        <v>2020</v>
      </c>
    </row>
    <row r="742" spans="1:9" x14ac:dyDescent="0.25">
      <c r="A742">
        <v>869</v>
      </c>
      <c r="B742" t="s">
        <v>3411</v>
      </c>
      <c r="C742" t="s">
        <v>663</v>
      </c>
      <c r="D742">
        <v>99</v>
      </c>
      <c r="E742" t="s">
        <v>663</v>
      </c>
      <c r="F742" t="s">
        <v>4171</v>
      </c>
      <c r="G742" t="s">
        <v>656</v>
      </c>
      <c r="H742">
        <v>2</v>
      </c>
      <c r="I742">
        <v>2020</v>
      </c>
    </row>
    <row r="743" spans="1:9" x14ac:dyDescent="0.25">
      <c r="A743">
        <v>870</v>
      </c>
      <c r="B743" t="s">
        <v>3410</v>
      </c>
      <c r="C743" t="s">
        <v>663</v>
      </c>
      <c r="D743">
        <v>99</v>
      </c>
      <c r="E743" t="s">
        <v>663</v>
      </c>
      <c r="F743" t="s">
        <v>4171</v>
      </c>
      <c r="G743" t="s">
        <v>656</v>
      </c>
      <c r="H743">
        <v>2</v>
      </c>
      <c r="I743">
        <v>2020</v>
      </c>
    </row>
    <row r="744" spans="1:9" x14ac:dyDescent="0.25">
      <c r="A744">
        <v>871</v>
      </c>
      <c r="B744" t="s">
        <v>3018</v>
      </c>
      <c r="C744" t="s">
        <v>663</v>
      </c>
      <c r="D744">
        <v>99</v>
      </c>
      <c r="E744" t="s">
        <v>663</v>
      </c>
      <c r="F744" t="s">
        <v>4171</v>
      </c>
      <c r="G744" t="s">
        <v>656</v>
      </c>
      <c r="H744">
        <v>2</v>
      </c>
      <c r="I744">
        <v>2020</v>
      </c>
    </row>
    <row r="745" spans="1:9" x14ac:dyDescent="0.25">
      <c r="A745">
        <v>872</v>
      </c>
      <c r="B745" t="s">
        <v>4273</v>
      </c>
      <c r="C745" t="s">
        <v>663</v>
      </c>
      <c r="D745">
        <v>99</v>
      </c>
      <c r="E745" t="s">
        <v>663</v>
      </c>
      <c r="F745" t="s">
        <v>4171</v>
      </c>
      <c r="G745" t="s">
        <v>656</v>
      </c>
      <c r="H745">
        <v>2</v>
      </c>
      <c r="I745">
        <v>2020</v>
      </c>
    </row>
    <row r="746" spans="1:9" x14ac:dyDescent="0.25">
      <c r="A746">
        <v>873</v>
      </c>
      <c r="B746" t="s">
        <v>3409</v>
      </c>
      <c r="C746" t="s">
        <v>663</v>
      </c>
      <c r="D746">
        <v>99</v>
      </c>
      <c r="E746" t="s">
        <v>663</v>
      </c>
      <c r="F746" t="s">
        <v>4171</v>
      </c>
      <c r="G746" t="s">
        <v>656</v>
      </c>
      <c r="H746">
        <v>2</v>
      </c>
      <c r="I746">
        <v>2020</v>
      </c>
    </row>
    <row r="747" spans="1:9" x14ac:dyDescent="0.25">
      <c r="A747">
        <v>874</v>
      </c>
      <c r="B747" t="s">
        <v>3408</v>
      </c>
      <c r="C747" t="s">
        <v>663</v>
      </c>
      <c r="D747">
        <v>99</v>
      </c>
      <c r="E747" t="s">
        <v>663</v>
      </c>
      <c r="F747" t="s">
        <v>4171</v>
      </c>
      <c r="G747" t="s">
        <v>656</v>
      </c>
      <c r="H747">
        <v>2</v>
      </c>
      <c r="I747">
        <v>2020</v>
      </c>
    </row>
    <row r="748" spans="1:9" x14ac:dyDescent="0.25">
      <c r="A748">
        <v>875</v>
      </c>
      <c r="B748" t="s">
        <v>3407</v>
      </c>
      <c r="C748" t="s">
        <v>663</v>
      </c>
      <c r="D748">
        <v>99</v>
      </c>
      <c r="E748" t="s">
        <v>663</v>
      </c>
      <c r="F748" t="s">
        <v>4171</v>
      </c>
      <c r="G748" t="s">
        <v>656</v>
      </c>
      <c r="H748">
        <v>2</v>
      </c>
      <c r="I748">
        <v>2020</v>
      </c>
    </row>
    <row r="749" spans="1:9" x14ac:dyDescent="0.25">
      <c r="A749">
        <v>876</v>
      </c>
      <c r="B749" t="s">
        <v>3406</v>
      </c>
      <c r="C749" t="s">
        <v>663</v>
      </c>
      <c r="D749">
        <v>99</v>
      </c>
      <c r="E749" t="s">
        <v>663</v>
      </c>
      <c r="F749" t="s">
        <v>4171</v>
      </c>
      <c r="G749" t="s">
        <v>656</v>
      </c>
      <c r="H749">
        <v>2</v>
      </c>
      <c r="I749">
        <v>2020</v>
      </c>
    </row>
    <row r="750" spans="1:9" x14ac:dyDescent="0.25">
      <c r="A750">
        <v>877</v>
      </c>
      <c r="B750" t="s">
        <v>3405</v>
      </c>
      <c r="C750" t="s">
        <v>663</v>
      </c>
      <c r="D750">
        <v>99</v>
      </c>
      <c r="E750" t="s">
        <v>663</v>
      </c>
      <c r="F750" t="s">
        <v>4171</v>
      </c>
      <c r="G750" t="s">
        <v>656</v>
      </c>
      <c r="H750">
        <v>2</v>
      </c>
      <c r="I750">
        <v>2020</v>
      </c>
    </row>
    <row r="751" spans="1:9" x14ac:dyDescent="0.25">
      <c r="A751">
        <v>878</v>
      </c>
      <c r="B751" t="s">
        <v>1418</v>
      </c>
      <c r="C751" t="s">
        <v>663</v>
      </c>
      <c r="D751">
        <v>99</v>
      </c>
      <c r="E751" t="s">
        <v>663</v>
      </c>
      <c r="F751" t="s">
        <v>4171</v>
      </c>
      <c r="G751" t="s">
        <v>656</v>
      </c>
      <c r="H751">
        <v>2</v>
      </c>
      <c r="I751">
        <v>2020</v>
      </c>
    </row>
    <row r="752" spans="1:9" x14ac:dyDescent="0.25">
      <c r="A752">
        <v>879</v>
      </c>
      <c r="B752" t="s">
        <v>3404</v>
      </c>
      <c r="C752" t="s">
        <v>663</v>
      </c>
      <c r="D752">
        <v>99</v>
      </c>
      <c r="E752" t="s">
        <v>663</v>
      </c>
      <c r="F752" t="s">
        <v>4171</v>
      </c>
      <c r="G752" t="s">
        <v>656</v>
      </c>
      <c r="H752">
        <v>2</v>
      </c>
      <c r="I752">
        <v>2020</v>
      </c>
    </row>
    <row r="753" spans="1:9" x14ac:dyDescent="0.25">
      <c r="A753">
        <v>880</v>
      </c>
      <c r="B753" t="s">
        <v>3021</v>
      </c>
      <c r="C753" t="s">
        <v>663</v>
      </c>
      <c r="D753">
        <v>99</v>
      </c>
      <c r="E753" t="s">
        <v>663</v>
      </c>
      <c r="F753" t="s">
        <v>4171</v>
      </c>
      <c r="G753" t="s">
        <v>656</v>
      </c>
      <c r="H753">
        <v>2</v>
      </c>
      <c r="I753">
        <v>2020</v>
      </c>
    </row>
    <row r="754" spans="1:9" x14ac:dyDescent="0.25">
      <c r="A754">
        <v>881</v>
      </c>
      <c r="B754" t="s">
        <v>3403</v>
      </c>
      <c r="C754" t="s">
        <v>663</v>
      </c>
      <c r="D754">
        <v>99</v>
      </c>
      <c r="E754" t="s">
        <v>663</v>
      </c>
      <c r="F754" t="s">
        <v>4171</v>
      </c>
      <c r="G754" t="s">
        <v>656</v>
      </c>
      <c r="H754">
        <v>2</v>
      </c>
      <c r="I754">
        <v>2020</v>
      </c>
    </row>
    <row r="755" spans="1:9" x14ac:dyDescent="0.25">
      <c r="A755">
        <v>882</v>
      </c>
      <c r="B755" t="s">
        <v>3402</v>
      </c>
      <c r="C755" t="s">
        <v>663</v>
      </c>
      <c r="D755">
        <v>99</v>
      </c>
      <c r="E755" t="s">
        <v>663</v>
      </c>
      <c r="F755" t="s">
        <v>4171</v>
      </c>
      <c r="G755" t="s">
        <v>656</v>
      </c>
      <c r="H755">
        <v>2</v>
      </c>
      <c r="I755">
        <v>2020</v>
      </c>
    </row>
    <row r="756" spans="1:9" x14ac:dyDescent="0.25">
      <c r="A756">
        <v>883</v>
      </c>
      <c r="B756" t="s">
        <v>3401</v>
      </c>
      <c r="C756" t="s">
        <v>663</v>
      </c>
      <c r="D756">
        <v>99</v>
      </c>
      <c r="E756" t="s">
        <v>663</v>
      </c>
      <c r="F756" t="s">
        <v>4171</v>
      </c>
      <c r="G756" t="s">
        <v>656</v>
      </c>
      <c r="H756">
        <v>2</v>
      </c>
      <c r="I756">
        <v>2020</v>
      </c>
    </row>
    <row r="757" spans="1:9" x14ac:dyDescent="0.25">
      <c r="A757">
        <v>884</v>
      </c>
      <c r="B757" t="s">
        <v>3400</v>
      </c>
      <c r="C757" t="s">
        <v>663</v>
      </c>
      <c r="D757">
        <v>99</v>
      </c>
      <c r="E757" t="s">
        <v>663</v>
      </c>
      <c r="F757" t="s">
        <v>4171</v>
      </c>
      <c r="G757" t="s">
        <v>656</v>
      </c>
      <c r="H757">
        <v>2</v>
      </c>
      <c r="I757">
        <v>2020</v>
      </c>
    </row>
    <row r="758" spans="1:9" x14ac:dyDescent="0.25">
      <c r="A758">
        <v>885</v>
      </c>
      <c r="B758" t="s">
        <v>3399</v>
      </c>
      <c r="C758" t="s">
        <v>663</v>
      </c>
      <c r="D758">
        <v>99</v>
      </c>
      <c r="E758" t="s">
        <v>663</v>
      </c>
      <c r="F758" t="s">
        <v>4171</v>
      </c>
      <c r="G758" t="s">
        <v>656</v>
      </c>
      <c r="H758">
        <v>2</v>
      </c>
      <c r="I758">
        <v>2020</v>
      </c>
    </row>
    <row r="759" spans="1:9" x14ac:dyDescent="0.25">
      <c r="A759">
        <v>886</v>
      </c>
      <c r="B759" t="s">
        <v>3398</v>
      </c>
      <c r="C759" t="s">
        <v>663</v>
      </c>
      <c r="D759">
        <v>99</v>
      </c>
      <c r="E759" t="s">
        <v>663</v>
      </c>
      <c r="F759" t="s">
        <v>4171</v>
      </c>
      <c r="G759" t="s">
        <v>656</v>
      </c>
      <c r="H759">
        <v>2</v>
      </c>
      <c r="I759">
        <v>2020</v>
      </c>
    </row>
    <row r="760" spans="1:9" x14ac:dyDescent="0.25">
      <c r="A760">
        <v>887</v>
      </c>
      <c r="B760" t="s">
        <v>3397</v>
      </c>
      <c r="C760" t="s">
        <v>663</v>
      </c>
      <c r="D760">
        <v>99</v>
      </c>
      <c r="E760" t="s">
        <v>663</v>
      </c>
      <c r="F760" t="s">
        <v>4171</v>
      </c>
      <c r="G760" t="s">
        <v>656</v>
      </c>
      <c r="H760">
        <v>2</v>
      </c>
      <c r="I760">
        <v>2020</v>
      </c>
    </row>
    <row r="761" spans="1:9" x14ac:dyDescent="0.25">
      <c r="A761">
        <v>888</v>
      </c>
      <c r="B761" t="s">
        <v>3396</v>
      </c>
      <c r="C761" t="s">
        <v>663</v>
      </c>
      <c r="D761">
        <v>99</v>
      </c>
      <c r="E761" t="s">
        <v>663</v>
      </c>
      <c r="F761" t="s">
        <v>4171</v>
      </c>
      <c r="G761" t="s">
        <v>656</v>
      </c>
      <c r="H761">
        <v>2</v>
      </c>
      <c r="I761">
        <v>2020</v>
      </c>
    </row>
    <row r="762" spans="1:9" x14ac:dyDescent="0.25">
      <c r="A762">
        <v>889</v>
      </c>
      <c r="B762" t="s">
        <v>3395</v>
      </c>
      <c r="C762" t="s">
        <v>895</v>
      </c>
      <c r="D762">
        <v>13</v>
      </c>
      <c r="E762" t="s">
        <v>895</v>
      </c>
      <c r="F762" t="s">
        <v>4171</v>
      </c>
      <c r="G762" t="s">
        <v>656</v>
      </c>
      <c r="H762">
        <v>2</v>
      </c>
      <c r="I762">
        <v>2020</v>
      </c>
    </row>
    <row r="763" spans="1:9" x14ac:dyDescent="0.25">
      <c r="A763">
        <v>890</v>
      </c>
      <c r="B763" t="s">
        <v>3394</v>
      </c>
      <c r="C763" t="s">
        <v>895</v>
      </c>
      <c r="D763">
        <v>13</v>
      </c>
      <c r="E763" t="s">
        <v>895</v>
      </c>
      <c r="F763" t="s">
        <v>4171</v>
      </c>
      <c r="G763" t="s">
        <v>656</v>
      </c>
      <c r="H763">
        <v>2</v>
      </c>
      <c r="I763">
        <v>2020</v>
      </c>
    </row>
    <row r="764" spans="1:9" x14ac:dyDescent="0.25">
      <c r="A764">
        <v>891</v>
      </c>
      <c r="B764" t="s">
        <v>3393</v>
      </c>
      <c r="C764" t="s">
        <v>895</v>
      </c>
      <c r="D764">
        <v>13</v>
      </c>
      <c r="E764" t="s">
        <v>895</v>
      </c>
      <c r="F764" t="s">
        <v>4171</v>
      </c>
      <c r="G764" t="s">
        <v>656</v>
      </c>
      <c r="H764">
        <v>2</v>
      </c>
      <c r="I764">
        <v>2020</v>
      </c>
    </row>
    <row r="765" spans="1:9" x14ac:dyDescent="0.25">
      <c r="A765">
        <v>892</v>
      </c>
      <c r="B765" t="s">
        <v>3392</v>
      </c>
      <c r="C765" t="s">
        <v>895</v>
      </c>
      <c r="D765">
        <v>13</v>
      </c>
      <c r="E765" t="s">
        <v>895</v>
      </c>
      <c r="F765" t="s">
        <v>4171</v>
      </c>
      <c r="G765" t="s">
        <v>656</v>
      </c>
      <c r="H765">
        <v>2</v>
      </c>
      <c r="I765">
        <v>2020</v>
      </c>
    </row>
    <row r="766" spans="1:9" x14ac:dyDescent="0.25">
      <c r="A766">
        <v>893</v>
      </c>
      <c r="B766" t="s">
        <v>3391</v>
      </c>
      <c r="C766" t="s">
        <v>895</v>
      </c>
      <c r="D766">
        <v>13</v>
      </c>
      <c r="E766" t="s">
        <v>895</v>
      </c>
      <c r="F766" t="s">
        <v>4171</v>
      </c>
      <c r="G766" t="s">
        <v>656</v>
      </c>
      <c r="H766">
        <v>2</v>
      </c>
      <c r="I766">
        <v>2020</v>
      </c>
    </row>
    <row r="767" spans="1:9" x14ac:dyDescent="0.25">
      <c r="A767">
        <v>900</v>
      </c>
      <c r="B767" t="s">
        <v>4274</v>
      </c>
      <c r="C767" t="s">
        <v>885</v>
      </c>
      <c r="D767">
        <v>1</v>
      </c>
      <c r="E767" t="s">
        <v>885</v>
      </c>
      <c r="F767" t="s">
        <v>4164</v>
      </c>
      <c r="G767" t="s">
        <v>656</v>
      </c>
      <c r="H767">
        <v>2</v>
      </c>
      <c r="I767">
        <v>2020</v>
      </c>
    </row>
    <row r="768" spans="1:9" x14ac:dyDescent="0.25">
      <c r="A768">
        <v>901</v>
      </c>
      <c r="B768" t="s">
        <v>4275</v>
      </c>
      <c r="C768" t="s">
        <v>885</v>
      </c>
      <c r="D768">
        <v>1</v>
      </c>
      <c r="E768" t="s">
        <v>885</v>
      </c>
      <c r="F768" t="s">
        <v>4164</v>
      </c>
      <c r="G768" t="s">
        <v>656</v>
      </c>
      <c r="H768">
        <v>2</v>
      </c>
      <c r="I768">
        <v>2020</v>
      </c>
    </row>
    <row r="769" spans="1:9" x14ac:dyDescent="0.25">
      <c r="A769">
        <v>902</v>
      </c>
      <c r="B769" t="s">
        <v>4276</v>
      </c>
      <c r="C769" t="s">
        <v>885</v>
      </c>
      <c r="D769">
        <v>1</v>
      </c>
      <c r="E769" t="s">
        <v>885</v>
      </c>
      <c r="F769" t="s">
        <v>4164</v>
      </c>
      <c r="G769" t="s">
        <v>656</v>
      </c>
      <c r="H769">
        <v>2</v>
      </c>
      <c r="I769">
        <v>2020</v>
      </c>
    </row>
    <row r="770" spans="1:9" x14ac:dyDescent="0.25">
      <c r="A770">
        <v>903</v>
      </c>
      <c r="B770" t="s">
        <v>4277</v>
      </c>
      <c r="C770" t="s">
        <v>885</v>
      </c>
      <c r="D770">
        <v>1</v>
      </c>
      <c r="E770" t="s">
        <v>885</v>
      </c>
      <c r="F770" t="s">
        <v>4164</v>
      </c>
      <c r="G770" t="s">
        <v>656</v>
      </c>
      <c r="H770">
        <v>2</v>
      </c>
      <c r="I770">
        <v>2020</v>
      </c>
    </row>
    <row r="771" spans="1:9" x14ac:dyDescent="0.25">
      <c r="A771">
        <v>904</v>
      </c>
      <c r="B771" t="s">
        <v>4278</v>
      </c>
      <c r="C771" t="s">
        <v>885</v>
      </c>
      <c r="D771">
        <v>1</v>
      </c>
      <c r="E771" t="s">
        <v>885</v>
      </c>
      <c r="F771" t="s">
        <v>4164</v>
      </c>
      <c r="G771" t="s">
        <v>656</v>
      </c>
      <c r="H771">
        <v>2</v>
      </c>
      <c r="I771">
        <v>2020</v>
      </c>
    </row>
    <row r="772" spans="1:9" x14ac:dyDescent="0.25">
      <c r="A772">
        <v>905</v>
      </c>
      <c r="B772" t="s">
        <v>4279</v>
      </c>
      <c r="C772" t="s">
        <v>885</v>
      </c>
      <c r="D772">
        <v>1</v>
      </c>
      <c r="E772" t="s">
        <v>885</v>
      </c>
      <c r="F772" t="s">
        <v>4164</v>
      </c>
      <c r="G772" t="s">
        <v>656</v>
      </c>
      <c r="H772">
        <v>2</v>
      </c>
      <c r="I772">
        <v>2020</v>
      </c>
    </row>
    <row r="773" spans="1:9" x14ac:dyDescent="0.25">
      <c r="A773">
        <v>906</v>
      </c>
      <c r="B773" t="s">
        <v>3390</v>
      </c>
      <c r="C773" t="s">
        <v>885</v>
      </c>
      <c r="D773">
        <v>1</v>
      </c>
      <c r="E773" t="s">
        <v>885</v>
      </c>
      <c r="F773" t="s">
        <v>4164</v>
      </c>
      <c r="G773" t="s">
        <v>656</v>
      </c>
      <c r="H773">
        <v>2</v>
      </c>
      <c r="I773">
        <v>2020</v>
      </c>
    </row>
    <row r="774" spans="1:9" x14ac:dyDescent="0.25">
      <c r="A774">
        <v>907</v>
      </c>
      <c r="B774" t="s">
        <v>4280</v>
      </c>
      <c r="C774" t="s">
        <v>885</v>
      </c>
      <c r="D774">
        <v>1</v>
      </c>
      <c r="E774" t="s">
        <v>885</v>
      </c>
      <c r="F774" t="s">
        <v>4164</v>
      </c>
      <c r="G774" t="s">
        <v>656</v>
      </c>
      <c r="H774">
        <v>2</v>
      </c>
      <c r="I774">
        <v>2020</v>
      </c>
    </row>
    <row r="775" spans="1:9" x14ac:dyDescent="0.25">
      <c r="A775">
        <v>908</v>
      </c>
      <c r="B775" t="s">
        <v>4281</v>
      </c>
      <c r="C775" t="s">
        <v>885</v>
      </c>
      <c r="D775">
        <v>1</v>
      </c>
      <c r="E775" t="s">
        <v>885</v>
      </c>
      <c r="F775" t="s">
        <v>4164</v>
      </c>
      <c r="G775" t="s">
        <v>656</v>
      </c>
      <c r="H775">
        <v>2</v>
      </c>
      <c r="I775">
        <v>2020</v>
      </c>
    </row>
    <row r="776" spans="1:9" x14ac:dyDescent="0.25">
      <c r="A776">
        <v>913</v>
      </c>
      <c r="B776" t="s">
        <v>3389</v>
      </c>
      <c r="C776" t="s">
        <v>703</v>
      </c>
      <c r="D776">
        <v>16</v>
      </c>
      <c r="E776" t="s">
        <v>703</v>
      </c>
      <c r="F776" t="s">
        <v>4177</v>
      </c>
      <c r="G776" t="s">
        <v>656</v>
      </c>
      <c r="H776">
        <v>2</v>
      </c>
      <c r="I776">
        <v>2020</v>
      </c>
    </row>
    <row r="777" spans="1:9" x14ac:dyDescent="0.25">
      <c r="A777">
        <v>914</v>
      </c>
      <c r="B777" t="s">
        <v>1913</v>
      </c>
      <c r="C777" t="s">
        <v>703</v>
      </c>
      <c r="D777">
        <v>16</v>
      </c>
      <c r="E777" t="s">
        <v>703</v>
      </c>
      <c r="F777" t="s">
        <v>4177</v>
      </c>
      <c r="G777" t="s">
        <v>656</v>
      </c>
      <c r="H777">
        <v>2</v>
      </c>
      <c r="I777">
        <v>2020</v>
      </c>
    </row>
    <row r="778" spans="1:9" x14ac:dyDescent="0.25">
      <c r="A778">
        <v>915</v>
      </c>
      <c r="B778" t="s">
        <v>4282</v>
      </c>
      <c r="C778" t="s">
        <v>703</v>
      </c>
      <c r="D778">
        <v>16</v>
      </c>
      <c r="E778" t="s">
        <v>703</v>
      </c>
      <c r="F778" t="s">
        <v>4177</v>
      </c>
      <c r="G778" t="s">
        <v>656</v>
      </c>
      <c r="H778">
        <v>2</v>
      </c>
      <c r="I778">
        <v>2020</v>
      </c>
    </row>
    <row r="779" spans="1:9" x14ac:dyDescent="0.25">
      <c r="A779">
        <v>916</v>
      </c>
      <c r="B779" t="s">
        <v>3388</v>
      </c>
      <c r="C779" t="s">
        <v>703</v>
      </c>
      <c r="D779">
        <v>16</v>
      </c>
      <c r="E779" t="s">
        <v>703</v>
      </c>
      <c r="F779" t="s">
        <v>4177</v>
      </c>
      <c r="G779" t="s">
        <v>656</v>
      </c>
      <c r="H779">
        <v>2</v>
      </c>
      <c r="I779">
        <v>2020</v>
      </c>
    </row>
    <row r="780" spans="1:9" x14ac:dyDescent="0.25">
      <c r="A780">
        <v>917</v>
      </c>
      <c r="B780" t="s">
        <v>1955</v>
      </c>
      <c r="C780" t="s">
        <v>703</v>
      </c>
      <c r="D780">
        <v>16</v>
      </c>
      <c r="E780" t="s">
        <v>703</v>
      </c>
      <c r="F780" t="s">
        <v>4177</v>
      </c>
      <c r="G780" t="s">
        <v>656</v>
      </c>
      <c r="H780">
        <v>2</v>
      </c>
      <c r="I780">
        <v>2020</v>
      </c>
    </row>
    <row r="781" spans="1:9" x14ac:dyDescent="0.25">
      <c r="A781">
        <v>918</v>
      </c>
      <c r="B781" t="s">
        <v>3387</v>
      </c>
      <c r="C781" t="s">
        <v>703</v>
      </c>
      <c r="D781">
        <v>16</v>
      </c>
      <c r="E781" t="s">
        <v>703</v>
      </c>
      <c r="F781" t="s">
        <v>4177</v>
      </c>
      <c r="G781" t="s">
        <v>656</v>
      </c>
      <c r="H781">
        <v>2</v>
      </c>
      <c r="I781">
        <v>2020</v>
      </c>
    </row>
    <row r="782" spans="1:9" x14ac:dyDescent="0.25">
      <c r="A782">
        <v>919</v>
      </c>
      <c r="B782" t="s">
        <v>3386</v>
      </c>
      <c r="C782" t="s">
        <v>703</v>
      </c>
      <c r="D782">
        <v>16</v>
      </c>
      <c r="E782" t="s">
        <v>703</v>
      </c>
      <c r="F782" t="s">
        <v>4177</v>
      </c>
      <c r="G782" t="s">
        <v>656</v>
      </c>
      <c r="H782">
        <v>2</v>
      </c>
      <c r="I782">
        <v>2020</v>
      </c>
    </row>
    <row r="783" spans="1:9" x14ac:dyDescent="0.25">
      <c r="A783">
        <v>920</v>
      </c>
      <c r="B783" t="s">
        <v>1084</v>
      </c>
      <c r="C783" t="s">
        <v>703</v>
      </c>
      <c r="D783">
        <v>16</v>
      </c>
      <c r="E783" t="s">
        <v>703</v>
      </c>
      <c r="F783" t="s">
        <v>4177</v>
      </c>
      <c r="G783" t="s">
        <v>656</v>
      </c>
      <c r="H783">
        <v>2</v>
      </c>
      <c r="I783">
        <v>2020</v>
      </c>
    </row>
    <row r="784" spans="1:9" x14ac:dyDescent="0.25">
      <c r="A784">
        <v>922</v>
      </c>
      <c r="B784" t="s">
        <v>4283</v>
      </c>
      <c r="C784" t="s">
        <v>703</v>
      </c>
      <c r="D784">
        <v>16</v>
      </c>
      <c r="E784" t="s">
        <v>703</v>
      </c>
      <c r="F784" t="s">
        <v>4177</v>
      </c>
      <c r="G784" t="s">
        <v>656</v>
      </c>
      <c r="H784">
        <v>2</v>
      </c>
      <c r="I784">
        <v>2020</v>
      </c>
    </row>
    <row r="785" spans="1:9" x14ac:dyDescent="0.25">
      <c r="A785">
        <v>923</v>
      </c>
      <c r="B785" t="s">
        <v>1708</v>
      </c>
      <c r="C785" t="s">
        <v>703</v>
      </c>
      <c r="D785">
        <v>16</v>
      </c>
      <c r="E785" t="s">
        <v>703</v>
      </c>
      <c r="F785" t="s">
        <v>4177</v>
      </c>
      <c r="G785" t="s">
        <v>656</v>
      </c>
      <c r="H785">
        <v>2</v>
      </c>
      <c r="I785">
        <v>2020</v>
      </c>
    </row>
    <row r="786" spans="1:9" x14ac:dyDescent="0.25">
      <c r="A786">
        <v>926</v>
      </c>
      <c r="B786" t="s">
        <v>4284</v>
      </c>
      <c r="C786" t="s">
        <v>868</v>
      </c>
      <c r="D786">
        <v>23</v>
      </c>
      <c r="E786" t="s">
        <v>4178</v>
      </c>
      <c r="F786" t="s">
        <v>4177</v>
      </c>
      <c r="G786" t="s">
        <v>656</v>
      </c>
      <c r="H786">
        <v>2</v>
      </c>
      <c r="I786">
        <v>2020</v>
      </c>
    </row>
    <row r="787" spans="1:9" x14ac:dyDescent="0.25">
      <c r="A787">
        <v>927</v>
      </c>
      <c r="B787" t="s">
        <v>4285</v>
      </c>
      <c r="C787" t="s">
        <v>868</v>
      </c>
      <c r="D787">
        <v>23</v>
      </c>
      <c r="E787" t="s">
        <v>4178</v>
      </c>
      <c r="F787" t="s">
        <v>4177</v>
      </c>
      <c r="G787" t="s">
        <v>656</v>
      </c>
      <c r="H787">
        <v>2</v>
      </c>
      <c r="I787">
        <v>2020</v>
      </c>
    </row>
    <row r="788" spans="1:9" x14ac:dyDescent="0.25">
      <c r="A788">
        <v>928</v>
      </c>
      <c r="B788" t="s">
        <v>3383</v>
      </c>
      <c r="C788" t="s">
        <v>868</v>
      </c>
      <c r="D788">
        <v>23</v>
      </c>
      <c r="E788" t="s">
        <v>4178</v>
      </c>
      <c r="F788" t="s">
        <v>4177</v>
      </c>
      <c r="G788" t="s">
        <v>656</v>
      </c>
      <c r="H788">
        <v>2</v>
      </c>
      <c r="I788">
        <v>2020</v>
      </c>
    </row>
    <row r="789" spans="1:9" x14ac:dyDescent="0.25">
      <c r="A789">
        <v>929</v>
      </c>
      <c r="B789" t="s">
        <v>2035</v>
      </c>
      <c r="C789" t="s">
        <v>868</v>
      </c>
      <c r="D789">
        <v>23</v>
      </c>
      <c r="E789" t="s">
        <v>4178</v>
      </c>
      <c r="F789" t="s">
        <v>4177</v>
      </c>
      <c r="G789" t="s">
        <v>656</v>
      </c>
      <c r="H789">
        <v>2</v>
      </c>
      <c r="I789">
        <v>2020</v>
      </c>
    </row>
    <row r="790" spans="1:9" x14ac:dyDescent="0.25">
      <c r="A790">
        <v>930</v>
      </c>
      <c r="B790" t="s">
        <v>3382</v>
      </c>
      <c r="C790" t="s">
        <v>868</v>
      </c>
      <c r="D790">
        <v>23</v>
      </c>
      <c r="E790" t="s">
        <v>4178</v>
      </c>
      <c r="F790" t="s">
        <v>4177</v>
      </c>
      <c r="G790" t="s">
        <v>656</v>
      </c>
      <c r="H790">
        <v>2</v>
      </c>
      <c r="I790">
        <v>2020</v>
      </c>
    </row>
    <row r="791" spans="1:9" x14ac:dyDescent="0.25">
      <c r="A791">
        <v>931</v>
      </c>
      <c r="B791" t="s">
        <v>1142</v>
      </c>
      <c r="C791" t="s">
        <v>868</v>
      </c>
      <c r="D791">
        <v>23</v>
      </c>
      <c r="E791" t="s">
        <v>4178</v>
      </c>
      <c r="F791" t="s">
        <v>4177</v>
      </c>
      <c r="G791" t="s">
        <v>656</v>
      </c>
      <c r="H791">
        <v>2</v>
      </c>
      <c r="I791">
        <v>2020</v>
      </c>
    </row>
    <row r="792" spans="1:9" x14ac:dyDescent="0.25">
      <c r="A792">
        <v>932</v>
      </c>
      <c r="B792" t="s">
        <v>4286</v>
      </c>
      <c r="C792" t="s">
        <v>868</v>
      </c>
      <c r="D792">
        <v>23</v>
      </c>
      <c r="E792" t="s">
        <v>4178</v>
      </c>
      <c r="F792" t="s">
        <v>4177</v>
      </c>
      <c r="G792" t="s">
        <v>656</v>
      </c>
      <c r="H792">
        <v>2</v>
      </c>
      <c r="I792">
        <v>2020</v>
      </c>
    </row>
    <row r="793" spans="1:9" x14ac:dyDescent="0.25">
      <c r="A793">
        <v>933</v>
      </c>
      <c r="B793" t="s">
        <v>4287</v>
      </c>
      <c r="C793" t="s">
        <v>868</v>
      </c>
      <c r="D793">
        <v>23</v>
      </c>
      <c r="E793" t="s">
        <v>4178</v>
      </c>
      <c r="F793" t="s">
        <v>4177</v>
      </c>
      <c r="G793" t="s">
        <v>656</v>
      </c>
      <c r="H793">
        <v>2</v>
      </c>
      <c r="I793">
        <v>2020</v>
      </c>
    </row>
    <row r="794" spans="1:9" x14ac:dyDescent="0.25">
      <c r="A794">
        <v>935</v>
      </c>
      <c r="B794" t="s">
        <v>4288</v>
      </c>
      <c r="C794" t="s">
        <v>868</v>
      </c>
      <c r="D794">
        <v>23</v>
      </c>
      <c r="E794" t="s">
        <v>4178</v>
      </c>
      <c r="F794" t="s">
        <v>4177</v>
      </c>
      <c r="G794" t="s">
        <v>656</v>
      </c>
      <c r="H794">
        <v>2</v>
      </c>
      <c r="I794">
        <v>2020</v>
      </c>
    </row>
    <row r="795" spans="1:9" x14ac:dyDescent="0.25">
      <c r="A795">
        <v>936</v>
      </c>
      <c r="B795" t="s">
        <v>3380</v>
      </c>
      <c r="C795" t="s">
        <v>868</v>
      </c>
      <c r="D795">
        <v>23</v>
      </c>
      <c r="E795" t="s">
        <v>4178</v>
      </c>
      <c r="F795" t="s">
        <v>4177</v>
      </c>
      <c r="G795" t="s">
        <v>656</v>
      </c>
      <c r="H795">
        <v>2</v>
      </c>
      <c r="I795">
        <v>2020</v>
      </c>
    </row>
    <row r="796" spans="1:9" x14ac:dyDescent="0.25">
      <c r="A796">
        <v>937</v>
      </c>
      <c r="B796" t="s">
        <v>2520</v>
      </c>
      <c r="C796" t="s">
        <v>684</v>
      </c>
      <c r="D796">
        <v>22</v>
      </c>
      <c r="E796" t="s">
        <v>4178</v>
      </c>
      <c r="F796" t="s">
        <v>4177</v>
      </c>
      <c r="G796" t="s">
        <v>656</v>
      </c>
      <c r="H796">
        <v>2</v>
      </c>
      <c r="I796">
        <v>2020</v>
      </c>
    </row>
    <row r="797" spans="1:9" x14ac:dyDescent="0.25">
      <c r="A797">
        <v>938</v>
      </c>
      <c r="B797" t="s">
        <v>3379</v>
      </c>
      <c r="C797" t="s">
        <v>684</v>
      </c>
      <c r="D797">
        <v>22</v>
      </c>
      <c r="E797" t="s">
        <v>4178</v>
      </c>
      <c r="F797" t="s">
        <v>4177</v>
      </c>
      <c r="G797" t="s">
        <v>656</v>
      </c>
      <c r="H797">
        <v>2</v>
      </c>
      <c r="I797">
        <v>2020</v>
      </c>
    </row>
    <row r="798" spans="1:9" x14ac:dyDescent="0.25">
      <c r="A798">
        <v>939</v>
      </c>
      <c r="B798" t="s">
        <v>3378</v>
      </c>
      <c r="C798" t="s">
        <v>684</v>
      </c>
      <c r="D798">
        <v>22</v>
      </c>
      <c r="E798" t="s">
        <v>4178</v>
      </c>
      <c r="F798" t="s">
        <v>4177</v>
      </c>
      <c r="G798" t="s">
        <v>656</v>
      </c>
      <c r="H798">
        <v>2</v>
      </c>
      <c r="I798">
        <v>2020</v>
      </c>
    </row>
    <row r="799" spans="1:9" x14ac:dyDescent="0.25">
      <c r="A799">
        <v>940</v>
      </c>
      <c r="B799" t="s">
        <v>3377</v>
      </c>
      <c r="C799" t="s">
        <v>684</v>
      </c>
      <c r="D799">
        <v>22</v>
      </c>
      <c r="E799" t="s">
        <v>4178</v>
      </c>
      <c r="F799" t="s">
        <v>4177</v>
      </c>
      <c r="G799" t="s">
        <v>656</v>
      </c>
      <c r="H799">
        <v>2</v>
      </c>
      <c r="I799">
        <v>2020</v>
      </c>
    </row>
    <row r="800" spans="1:9" x14ac:dyDescent="0.25">
      <c r="A800">
        <v>941</v>
      </c>
      <c r="B800" t="s">
        <v>3376</v>
      </c>
      <c r="C800" t="s">
        <v>684</v>
      </c>
      <c r="D800">
        <v>22</v>
      </c>
      <c r="E800" t="s">
        <v>4178</v>
      </c>
      <c r="F800" t="s">
        <v>4177</v>
      </c>
      <c r="G800" t="s">
        <v>656</v>
      </c>
      <c r="H800">
        <v>2</v>
      </c>
      <c r="I800">
        <v>2020</v>
      </c>
    </row>
    <row r="801" spans="1:9" x14ac:dyDescent="0.25">
      <c r="A801">
        <v>942</v>
      </c>
      <c r="B801" t="s">
        <v>4289</v>
      </c>
      <c r="C801" t="s">
        <v>684</v>
      </c>
      <c r="D801">
        <v>22</v>
      </c>
      <c r="E801" t="s">
        <v>4178</v>
      </c>
      <c r="F801" t="s">
        <v>4177</v>
      </c>
      <c r="G801" t="s">
        <v>656</v>
      </c>
      <c r="H801">
        <v>2</v>
      </c>
      <c r="I801">
        <v>2020</v>
      </c>
    </row>
    <row r="802" spans="1:9" x14ac:dyDescent="0.25">
      <c r="A802">
        <v>943</v>
      </c>
      <c r="B802" t="s">
        <v>3375</v>
      </c>
      <c r="C802" t="s">
        <v>684</v>
      </c>
      <c r="D802">
        <v>22</v>
      </c>
      <c r="E802" t="s">
        <v>4178</v>
      </c>
      <c r="F802" t="s">
        <v>4177</v>
      </c>
      <c r="G802" t="s">
        <v>656</v>
      </c>
      <c r="H802">
        <v>2</v>
      </c>
      <c r="I802">
        <v>2020</v>
      </c>
    </row>
    <row r="803" spans="1:9" x14ac:dyDescent="0.25">
      <c r="A803">
        <v>944</v>
      </c>
      <c r="B803" t="s">
        <v>3374</v>
      </c>
      <c r="C803" t="s">
        <v>684</v>
      </c>
      <c r="D803">
        <v>22</v>
      </c>
      <c r="E803" t="s">
        <v>4178</v>
      </c>
      <c r="F803" t="s">
        <v>4177</v>
      </c>
      <c r="G803" t="s">
        <v>656</v>
      </c>
      <c r="H803">
        <v>2</v>
      </c>
      <c r="I803">
        <v>2020</v>
      </c>
    </row>
    <row r="804" spans="1:9" x14ac:dyDescent="0.25">
      <c r="A804">
        <v>945</v>
      </c>
      <c r="B804" t="s">
        <v>4290</v>
      </c>
      <c r="C804" t="s">
        <v>684</v>
      </c>
      <c r="D804">
        <v>22</v>
      </c>
      <c r="E804" t="s">
        <v>4178</v>
      </c>
      <c r="F804" t="s">
        <v>4177</v>
      </c>
      <c r="G804" t="s">
        <v>656</v>
      </c>
      <c r="H804">
        <v>2</v>
      </c>
      <c r="I804">
        <v>2020</v>
      </c>
    </row>
    <row r="805" spans="1:9" x14ac:dyDescent="0.25">
      <c r="A805">
        <v>946</v>
      </c>
      <c r="B805" t="s">
        <v>4291</v>
      </c>
      <c r="C805" t="s">
        <v>684</v>
      </c>
      <c r="D805">
        <v>22</v>
      </c>
      <c r="E805" t="s">
        <v>4178</v>
      </c>
      <c r="F805" t="s">
        <v>4177</v>
      </c>
      <c r="G805" t="s">
        <v>656</v>
      </c>
      <c r="H805">
        <v>2</v>
      </c>
      <c r="I805">
        <v>2020</v>
      </c>
    </row>
    <row r="806" spans="1:9" x14ac:dyDescent="0.25">
      <c r="A806">
        <v>947</v>
      </c>
      <c r="B806" t="s">
        <v>3373</v>
      </c>
      <c r="C806" t="s">
        <v>684</v>
      </c>
      <c r="D806">
        <v>22</v>
      </c>
      <c r="E806" t="s">
        <v>4178</v>
      </c>
      <c r="F806" t="s">
        <v>4177</v>
      </c>
      <c r="G806" t="s">
        <v>656</v>
      </c>
      <c r="H806">
        <v>2</v>
      </c>
      <c r="I806">
        <v>2020</v>
      </c>
    </row>
    <row r="807" spans="1:9" x14ac:dyDescent="0.25">
      <c r="A807">
        <v>948</v>
      </c>
      <c r="B807" t="s">
        <v>3371</v>
      </c>
      <c r="C807" t="s">
        <v>684</v>
      </c>
      <c r="D807">
        <v>22</v>
      </c>
      <c r="E807" t="s">
        <v>4178</v>
      </c>
      <c r="F807" t="s">
        <v>4177</v>
      </c>
      <c r="G807" t="s">
        <v>656</v>
      </c>
      <c r="H807">
        <v>2</v>
      </c>
      <c r="I807">
        <v>2020</v>
      </c>
    </row>
    <row r="808" spans="1:9" x14ac:dyDescent="0.25">
      <c r="A808">
        <v>949</v>
      </c>
      <c r="B808" t="s">
        <v>3370</v>
      </c>
      <c r="C808" t="s">
        <v>684</v>
      </c>
      <c r="D808">
        <v>22</v>
      </c>
      <c r="E808" t="s">
        <v>4178</v>
      </c>
      <c r="F808" t="s">
        <v>4177</v>
      </c>
      <c r="G808" t="s">
        <v>656</v>
      </c>
      <c r="H808">
        <v>2</v>
      </c>
      <c r="I808">
        <v>2020</v>
      </c>
    </row>
    <row r="809" spans="1:9" x14ac:dyDescent="0.25">
      <c r="A809">
        <v>950</v>
      </c>
      <c r="B809" t="s">
        <v>3367</v>
      </c>
      <c r="C809" t="s">
        <v>894</v>
      </c>
      <c r="D809">
        <v>18</v>
      </c>
      <c r="E809" t="s">
        <v>894</v>
      </c>
      <c r="F809" t="s">
        <v>4177</v>
      </c>
      <c r="G809" t="s">
        <v>656</v>
      </c>
      <c r="H809">
        <v>2</v>
      </c>
      <c r="I809">
        <v>2020</v>
      </c>
    </row>
    <row r="810" spans="1:9" x14ac:dyDescent="0.25">
      <c r="A810">
        <v>951</v>
      </c>
      <c r="B810" t="s">
        <v>3369</v>
      </c>
      <c r="C810" t="s">
        <v>894</v>
      </c>
      <c r="D810">
        <v>18</v>
      </c>
      <c r="E810" t="s">
        <v>894</v>
      </c>
      <c r="F810" t="s">
        <v>4177</v>
      </c>
      <c r="G810" t="s">
        <v>656</v>
      </c>
      <c r="H810">
        <v>2</v>
      </c>
      <c r="I810">
        <v>2020</v>
      </c>
    </row>
    <row r="811" spans="1:9" x14ac:dyDescent="0.25">
      <c r="A811">
        <v>952</v>
      </c>
      <c r="B811" t="s">
        <v>3368</v>
      </c>
      <c r="C811" t="s">
        <v>894</v>
      </c>
      <c r="D811">
        <v>18</v>
      </c>
      <c r="E811" t="s">
        <v>894</v>
      </c>
      <c r="F811" t="s">
        <v>4177</v>
      </c>
      <c r="G811" t="s">
        <v>656</v>
      </c>
      <c r="H811">
        <v>2</v>
      </c>
      <c r="I811">
        <v>2020</v>
      </c>
    </row>
    <row r="812" spans="1:9" x14ac:dyDescent="0.25">
      <c r="A812">
        <v>953</v>
      </c>
      <c r="B812" t="s">
        <v>3366</v>
      </c>
      <c r="C812" t="s">
        <v>894</v>
      </c>
      <c r="D812">
        <v>18</v>
      </c>
      <c r="E812" t="s">
        <v>894</v>
      </c>
      <c r="F812" t="s">
        <v>4177</v>
      </c>
      <c r="G812" t="s">
        <v>656</v>
      </c>
      <c r="H812">
        <v>2</v>
      </c>
      <c r="I812">
        <v>2020</v>
      </c>
    </row>
    <row r="813" spans="1:9" x14ac:dyDescent="0.25">
      <c r="A813">
        <v>954</v>
      </c>
      <c r="B813" t="s">
        <v>3365</v>
      </c>
      <c r="C813" t="s">
        <v>864</v>
      </c>
      <c r="D813">
        <v>14</v>
      </c>
      <c r="E813" t="s">
        <v>864</v>
      </c>
      <c r="F813" t="s">
        <v>4171</v>
      </c>
      <c r="G813" t="s">
        <v>656</v>
      </c>
      <c r="H813">
        <v>2</v>
      </c>
      <c r="I813">
        <v>2020</v>
      </c>
    </row>
    <row r="814" spans="1:9" x14ac:dyDescent="0.25">
      <c r="A814">
        <v>955</v>
      </c>
      <c r="B814" t="s">
        <v>3364</v>
      </c>
      <c r="C814" t="s">
        <v>864</v>
      </c>
      <c r="D814">
        <v>14</v>
      </c>
      <c r="E814" t="s">
        <v>864</v>
      </c>
      <c r="F814" t="s">
        <v>4171</v>
      </c>
      <c r="G814" t="s">
        <v>656</v>
      </c>
      <c r="H814">
        <v>2</v>
      </c>
      <c r="I814">
        <v>2020</v>
      </c>
    </row>
    <row r="815" spans="1:9" x14ac:dyDescent="0.25">
      <c r="A815">
        <v>956</v>
      </c>
      <c r="B815" t="s">
        <v>3220</v>
      </c>
      <c r="C815" t="s">
        <v>864</v>
      </c>
      <c r="D815">
        <v>14</v>
      </c>
      <c r="E815" t="s">
        <v>864</v>
      </c>
      <c r="F815" t="s">
        <v>4171</v>
      </c>
      <c r="G815" t="s">
        <v>656</v>
      </c>
      <c r="H815">
        <v>2</v>
      </c>
      <c r="I815">
        <v>2020</v>
      </c>
    </row>
    <row r="816" spans="1:9" x14ac:dyDescent="0.25">
      <c r="A816">
        <v>957</v>
      </c>
      <c r="B816" t="s">
        <v>3363</v>
      </c>
      <c r="C816" t="s">
        <v>864</v>
      </c>
      <c r="D816">
        <v>14</v>
      </c>
      <c r="E816" t="s">
        <v>864</v>
      </c>
      <c r="F816" t="s">
        <v>4171</v>
      </c>
      <c r="G816" t="s">
        <v>656</v>
      </c>
      <c r="H816">
        <v>2</v>
      </c>
      <c r="I816">
        <v>2020</v>
      </c>
    </row>
    <row r="817" spans="1:9" x14ac:dyDescent="0.25">
      <c r="A817">
        <v>958</v>
      </c>
      <c r="B817" t="s">
        <v>3362</v>
      </c>
      <c r="C817" t="s">
        <v>864</v>
      </c>
      <c r="D817">
        <v>14</v>
      </c>
      <c r="E817" t="s">
        <v>864</v>
      </c>
      <c r="F817" t="s">
        <v>4171</v>
      </c>
      <c r="G817" t="s">
        <v>656</v>
      </c>
      <c r="H817">
        <v>2</v>
      </c>
      <c r="I817">
        <v>2020</v>
      </c>
    </row>
    <row r="818" spans="1:9" x14ac:dyDescent="0.25">
      <c r="A818">
        <v>959</v>
      </c>
      <c r="B818" t="s">
        <v>2897</v>
      </c>
      <c r="C818" t="s">
        <v>864</v>
      </c>
      <c r="D818">
        <v>14</v>
      </c>
      <c r="E818" t="s">
        <v>864</v>
      </c>
      <c r="F818" t="s">
        <v>4171</v>
      </c>
      <c r="G818" t="s">
        <v>656</v>
      </c>
      <c r="H818">
        <v>2</v>
      </c>
      <c r="I818">
        <v>2020</v>
      </c>
    </row>
    <row r="819" spans="1:9" x14ac:dyDescent="0.25">
      <c r="A819">
        <v>960</v>
      </c>
      <c r="B819" t="s">
        <v>3361</v>
      </c>
      <c r="C819" t="s">
        <v>864</v>
      </c>
      <c r="D819">
        <v>14</v>
      </c>
      <c r="E819" t="s">
        <v>864</v>
      </c>
      <c r="F819" t="s">
        <v>4171</v>
      </c>
      <c r="G819" t="s">
        <v>656</v>
      </c>
      <c r="H819">
        <v>2</v>
      </c>
      <c r="I819">
        <v>2020</v>
      </c>
    </row>
    <row r="820" spans="1:9" x14ac:dyDescent="0.25">
      <c r="A820">
        <v>961</v>
      </c>
      <c r="B820" t="s">
        <v>3360</v>
      </c>
      <c r="C820" t="s">
        <v>864</v>
      </c>
      <c r="D820">
        <v>14</v>
      </c>
      <c r="E820" t="s">
        <v>864</v>
      </c>
      <c r="F820" t="s">
        <v>4171</v>
      </c>
      <c r="G820" t="s">
        <v>656</v>
      </c>
      <c r="H820">
        <v>2</v>
      </c>
      <c r="I820">
        <v>2020</v>
      </c>
    </row>
    <row r="821" spans="1:9" x14ac:dyDescent="0.25">
      <c r="A821">
        <v>962</v>
      </c>
      <c r="B821" t="s">
        <v>3359</v>
      </c>
      <c r="C821" t="s">
        <v>864</v>
      </c>
      <c r="D821">
        <v>14</v>
      </c>
      <c r="E821" t="s">
        <v>864</v>
      </c>
      <c r="F821" t="s">
        <v>4171</v>
      </c>
      <c r="G821" t="s">
        <v>656</v>
      </c>
      <c r="H821">
        <v>2</v>
      </c>
      <c r="I821">
        <v>2020</v>
      </c>
    </row>
    <row r="822" spans="1:9" x14ac:dyDescent="0.25">
      <c r="A822">
        <v>963</v>
      </c>
      <c r="B822" t="s">
        <v>3358</v>
      </c>
      <c r="C822" t="s">
        <v>864</v>
      </c>
      <c r="D822">
        <v>14</v>
      </c>
      <c r="E822" t="s">
        <v>864</v>
      </c>
      <c r="F822" t="s">
        <v>4171</v>
      </c>
      <c r="G822" t="s">
        <v>656</v>
      </c>
      <c r="H822">
        <v>2</v>
      </c>
      <c r="I822">
        <v>2020</v>
      </c>
    </row>
    <row r="823" spans="1:9" x14ac:dyDescent="0.25">
      <c r="A823">
        <v>964</v>
      </c>
      <c r="B823" t="s">
        <v>3357</v>
      </c>
      <c r="C823" t="s">
        <v>864</v>
      </c>
      <c r="D823">
        <v>14</v>
      </c>
      <c r="E823" t="s">
        <v>864</v>
      </c>
      <c r="F823" t="s">
        <v>4171</v>
      </c>
      <c r="G823" t="s">
        <v>656</v>
      </c>
      <c r="H823">
        <v>2</v>
      </c>
      <c r="I823">
        <v>2020</v>
      </c>
    </row>
    <row r="824" spans="1:9" x14ac:dyDescent="0.25">
      <c r="A824">
        <v>965</v>
      </c>
      <c r="B824" t="s">
        <v>3356</v>
      </c>
      <c r="C824" t="s">
        <v>839</v>
      </c>
      <c r="D824">
        <v>89</v>
      </c>
      <c r="E824" t="s">
        <v>839</v>
      </c>
      <c r="F824" t="s">
        <v>4168</v>
      </c>
      <c r="G824" t="s">
        <v>656</v>
      </c>
      <c r="H824">
        <v>2</v>
      </c>
      <c r="I824">
        <v>2020</v>
      </c>
    </row>
    <row r="825" spans="1:9" x14ac:dyDescent="0.25">
      <c r="A825">
        <v>966</v>
      </c>
      <c r="B825" t="s">
        <v>3355</v>
      </c>
      <c r="C825" t="s">
        <v>839</v>
      </c>
      <c r="D825">
        <v>89</v>
      </c>
      <c r="E825" t="s">
        <v>839</v>
      </c>
      <c r="F825" t="s">
        <v>4168</v>
      </c>
      <c r="G825" t="s">
        <v>656</v>
      </c>
      <c r="H825">
        <v>2</v>
      </c>
      <c r="I825">
        <v>2020</v>
      </c>
    </row>
    <row r="826" spans="1:9" x14ac:dyDescent="0.25">
      <c r="A826">
        <v>967</v>
      </c>
      <c r="B826" t="s">
        <v>3354</v>
      </c>
      <c r="C826" t="s">
        <v>839</v>
      </c>
      <c r="D826">
        <v>89</v>
      </c>
      <c r="E826" t="s">
        <v>839</v>
      </c>
      <c r="F826" t="s">
        <v>4168</v>
      </c>
      <c r="G826" t="s">
        <v>656</v>
      </c>
      <c r="H826">
        <v>2</v>
      </c>
      <c r="I826">
        <v>2020</v>
      </c>
    </row>
    <row r="827" spans="1:9" x14ac:dyDescent="0.25">
      <c r="A827">
        <v>968</v>
      </c>
      <c r="B827" t="s">
        <v>3353</v>
      </c>
      <c r="C827" t="s">
        <v>839</v>
      </c>
      <c r="D827">
        <v>89</v>
      </c>
      <c r="E827" t="s">
        <v>839</v>
      </c>
      <c r="F827" t="s">
        <v>4168</v>
      </c>
      <c r="G827" t="s">
        <v>656</v>
      </c>
      <c r="H827">
        <v>2</v>
      </c>
      <c r="I827">
        <v>2020</v>
      </c>
    </row>
    <row r="828" spans="1:9" x14ac:dyDescent="0.25">
      <c r="A828">
        <v>969</v>
      </c>
      <c r="B828" t="s">
        <v>301</v>
      </c>
      <c r="C828" t="s">
        <v>301</v>
      </c>
      <c r="D828">
        <v>26</v>
      </c>
      <c r="E828" t="s">
        <v>4179</v>
      </c>
      <c r="F828" t="s">
        <v>4177</v>
      </c>
      <c r="G828" t="s">
        <v>656</v>
      </c>
      <c r="H828">
        <v>2</v>
      </c>
      <c r="I828">
        <v>2020</v>
      </c>
    </row>
    <row r="829" spans="1:9" x14ac:dyDescent="0.25">
      <c r="A829">
        <v>970</v>
      </c>
      <c r="B829" t="s">
        <v>3352</v>
      </c>
      <c r="C829" t="s">
        <v>301</v>
      </c>
      <c r="D829">
        <v>26</v>
      </c>
      <c r="E829" t="s">
        <v>4179</v>
      </c>
      <c r="F829" t="s">
        <v>4177</v>
      </c>
      <c r="G829" t="s">
        <v>656</v>
      </c>
      <c r="H829">
        <v>2</v>
      </c>
      <c r="I829">
        <v>2020</v>
      </c>
    </row>
    <row r="830" spans="1:9" x14ac:dyDescent="0.25">
      <c r="A830">
        <v>971</v>
      </c>
      <c r="B830" t="s">
        <v>3351</v>
      </c>
      <c r="C830" t="s">
        <v>301</v>
      </c>
      <c r="D830">
        <v>26</v>
      </c>
      <c r="E830" t="s">
        <v>4179</v>
      </c>
      <c r="F830" t="s">
        <v>4177</v>
      </c>
      <c r="G830" t="s">
        <v>656</v>
      </c>
      <c r="H830">
        <v>2</v>
      </c>
      <c r="I830">
        <v>2020</v>
      </c>
    </row>
    <row r="831" spans="1:9" x14ac:dyDescent="0.25">
      <c r="A831">
        <v>972</v>
      </c>
      <c r="B831" t="s">
        <v>1144</v>
      </c>
      <c r="C831" t="s">
        <v>301</v>
      </c>
      <c r="D831">
        <v>26</v>
      </c>
      <c r="E831" t="s">
        <v>4179</v>
      </c>
      <c r="F831" t="s">
        <v>4177</v>
      </c>
      <c r="G831" t="s">
        <v>656</v>
      </c>
      <c r="H831">
        <v>2</v>
      </c>
      <c r="I831">
        <v>2020</v>
      </c>
    </row>
    <row r="832" spans="1:9" x14ac:dyDescent="0.25">
      <c r="A832">
        <v>973</v>
      </c>
      <c r="B832" t="s">
        <v>1121</v>
      </c>
      <c r="C832" t="s">
        <v>301</v>
      </c>
      <c r="D832">
        <v>26</v>
      </c>
      <c r="E832" t="s">
        <v>4179</v>
      </c>
      <c r="F832" t="s">
        <v>4177</v>
      </c>
      <c r="G832" t="s">
        <v>656</v>
      </c>
      <c r="H832">
        <v>2</v>
      </c>
      <c r="I832">
        <v>2020</v>
      </c>
    </row>
    <row r="833" spans="1:9" x14ac:dyDescent="0.25">
      <c r="A833">
        <v>974</v>
      </c>
      <c r="B833" t="s">
        <v>4292</v>
      </c>
      <c r="C833" t="s">
        <v>301</v>
      </c>
      <c r="D833">
        <v>26</v>
      </c>
      <c r="E833" t="s">
        <v>4179</v>
      </c>
      <c r="F833" t="s">
        <v>4177</v>
      </c>
      <c r="G833" t="s">
        <v>656</v>
      </c>
      <c r="H833">
        <v>2</v>
      </c>
      <c r="I833">
        <v>2020</v>
      </c>
    </row>
    <row r="834" spans="1:9" x14ac:dyDescent="0.25">
      <c r="A834">
        <v>975</v>
      </c>
      <c r="B834" t="s">
        <v>3350</v>
      </c>
      <c r="C834" t="s">
        <v>301</v>
      </c>
      <c r="D834">
        <v>26</v>
      </c>
      <c r="E834" t="s">
        <v>4179</v>
      </c>
      <c r="F834" t="s">
        <v>4177</v>
      </c>
      <c r="G834" t="s">
        <v>656</v>
      </c>
      <c r="H834">
        <v>2</v>
      </c>
      <c r="I834">
        <v>2020</v>
      </c>
    </row>
    <row r="835" spans="1:9" x14ac:dyDescent="0.25">
      <c r="A835">
        <v>976</v>
      </c>
      <c r="B835" t="s">
        <v>3349</v>
      </c>
      <c r="C835" t="s">
        <v>301</v>
      </c>
      <c r="D835">
        <v>26</v>
      </c>
      <c r="E835" t="s">
        <v>4179</v>
      </c>
      <c r="F835" t="s">
        <v>4177</v>
      </c>
      <c r="G835" t="s">
        <v>656</v>
      </c>
      <c r="H835">
        <v>2</v>
      </c>
      <c r="I835">
        <v>2020</v>
      </c>
    </row>
    <row r="836" spans="1:9" x14ac:dyDescent="0.25">
      <c r="A836">
        <v>977</v>
      </c>
      <c r="B836" t="s">
        <v>2456</v>
      </c>
      <c r="C836" t="s">
        <v>301</v>
      </c>
      <c r="D836">
        <v>26</v>
      </c>
      <c r="E836" t="s">
        <v>4179</v>
      </c>
      <c r="F836" t="s">
        <v>4177</v>
      </c>
      <c r="G836" t="s">
        <v>656</v>
      </c>
      <c r="H836">
        <v>2</v>
      </c>
      <c r="I836">
        <v>2020</v>
      </c>
    </row>
    <row r="837" spans="1:9" x14ac:dyDescent="0.25">
      <c r="A837">
        <v>978</v>
      </c>
      <c r="B837" t="s">
        <v>3348</v>
      </c>
      <c r="C837" t="s">
        <v>301</v>
      </c>
      <c r="D837">
        <v>26</v>
      </c>
      <c r="E837" t="s">
        <v>4179</v>
      </c>
      <c r="F837" t="s">
        <v>4177</v>
      </c>
      <c r="G837" t="s">
        <v>656</v>
      </c>
      <c r="H837">
        <v>2</v>
      </c>
      <c r="I837">
        <v>2020</v>
      </c>
    </row>
    <row r="838" spans="1:9" x14ac:dyDescent="0.25">
      <c r="A838">
        <v>979</v>
      </c>
      <c r="B838" t="s">
        <v>3347</v>
      </c>
      <c r="C838" t="s">
        <v>301</v>
      </c>
      <c r="D838">
        <v>26</v>
      </c>
      <c r="E838" t="s">
        <v>4179</v>
      </c>
      <c r="F838" t="s">
        <v>4177</v>
      </c>
      <c r="G838" t="s">
        <v>656</v>
      </c>
      <c r="H838">
        <v>2</v>
      </c>
      <c r="I838">
        <v>2020</v>
      </c>
    </row>
    <row r="839" spans="1:9" x14ac:dyDescent="0.25">
      <c r="A839">
        <v>980</v>
      </c>
      <c r="B839" t="s">
        <v>1632</v>
      </c>
      <c r="C839" t="s">
        <v>301</v>
      </c>
      <c r="D839">
        <v>26</v>
      </c>
      <c r="E839" t="s">
        <v>4179</v>
      </c>
      <c r="F839" t="s">
        <v>4177</v>
      </c>
      <c r="G839" t="s">
        <v>656</v>
      </c>
      <c r="H839">
        <v>2</v>
      </c>
      <c r="I839">
        <v>2020</v>
      </c>
    </row>
    <row r="840" spans="1:9" x14ac:dyDescent="0.25">
      <c r="A840">
        <v>981</v>
      </c>
      <c r="B840" t="s">
        <v>3346</v>
      </c>
      <c r="C840" t="s">
        <v>301</v>
      </c>
      <c r="D840">
        <v>26</v>
      </c>
      <c r="E840" t="s">
        <v>4179</v>
      </c>
      <c r="F840" t="s">
        <v>4177</v>
      </c>
      <c r="G840" t="s">
        <v>656</v>
      </c>
      <c r="H840">
        <v>2</v>
      </c>
      <c r="I840">
        <v>2020</v>
      </c>
    </row>
    <row r="841" spans="1:9" x14ac:dyDescent="0.25">
      <c r="A841">
        <v>982</v>
      </c>
      <c r="B841" t="s">
        <v>2109</v>
      </c>
      <c r="C841" t="s">
        <v>682</v>
      </c>
      <c r="D841">
        <v>20</v>
      </c>
      <c r="E841" t="s">
        <v>682</v>
      </c>
      <c r="F841" t="s">
        <v>4177</v>
      </c>
      <c r="G841" t="s">
        <v>656</v>
      </c>
      <c r="H841">
        <v>2</v>
      </c>
      <c r="I841">
        <v>2020</v>
      </c>
    </row>
    <row r="842" spans="1:9" x14ac:dyDescent="0.25">
      <c r="A842">
        <v>983</v>
      </c>
      <c r="B842" t="s">
        <v>2521</v>
      </c>
      <c r="C842" t="s">
        <v>682</v>
      </c>
      <c r="D842">
        <v>20</v>
      </c>
      <c r="E842" t="s">
        <v>682</v>
      </c>
      <c r="F842" t="s">
        <v>4177</v>
      </c>
      <c r="G842" t="s">
        <v>656</v>
      </c>
      <c r="H842">
        <v>2</v>
      </c>
      <c r="I842">
        <v>2020</v>
      </c>
    </row>
    <row r="843" spans="1:9" x14ac:dyDescent="0.25">
      <c r="A843">
        <v>984</v>
      </c>
      <c r="B843" t="s">
        <v>2893</v>
      </c>
      <c r="C843" t="s">
        <v>682</v>
      </c>
      <c r="D843">
        <v>20</v>
      </c>
      <c r="E843" t="s">
        <v>682</v>
      </c>
      <c r="F843" t="s">
        <v>4177</v>
      </c>
      <c r="G843" t="s">
        <v>656</v>
      </c>
      <c r="H843">
        <v>2</v>
      </c>
      <c r="I843">
        <v>2020</v>
      </c>
    </row>
    <row r="844" spans="1:9" x14ac:dyDescent="0.25">
      <c r="A844">
        <v>985</v>
      </c>
      <c r="B844" t="s">
        <v>2358</v>
      </c>
      <c r="C844" t="s">
        <v>682</v>
      </c>
      <c r="D844">
        <v>20</v>
      </c>
      <c r="E844" t="s">
        <v>682</v>
      </c>
      <c r="F844" t="s">
        <v>4177</v>
      </c>
      <c r="G844" t="s">
        <v>656</v>
      </c>
      <c r="H844">
        <v>2</v>
      </c>
      <c r="I844">
        <v>2020</v>
      </c>
    </row>
    <row r="845" spans="1:9" x14ac:dyDescent="0.25">
      <c r="A845">
        <v>986</v>
      </c>
      <c r="B845" t="s">
        <v>3345</v>
      </c>
      <c r="C845" t="s">
        <v>1559</v>
      </c>
      <c r="D845">
        <v>96</v>
      </c>
      <c r="E845" t="s">
        <v>4179</v>
      </c>
      <c r="F845" t="s">
        <v>4177</v>
      </c>
      <c r="G845" t="s">
        <v>656</v>
      </c>
      <c r="H845">
        <v>2</v>
      </c>
      <c r="I845">
        <v>2020</v>
      </c>
    </row>
    <row r="846" spans="1:9" x14ac:dyDescent="0.25">
      <c r="A846">
        <v>988</v>
      </c>
      <c r="B846" t="s">
        <v>3343</v>
      </c>
      <c r="C846" t="s">
        <v>1559</v>
      </c>
      <c r="D846">
        <v>96</v>
      </c>
      <c r="E846" t="s">
        <v>4179</v>
      </c>
      <c r="F846" t="s">
        <v>4177</v>
      </c>
      <c r="G846" t="s">
        <v>656</v>
      </c>
      <c r="H846">
        <v>2</v>
      </c>
      <c r="I846">
        <v>2020</v>
      </c>
    </row>
    <row r="847" spans="1:9" x14ac:dyDescent="0.25">
      <c r="A847">
        <v>989</v>
      </c>
      <c r="B847" t="s">
        <v>296</v>
      </c>
      <c r="C847" t="s">
        <v>296</v>
      </c>
      <c r="D847">
        <v>97</v>
      </c>
      <c r="E847" t="s">
        <v>4179</v>
      </c>
      <c r="F847" t="s">
        <v>4177</v>
      </c>
      <c r="G847" t="s">
        <v>656</v>
      </c>
      <c r="H847">
        <v>2</v>
      </c>
      <c r="I847">
        <v>2020</v>
      </c>
    </row>
    <row r="848" spans="1:9" x14ac:dyDescent="0.25">
      <c r="A848">
        <v>990</v>
      </c>
      <c r="B848" t="s">
        <v>4293</v>
      </c>
      <c r="C848" t="s">
        <v>296</v>
      </c>
      <c r="D848">
        <v>97</v>
      </c>
      <c r="E848" t="s">
        <v>4179</v>
      </c>
      <c r="F848" t="s">
        <v>4177</v>
      </c>
      <c r="G848" t="s">
        <v>656</v>
      </c>
      <c r="H848">
        <v>2</v>
      </c>
      <c r="I848">
        <v>2020</v>
      </c>
    </row>
    <row r="849" spans="1:9" x14ac:dyDescent="0.25">
      <c r="A849">
        <v>991</v>
      </c>
      <c r="B849" t="s">
        <v>3342</v>
      </c>
      <c r="C849" t="s">
        <v>296</v>
      </c>
      <c r="D849">
        <v>97</v>
      </c>
      <c r="E849" t="s">
        <v>4179</v>
      </c>
      <c r="F849" t="s">
        <v>4177</v>
      </c>
      <c r="G849" t="s">
        <v>656</v>
      </c>
      <c r="H849">
        <v>2</v>
      </c>
      <c r="I849">
        <v>2020</v>
      </c>
    </row>
    <row r="850" spans="1:9" x14ac:dyDescent="0.25">
      <c r="A850">
        <v>992</v>
      </c>
      <c r="B850" t="s">
        <v>2967</v>
      </c>
      <c r="C850" t="s">
        <v>296</v>
      </c>
      <c r="D850">
        <v>97</v>
      </c>
      <c r="E850" t="s">
        <v>4179</v>
      </c>
      <c r="F850" t="s">
        <v>4177</v>
      </c>
      <c r="G850" t="s">
        <v>656</v>
      </c>
      <c r="H850">
        <v>2</v>
      </c>
      <c r="I850">
        <v>2020</v>
      </c>
    </row>
    <row r="851" spans="1:9" x14ac:dyDescent="0.25">
      <c r="A851">
        <v>993</v>
      </c>
      <c r="B851" t="s">
        <v>3341</v>
      </c>
      <c r="C851" t="s">
        <v>296</v>
      </c>
      <c r="D851">
        <v>97</v>
      </c>
      <c r="E851" t="s">
        <v>4179</v>
      </c>
      <c r="F851" t="s">
        <v>4177</v>
      </c>
      <c r="G851" t="s">
        <v>656</v>
      </c>
      <c r="H851">
        <v>2</v>
      </c>
      <c r="I851">
        <v>2020</v>
      </c>
    </row>
    <row r="852" spans="1:9" x14ac:dyDescent="0.25">
      <c r="A852">
        <v>994</v>
      </c>
      <c r="B852" t="s">
        <v>3340</v>
      </c>
      <c r="C852" t="s">
        <v>296</v>
      </c>
      <c r="D852">
        <v>97</v>
      </c>
      <c r="E852" t="s">
        <v>4179</v>
      </c>
      <c r="F852" t="s">
        <v>4177</v>
      </c>
      <c r="G852" t="s">
        <v>656</v>
      </c>
      <c r="H852">
        <v>2</v>
      </c>
      <c r="I852">
        <v>2020</v>
      </c>
    </row>
    <row r="853" spans="1:9" x14ac:dyDescent="0.25">
      <c r="A853">
        <v>995</v>
      </c>
      <c r="B853" t="s">
        <v>4294</v>
      </c>
      <c r="C853" t="s">
        <v>299</v>
      </c>
      <c r="D853">
        <v>27</v>
      </c>
      <c r="E853" t="s">
        <v>4179</v>
      </c>
      <c r="F853" t="s">
        <v>4177</v>
      </c>
      <c r="G853" t="s">
        <v>656</v>
      </c>
      <c r="H853">
        <v>2</v>
      </c>
      <c r="I853">
        <v>2020</v>
      </c>
    </row>
    <row r="854" spans="1:9" x14ac:dyDescent="0.25">
      <c r="A854">
        <v>996</v>
      </c>
      <c r="B854" t="s">
        <v>2666</v>
      </c>
      <c r="C854" t="s">
        <v>299</v>
      </c>
      <c r="D854">
        <v>27</v>
      </c>
      <c r="E854" t="s">
        <v>4179</v>
      </c>
      <c r="F854" t="s">
        <v>4177</v>
      </c>
      <c r="G854" t="s">
        <v>656</v>
      </c>
      <c r="H854">
        <v>2</v>
      </c>
      <c r="I854">
        <v>2020</v>
      </c>
    </row>
    <row r="855" spans="1:9" x14ac:dyDescent="0.25">
      <c r="A855">
        <v>997</v>
      </c>
      <c r="B855" t="s">
        <v>4295</v>
      </c>
      <c r="C855" t="s">
        <v>299</v>
      </c>
      <c r="D855">
        <v>27</v>
      </c>
      <c r="E855" t="s">
        <v>4179</v>
      </c>
      <c r="F855" t="s">
        <v>4177</v>
      </c>
      <c r="G855" t="s">
        <v>656</v>
      </c>
      <c r="H855">
        <v>2</v>
      </c>
      <c r="I855">
        <v>2020</v>
      </c>
    </row>
    <row r="856" spans="1:9" x14ac:dyDescent="0.25">
      <c r="A856">
        <v>998</v>
      </c>
      <c r="B856" t="s">
        <v>4296</v>
      </c>
      <c r="C856" t="s">
        <v>299</v>
      </c>
      <c r="D856">
        <v>27</v>
      </c>
      <c r="E856" t="s">
        <v>4179</v>
      </c>
      <c r="F856" t="s">
        <v>4177</v>
      </c>
      <c r="G856" t="s">
        <v>656</v>
      </c>
      <c r="H856">
        <v>2</v>
      </c>
      <c r="I856">
        <v>2020</v>
      </c>
    </row>
    <row r="857" spans="1:9" x14ac:dyDescent="0.25">
      <c r="A857">
        <v>1000</v>
      </c>
      <c r="B857" t="s">
        <v>3338</v>
      </c>
      <c r="C857" t="s">
        <v>299</v>
      </c>
      <c r="D857">
        <v>27</v>
      </c>
      <c r="E857" t="s">
        <v>4179</v>
      </c>
      <c r="F857" t="s">
        <v>4177</v>
      </c>
      <c r="G857" t="s">
        <v>656</v>
      </c>
      <c r="H857">
        <v>2</v>
      </c>
      <c r="I857">
        <v>2020</v>
      </c>
    </row>
    <row r="858" spans="1:9" x14ac:dyDescent="0.25">
      <c r="A858">
        <v>1001</v>
      </c>
      <c r="B858" t="s">
        <v>4297</v>
      </c>
      <c r="C858" t="s">
        <v>299</v>
      </c>
      <c r="D858">
        <v>27</v>
      </c>
      <c r="E858" t="s">
        <v>4179</v>
      </c>
      <c r="F858" t="s">
        <v>4177</v>
      </c>
      <c r="G858" t="s">
        <v>656</v>
      </c>
      <c r="H858">
        <v>2</v>
      </c>
      <c r="I858">
        <v>2020</v>
      </c>
    </row>
    <row r="859" spans="1:9" x14ac:dyDescent="0.25">
      <c r="A859">
        <v>1002</v>
      </c>
      <c r="B859" t="s">
        <v>3337</v>
      </c>
      <c r="C859" t="s">
        <v>299</v>
      </c>
      <c r="D859">
        <v>27</v>
      </c>
      <c r="E859" t="s">
        <v>4179</v>
      </c>
      <c r="F859" t="s">
        <v>4177</v>
      </c>
      <c r="G859" t="s">
        <v>656</v>
      </c>
      <c r="H859">
        <v>2</v>
      </c>
      <c r="I859">
        <v>2020</v>
      </c>
    </row>
    <row r="860" spans="1:9" x14ac:dyDescent="0.25">
      <c r="A860">
        <v>1003</v>
      </c>
      <c r="B860" t="s">
        <v>3336</v>
      </c>
      <c r="C860" t="s">
        <v>299</v>
      </c>
      <c r="D860">
        <v>27</v>
      </c>
      <c r="E860" t="s">
        <v>4179</v>
      </c>
      <c r="F860" t="s">
        <v>4177</v>
      </c>
      <c r="G860" t="s">
        <v>656</v>
      </c>
      <c r="H860">
        <v>2</v>
      </c>
      <c r="I860">
        <v>2020</v>
      </c>
    </row>
    <row r="861" spans="1:9" x14ac:dyDescent="0.25">
      <c r="A861">
        <v>1004</v>
      </c>
      <c r="B861" t="s">
        <v>3335</v>
      </c>
      <c r="C861" t="s">
        <v>299</v>
      </c>
      <c r="D861">
        <v>27</v>
      </c>
      <c r="E861" t="s">
        <v>4179</v>
      </c>
      <c r="F861" t="s">
        <v>4177</v>
      </c>
      <c r="G861" t="s">
        <v>656</v>
      </c>
      <c r="H861">
        <v>2</v>
      </c>
      <c r="I861">
        <v>2020</v>
      </c>
    </row>
    <row r="862" spans="1:9" x14ac:dyDescent="0.25">
      <c r="A862">
        <v>1005</v>
      </c>
      <c r="B862" t="s">
        <v>4298</v>
      </c>
      <c r="C862" t="s">
        <v>299</v>
      </c>
      <c r="D862">
        <v>27</v>
      </c>
      <c r="E862" t="s">
        <v>4179</v>
      </c>
      <c r="F862" t="s">
        <v>4177</v>
      </c>
      <c r="G862" t="s">
        <v>656</v>
      </c>
      <c r="H862">
        <v>2</v>
      </c>
      <c r="I862">
        <v>2020</v>
      </c>
    </row>
    <row r="863" spans="1:9" x14ac:dyDescent="0.25">
      <c r="A863">
        <v>1006</v>
      </c>
      <c r="B863" t="s">
        <v>4299</v>
      </c>
      <c r="C863" t="s">
        <v>299</v>
      </c>
      <c r="D863">
        <v>27</v>
      </c>
      <c r="E863" t="s">
        <v>4179</v>
      </c>
      <c r="F863" t="s">
        <v>4177</v>
      </c>
      <c r="G863" t="s">
        <v>656</v>
      </c>
      <c r="H863">
        <v>2</v>
      </c>
      <c r="I863">
        <v>2020</v>
      </c>
    </row>
    <row r="864" spans="1:9" x14ac:dyDescent="0.25">
      <c r="A864">
        <v>1007</v>
      </c>
      <c r="B864" t="s">
        <v>3334</v>
      </c>
      <c r="C864" t="s">
        <v>299</v>
      </c>
      <c r="D864">
        <v>27</v>
      </c>
      <c r="E864" t="s">
        <v>4179</v>
      </c>
      <c r="F864" t="s">
        <v>4177</v>
      </c>
      <c r="G864" t="s">
        <v>656</v>
      </c>
      <c r="H864">
        <v>2</v>
      </c>
      <c r="I864">
        <v>2020</v>
      </c>
    </row>
    <row r="865" spans="1:9" x14ac:dyDescent="0.25">
      <c r="A865">
        <v>1008</v>
      </c>
      <c r="B865" t="s">
        <v>4300</v>
      </c>
      <c r="C865" t="s">
        <v>299</v>
      </c>
      <c r="D865">
        <v>27</v>
      </c>
      <c r="E865" t="s">
        <v>4179</v>
      </c>
      <c r="F865" t="s">
        <v>4177</v>
      </c>
      <c r="G865" t="s">
        <v>656</v>
      </c>
      <c r="H865">
        <v>2</v>
      </c>
      <c r="I865">
        <v>2020</v>
      </c>
    </row>
    <row r="866" spans="1:9" x14ac:dyDescent="0.25">
      <c r="A866">
        <v>1009</v>
      </c>
      <c r="B866" t="s">
        <v>1214</v>
      </c>
      <c r="C866" t="s">
        <v>813</v>
      </c>
      <c r="D866">
        <v>24</v>
      </c>
      <c r="E866" t="s">
        <v>4179</v>
      </c>
      <c r="F866" t="s">
        <v>4177</v>
      </c>
      <c r="G866" t="s">
        <v>656</v>
      </c>
      <c r="H866">
        <v>2</v>
      </c>
      <c r="I866">
        <v>2020</v>
      </c>
    </row>
    <row r="867" spans="1:9" x14ac:dyDescent="0.25">
      <c r="A867">
        <v>1010</v>
      </c>
      <c r="B867" t="s">
        <v>3333</v>
      </c>
      <c r="C867" t="s">
        <v>813</v>
      </c>
      <c r="D867">
        <v>24</v>
      </c>
      <c r="E867" t="s">
        <v>4179</v>
      </c>
      <c r="F867" t="s">
        <v>4177</v>
      </c>
      <c r="G867" t="s">
        <v>656</v>
      </c>
      <c r="H867">
        <v>2</v>
      </c>
      <c r="I867">
        <v>2020</v>
      </c>
    </row>
    <row r="868" spans="1:9" x14ac:dyDescent="0.25">
      <c r="A868">
        <v>1011</v>
      </c>
      <c r="B868" t="s">
        <v>4301</v>
      </c>
      <c r="C868" t="s">
        <v>813</v>
      </c>
      <c r="D868">
        <v>24</v>
      </c>
      <c r="E868" t="s">
        <v>4179</v>
      </c>
      <c r="F868" t="s">
        <v>4177</v>
      </c>
      <c r="G868" t="s">
        <v>656</v>
      </c>
      <c r="H868">
        <v>2</v>
      </c>
      <c r="I868">
        <v>2020</v>
      </c>
    </row>
    <row r="869" spans="1:9" x14ac:dyDescent="0.25">
      <c r="A869">
        <v>1012</v>
      </c>
      <c r="B869" t="s">
        <v>4302</v>
      </c>
      <c r="C869" t="s">
        <v>813</v>
      </c>
      <c r="D869">
        <v>24</v>
      </c>
      <c r="E869" t="s">
        <v>4179</v>
      </c>
      <c r="F869" t="s">
        <v>4177</v>
      </c>
      <c r="G869" t="s">
        <v>656</v>
      </c>
      <c r="H869">
        <v>2</v>
      </c>
      <c r="I869">
        <v>2020</v>
      </c>
    </row>
    <row r="870" spans="1:9" x14ac:dyDescent="0.25">
      <c r="A870">
        <v>1013</v>
      </c>
      <c r="B870" t="s">
        <v>3332</v>
      </c>
      <c r="C870" t="s">
        <v>813</v>
      </c>
      <c r="D870">
        <v>24</v>
      </c>
      <c r="E870" t="s">
        <v>4179</v>
      </c>
      <c r="F870" t="s">
        <v>4177</v>
      </c>
      <c r="G870" t="s">
        <v>656</v>
      </c>
      <c r="H870">
        <v>2</v>
      </c>
      <c r="I870">
        <v>2020</v>
      </c>
    </row>
    <row r="871" spans="1:9" x14ac:dyDescent="0.25">
      <c r="A871">
        <v>1014</v>
      </c>
      <c r="B871" t="s">
        <v>3331</v>
      </c>
      <c r="C871" t="s">
        <v>813</v>
      </c>
      <c r="D871">
        <v>24</v>
      </c>
      <c r="E871" t="s">
        <v>4179</v>
      </c>
      <c r="F871" t="s">
        <v>4177</v>
      </c>
      <c r="G871" t="s">
        <v>656</v>
      </c>
      <c r="H871">
        <v>2</v>
      </c>
      <c r="I871">
        <v>2020</v>
      </c>
    </row>
    <row r="872" spans="1:9" x14ac:dyDescent="0.25">
      <c r="A872">
        <v>1015</v>
      </c>
      <c r="B872" t="s">
        <v>3330</v>
      </c>
      <c r="C872" t="s">
        <v>813</v>
      </c>
      <c r="D872">
        <v>24</v>
      </c>
      <c r="E872" t="s">
        <v>4179</v>
      </c>
      <c r="F872" t="s">
        <v>4177</v>
      </c>
      <c r="G872" t="s">
        <v>656</v>
      </c>
      <c r="H872">
        <v>2</v>
      </c>
      <c r="I872">
        <v>2020</v>
      </c>
    </row>
    <row r="873" spans="1:9" x14ac:dyDescent="0.25">
      <c r="A873">
        <v>1016</v>
      </c>
      <c r="B873" t="s">
        <v>2362</v>
      </c>
      <c r="C873" t="s">
        <v>807</v>
      </c>
      <c r="D873">
        <v>25</v>
      </c>
      <c r="E873" t="s">
        <v>4179</v>
      </c>
      <c r="F873" t="s">
        <v>4177</v>
      </c>
      <c r="G873" t="s">
        <v>656</v>
      </c>
      <c r="H873">
        <v>2</v>
      </c>
      <c r="I873">
        <v>2020</v>
      </c>
    </row>
    <row r="874" spans="1:9" x14ac:dyDescent="0.25">
      <c r="A874">
        <v>1017</v>
      </c>
      <c r="B874" t="s">
        <v>3329</v>
      </c>
      <c r="C874" t="s">
        <v>807</v>
      </c>
      <c r="D874">
        <v>25</v>
      </c>
      <c r="E874" t="s">
        <v>4179</v>
      </c>
      <c r="F874" t="s">
        <v>4177</v>
      </c>
      <c r="G874" t="s">
        <v>656</v>
      </c>
      <c r="H874">
        <v>2</v>
      </c>
      <c r="I874">
        <v>2020</v>
      </c>
    </row>
    <row r="875" spans="1:9" x14ac:dyDescent="0.25">
      <c r="A875">
        <v>1018</v>
      </c>
      <c r="B875" t="s">
        <v>3217</v>
      </c>
      <c r="C875" t="s">
        <v>807</v>
      </c>
      <c r="D875">
        <v>25</v>
      </c>
      <c r="E875" t="s">
        <v>4179</v>
      </c>
      <c r="F875" t="s">
        <v>4177</v>
      </c>
      <c r="G875" t="s">
        <v>656</v>
      </c>
      <c r="H875">
        <v>2</v>
      </c>
      <c r="I875">
        <v>2020</v>
      </c>
    </row>
    <row r="876" spans="1:9" x14ac:dyDescent="0.25">
      <c r="A876">
        <v>1019</v>
      </c>
      <c r="B876" t="s">
        <v>4303</v>
      </c>
      <c r="C876" t="s">
        <v>807</v>
      </c>
      <c r="D876">
        <v>25</v>
      </c>
      <c r="E876" t="s">
        <v>4179</v>
      </c>
      <c r="F876" t="s">
        <v>4177</v>
      </c>
      <c r="G876" t="s">
        <v>656</v>
      </c>
      <c r="H876">
        <v>2</v>
      </c>
      <c r="I876">
        <v>2020</v>
      </c>
    </row>
    <row r="877" spans="1:9" x14ac:dyDescent="0.25">
      <c r="A877">
        <v>1020</v>
      </c>
      <c r="B877" t="s">
        <v>3328</v>
      </c>
      <c r="C877" t="s">
        <v>807</v>
      </c>
      <c r="D877">
        <v>25</v>
      </c>
      <c r="E877" t="s">
        <v>4179</v>
      </c>
      <c r="F877" t="s">
        <v>4177</v>
      </c>
      <c r="G877" t="s">
        <v>656</v>
      </c>
      <c r="H877">
        <v>2</v>
      </c>
      <c r="I877">
        <v>2020</v>
      </c>
    </row>
    <row r="878" spans="1:9" x14ac:dyDescent="0.25">
      <c r="A878">
        <v>1021</v>
      </c>
      <c r="B878" t="s">
        <v>3327</v>
      </c>
      <c r="C878" t="s">
        <v>807</v>
      </c>
      <c r="D878">
        <v>25</v>
      </c>
      <c r="E878" t="s">
        <v>4179</v>
      </c>
      <c r="F878" t="s">
        <v>4177</v>
      </c>
      <c r="G878" t="s">
        <v>656</v>
      </c>
      <c r="H878">
        <v>2</v>
      </c>
      <c r="I878">
        <v>2020</v>
      </c>
    </row>
    <row r="879" spans="1:9" x14ac:dyDescent="0.25">
      <c r="A879">
        <v>1022</v>
      </c>
      <c r="B879" t="s">
        <v>3326</v>
      </c>
      <c r="C879" t="s">
        <v>807</v>
      </c>
      <c r="D879">
        <v>25</v>
      </c>
      <c r="E879" t="s">
        <v>4179</v>
      </c>
      <c r="F879" t="s">
        <v>4177</v>
      </c>
      <c r="G879" t="s">
        <v>656</v>
      </c>
      <c r="H879">
        <v>2</v>
      </c>
      <c r="I879">
        <v>2020</v>
      </c>
    </row>
    <row r="880" spans="1:9" x14ac:dyDescent="0.25">
      <c r="A880">
        <v>1023</v>
      </c>
      <c r="B880" t="s">
        <v>3325</v>
      </c>
      <c r="C880" t="s">
        <v>807</v>
      </c>
      <c r="D880">
        <v>25</v>
      </c>
      <c r="E880" t="s">
        <v>4179</v>
      </c>
      <c r="F880" t="s">
        <v>4177</v>
      </c>
      <c r="G880" t="s">
        <v>656</v>
      </c>
      <c r="H880">
        <v>2</v>
      </c>
      <c r="I880">
        <v>2020</v>
      </c>
    </row>
    <row r="881" spans="1:9" x14ac:dyDescent="0.25">
      <c r="A881">
        <v>1024</v>
      </c>
      <c r="B881" t="s">
        <v>2956</v>
      </c>
      <c r="C881" t="s">
        <v>807</v>
      </c>
      <c r="D881">
        <v>25</v>
      </c>
      <c r="E881" t="s">
        <v>4179</v>
      </c>
      <c r="F881" t="s">
        <v>4177</v>
      </c>
      <c r="G881" t="s">
        <v>656</v>
      </c>
      <c r="H881">
        <v>2</v>
      </c>
      <c r="I881">
        <v>2020</v>
      </c>
    </row>
    <row r="882" spans="1:9" x14ac:dyDescent="0.25">
      <c r="A882">
        <v>1025</v>
      </c>
      <c r="B882" t="s">
        <v>4304</v>
      </c>
      <c r="C882" t="s">
        <v>807</v>
      </c>
      <c r="D882">
        <v>25</v>
      </c>
      <c r="E882" t="s">
        <v>4179</v>
      </c>
      <c r="F882" t="s">
        <v>4177</v>
      </c>
      <c r="G882" t="s">
        <v>656</v>
      </c>
      <c r="H882">
        <v>2</v>
      </c>
      <c r="I882">
        <v>2020</v>
      </c>
    </row>
    <row r="883" spans="1:9" x14ac:dyDescent="0.25">
      <c r="A883">
        <v>1026</v>
      </c>
      <c r="B883" t="s">
        <v>4305</v>
      </c>
      <c r="C883" t="s">
        <v>807</v>
      </c>
      <c r="D883">
        <v>25</v>
      </c>
      <c r="E883" t="s">
        <v>4179</v>
      </c>
      <c r="F883" t="s">
        <v>4177</v>
      </c>
      <c r="G883" t="s">
        <v>656</v>
      </c>
      <c r="H883">
        <v>2</v>
      </c>
      <c r="I883">
        <v>2020</v>
      </c>
    </row>
    <row r="884" spans="1:9" x14ac:dyDescent="0.25">
      <c r="A884">
        <v>1027</v>
      </c>
      <c r="B884" t="s">
        <v>4306</v>
      </c>
      <c r="C884" t="s">
        <v>807</v>
      </c>
      <c r="D884">
        <v>25</v>
      </c>
      <c r="E884" t="s">
        <v>4179</v>
      </c>
      <c r="F884" t="s">
        <v>4177</v>
      </c>
      <c r="G884" t="s">
        <v>656</v>
      </c>
      <c r="H884">
        <v>2</v>
      </c>
      <c r="I884">
        <v>2020</v>
      </c>
    </row>
    <row r="885" spans="1:9" x14ac:dyDescent="0.25">
      <c r="A885">
        <v>1028</v>
      </c>
      <c r="B885" t="s">
        <v>295</v>
      </c>
      <c r="C885" t="s">
        <v>295</v>
      </c>
      <c r="D885">
        <v>30</v>
      </c>
      <c r="E885" t="s">
        <v>4179</v>
      </c>
      <c r="F885" t="s">
        <v>4177</v>
      </c>
      <c r="G885" t="s">
        <v>656</v>
      </c>
      <c r="H885">
        <v>2</v>
      </c>
      <c r="I885">
        <v>2020</v>
      </c>
    </row>
    <row r="886" spans="1:9" x14ac:dyDescent="0.25">
      <c r="A886">
        <v>1029</v>
      </c>
      <c r="B886" t="s">
        <v>1966</v>
      </c>
      <c r="C886" t="s">
        <v>295</v>
      </c>
      <c r="D886">
        <v>30</v>
      </c>
      <c r="E886" t="s">
        <v>4179</v>
      </c>
      <c r="F886" t="s">
        <v>4177</v>
      </c>
      <c r="G886" t="s">
        <v>656</v>
      </c>
      <c r="H886">
        <v>2</v>
      </c>
      <c r="I886">
        <v>2020</v>
      </c>
    </row>
    <row r="887" spans="1:9" x14ac:dyDescent="0.25">
      <c r="A887">
        <v>1030</v>
      </c>
      <c r="B887" t="s">
        <v>3324</v>
      </c>
      <c r="C887" t="s">
        <v>295</v>
      </c>
      <c r="D887">
        <v>30</v>
      </c>
      <c r="E887" t="s">
        <v>4179</v>
      </c>
      <c r="F887" t="s">
        <v>4177</v>
      </c>
      <c r="G887" t="s">
        <v>656</v>
      </c>
      <c r="H887">
        <v>2</v>
      </c>
      <c r="I887">
        <v>2020</v>
      </c>
    </row>
    <row r="888" spans="1:9" x14ac:dyDescent="0.25">
      <c r="A888">
        <v>1031</v>
      </c>
      <c r="B888" t="s">
        <v>3323</v>
      </c>
      <c r="C888" t="s">
        <v>295</v>
      </c>
      <c r="D888">
        <v>30</v>
      </c>
      <c r="E888" t="s">
        <v>4179</v>
      </c>
      <c r="F888" t="s">
        <v>4177</v>
      </c>
      <c r="G888" t="s">
        <v>656</v>
      </c>
      <c r="H888">
        <v>2</v>
      </c>
      <c r="I888">
        <v>2020</v>
      </c>
    </row>
    <row r="889" spans="1:9" x14ac:dyDescent="0.25">
      <c r="A889">
        <v>1032</v>
      </c>
      <c r="B889" t="s">
        <v>1747</v>
      </c>
      <c r="C889" t="s">
        <v>295</v>
      </c>
      <c r="D889">
        <v>30</v>
      </c>
      <c r="E889" t="s">
        <v>4179</v>
      </c>
      <c r="F889" t="s">
        <v>4177</v>
      </c>
      <c r="G889" t="s">
        <v>656</v>
      </c>
      <c r="H889">
        <v>2</v>
      </c>
      <c r="I889">
        <v>2020</v>
      </c>
    </row>
    <row r="890" spans="1:9" x14ac:dyDescent="0.25">
      <c r="A890">
        <v>1033</v>
      </c>
      <c r="B890" t="s">
        <v>4307</v>
      </c>
      <c r="C890" t="s">
        <v>295</v>
      </c>
      <c r="D890">
        <v>30</v>
      </c>
      <c r="E890" t="s">
        <v>4179</v>
      </c>
      <c r="F890" t="s">
        <v>4177</v>
      </c>
      <c r="G890" t="s">
        <v>656</v>
      </c>
      <c r="H890">
        <v>2</v>
      </c>
      <c r="I890">
        <v>2020</v>
      </c>
    </row>
    <row r="891" spans="1:9" x14ac:dyDescent="0.25">
      <c r="A891">
        <v>1034</v>
      </c>
      <c r="B891" t="s">
        <v>3322</v>
      </c>
      <c r="C891" t="s">
        <v>295</v>
      </c>
      <c r="D891">
        <v>30</v>
      </c>
      <c r="E891" t="s">
        <v>4179</v>
      </c>
      <c r="F891" t="s">
        <v>4177</v>
      </c>
      <c r="G891" t="s">
        <v>656</v>
      </c>
      <c r="H891">
        <v>2</v>
      </c>
      <c r="I891">
        <v>2020</v>
      </c>
    </row>
    <row r="892" spans="1:9" x14ac:dyDescent="0.25">
      <c r="A892">
        <v>1035</v>
      </c>
      <c r="B892" t="s">
        <v>4308</v>
      </c>
      <c r="C892" t="s">
        <v>295</v>
      </c>
      <c r="D892">
        <v>30</v>
      </c>
      <c r="E892" t="s">
        <v>4179</v>
      </c>
      <c r="F892" t="s">
        <v>4177</v>
      </c>
      <c r="G892" t="s">
        <v>656</v>
      </c>
      <c r="H892">
        <v>2</v>
      </c>
      <c r="I892">
        <v>2020</v>
      </c>
    </row>
    <row r="893" spans="1:9" x14ac:dyDescent="0.25">
      <c r="A893">
        <v>1036</v>
      </c>
      <c r="B893" t="s">
        <v>2670</v>
      </c>
      <c r="C893" t="s">
        <v>295</v>
      </c>
      <c r="D893">
        <v>30</v>
      </c>
      <c r="E893" t="s">
        <v>4179</v>
      </c>
      <c r="F893" t="s">
        <v>4177</v>
      </c>
      <c r="G893" t="s">
        <v>656</v>
      </c>
      <c r="H893">
        <v>2</v>
      </c>
      <c r="I893">
        <v>2020</v>
      </c>
    </row>
    <row r="894" spans="1:9" x14ac:dyDescent="0.25">
      <c r="A894">
        <v>1037</v>
      </c>
      <c r="B894" t="s">
        <v>938</v>
      </c>
      <c r="C894" t="s">
        <v>295</v>
      </c>
      <c r="D894">
        <v>30</v>
      </c>
      <c r="E894" t="s">
        <v>4179</v>
      </c>
      <c r="F894" t="s">
        <v>4177</v>
      </c>
      <c r="G894" t="s">
        <v>656</v>
      </c>
      <c r="H894">
        <v>2</v>
      </c>
      <c r="I894">
        <v>2020</v>
      </c>
    </row>
    <row r="895" spans="1:9" x14ac:dyDescent="0.25">
      <c r="A895">
        <v>1038</v>
      </c>
      <c r="B895" t="s">
        <v>3320</v>
      </c>
      <c r="C895" t="s">
        <v>294</v>
      </c>
      <c r="D895">
        <v>31</v>
      </c>
      <c r="E895" t="s">
        <v>4179</v>
      </c>
      <c r="F895" t="s">
        <v>4177</v>
      </c>
      <c r="G895" t="s">
        <v>656</v>
      </c>
      <c r="H895">
        <v>2</v>
      </c>
      <c r="I895">
        <v>2020</v>
      </c>
    </row>
    <row r="896" spans="1:9" x14ac:dyDescent="0.25">
      <c r="A896">
        <v>1039</v>
      </c>
      <c r="B896" t="s">
        <v>1960</v>
      </c>
      <c r="C896" t="s">
        <v>294</v>
      </c>
      <c r="D896">
        <v>31</v>
      </c>
      <c r="E896" t="s">
        <v>4179</v>
      </c>
      <c r="F896" t="s">
        <v>4177</v>
      </c>
      <c r="G896" t="s">
        <v>656</v>
      </c>
      <c r="H896">
        <v>2</v>
      </c>
      <c r="I896">
        <v>2020</v>
      </c>
    </row>
    <row r="897" spans="1:9" x14ac:dyDescent="0.25">
      <c r="A897">
        <v>1040</v>
      </c>
      <c r="B897" t="s">
        <v>3319</v>
      </c>
      <c r="C897" t="s">
        <v>294</v>
      </c>
      <c r="D897">
        <v>31</v>
      </c>
      <c r="E897" t="s">
        <v>4179</v>
      </c>
      <c r="F897" t="s">
        <v>4177</v>
      </c>
      <c r="G897" t="s">
        <v>656</v>
      </c>
      <c r="H897">
        <v>2</v>
      </c>
      <c r="I897">
        <v>2020</v>
      </c>
    </row>
    <row r="898" spans="1:9" x14ac:dyDescent="0.25">
      <c r="A898">
        <v>1041</v>
      </c>
      <c r="B898" t="s">
        <v>3318</v>
      </c>
      <c r="C898" t="s">
        <v>294</v>
      </c>
      <c r="D898">
        <v>31</v>
      </c>
      <c r="E898" t="s">
        <v>4179</v>
      </c>
      <c r="F898" t="s">
        <v>4177</v>
      </c>
      <c r="G898" t="s">
        <v>656</v>
      </c>
      <c r="H898">
        <v>2</v>
      </c>
      <c r="I898">
        <v>2020</v>
      </c>
    </row>
    <row r="899" spans="1:9" x14ac:dyDescent="0.25">
      <c r="A899">
        <v>1042</v>
      </c>
      <c r="B899" t="s">
        <v>3317</v>
      </c>
      <c r="C899" t="s">
        <v>294</v>
      </c>
      <c r="D899">
        <v>31</v>
      </c>
      <c r="E899" t="s">
        <v>4179</v>
      </c>
      <c r="F899" t="s">
        <v>4177</v>
      </c>
      <c r="G899" t="s">
        <v>656</v>
      </c>
      <c r="H899">
        <v>2</v>
      </c>
      <c r="I899">
        <v>2020</v>
      </c>
    </row>
    <row r="900" spans="1:9" x14ac:dyDescent="0.25">
      <c r="A900">
        <v>1043</v>
      </c>
      <c r="B900" t="s">
        <v>3316</v>
      </c>
      <c r="C900" t="s">
        <v>294</v>
      </c>
      <c r="D900">
        <v>31</v>
      </c>
      <c r="E900" t="s">
        <v>4179</v>
      </c>
      <c r="F900" t="s">
        <v>4177</v>
      </c>
      <c r="G900" t="s">
        <v>656</v>
      </c>
      <c r="H900">
        <v>2</v>
      </c>
      <c r="I900">
        <v>2020</v>
      </c>
    </row>
    <row r="901" spans="1:9" x14ac:dyDescent="0.25">
      <c r="A901">
        <v>1044</v>
      </c>
      <c r="B901" t="s">
        <v>3315</v>
      </c>
      <c r="C901" t="s">
        <v>294</v>
      </c>
      <c r="D901">
        <v>31</v>
      </c>
      <c r="E901" t="s">
        <v>4179</v>
      </c>
      <c r="F901" t="s">
        <v>4177</v>
      </c>
      <c r="G901" t="s">
        <v>656</v>
      </c>
      <c r="H901">
        <v>2</v>
      </c>
      <c r="I901">
        <v>2020</v>
      </c>
    </row>
    <row r="902" spans="1:9" x14ac:dyDescent="0.25">
      <c r="A902">
        <v>1045</v>
      </c>
      <c r="B902" t="s">
        <v>3314</v>
      </c>
      <c r="C902" t="s">
        <v>294</v>
      </c>
      <c r="D902">
        <v>31</v>
      </c>
      <c r="E902" t="s">
        <v>4179</v>
      </c>
      <c r="F902" t="s">
        <v>4177</v>
      </c>
      <c r="G902" t="s">
        <v>656</v>
      </c>
      <c r="H902">
        <v>2</v>
      </c>
      <c r="I902">
        <v>2020</v>
      </c>
    </row>
    <row r="903" spans="1:9" x14ac:dyDescent="0.25">
      <c r="A903">
        <v>1046</v>
      </c>
      <c r="B903" t="s">
        <v>3313</v>
      </c>
      <c r="C903" t="s">
        <v>294</v>
      </c>
      <c r="D903">
        <v>31</v>
      </c>
      <c r="E903" t="s">
        <v>4179</v>
      </c>
      <c r="F903" t="s">
        <v>4177</v>
      </c>
      <c r="G903" t="s">
        <v>656</v>
      </c>
      <c r="H903">
        <v>2</v>
      </c>
      <c r="I903">
        <v>2020</v>
      </c>
    </row>
    <row r="904" spans="1:9" x14ac:dyDescent="0.25">
      <c r="A904">
        <v>1047</v>
      </c>
      <c r="B904" t="s">
        <v>3312</v>
      </c>
      <c r="C904" t="s">
        <v>294</v>
      </c>
      <c r="D904">
        <v>31</v>
      </c>
      <c r="E904" t="s">
        <v>4179</v>
      </c>
      <c r="F904" t="s">
        <v>4177</v>
      </c>
      <c r="G904" t="s">
        <v>656</v>
      </c>
      <c r="H904">
        <v>2</v>
      </c>
      <c r="I904">
        <v>2020</v>
      </c>
    </row>
    <row r="905" spans="1:9" x14ac:dyDescent="0.25">
      <c r="A905">
        <v>1048</v>
      </c>
      <c r="B905" t="s">
        <v>4309</v>
      </c>
      <c r="C905" t="s">
        <v>294</v>
      </c>
      <c r="D905">
        <v>31</v>
      </c>
      <c r="E905" t="s">
        <v>4179</v>
      </c>
      <c r="F905" t="s">
        <v>4177</v>
      </c>
      <c r="G905" t="s">
        <v>656</v>
      </c>
      <c r="H905">
        <v>2</v>
      </c>
      <c r="I905">
        <v>2020</v>
      </c>
    </row>
    <row r="906" spans="1:9" x14ac:dyDescent="0.25">
      <c r="A906">
        <v>1049</v>
      </c>
      <c r="B906" t="s">
        <v>4310</v>
      </c>
      <c r="C906" t="s">
        <v>294</v>
      </c>
      <c r="D906">
        <v>31</v>
      </c>
      <c r="E906" t="s">
        <v>4179</v>
      </c>
      <c r="F906" t="s">
        <v>4177</v>
      </c>
      <c r="G906" t="s">
        <v>656</v>
      </c>
      <c r="H906">
        <v>2</v>
      </c>
      <c r="I906">
        <v>2020</v>
      </c>
    </row>
    <row r="907" spans="1:9" x14ac:dyDescent="0.25">
      <c r="A907">
        <v>1050</v>
      </c>
      <c r="B907" t="s">
        <v>2089</v>
      </c>
      <c r="C907" t="s">
        <v>955</v>
      </c>
      <c r="D907">
        <v>29</v>
      </c>
      <c r="E907" t="s">
        <v>4179</v>
      </c>
      <c r="F907" t="s">
        <v>4177</v>
      </c>
      <c r="G907" t="s">
        <v>656</v>
      </c>
      <c r="H907">
        <v>2</v>
      </c>
      <c r="I907">
        <v>2020</v>
      </c>
    </row>
    <row r="908" spans="1:9" x14ac:dyDescent="0.25">
      <c r="A908">
        <v>1051</v>
      </c>
      <c r="B908" t="s">
        <v>3311</v>
      </c>
      <c r="C908" t="s">
        <v>955</v>
      </c>
      <c r="D908">
        <v>29</v>
      </c>
      <c r="E908" t="s">
        <v>4179</v>
      </c>
      <c r="F908" t="s">
        <v>4177</v>
      </c>
      <c r="G908" t="s">
        <v>656</v>
      </c>
      <c r="H908">
        <v>2</v>
      </c>
      <c r="I908">
        <v>2020</v>
      </c>
    </row>
    <row r="909" spans="1:9" x14ac:dyDescent="0.25">
      <c r="A909">
        <v>1052</v>
      </c>
      <c r="B909" t="s">
        <v>4311</v>
      </c>
      <c r="C909" t="s">
        <v>955</v>
      </c>
      <c r="D909">
        <v>29</v>
      </c>
      <c r="E909" t="s">
        <v>4179</v>
      </c>
      <c r="F909" t="s">
        <v>4177</v>
      </c>
      <c r="G909" t="s">
        <v>656</v>
      </c>
      <c r="H909">
        <v>2</v>
      </c>
      <c r="I909">
        <v>2020</v>
      </c>
    </row>
    <row r="910" spans="1:9" x14ac:dyDescent="0.25">
      <c r="A910">
        <v>1053</v>
      </c>
      <c r="B910" t="s">
        <v>3310</v>
      </c>
      <c r="C910" t="s">
        <v>955</v>
      </c>
      <c r="D910">
        <v>29</v>
      </c>
      <c r="E910" t="s">
        <v>4179</v>
      </c>
      <c r="F910" t="s">
        <v>4177</v>
      </c>
      <c r="G910" t="s">
        <v>656</v>
      </c>
      <c r="H910">
        <v>2</v>
      </c>
      <c r="I910">
        <v>2020</v>
      </c>
    </row>
    <row r="911" spans="1:9" x14ac:dyDescent="0.25">
      <c r="A911">
        <v>1054</v>
      </c>
      <c r="B911" t="s">
        <v>4312</v>
      </c>
      <c r="C911" t="s">
        <v>955</v>
      </c>
      <c r="D911">
        <v>29</v>
      </c>
      <c r="E911" t="s">
        <v>4179</v>
      </c>
      <c r="F911" t="s">
        <v>4177</v>
      </c>
      <c r="G911" t="s">
        <v>656</v>
      </c>
      <c r="H911">
        <v>2</v>
      </c>
      <c r="I911">
        <v>2020</v>
      </c>
    </row>
    <row r="912" spans="1:9" x14ac:dyDescent="0.25">
      <c r="A912">
        <v>1055</v>
      </c>
      <c r="B912" t="s">
        <v>3309</v>
      </c>
      <c r="C912" t="s">
        <v>955</v>
      </c>
      <c r="D912">
        <v>29</v>
      </c>
      <c r="E912" t="s">
        <v>4179</v>
      </c>
      <c r="F912" t="s">
        <v>4177</v>
      </c>
      <c r="G912" t="s">
        <v>656</v>
      </c>
      <c r="H912">
        <v>2</v>
      </c>
      <c r="I912">
        <v>2020</v>
      </c>
    </row>
    <row r="913" spans="1:9" x14ac:dyDescent="0.25">
      <c r="A913">
        <v>1056</v>
      </c>
      <c r="B913" t="s">
        <v>3308</v>
      </c>
      <c r="C913" t="s">
        <v>955</v>
      </c>
      <c r="D913">
        <v>29</v>
      </c>
      <c r="E913" t="s">
        <v>4179</v>
      </c>
      <c r="F913" t="s">
        <v>4177</v>
      </c>
      <c r="G913" t="s">
        <v>656</v>
      </c>
      <c r="H913">
        <v>2</v>
      </c>
      <c r="I913">
        <v>2020</v>
      </c>
    </row>
    <row r="914" spans="1:9" x14ac:dyDescent="0.25">
      <c r="A914">
        <v>1057</v>
      </c>
      <c r="B914" t="s">
        <v>3307</v>
      </c>
      <c r="C914" t="s">
        <v>955</v>
      </c>
      <c r="D914">
        <v>29</v>
      </c>
      <c r="E914" t="s">
        <v>4179</v>
      </c>
      <c r="F914" t="s">
        <v>4177</v>
      </c>
      <c r="G914" t="s">
        <v>656</v>
      </c>
      <c r="H914">
        <v>2</v>
      </c>
      <c r="I914">
        <v>2020</v>
      </c>
    </row>
    <row r="915" spans="1:9" x14ac:dyDescent="0.25">
      <c r="A915">
        <v>1058</v>
      </c>
      <c r="B915" t="s">
        <v>3306</v>
      </c>
      <c r="C915" t="s">
        <v>955</v>
      </c>
      <c r="D915">
        <v>29</v>
      </c>
      <c r="E915" t="s">
        <v>4179</v>
      </c>
      <c r="F915" t="s">
        <v>4177</v>
      </c>
      <c r="G915" t="s">
        <v>656</v>
      </c>
      <c r="H915">
        <v>2</v>
      </c>
      <c r="I915">
        <v>2020</v>
      </c>
    </row>
    <row r="916" spans="1:9" x14ac:dyDescent="0.25">
      <c r="A916">
        <v>1059</v>
      </c>
      <c r="B916" t="s">
        <v>4313</v>
      </c>
      <c r="C916" t="s">
        <v>955</v>
      </c>
      <c r="D916">
        <v>29</v>
      </c>
      <c r="E916" t="s">
        <v>4179</v>
      </c>
      <c r="F916" t="s">
        <v>4177</v>
      </c>
      <c r="G916" t="s">
        <v>656</v>
      </c>
      <c r="H916">
        <v>2</v>
      </c>
      <c r="I916">
        <v>2020</v>
      </c>
    </row>
    <row r="917" spans="1:9" x14ac:dyDescent="0.25">
      <c r="A917">
        <v>1060</v>
      </c>
      <c r="B917" t="s">
        <v>4314</v>
      </c>
      <c r="C917" t="s">
        <v>955</v>
      </c>
      <c r="D917">
        <v>29</v>
      </c>
      <c r="E917" t="s">
        <v>4179</v>
      </c>
      <c r="F917" t="s">
        <v>4177</v>
      </c>
      <c r="G917" t="s">
        <v>656</v>
      </c>
      <c r="H917">
        <v>2</v>
      </c>
      <c r="I917">
        <v>2020</v>
      </c>
    </row>
    <row r="918" spans="1:9" x14ac:dyDescent="0.25">
      <c r="A918">
        <v>1061</v>
      </c>
      <c r="B918" t="s">
        <v>955</v>
      </c>
      <c r="C918" t="s">
        <v>955</v>
      </c>
      <c r="D918">
        <v>29</v>
      </c>
      <c r="E918" t="s">
        <v>4179</v>
      </c>
      <c r="F918" t="s">
        <v>4177</v>
      </c>
      <c r="G918" t="s">
        <v>656</v>
      </c>
      <c r="H918">
        <v>2</v>
      </c>
      <c r="I918">
        <v>2020</v>
      </c>
    </row>
    <row r="919" spans="1:9" x14ac:dyDescent="0.25">
      <c r="A919">
        <v>1062</v>
      </c>
      <c r="B919" t="s">
        <v>3305</v>
      </c>
      <c r="C919" t="s">
        <v>955</v>
      </c>
      <c r="D919">
        <v>29</v>
      </c>
      <c r="E919" t="s">
        <v>4179</v>
      </c>
      <c r="F919" t="s">
        <v>4177</v>
      </c>
      <c r="G919" t="s">
        <v>656</v>
      </c>
      <c r="H919">
        <v>2</v>
      </c>
      <c r="I919">
        <v>2020</v>
      </c>
    </row>
    <row r="920" spans="1:9" x14ac:dyDescent="0.25">
      <c r="A920">
        <v>1063</v>
      </c>
      <c r="B920" t="s">
        <v>4315</v>
      </c>
      <c r="C920" t="s">
        <v>955</v>
      </c>
      <c r="D920">
        <v>29</v>
      </c>
      <c r="E920" t="s">
        <v>4179</v>
      </c>
      <c r="F920" t="s">
        <v>4177</v>
      </c>
      <c r="G920" t="s">
        <v>656</v>
      </c>
      <c r="H920">
        <v>2</v>
      </c>
      <c r="I920">
        <v>2020</v>
      </c>
    </row>
    <row r="921" spans="1:9" x14ac:dyDescent="0.25">
      <c r="A921">
        <v>1064</v>
      </c>
      <c r="B921" t="s">
        <v>2110</v>
      </c>
      <c r="C921" t="s">
        <v>955</v>
      </c>
      <c r="D921">
        <v>29</v>
      </c>
      <c r="E921" t="s">
        <v>4179</v>
      </c>
      <c r="F921" t="s">
        <v>4177</v>
      </c>
      <c r="G921" t="s">
        <v>656</v>
      </c>
      <c r="H921">
        <v>2</v>
      </c>
      <c r="I921">
        <v>2020</v>
      </c>
    </row>
    <row r="922" spans="1:9" x14ac:dyDescent="0.25">
      <c r="A922">
        <v>1065</v>
      </c>
      <c r="B922" t="s">
        <v>4316</v>
      </c>
      <c r="C922" t="s">
        <v>955</v>
      </c>
      <c r="D922">
        <v>29</v>
      </c>
      <c r="E922" t="s">
        <v>4179</v>
      </c>
      <c r="F922" t="s">
        <v>4177</v>
      </c>
      <c r="G922" t="s">
        <v>656</v>
      </c>
      <c r="H922">
        <v>2</v>
      </c>
      <c r="I922">
        <v>2020</v>
      </c>
    </row>
    <row r="923" spans="1:9" x14ac:dyDescent="0.25">
      <c r="A923">
        <v>1066</v>
      </c>
      <c r="B923" t="s">
        <v>3304</v>
      </c>
      <c r="C923" t="s">
        <v>673</v>
      </c>
      <c r="D923">
        <v>34</v>
      </c>
      <c r="E923" t="s">
        <v>4175</v>
      </c>
      <c r="F923" t="s">
        <v>4171</v>
      </c>
      <c r="G923" t="s">
        <v>656</v>
      </c>
      <c r="H923">
        <v>2</v>
      </c>
      <c r="I923">
        <v>2020</v>
      </c>
    </row>
    <row r="924" spans="1:9" x14ac:dyDescent="0.25">
      <c r="A924">
        <v>1067</v>
      </c>
      <c r="B924" t="s">
        <v>3303</v>
      </c>
      <c r="C924" t="s">
        <v>673</v>
      </c>
      <c r="D924">
        <v>34</v>
      </c>
      <c r="E924" t="s">
        <v>4175</v>
      </c>
      <c r="F924" t="s">
        <v>4171</v>
      </c>
      <c r="G924" t="s">
        <v>656</v>
      </c>
      <c r="H924">
        <v>2</v>
      </c>
      <c r="I924">
        <v>2020</v>
      </c>
    </row>
    <row r="925" spans="1:9" x14ac:dyDescent="0.25">
      <c r="A925">
        <v>1069</v>
      </c>
      <c r="B925" t="s">
        <v>3302</v>
      </c>
      <c r="C925" t="s">
        <v>673</v>
      </c>
      <c r="D925">
        <v>34</v>
      </c>
      <c r="E925" t="s">
        <v>4175</v>
      </c>
      <c r="F925" t="s">
        <v>4171</v>
      </c>
      <c r="G925" t="s">
        <v>656</v>
      </c>
      <c r="H925">
        <v>2</v>
      </c>
      <c r="I925">
        <v>2020</v>
      </c>
    </row>
    <row r="926" spans="1:9" x14ac:dyDescent="0.25">
      <c r="A926">
        <v>1070</v>
      </c>
      <c r="B926" t="s">
        <v>3301</v>
      </c>
      <c r="C926" t="s">
        <v>673</v>
      </c>
      <c r="D926">
        <v>34</v>
      </c>
      <c r="E926" t="s">
        <v>4175</v>
      </c>
      <c r="F926" t="s">
        <v>4171</v>
      </c>
      <c r="G926" t="s">
        <v>656</v>
      </c>
      <c r="H926">
        <v>2</v>
      </c>
      <c r="I926">
        <v>2020</v>
      </c>
    </row>
    <row r="927" spans="1:9" x14ac:dyDescent="0.25">
      <c r="A927">
        <v>1071</v>
      </c>
      <c r="B927" t="s">
        <v>3300</v>
      </c>
      <c r="C927" t="s">
        <v>673</v>
      </c>
      <c r="D927">
        <v>34</v>
      </c>
      <c r="E927" t="s">
        <v>4175</v>
      </c>
      <c r="F927" t="s">
        <v>4171</v>
      </c>
      <c r="G927" t="s">
        <v>656</v>
      </c>
      <c r="H927">
        <v>2</v>
      </c>
      <c r="I927">
        <v>2020</v>
      </c>
    </row>
    <row r="928" spans="1:9" x14ac:dyDescent="0.25">
      <c r="A928">
        <v>1072</v>
      </c>
      <c r="B928" t="s">
        <v>3299</v>
      </c>
      <c r="C928" t="s">
        <v>673</v>
      </c>
      <c r="D928">
        <v>34</v>
      </c>
      <c r="E928" t="s">
        <v>4175</v>
      </c>
      <c r="F928" t="s">
        <v>4171</v>
      </c>
      <c r="G928" t="s">
        <v>656</v>
      </c>
      <c r="H928">
        <v>2</v>
      </c>
      <c r="I928">
        <v>2020</v>
      </c>
    </row>
    <row r="929" spans="1:9" x14ac:dyDescent="0.25">
      <c r="A929">
        <v>1075</v>
      </c>
      <c r="B929" t="s">
        <v>3298</v>
      </c>
      <c r="C929" t="s">
        <v>659</v>
      </c>
      <c r="D929">
        <v>35</v>
      </c>
      <c r="E929" t="s">
        <v>4175</v>
      </c>
      <c r="F929" t="s">
        <v>4171</v>
      </c>
      <c r="G929" t="s">
        <v>656</v>
      </c>
      <c r="H929">
        <v>2</v>
      </c>
      <c r="I929">
        <v>2020</v>
      </c>
    </row>
    <row r="930" spans="1:9" x14ac:dyDescent="0.25">
      <c r="A930">
        <v>1076</v>
      </c>
      <c r="B930" t="s">
        <v>3297</v>
      </c>
      <c r="C930" t="s">
        <v>659</v>
      </c>
      <c r="D930">
        <v>35</v>
      </c>
      <c r="E930" t="s">
        <v>4175</v>
      </c>
      <c r="F930" t="s">
        <v>4171</v>
      </c>
      <c r="G930" t="s">
        <v>656</v>
      </c>
      <c r="H930">
        <v>2</v>
      </c>
      <c r="I930">
        <v>2020</v>
      </c>
    </row>
    <row r="931" spans="1:9" x14ac:dyDescent="0.25">
      <c r="A931">
        <v>1077</v>
      </c>
      <c r="B931" t="s">
        <v>3296</v>
      </c>
      <c r="C931" t="s">
        <v>659</v>
      </c>
      <c r="D931">
        <v>35</v>
      </c>
      <c r="E931" t="s">
        <v>4175</v>
      </c>
      <c r="F931" t="s">
        <v>4171</v>
      </c>
      <c r="G931" t="s">
        <v>656</v>
      </c>
      <c r="H931">
        <v>2</v>
      </c>
      <c r="I931">
        <v>2020</v>
      </c>
    </row>
    <row r="932" spans="1:9" x14ac:dyDescent="0.25">
      <c r="A932">
        <v>1078</v>
      </c>
      <c r="B932" t="s">
        <v>3955</v>
      </c>
      <c r="C932" t="s">
        <v>659</v>
      </c>
      <c r="D932">
        <v>35</v>
      </c>
      <c r="E932" t="s">
        <v>4175</v>
      </c>
      <c r="F932" t="s">
        <v>4171</v>
      </c>
      <c r="G932" t="s">
        <v>656</v>
      </c>
      <c r="H932">
        <v>2</v>
      </c>
      <c r="I932">
        <v>2020</v>
      </c>
    </row>
    <row r="933" spans="1:9" x14ac:dyDescent="0.25">
      <c r="A933">
        <v>1079</v>
      </c>
      <c r="B933" t="s">
        <v>3295</v>
      </c>
      <c r="C933" t="s">
        <v>659</v>
      </c>
      <c r="D933">
        <v>35</v>
      </c>
      <c r="E933" t="s">
        <v>4175</v>
      </c>
      <c r="F933" t="s">
        <v>4171</v>
      </c>
      <c r="G933" t="s">
        <v>656</v>
      </c>
      <c r="H933">
        <v>2</v>
      </c>
      <c r="I933">
        <v>2020</v>
      </c>
    </row>
    <row r="934" spans="1:9" x14ac:dyDescent="0.25">
      <c r="A934">
        <v>1081</v>
      </c>
      <c r="B934" t="s">
        <v>3293</v>
      </c>
      <c r="C934" t="s">
        <v>659</v>
      </c>
      <c r="D934">
        <v>35</v>
      </c>
      <c r="E934" t="s">
        <v>4175</v>
      </c>
      <c r="F934" t="s">
        <v>4171</v>
      </c>
      <c r="G934" t="s">
        <v>656</v>
      </c>
      <c r="H934">
        <v>2</v>
      </c>
      <c r="I934">
        <v>2020</v>
      </c>
    </row>
    <row r="935" spans="1:9" x14ac:dyDescent="0.25">
      <c r="A935">
        <v>1082</v>
      </c>
      <c r="B935" t="s">
        <v>3292</v>
      </c>
      <c r="C935" t="s">
        <v>659</v>
      </c>
      <c r="D935">
        <v>35</v>
      </c>
      <c r="E935" t="s">
        <v>4175</v>
      </c>
      <c r="F935" t="s">
        <v>4171</v>
      </c>
      <c r="G935" t="s">
        <v>656</v>
      </c>
      <c r="H935">
        <v>2</v>
      </c>
      <c r="I935">
        <v>2020</v>
      </c>
    </row>
    <row r="936" spans="1:9" x14ac:dyDescent="0.25">
      <c r="A936">
        <v>1083</v>
      </c>
      <c r="B936" t="s">
        <v>3291</v>
      </c>
      <c r="C936" t="s">
        <v>659</v>
      </c>
      <c r="D936">
        <v>35</v>
      </c>
      <c r="E936" t="s">
        <v>4175</v>
      </c>
      <c r="F936" t="s">
        <v>4171</v>
      </c>
      <c r="G936" t="s">
        <v>656</v>
      </c>
      <c r="H936">
        <v>2</v>
      </c>
      <c r="I936">
        <v>2020</v>
      </c>
    </row>
    <row r="937" spans="1:9" x14ac:dyDescent="0.25">
      <c r="A937">
        <v>1086</v>
      </c>
      <c r="B937" t="s">
        <v>4317</v>
      </c>
      <c r="C937" t="s">
        <v>659</v>
      </c>
      <c r="D937">
        <v>35</v>
      </c>
      <c r="E937" t="s">
        <v>4175</v>
      </c>
      <c r="F937" t="s">
        <v>4171</v>
      </c>
      <c r="G937" t="s">
        <v>656</v>
      </c>
      <c r="H937">
        <v>2</v>
      </c>
      <c r="I937">
        <v>2020</v>
      </c>
    </row>
    <row r="938" spans="1:9" x14ac:dyDescent="0.25">
      <c r="A938">
        <v>1087</v>
      </c>
      <c r="B938" t="s">
        <v>2337</v>
      </c>
      <c r="C938" t="s">
        <v>679</v>
      </c>
      <c r="D938">
        <v>32</v>
      </c>
      <c r="E938" t="s">
        <v>4175</v>
      </c>
      <c r="F938" t="s">
        <v>4171</v>
      </c>
      <c r="G938" t="s">
        <v>656</v>
      </c>
      <c r="H938">
        <v>2</v>
      </c>
      <c r="I938">
        <v>2020</v>
      </c>
    </row>
    <row r="939" spans="1:9" x14ac:dyDescent="0.25">
      <c r="A939">
        <v>1088</v>
      </c>
      <c r="B939" t="s">
        <v>3288</v>
      </c>
      <c r="C939" t="s">
        <v>679</v>
      </c>
      <c r="D939">
        <v>32</v>
      </c>
      <c r="E939" t="s">
        <v>4175</v>
      </c>
      <c r="F939" t="s">
        <v>4171</v>
      </c>
      <c r="G939" t="s">
        <v>656</v>
      </c>
      <c r="H939">
        <v>2</v>
      </c>
      <c r="I939">
        <v>2020</v>
      </c>
    </row>
    <row r="940" spans="1:9" x14ac:dyDescent="0.25">
      <c r="A940">
        <v>1089</v>
      </c>
      <c r="B940" t="s">
        <v>3287</v>
      </c>
      <c r="C940" t="s">
        <v>679</v>
      </c>
      <c r="D940">
        <v>32</v>
      </c>
      <c r="E940" t="s">
        <v>4175</v>
      </c>
      <c r="F940" t="s">
        <v>4171</v>
      </c>
      <c r="G940" t="s">
        <v>656</v>
      </c>
      <c r="H940">
        <v>2</v>
      </c>
      <c r="I940">
        <v>2020</v>
      </c>
    </row>
    <row r="941" spans="1:9" x14ac:dyDescent="0.25">
      <c r="A941">
        <v>1090</v>
      </c>
      <c r="B941" t="s">
        <v>3286</v>
      </c>
      <c r="C941" t="s">
        <v>679</v>
      </c>
      <c r="D941">
        <v>32</v>
      </c>
      <c r="E941" t="s">
        <v>4175</v>
      </c>
      <c r="F941" t="s">
        <v>4171</v>
      </c>
      <c r="G941" t="s">
        <v>656</v>
      </c>
      <c r="H941">
        <v>2</v>
      </c>
      <c r="I941">
        <v>2020</v>
      </c>
    </row>
    <row r="942" spans="1:9" x14ac:dyDescent="0.25">
      <c r="A942">
        <v>1091</v>
      </c>
      <c r="B942" t="s">
        <v>3285</v>
      </c>
      <c r="C942" t="s">
        <v>679</v>
      </c>
      <c r="D942">
        <v>32</v>
      </c>
      <c r="E942" t="s">
        <v>4175</v>
      </c>
      <c r="F942" t="s">
        <v>4171</v>
      </c>
      <c r="G942" t="s">
        <v>656</v>
      </c>
      <c r="H942">
        <v>2</v>
      </c>
      <c r="I942">
        <v>2020</v>
      </c>
    </row>
    <row r="943" spans="1:9" x14ac:dyDescent="0.25">
      <c r="A943">
        <v>1092</v>
      </c>
      <c r="B943" t="s">
        <v>2334</v>
      </c>
      <c r="C943" t="s">
        <v>679</v>
      </c>
      <c r="D943">
        <v>32</v>
      </c>
      <c r="E943" t="s">
        <v>4175</v>
      </c>
      <c r="F943" t="s">
        <v>4171</v>
      </c>
      <c r="G943" t="s">
        <v>656</v>
      </c>
      <c r="H943">
        <v>2</v>
      </c>
      <c r="I943">
        <v>2020</v>
      </c>
    </row>
    <row r="944" spans="1:9" x14ac:dyDescent="0.25">
      <c r="A944">
        <v>1093</v>
      </c>
      <c r="B944" t="s">
        <v>3284</v>
      </c>
      <c r="C944" t="s">
        <v>679</v>
      </c>
      <c r="D944">
        <v>32</v>
      </c>
      <c r="E944" t="s">
        <v>4175</v>
      </c>
      <c r="F944" t="s">
        <v>4171</v>
      </c>
      <c r="G944" t="s">
        <v>656</v>
      </c>
      <c r="H944">
        <v>2</v>
      </c>
      <c r="I944">
        <v>2020</v>
      </c>
    </row>
    <row r="945" spans="1:9" x14ac:dyDescent="0.25">
      <c r="A945">
        <v>1094</v>
      </c>
      <c r="B945" t="s">
        <v>3283</v>
      </c>
      <c r="C945" t="s">
        <v>679</v>
      </c>
      <c r="D945">
        <v>32</v>
      </c>
      <c r="E945" t="s">
        <v>4175</v>
      </c>
      <c r="F945" t="s">
        <v>4171</v>
      </c>
      <c r="G945" t="s">
        <v>656</v>
      </c>
      <c r="H945">
        <v>2</v>
      </c>
      <c r="I945">
        <v>2020</v>
      </c>
    </row>
    <row r="946" spans="1:9" x14ac:dyDescent="0.25">
      <c r="A946">
        <v>1095</v>
      </c>
      <c r="B946" t="s">
        <v>3282</v>
      </c>
      <c r="C946" t="s">
        <v>679</v>
      </c>
      <c r="D946">
        <v>32</v>
      </c>
      <c r="E946" t="s">
        <v>4175</v>
      </c>
      <c r="F946" t="s">
        <v>4171</v>
      </c>
      <c r="G946" t="s">
        <v>656</v>
      </c>
      <c r="H946">
        <v>2</v>
      </c>
      <c r="I946">
        <v>2020</v>
      </c>
    </row>
    <row r="947" spans="1:9" x14ac:dyDescent="0.25">
      <c r="A947">
        <v>1096</v>
      </c>
      <c r="B947" t="s">
        <v>3281</v>
      </c>
      <c r="C947" t="s">
        <v>679</v>
      </c>
      <c r="D947">
        <v>32</v>
      </c>
      <c r="E947" t="s">
        <v>4175</v>
      </c>
      <c r="F947" t="s">
        <v>4171</v>
      </c>
      <c r="G947" t="s">
        <v>656</v>
      </c>
      <c r="H947">
        <v>2</v>
      </c>
      <c r="I947">
        <v>2020</v>
      </c>
    </row>
    <row r="948" spans="1:9" x14ac:dyDescent="0.25">
      <c r="A948">
        <v>1097</v>
      </c>
      <c r="B948" t="s">
        <v>3280</v>
      </c>
      <c r="C948" t="s">
        <v>1028</v>
      </c>
      <c r="D948">
        <v>33</v>
      </c>
      <c r="E948" t="s">
        <v>4175</v>
      </c>
      <c r="F948" t="s">
        <v>4171</v>
      </c>
      <c r="G948" t="s">
        <v>656</v>
      </c>
      <c r="H948">
        <v>2</v>
      </c>
      <c r="I948">
        <v>2020</v>
      </c>
    </row>
    <row r="949" spans="1:9" x14ac:dyDescent="0.25">
      <c r="A949">
        <v>1098</v>
      </c>
      <c r="B949" t="s">
        <v>3279</v>
      </c>
      <c r="C949" t="s">
        <v>1028</v>
      </c>
      <c r="D949">
        <v>33</v>
      </c>
      <c r="E949" t="s">
        <v>4175</v>
      </c>
      <c r="F949" t="s">
        <v>4171</v>
      </c>
      <c r="G949" t="s">
        <v>656</v>
      </c>
      <c r="H949">
        <v>2</v>
      </c>
      <c r="I949">
        <v>2020</v>
      </c>
    </row>
    <row r="950" spans="1:9" x14ac:dyDescent="0.25">
      <c r="A950">
        <v>1099</v>
      </c>
      <c r="B950" t="s">
        <v>3278</v>
      </c>
      <c r="C950" t="s">
        <v>1028</v>
      </c>
      <c r="D950">
        <v>33</v>
      </c>
      <c r="E950" t="s">
        <v>4175</v>
      </c>
      <c r="F950" t="s">
        <v>4171</v>
      </c>
      <c r="G950" t="s">
        <v>656</v>
      </c>
      <c r="H950">
        <v>2</v>
      </c>
      <c r="I950">
        <v>2020</v>
      </c>
    </row>
    <row r="951" spans="1:9" x14ac:dyDescent="0.25">
      <c r="A951">
        <v>1100</v>
      </c>
      <c r="B951" t="s">
        <v>3277</v>
      </c>
      <c r="C951" t="s">
        <v>1028</v>
      </c>
      <c r="D951">
        <v>33</v>
      </c>
      <c r="E951" t="s">
        <v>4175</v>
      </c>
      <c r="F951" t="s">
        <v>4171</v>
      </c>
      <c r="G951" t="s">
        <v>656</v>
      </c>
      <c r="H951">
        <v>2</v>
      </c>
      <c r="I951">
        <v>2020</v>
      </c>
    </row>
    <row r="952" spans="1:9" x14ac:dyDescent="0.25">
      <c r="A952">
        <v>1101</v>
      </c>
      <c r="B952" t="s">
        <v>3276</v>
      </c>
      <c r="C952" t="s">
        <v>1028</v>
      </c>
      <c r="D952">
        <v>33</v>
      </c>
      <c r="E952" t="s">
        <v>4175</v>
      </c>
      <c r="F952" t="s">
        <v>4171</v>
      </c>
      <c r="G952" t="s">
        <v>656</v>
      </c>
      <c r="H952">
        <v>2</v>
      </c>
      <c r="I952">
        <v>2020</v>
      </c>
    </row>
    <row r="953" spans="1:9" x14ac:dyDescent="0.25">
      <c r="A953">
        <v>1102</v>
      </c>
      <c r="B953" t="s">
        <v>3275</v>
      </c>
      <c r="C953" t="s">
        <v>1028</v>
      </c>
      <c r="D953">
        <v>33</v>
      </c>
      <c r="E953" t="s">
        <v>4175</v>
      </c>
      <c r="F953" t="s">
        <v>4171</v>
      </c>
      <c r="G953" t="s">
        <v>656</v>
      </c>
      <c r="H953">
        <v>2</v>
      </c>
      <c r="I953">
        <v>2020</v>
      </c>
    </row>
    <row r="954" spans="1:9" x14ac:dyDescent="0.25">
      <c r="A954">
        <v>1103</v>
      </c>
      <c r="B954" t="s">
        <v>3274</v>
      </c>
      <c r="C954" t="s">
        <v>1028</v>
      </c>
      <c r="D954">
        <v>33</v>
      </c>
      <c r="E954" t="s">
        <v>4175</v>
      </c>
      <c r="F954" t="s">
        <v>4171</v>
      </c>
      <c r="G954" t="s">
        <v>656</v>
      </c>
      <c r="H954">
        <v>2</v>
      </c>
      <c r="I954">
        <v>2020</v>
      </c>
    </row>
    <row r="955" spans="1:9" x14ac:dyDescent="0.25">
      <c r="A955">
        <v>1104</v>
      </c>
      <c r="B955" t="s">
        <v>3273</v>
      </c>
      <c r="C955" t="s">
        <v>1028</v>
      </c>
      <c r="D955">
        <v>33</v>
      </c>
      <c r="E955" t="s">
        <v>4175</v>
      </c>
      <c r="F955" t="s">
        <v>4171</v>
      </c>
      <c r="G955" t="s">
        <v>656</v>
      </c>
      <c r="H955">
        <v>2</v>
      </c>
      <c r="I955">
        <v>2020</v>
      </c>
    </row>
    <row r="956" spans="1:9" x14ac:dyDescent="0.25">
      <c r="A956">
        <v>1105</v>
      </c>
      <c r="B956" t="s">
        <v>3272</v>
      </c>
      <c r="C956" t="s">
        <v>1028</v>
      </c>
      <c r="D956">
        <v>33</v>
      </c>
      <c r="E956" t="s">
        <v>4175</v>
      </c>
      <c r="F956" t="s">
        <v>4171</v>
      </c>
      <c r="G956" t="s">
        <v>656</v>
      </c>
      <c r="H956">
        <v>2</v>
      </c>
      <c r="I956">
        <v>2020</v>
      </c>
    </row>
    <row r="957" spans="1:9" x14ac:dyDescent="0.25">
      <c r="A957">
        <v>1106</v>
      </c>
      <c r="B957" t="s">
        <v>1641</v>
      </c>
      <c r="C957" t="s">
        <v>819</v>
      </c>
      <c r="D957">
        <v>101</v>
      </c>
      <c r="E957" t="s">
        <v>4187</v>
      </c>
      <c r="F957" t="s">
        <v>4187</v>
      </c>
      <c r="G957" t="s">
        <v>656</v>
      </c>
      <c r="H957">
        <v>2</v>
      </c>
      <c r="I957">
        <v>2020</v>
      </c>
    </row>
    <row r="958" spans="1:9" x14ac:dyDescent="0.25">
      <c r="A958">
        <v>1107</v>
      </c>
      <c r="B958" t="s">
        <v>3271</v>
      </c>
      <c r="C958" t="s">
        <v>819</v>
      </c>
      <c r="D958">
        <v>101</v>
      </c>
      <c r="E958" t="s">
        <v>4187</v>
      </c>
      <c r="F958" t="s">
        <v>4187</v>
      </c>
      <c r="G958" t="s">
        <v>656</v>
      </c>
      <c r="H958">
        <v>2</v>
      </c>
      <c r="I958">
        <v>2020</v>
      </c>
    </row>
    <row r="959" spans="1:9" x14ac:dyDescent="0.25">
      <c r="A959">
        <v>1109</v>
      </c>
      <c r="B959" t="s">
        <v>3270</v>
      </c>
      <c r="C959" t="s">
        <v>819</v>
      </c>
      <c r="D959">
        <v>101</v>
      </c>
      <c r="E959" t="s">
        <v>4187</v>
      </c>
      <c r="F959" t="s">
        <v>4187</v>
      </c>
      <c r="G959" t="s">
        <v>656</v>
      </c>
      <c r="H959">
        <v>2</v>
      </c>
      <c r="I959">
        <v>2020</v>
      </c>
    </row>
    <row r="960" spans="1:9" x14ac:dyDescent="0.25">
      <c r="A960">
        <v>1110</v>
      </c>
      <c r="B960" t="s">
        <v>3269</v>
      </c>
      <c r="C960" t="s">
        <v>819</v>
      </c>
      <c r="D960">
        <v>101</v>
      </c>
      <c r="E960" t="s">
        <v>4187</v>
      </c>
      <c r="F960" t="s">
        <v>4187</v>
      </c>
      <c r="G960" t="s">
        <v>656</v>
      </c>
      <c r="H960">
        <v>2</v>
      </c>
      <c r="I960">
        <v>2020</v>
      </c>
    </row>
    <row r="961" spans="1:9" x14ac:dyDescent="0.25">
      <c r="A961">
        <v>1111</v>
      </c>
      <c r="B961" t="s">
        <v>3268</v>
      </c>
      <c r="C961" t="s">
        <v>819</v>
      </c>
      <c r="D961">
        <v>101</v>
      </c>
      <c r="E961" t="s">
        <v>4187</v>
      </c>
      <c r="F961" t="s">
        <v>4187</v>
      </c>
      <c r="G961" t="s">
        <v>656</v>
      </c>
      <c r="H961">
        <v>2</v>
      </c>
      <c r="I961">
        <v>2020</v>
      </c>
    </row>
    <row r="962" spans="1:9" x14ac:dyDescent="0.25">
      <c r="A962">
        <v>1112</v>
      </c>
      <c r="B962" t="s">
        <v>3267</v>
      </c>
      <c r="C962" t="s">
        <v>819</v>
      </c>
      <c r="D962">
        <v>101</v>
      </c>
      <c r="E962" t="s">
        <v>4187</v>
      </c>
      <c r="F962" t="s">
        <v>4187</v>
      </c>
      <c r="G962" t="s">
        <v>656</v>
      </c>
      <c r="H962">
        <v>2</v>
      </c>
      <c r="I962">
        <v>2020</v>
      </c>
    </row>
    <row r="963" spans="1:9" x14ac:dyDescent="0.25">
      <c r="A963">
        <v>1113</v>
      </c>
      <c r="B963" t="s">
        <v>3266</v>
      </c>
      <c r="C963" t="s">
        <v>819</v>
      </c>
      <c r="D963">
        <v>101</v>
      </c>
      <c r="E963" t="s">
        <v>4187</v>
      </c>
      <c r="F963" t="s">
        <v>4187</v>
      </c>
      <c r="G963" t="s">
        <v>656</v>
      </c>
      <c r="H963">
        <v>2</v>
      </c>
      <c r="I963">
        <v>2020</v>
      </c>
    </row>
    <row r="964" spans="1:9" x14ac:dyDescent="0.25">
      <c r="A964">
        <v>1114</v>
      </c>
      <c r="B964" t="s">
        <v>3265</v>
      </c>
      <c r="C964" t="s">
        <v>703</v>
      </c>
      <c r="D964">
        <v>16</v>
      </c>
      <c r="E964" t="s">
        <v>703</v>
      </c>
      <c r="F964" t="s">
        <v>4177</v>
      </c>
      <c r="G964" t="s">
        <v>656</v>
      </c>
      <c r="H964">
        <v>2</v>
      </c>
      <c r="I964">
        <v>2020</v>
      </c>
    </row>
    <row r="965" spans="1:9" x14ac:dyDescent="0.25">
      <c r="A965">
        <v>1115</v>
      </c>
      <c r="B965" t="s">
        <v>3264</v>
      </c>
      <c r="C965" t="s">
        <v>703</v>
      </c>
      <c r="D965">
        <v>16</v>
      </c>
      <c r="E965" t="s">
        <v>703</v>
      </c>
      <c r="F965" t="s">
        <v>4177</v>
      </c>
      <c r="G965" t="s">
        <v>656</v>
      </c>
      <c r="H965">
        <v>2</v>
      </c>
      <c r="I965">
        <v>2020</v>
      </c>
    </row>
    <row r="966" spans="1:9" x14ac:dyDescent="0.25">
      <c r="A966">
        <v>1116</v>
      </c>
      <c r="B966" t="s">
        <v>3263</v>
      </c>
      <c r="C966" t="s">
        <v>703</v>
      </c>
      <c r="D966">
        <v>16</v>
      </c>
      <c r="E966" t="s">
        <v>703</v>
      </c>
      <c r="F966" t="s">
        <v>4177</v>
      </c>
      <c r="G966" t="s">
        <v>656</v>
      </c>
      <c r="H966">
        <v>2</v>
      </c>
      <c r="I966">
        <v>2020</v>
      </c>
    </row>
    <row r="967" spans="1:9" x14ac:dyDescent="0.25">
      <c r="A967">
        <v>1117</v>
      </c>
      <c r="B967" t="s">
        <v>2517</v>
      </c>
      <c r="C967" t="s">
        <v>682</v>
      </c>
      <c r="D967">
        <v>20</v>
      </c>
      <c r="E967" t="s">
        <v>682</v>
      </c>
      <c r="F967" t="s">
        <v>4177</v>
      </c>
      <c r="G967" t="s">
        <v>656</v>
      </c>
      <c r="H967">
        <v>2</v>
      </c>
      <c r="I967">
        <v>2020</v>
      </c>
    </row>
    <row r="968" spans="1:9" x14ac:dyDescent="0.25">
      <c r="A968">
        <v>1118</v>
      </c>
      <c r="B968" t="s">
        <v>2033</v>
      </c>
      <c r="C968" t="s">
        <v>682</v>
      </c>
      <c r="D968">
        <v>20</v>
      </c>
      <c r="E968" t="s">
        <v>682</v>
      </c>
      <c r="F968" t="s">
        <v>4177</v>
      </c>
      <c r="G968" t="s">
        <v>656</v>
      </c>
      <c r="H968">
        <v>2</v>
      </c>
      <c r="I968">
        <v>2020</v>
      </c>
    </row>
    <row r="969" spans="1:9" x14ac:dyDescent="0.25">
      <c r="A969">
        <v>1119</v>
      </c>
      <c r="B969" t="s">
        <v>3262</v>
      </c>
      <c r="C969" t="s">
        <v>682</v>
      </c>
      <c r="D969">
        <v>20</v>
      </c>
      <c r="E969" t="s">
        <v>682</v>
      </c>
      <c r="F969" t="s">
        <v>4177</v>
      </c>
      <c r="G969" t="s">
        <v>656</v>
      </c>
      <c r="H969">
        <v>2</v>
      </c>
      <c r="I969">
        <v>2020</v>
      </c>
    </row>
    <row r="970" spans="1:9" x14ac:dyDescent="0.25">
      <c r="A970">
        <v>1120</v>
      </c>
      <c r="B970" t="s">
        <v>3261</v>
      </c>
      <c r="C970" t="s">
        <v>682</v>
      </c>
      <c r="D970">
        <v>20</v>
      </c>
      <c r="E970" t="s">
        <v>682</v>
      </c>
      <c r="F970" t="s">
        <v>4177</v>
      </c>
      <c r="G970" t="s">
        <v>656</v>
      </c>
      <c r="H970">
        <v>2</v>
      </c>
      <c r="I970">
        <v>2020</v>
      </c>
    </row>
    <row r="971" spans="1:9" x14ac:dyDescent="0.25">
      <c r="A971">
        <v>1122</v>
      </c>
      <c r="B971" t="s">
        <v>3259</v>
      </c>
      <c r="C971" t="s">
        <v>691</v>
      </c>
      <c r="D971">
        <v>21</v>
      </c>
      <c r="E971" t="s">
        <v>691</v>
      </c>
      <c r="F971" t="s">
        <v>4177</v>
      </c>
      <c r="G971" t="s">
        <v>656</v>
      </c>
      <c r="H971">
        <v>2</v>
      </c>
      <c r="I971">
        <v>2020</v>
      </c>
    </row>
    <row r="972" spans="1:9" x14ac:dyDescent="0.25">
      <c r="A972">
        <v>1123</v>
      </c>
      <c r="B972" t="s">
        <v>727</v>
      </c>
      <c r="C972" t="s">
        <v>691</v>
      </c>
      <c r="D972">
        <v>21</v>
      </c>
      <c r="E972" t="s">
        <v>691</v>
      </c>
      <c r="F972" t="s">
        <v>4177</v>
      </c>
      <c r="G972" t="s">
        <v>656</v>
      </c>
      <c r="H972">
        <v>2</v>
      </c>
      <c r="I972">
        <v>2020</v>
      </c>
    </row>
    <row r="973" spans="1:9" x14ac:dyDescent="0.25">
      <c r="A973">
        <v>1124</v>
      </c>
      <c r="B973" t="s">
        <v>4318</v>
      </c>
      <c r="C973" t="s">
        <v>691</v>
      </c>
      <c r="D973">
        <v>21</v>
      </c>
      <c r="E973" t="s">
        <v>691</v>
      </c>
      <c r="F973" t="s">
        <v>4177</v>
      </c>
      <c r="G973" t="s">
        <v>656</v>
      </c>
      <c r="H973">
        <v>2</v>
      </c>
      <c r="I973">
        <v>2020</v>
      </c>
    </row>
    <row r="974" spans="1:9" x14ac:dyDescent="0.25">
      <c r="A974">
        <v>1125</v>
      </c>
      <c r="B974" t="s">
        <v>4319</v>
      </c>
      <c r="C974" t="s">
        <v>691</v>
      </c>
      <c r="D974">
        <v>21</v>
      </c>
      <c r="E974" t="s">
        <v>691</v>
      </c>
      <c r="F974" t="s">
        <v>4177</v>
      </c>
      <c r="G974" t="s">
        <v>656</v>
      </c>
      <c r="H974">
        <v>2</v>
      </c>
      <c r="I974">
        <v>2020</v>
      </c>
    </row>
    <row r="975" spans="1:9" x14ac:dyDescent="0.25">
      <c r="A975">
        <v>1127</v>
      </c>
      <c r="B975" t="s">
        <v>1923</v>
      </c>
      <c r="C975" t="s">
        <v>691</v>
      </c>
      <c r="D975">
        <v>21</v>
      </c>
      <c r="E975" t="s">
        <v>691</v>
      </c>
      <c r="F975" t="s">
        <v>4177</v>
      </c>
      <c r="G975" t="s">
        <v>656</v>
      </c>
      <c r="H975">
        <v>2</v>
      </c>
      <c r="I975">
        <v>2020</v>
      </c>
    </row>
    <row r="976" spans="1:9" x14ac:dyDescent="0.25">
      <c r="A976">
        <v>1128</v>
      </c>
      <c r="B976" t="s">
        <v>3257</v>
      </c>
      <c r="C976" t="s">
        <v>691</v>
      </c>
      <c r="D976">
        <v>21</v>
      </c>
      <c r="E976" t="s">
        <v>691</v>
      </c>
      <c r="F976" t="s">
        <v>4177</v>
      </c>
      <c r="G976" t="s">
        <v>656</v>
      </c>
      <c r="H976">
        <v>2</v>
      </c>
      <c r="I976">
        <v>2020</v>
      </c>
    </row>
    <row r="977" spans="1:9" x14ac:dyDescent="0.25">
      <c r="A977">
        <v>1129</v>
      </c>
      <c r="B977" t="s">
        <v>3256</v>
      </c>
      <c r="C977" t="s">
        <v>691</v>
      </c>
      <c r="D977">
        <v>21</v>
      </c>
      <c r="E977" t="s">
        <v>691</v>
      </c>
      <c r="F977" t="s">
        <v>4177</v>
      </c>
      <c r="G977" t="s">
        <v>656</v>
      </c>
      <c r="H977">
        <v>2</v>
      </c>
      <c r="I977">
        <v>2020</v>
      </c>
    </row>
    <row r="978" spans="1:9" x14ac:dyDescent="0.25">
      <c r="A978">
        <v>1130</v>
      </c>
      <c r="B978" t="s">
        <v>4320</v>
      </c>
      <c r="C978" t="s">
        <v>691</v>
      </c>
      <c r="D978">
        <v>21</v>
      </c>
      <c r="E978" t="s">
        <v>691</v>
      </c>
      <c r="F978" t="s">
        <v>4177</v>
      </c>
      <c r="G978" t="s">
        <v>656</v>
      </c>
      <c r="H978">
        <v>2</v>
      </c>
      <c r="I978">
        <v>2020</v>
      </c>
    </row>
    <row r="979" spans="1:9" x14ac:dyDescent="0.25">
      <c r="A979">
        <v>1131</v>
      </c>
      <c r="B979" t="s">
        <v>2991</v>
      </c>
      <c r="C979" t="s">
        <v>691</v>
      </c>
      <c r="D979">
        <v>21</v>
      </c>
      <c r="E979" t="s">
        <v>691</v>
      </c>
      <c r="F979" t="s">
        <v>4177</v>
      </c>
      <c r="G979" t="s">
        <v>656</v>
      </c>
      <c r="H979">
        <v>2</v>
      </c>
      <c r="I979">
        <v>2020</v>
      </c>
    </row>
    <row r="980" spans="1:9" x14ac:dyDescent="0.25">
      <c r="A980">
        <v>1132</v>
      </c>
      <c r="B980" t="s">
        <v>4321</v>
      </c>
      <c r="C980" t="s">
        <v>691</v>
      </c>
      <c r="D980">
        <v>21</v>
      </c>
      <c r="E980" t="s">
        <v>691</v>
      </c>
      <c r="F980" t="s">
        <v>4177</v>
      </c>
      <c r="G980" t="s">
        <v>656</v>
      </c>
      <c r="H980">
        <v>2</v>
      </c>
      <c r="I980">
        <v>2020</v>
      </c>
    </row>
    <row r="981" spans="1:9" x14ac:dyDescent="0.25">
      <c r="A981">
        <v>1134</v>
      </c>
      <c r="B981" t="s">
        <v>3253</v>
      </c>
      <c r="C981" t="s">
        <v>691</v>
      </c>
      <c r="D981">
        <v>21</v>
      </c>
      <c r="E981" t="s">
        <v>691</v>
      </c>
      <c r="F981" t="s">
        <v>4177</v>
      </c>
      <c r="G981" t="s">
        <v>656</v>
      </c>
      <c r="H981">
        <v>2</v>
      </c>
      <c r="I981">
        <v>2020</v>
      </c>
    </row>
    <row r="982" spans="1:9" x14ac:dyDescent="0.25">
      <c r="A982">
        <v>1135</v>
      </c>
      <c r="B982" t="s">
        <v>4322</v>
      </c>
      <c r="C982" t="s">
        <v>691</v>
      </c>
      <c r="D982">
        <v>21</v>
      </c>
      <c r="E982" t="s">
        <v>691</v>
      </c>
      <c r="F982" t="s">
        <v>4177</v>
      </c>
      <c r="G982" t="s">
        <v>656</v>
      </c>
      <c r="H982">
        <v>2</v>
      </c>
      <c r="I982">
        <v>2020</v>
      </c>
    </row>
    <row r="983" spans="1:9" x14ac:dyDescent="0.25">
      <c r="A983">
        <v>1136</v>
      </c>
      <c r="B983" t="s">
        <v>3252</v>
      </c>
      <c r="C983" t="s">
        <v>894</v>
      </c>
      <c r="D983">
        <v>18</v>
      </c>
      <c r="E983" t="s">
        <v>894</v>
      </c>
      <c r="F983" t="s">
        <v>4177</v>
      </c>
      <c r="G983" t="s">
        <v>656</v>
      </c>
      <c r="H983">
        <v>2</v>
      </c>
      <c r="I983">
        <v>2020</v>
      </c>
    </row>
    <row r="984" spans="1:9" x14ac:dyDescent="0.25">
      <c r="A984">
        <v>1137</v>
      </c>
      <c r="B984" t="s">
        <v>3251</v>
      </c>
      <c r="C984" t="s">
        <v>894</v>
      </c>
      <c r="D984">
        <v>18</v>
      </c>
      <c r="E984" t="s">
        <v>894</v>
      </c>
      <c r="F984" t="s">
        <v>4177</v>
      </c>
      <c r="G984" t="s">
        <v>656</v>
      </c>
      <c r="H984">
        <v>2</v>
      </c>
      <c r="I984">
        <v>2020</v>
      </c>
    </row>
    <row r="985" spans="1:9" x14ac:dyDescent="0.25">
      <c r="A985">
        <v>1138</v>
      </c>
      <c r="B985" t="s">
        <v>3250</v>
      </c>
      <c r="C985" t="s">
        <v>894</v>
      </c>
      <c r="D985">
        <v>18</v>
      </c>
      <c r="E985" t="s">
        <v>894</v>
      </c>
      <c r="F985" t="s">
        <v>4177</v>
      </c>
      <c r="G985" t="s">
        <v>656</v>
      </c>
      <c r="H985">
        <v>2</v>
      </c>
      <c r="I985">
        <v>2020</v>
      </c>
    </row>
    <row r="986" spans="1:9" x14ac:dyDescent="0.25">
      <c r="A986">
        <v>1139</v>
      </c>
      <c r="B986" t="s">
        <v>3249</v>
      </c>
      <c r="C986" t="s">
        <v>894</v>
      </c>
      <c r="D986">
        <v>18</v>
      </c>
      <c r="E986" t="s">
        <v>894</v>
      </c>
      <c r="F986" t="s">
        <v>4177</v>
      </c>
      <c r="G986" t="s">
        <v>656</v>
      </c>
      <c r="H986">
        <v>2</v>
      </c>
      <c r="I986">
        <v>2020</v>
      </c>
    </row>
    <row r="987" spans="1:9" x14ac:dyDescent="0.25">
      <c r="A987">
        <v>1140</v>
      </c>
      <c r="B987" t="s">
        <v>3248</v>
      </c>
      <c r="C987" t="s">
        <v>894</v>
      </c>
      <c r="D987">
        <v>18</v>
      </c>
      <c r="E987" t="s">
        <v>894</v>
      </c>
      <c r="F987" t="s">
        <v>4177</v>
      </c>
      <c r="G987" t="s">
        <v>656</v>
      </c>
      <c r="H987">
        <v>2</v>
      </c>
      <c r="I987">
        <v>2020</v>
      </c>
    </row>
    <row r="988" spans="1:9" x14ac:dyDescent="0.25">
      <c r="A988">
        <v>1141</v>
      </c>
      <c r="B988" t="s">
        <v>894</v>
      </c>
      <c r="C988" t="s">
        <v>894</v>
      </c>
      <c r="D988">
        <v>18</v>
      </c>
      <c r="E988" t="s">
        <v>894</v>
      </c>
      <c r="F988" t="s">
        <v>4177</v>
      </c>
      <c r="G988" t="s">
        <v>656</v>
      </c>
      <c r="H988">
        <v>2</v>
      </c>
      <c r="I988">
        <v>2020</v>
      </c>
    </row>
    <row r="989" spans="1:9" x14ac:dyDescent="0.25">
      <c r="A989">
        <v>1142</v>
      </c>
      <c r="B989" t="s">
        <v>3247</v>
      </c>
      <c r="C989" t="s">
        <v>894</v>
      </c>
      <c r="D989">
        <v>18</v>
      </c>
      <c r="E989" t="s">
        <v>894</v>
      </c>
      <c r="F989" t="s">
        <v>4177</v>
      </c>
      <c r="G989" t="s">
        <v>656</v>
      </c>
      <c r="H989">
        <v>2</v>
      </c>
      <c r="I989">
        <v>2020</v>
      </c>
    </row>
    <row r="990" spans="1:9" x14ac:dyDescent="0.25">
      <c r="A990">
        <v>1143</v>
      </c>
      <c r="B990" t="s">
        <v>3246</v>
      </c>
      <c r="C990" t="s">
        <v>894</v>
      </c>
      <c r="D990">
        <v>18</v>
      </c>
      <c r="E990" t="s">
        <v>894</v>
      </c>
      <c r="F990" t="s">
        <v>4177</v>
      </c>
      <c r="G990" t="s">
        <v>656</v>
      </c>
      <c r="H990">
        <v>2</v>
      </c>
      <c r="I990">
        <v>2020</v>
      </c>
    </row>
    <row r="991" spans="1:9" x14ac:dyDescent="0.25">
      <c r="A991">
        <v>1144</v>
      </c>
      <c r="B991" t="s">
        <v>3245</v>
      </c>
      <c r="C991" t="s">
        <v>894</v>
      </c>
      <c r="D991">
        <v>18</v>
      </c>
      <c r="E991" t="s">
        <v>894</v>
      </c>
      <c r="F991" t="s">
        <v>4177</v>
      </c>
      <c r="G991" t="s">
        <v>656</v>
      </c>
      <c r="H991">
        <v>2</v>
      </c>
      <c r="I991">
        <v>2020</v>
      </c>
    </row>
    <row r="992" spans="1:9" x14ac:dyDescent="0.25">
      <c r="A992">
        <v>1145</v>
      </c>
      <c r="B992" t="s">
        <v>3244</v>
      </c>
      <c r="C992" t="s">
        <v>894</v>
      </c>
      <c r="D992">
        <v>18</v>
      </c>
      <c r="E992" t="s">
        <v>894</v>
      </c>
      <c r="F992" t="s">
        <v>4177</v>
      </c>
      <c r="G992" t="s">
        <v>656</v>
      </c>
      <c r="H992">
        <v>2</v>
      </c>
      <c r="I992">
        <v>2020</v>
      </c>
    </row>
    <row r="993" spans="1:9" x14ac:dyDescent="0.25">
      <c r="A993">
        <v>1146</v>
      </c>
      <c r="B993" t="s">
        <v>2584</v>
      </c>
      <c r="C993" t="s">
        <v>894</v>
      </c>
      <c r="D993">
        <v>18</v>
      </c>
      <c r="E993" t="s">
        <v>894</v>
      </c>
      <c r="F993" t="s">
        <v>4177</v>
      </c>
      <c r="G993" t="s">
        <v>656</v>
      </c>
      <c r="H993">
        <v>2</v>
      </c>
      <c r="I993">
        <v>2020</v>
      </c>
    </row>
    <row r="994" spans="1:9" x14ac:dyDescent="0.25">
      <c r="A994">
        <v>1147</v>
      </c>
      <c r="B994" t="s">
        <v>3243</v>
      </c>
      <c r="C994" t="s">
        <v>894</v>
      </c>
      <c r="D994">
        <v>18</v>
      </c>
      <c r="E994" t="s">
        <v>894</v>
      </c>
      <c r="F994" t="s">
        <v>4177</v>
      </c>
      <c r="G994" t="s">
        <v>656</v>
      </c>
      <c r="H994">
        <v>2</v>
      </c>
      <c r="I994">
        <v>2020</v>
      </c>
    </row>
    <row r="995" spans="1:9" x14ac:dyDescent="0.25">
      <c r="A995">
        <v>1148</v>
      </c>
      <c r="B995" t="s">
        <v>3242</v>
      </c>
      <c r="C995" t="s">
        <v>894</v>
      </c>
      <c r="D995">
        <v>18</v>
      </c>
      <c r="E995" t="s">
        <v>894</v>
      </c>
      <c r="F995" t="s">
        <v>4177</v>
      </c>
      <c r="G995" t="s">
        <v>656</v>
      </c>
      <c r="H995">
        <v>2</v>
      </c>
      <c r="I995">
        <v>2020</v>
      </c>
    </row>
    <row r="996" spans="1:9" x14ac:dyDescent="0.25">
      <c r="A996">
        <v>1149</v>
      </c>
      <c r="B996" t="s">
        <v>3241</v>
      </c>
      <c r="C996" t="s">
        <v>894</v>
      </c>
      <c r="D996">
        <v>18</v>
      </c>
      <c r="E996" t="s">
        <v>894</v>
      </c>
      <c r="F996" t="s">
        <v>4177</v>
      </c>
      <c r="G996" t="s">
        <v>656</v>
      </c>
      <c r="H996">
        <v>2</v>
      </c>
      <c r="I996">
        <v>2020</v>
      </c>
    </row>
    <row r="997" spans="1:9" x14ac:dyDescent="0.25">
      <c r="A997">
        <v>1151</v>
      </c>
      <c r="B997" t="s">
        <v>3239</v>
      </c>
      <c r="C997" t="s">
        <v>894</v>
      </c>
      <c r="D997">
        <v>18</v>
      </c>
      <c r="E997" t="s">
        <v>894</v>
      </c>
      <c r="F997" t="s">
        <v>4177</v>
      </c>
      <c r="G997" t="s">
        <v>656</v>
      </c>
      <c r="H997">
        <v>2</v>
      </c>
      <c r="I997">
        <v>2020</v>
      </c>
    </row>
    <row r="998" spans="1:9" x14ac:dyDescent="0.25">
      <c r="A998">
        <v>1152</v>
      </c>
      <c r="B998" t="s">
        <v>3238</v>
      </c>
      <c r="C998" t="s">
        <v>894</v>
      </c>
      <c r="D998">
        <v>18</v>
      </c>
      <c r="E998" t="s">
        <v>894</v>
      </c>
      <c r="F998" t="s">
        <v>4177</v>
      </c>
      <c r="G998" t="s">
        <v>656</v>
      </c>
      <c r="H998">
        <v>2</v>
      </c>
      <c r="I998">
        <v>2020</v>
      </c>
    </row>
    <row r="999" spans="1:9" x14ac:dyDescent="0.25">
      <c r="A999">
        <v>1153</v>
      </c>
      <c r="B999" t="s">
        <v>3237</v>
      </c>
      <c r="C999" t="s">
        <v>894</v>
      </c>
      <c r="D999">
        <v>18</v>
      </c>
      <c r="E999" t="s">
        <v>894</v>
      </c>
      <c r="F999" t="s">
        <v>4177</v>
      </c>
      <c r="G999" t="s">
        <v>656</v>
      </c>
      <c r="H999">
        <v>2</v>
      </c>
      <c r="I999">
        <v>2020</v>
      </c>
    </row>
    <row r="1000" spans="1:9" x14ac:dyDescent="0.25">
      <c r="A1000">
        <v>1155</v>
      </c>
      <c r="B1000" t="s">
        <v>3235</v>
      </c>
      <c r="C1000" t="s">
        <v>65</v>
      </c>
      <c r="D1000">
        <v>15</v>
      </c>
      <c r="E1000" t="s">
        <v>4176</v>
      </c>
      <c r="F1000" t="s">
        <v>4177</v>
      </c>
      <c r="G1000" t="s">
        <v>656</v>
      </c>
      <c r="H1000">
        <v>2</v>
      </c>
      <c r="I1000">
        <v>2020</v>
      </c>
    </row>
    <row r="1001" spans="1:9" x14ac:dyDescent="0.25">
      <c r="A1001">
        <v>1158</v>
      </c>
      <c r="B1001" t="s">
        <v>3232</v>
      </c>
      <c r="C1001" t="s">
        <v>299</v>
      </c>
      <c r="D1001">
        <v>27</v>
      </c>
      <c r="E1001" t="s">
        <v>4179</v>
      </c>
      <c r="F1001" t="s">
        <v>4177</v>
      </c>
      <c r="G1001" t="s">
        <v>656</v>
      </c>
      <c r="H1001">
        <v>2</v>
      </c>
      <c r="I1001">
        <v>2020</v>
      </c>
    </row>
    <row r="1002" spans="1:9" x14ac:dyDescent="0.25">
      <c r="A1002">
        <v>1159</v>
      </c>
      <c r="B1002" t="s">
        <v>4323</v>
      </c>
      <c r="C1002" t="s">
        <v>299</v>
      </c>
      <c r="D1002">
        <v>27</v>
      </c>
      <c r="E1002" t="s">
        <v>4179</v>
      </c>
      <c r="F1002" t="s">
        <v>4177</v>
      </c>
      <c r="G1002" t="s">
        <v>656</v>
      </c>
      <c r="H1002">
        <v>2</v>
      </c>
      <c r="I1002">
        <v>2020</v>
      </c>
    </row>
    <row r="1003" spans="1:9" x14ac:dyDescent="0.25">
      <c r="A1003">
        <v>1160</v>
      </c>
      <c r="B1003" t="s">
        <v>3231</v>
      </c>
      <c r="C1003" t="s">
        <v>299</v>
      </c>
      <c r="D1003">
        <v>27</v>
      </c>
      <c r="E1003" t="s">
        <v>4179</v>
      </c>
      <c r="F1003" t="s">
        <v>4177</v>
      </c>
      <c r="G1003" t="s">
        <v>656</v>
      </c>
      <c r="H1003">
        <v>2</v>
      </c>
      <c r="I1003">
        <v>2020</v>
      </c>
    </row>
    <row r="1004" spans="1:9" x14ac:dyDescent="0.25">
      <c r="A1004">
        <v>1161</v>
      </c>
      <c r="B1004" t="s">
        <v>3230</v>
      </c>
      <c r="C1004" t="s">
        <v>301</v>
      </c>
      <c r="D1004">
        <v>26</v>
      </c>
      <c r="E1004" t="s">
        <v>4179</v>
      </c>
      <c r="F1004" t="s">
        <v>4177</v>
      </c>
      <c r="G1004" t="s">
        <v>656</v>
      </c>
      <c r="H1004">
        <v>2</v>
      </c>
      <c r="I1004">
        <v>2020</v>
      </c>
    </row>
    <row r="1005" spans="1:9" x14ac:dyDescent="0.25">
      <c r="A1005">
        <v>1162</v>
      </c>
      <c r="B1005" t="s">
        <v>2028</v>
      </c>
      <c r="C1005" t="s">
        <v>301</v>
      </c>
      <c r="D1005">
        <v>26</v>
      </c>
      <c r="E1005" t="s">
        <v>4179</v>
      </c>
      <c r="F1005" t="s">
        <v>4177</v>
      </c>
      <c r="G1005" t="s">
        <v>656</v>
      </c>
      <c r="H1005">
        <v>2</v>
      </c>
      <c r="I1005">
        <v>2020</v>
      </c>
    </row>
    <row r="1006" spans="1:9" x14ac:dyDescent="0.25">
      <c r="A1006">
        <v>1163</v>
      </c>
      <c r="B1006" t="s">
        <v>3229</v>
      </c>
      <c r="C1006" t="s">
        <v>807</v>
      </c>
      <c r="D1006">
        <v>25</v>
      </c>
      <c r="E1006" t="s">
        <v>4179</v>
      </c>
      <c r="F1006" t="s">
        <v>4177</v>
      </c>
      <c r="G1006" t="s">
        <v>656</v>
      </c>
      <c r="H1006">
        <v>2</v>
      </c>
      <c r="I1006">
        <v>2020</v>
      </c>
    </row>
    <row r="1007" spans="1:9" x14ac:dyDescent="0.25">
      <c r="A1007">
        <v>1164</v>
      </c>
      <c r="B1007" t="s">
        <v>3228</v>
      </c>
      <c r="C1007" t="s">
        <v>294</v>
      </c>
      <c r="D1007">
        <v>31</v>
      </c>
      <c r="E1007" t="s">
        <v>4179</v>
      </c>
      <c r="F1007" t="s">
        <v>4177</v>
      </c>
      <c r="G1007" t="s">
        <v>656</v>
      </c>
      <c r="H1007">
        <v>2</v>
      </c>
      <c r="I1007">
        <v>2020</v>
      </c>
    </row>
    <row r="1008" spans="1:9" x14ac:dyDescent="0.25">
      <c r="A1008">
        <v>1166</v>
      </c>
      <c r="B1008" t="s">
        <v>3226</v>
      </c>
      <c r="C1008" t="s">
        <v>1182</v>
      </c>
      <c r="D1008">
        <v>46</v>
      </c>
      <c r="E1008" t="s">
        <v>4194</v>
      </c>
      <c r="F1008" t="s">
        <v>4189</v>
      </c>
      <c r="G1008" t="s">
        <v>656</v>
      </c>
      <c r="H1008">
        <v>2</v>
      </c>
      <c r="I1008">
        <v>2020</v>
      </c>
    </row>
    <row r="1009" spans="1:9" x14ac:dyDescent="0.25">
      <c r="A1009">
        <v>1167</v>
      </c>
      <c r="B1009" t="s">
        <v>3030</v>
      </c>
      <c r="C1009" t="s">
        <v>65</v>
      </c>
      <c r="D1009">
        <v>15</v>
      </c>
      <c r="E1009" t="s">
        <v>4176</v>
      </c>
      <c r="F1009" t="s">
        <v>4177</v>
      </c>
      <c r="G1009" t="s">
        <v>656</v>
      </c>
      <c r="H1009">
        <v>2</v>
      </c>
      <c r="I1009">
        <v>2020</v>
      </c>
    </row>
    <row r="1010" spans="1:9" x14ac:dyDescent="0.25">
      <c r="A1010">
        <v>1169</v>
      </c>
      <c r="B1010" t="s">
        <v>740</v>
      </c>
      <c r="C1010" t="s">
        <v>65</v>
      </c>
      <c r="D1010">
        <v>15</v>
      </c>
      <c r="E1010" t="s">
        <v>4176</v>
      </c>
      <c r="F1010" t="s">
        <v>4177</v>
      </c>
      <c r="G1010" t="s">
        <v>656</v>
      </c>
      <c r="H1010">
        <v>2</v>
      </c>
      <c r="I1010">
        <v>2020</v>
      </c>
    </row>
    <row r="1011" spans="1:9" x14ac:dyDescent="0.25">
      <c r="A1011">
        <v>1170</v>
      </c>
      <c r="B1011" t="s">
        <v>4324</v>
      </c>
      <c r="C1011" t="s">
        <v>682</v>
      </c>
      <c r="D1011">
        <v>20</v>
      </c>
      <c r="E1011" t="s">
        <v>682</v>
      </c>
      <c r="F1011" t="s">
        <v>4177</v>
      </c>
      <c r="G1011" t="s">
        <v>656</v>
      </c>
      <c r="H1011">
        <v>2</v>
      </c>
      <c r="I1011">
        <v>2020</v>
      </c>
    </row>
    <row r="1012" spans="1:9" x14ac:dyDescent="0.25">
      <c r="A1012">
        <v>1171</v>
      </c>
      <c r="B1012" t="s">
        <v>3225</v>
      </c>
      <c r="C1012" t="s">
        <v>703</v>
      </c>
      <c r="D1012">
        <v>16</v>
      </c>
      <c r="E1012" t="s">
        <v>703</v>
      </c>
      <c r="F1012" t="s">
        <v>4177</v>
      </c>
      <c r="G1012" t="s">
        <v>656</v>
      </c>
      <c r="H1012">
        <v>2</v>
      </c>
      <c r="I1012">
        <v>2020</v>
      </c>
    </row>
    <row r="1013" spans="1:9" x14ac:dyDescent="0.25">
      <c r="A1013">
        <v>1172</v>
      </c>
      <c r="B1013" t="s">
        <v>4325</v>
      </c>
      <c r="C1013" t="s">
        <v>703</v>
      </c>
      <c r="D1013">
        <v>16</v>
      </c>
      <c r="E1013" t="s">
        <v>703</v>
      </c>
      <c r="F1013" t="s">
        <v>4177</v>
      </c>
      <c r="G1013" t="s">
        <v>656</v>
      </c>
      <c r="H1013">
        <v>2</v>
      </c>
      <c r="I1013">
        <v>2020</v>
      </c>
    </row>
    <row r="1014" spans="1:9" x14ac:dyDescent="0.25">
      <c r="A1014">
        <v>1173</v>
      </c>
      <c r="B1014" t="s">
        <v>3157</v>
      </c>
      <c r="C1014" t="s">
        <v>684</v>
      </c>
      <c r="D1014">
        <v>22</v>
      </c>
      <c r="E1014" t="s">
        <v>4178</v>
      </c>
      <c r="F1014" t="s">
        <v>4177</v>
      </c>
      <c r="G1014" t="s">
        <v>656</v>
      </c>
      <c r="H1014">
        <v>2</v>
      </c>
      <c r="I1014">
        <v>2020</v>
      </c>
    </row>
    <row r="1015" spans="1:9" x14ac:dyDescent="0.25">
      <c r="A1015">
        <v>1174</v>
      </c>
      <c r="B1015" t="s">
        <v>4326</v>
      </c>
      <c r="C1015" t="s">
        <v>802</v>
      </c>
      <c r="D1015">
        <v>12</v>
      </c>
      <c r="E1015" t="s">
        <v>802</v>
      </c>
      <c r="F1015" t="s">
        <v>4171</v>
      </c>
      <c r="G1015" t="s">
        <v>656</v>
      </c>
      <c r="H1015">
        <v>2</v>
      </c>
      <c r="I1015">
        <v>2020</v>
      </c>
    </row>
    <row r="1016" spans="1:9" x14ac:dyDescent="0.25">
      <c r="A1016">
        <v>1175</v>
      </c>
      <c r="B1016" t="s">
        <v>4327</v>
      </c>
      <c r="C1016" t="s">
        <v>802</v>
      </c>
      <c r="D1016">
        <v>12</v>
      </c>
      <c r="E1016" t="s">
        <v>802</v>
      </c>
      <c r="F1016" t="s">
        <v>4171</v>
      </c>
      <c r="G1016" t="s">
        <v>656</v>
      </c>
      <c r="H1016">
        <v>2</v>
      </c>
      <c r="I1016">
        <v>2020</v>
      </c>
    </row>
    <row r="1017" spans="1:9" x14ac:dyDescent="0.25">
      <c r="A1017">
        <v>1176</v>
      </c>
      <c r="B1017" t="s">
        <v>4328</v>
      </c>
      <c r="C1017" t="s">
        <v>802</v>
      </c>
      <c r="D1017">
        <v>12</v>
      </c>
      <c r="E1017" t="s">
        <v>802</v>
      </c>
      <c r="F1017" t="s">
        <v>4171</v>
      </c>
      <c r="G1017" t="s">
        <v>656</v>
      </c>
      <c r="H1017">
        <v>2</v>
      </c>
      <c r="I1017">
        <v>2020</v>
      </c>
    </row>
    <row r="1018" spans="1:9" x14ac:dyDescent="0.25">
      <c r="A1018">
        <v>1177</v>
      </c>
      <c r="B1018" t="s">
        <v>4329</v>
      </c>
      <c r="C1018" t="s">
        <v>802</v>
      </c>
      <c r="D1018">
        <v>12</v>
      </c>
      <c r="E1018" t="s">
        <v>802</v>
      </c>
      <c r="F1018" t="s">
        <v>4171</v>
      </c>
      <c r="G1018" t="s">
        <v>656</v>
      </c>
      <c r="H1018">
        <v>2</v>
      </c>
      <c r="I1018">
        <v>2020</v>
      </c>
    </row>
    <row r="1019" spans="1:9" x14ac:dyDescent="0.25">
      <c r="A1019">
        <v>1178</v>
      </c>
      <c r="B1019" t="s">
        <v>3224</v>
      </c>
      <c r="C1019" t="s">
        <v>802</v>
      </c>
      <c r="D1019">
        <v>12</v>
      </c>
      <c r="E1019" t="s">
        <v>802</v>
      </c>
      <c r="F1019" t="s">
        <v>4171</v>
      </c>
      <c r="G1019" t="s">
        <v>656</v>
      </c>
      <c r="H1019">
        <v>2</v>
      </c>
      <c r="I1019">
        <v>2020</v>
      </c>
    </row>
    <row r="1020" spans="1:9" x14ac:dyDescent="0.25">
      <c r="A1020">
        <v>1179</v>
      </c>
      <c r="B1020" t="s">
        <v>4330</v>
      </c>
      <c r="C1020" t="s">
        <v>802</v>
      </c>
      <c r="D1020">
        <v>12</v>
      </c>
      <c r="E1020" t="s">
        <v>802</v>
      </c>
      <c r="F1020" t="s">
        <v>4171</v>
      </c>
      <c r="G1020" t="s">
        <v>656</v>
      </c>
      <c r="H1020">
        <v>2</v>
      </c>
      <c r="I1020">
        <v>2020</v>
      </c>
    </row>
    <row r="1021" spans="1:9" x14ac:dyDescent="0.25">
      <c r="A1021">
        <v>1180</v>
      </c>
      <c r="B1021" t="s">
        <v>3223</v>
      </c>
      <c r="C1021" t="s">
        <v>663</v>
      </c>
      <c r="D1021">
        <v>99</v>
      </c>
      <c r="E1021" t="s">
        <v>663</v>
      </c>
      <c r="F1021" t="s">
        <v>4171</v>
      </c>
      <c r="G1021" t="s">
        <v>656</v>
      </c>
      <c r="H1021">
        <v>2</v>
      </c>
      <c r="I1021">
        <v>2020</v>
      </c>
    </row>
    <row r="1022" spans="1:9" x14ac:dyDescent="0.25">
      <c r="A1022">
        <v>1182</v>
      </c>
      <c r="B1022" t="s">
        <v>4331</v>
      </c>
      <c r="C1022" t="s">
        <v>663</v>
      </c>
      <c r="D1022">
        <v>99</v>
      </c>
      <c r="E1022" t="s">
        <v>663</v>
      </c>
      <c r="F1022" t="s">
        <v>4171</v>
      </c>
      <c r="G1022" t="s">
        <v>656</v>
      </c>
      <c r="H1022">
        <v>2</v>
      </c>
      <c r="I1022">
        <v>2020</v>
      </c>
    </row>
    <row r="1023" spans="1:9" x14ac:dyDescent="0.25">
      <c r="A1023">
        <v>1183</v>
      </c>
      <c r="B1023" t="s">
        <v>4332</v>
      </c>
      <c r="C1023" t="s">
        <v>663</v>
      </c>
      <c r="D1023">
        <v>99</v>
      </c>
      <c r="E1023" t="s">
        <v>663</v>
      </c>
      <c r="F1023" t="s">
        <v>4171</v>
      </c>
      <c r="G1023" t="s">
        <v>656</v>
      </c>
      <c r="H1023">
        <v>2</v>
      </c>
      <c r="I1023">
        <v>2020</v>
      </c>
    </row>
    <row r="1024" spans="1:9" x14ac:dyDescent="0.25">
      <c r="A1024">
        <v>1184</v>
      </c>
      <c r="B1024" t="s">
        <v>4333</v>
      </c>
      <c r="C1024" t="s">
        <v>663</v>
      </c>
      <c r="D1024">
        <v>99</v>
      </c>
      <c r="E1024" t="s">
        <v>663</v>
      </c>
      <c r="F1024" t="s">
        <v>4171</v>
      </c>
      <c r="G1024" t="s">
        <v>656</v>
      </c>
      <c r="H1024">
        <v>2</v>
      </c>
      <c r="I1024">
        <v>2020</v>
      </c>
    </row>
    <row r="1025" spans="1:9" x14ac:dyDescent="0.25">
      <c r="A1025">
        <v>1185</v>
      </c>
      <c r="B1025" t="s">
        <v>4334</v>
      </c>
      <c r="C1025" t="s">
        <v>663</v>
      </c>
      <c r="D1025">
        <v>99</v>
      </c>
      <c r="E1025" t="s">
        <v>663</v>
      </c>
      <c r="F1025" t="s">
        <v>4171</v>
      </c>
      <c r="G1025" t="s">
        <v>656</v>
      </c>
      <c r="H1025">
        <v>2</v>
      </c>
      <c r="I1025">
        <v>2020</v>
      </c>
    </row>
    <row r="1026" spans="1:9" x14ac:dyDescent="0.25">
      <c r="A1026">
        <v>1186</v>
      </c>
      <c r="B1026" t="s">
        <v>4335</v>
      </c>
      <c r="C1026" t="s">
        <v>663</v>
      </c>
      <c r="D1026">
        <v>99</v>
      </c>
      <c r="E1026" t="s">
        <v>663</v>
      </c>
      <c r="F1026" t="s">
        <v>4171</v>
      </c>
      <c r="G1026" t="s">
        <v>656</v>
      </c>
      <c r="H1026">
        <v>2</v>
      </c>
      <c r="I1026">
        <v>2020</v>
      </c>
    </row>
    <row r="1027" spans="1:9" x14ac:dyDescent="0.25">
      <c r="A1027">
        <v>1187</v>
      </c>
      <c r="B1027" t="s">
        <v>3221</v>
      </c>
      <c r="C1027" t="s">
        <v>864</v>
      </c>
      <c r="D1027">
        <v>14</v>
      </c>
      <c r="E1027" t="s">
        <v>864</v>
      </c>
      <c r="F1027" t="s">
        <v>4171</v>
      </c>
      <c r="G1027" t="s">
        <v>656</v>
      </c>
      <c r="H1027">
        <v>2</v>
      </c>
      <c r="I1027">
        <v>2020</v>
      </c>
    </row>
    <row r="1028" spans="1:9" x14ac:dyDescent="0.25">
      <c r="A1028">
        <v>1188</v>
      </c>
      <c r="B1028" t="s">
        <v>2936</v>
      </c>
      <c r="C1028" t="s">
        <v>864</v>
      </c>
      <c r="D1028">
        <v>14</v>
      </c>
      <c r="E1028" t="s">
        <v>864</v>
      </c>
      <c r="F1028" t="s">
        <v>4171</v>
      </c>
      <c r="G1028" t="s">
        <v>656</v>
      </c>
      <c r="H1028">
        <v>2</v>
      </c>
      <c r="I1028">
        <v>2020</v>
      </c>
    </row>
    <row r="1029" spans="1:9" x14ac:dyDescent="0.25">
      <c r="A1029">
        <v>1189</v>
      </c>
      <c r="B1029" t="s">
        <v>2495</v>
      </c>
      <c r="C1029" t="s">
        <v>864</v>
      </c>
      <c r="D1029">
        <v>14</v>
      </c>
      <c r="E1029" t="s">
        <v>864</v>
      </c>
      <c r="F1029" t="s">
        <v>4171</v>
      </c>
      <c r="G1029" t="s">
        <v>656</v>
      </c>
      <c r="H1029">
        <v>2</v>
      </c>
      <c r="I1029">
        <v>2020</v>
      </c>
    </row>
    <row r="1030" spans="1:9" x14ac:dyDescent="0.25">
      <c r="A1030">
        <v>1190</v>
      </c>
      <c r="B1030" t="s">
        <v>2504</v>
      </c>
      <c r="C1030" t="s">
        <v>864</v>
      </c>
      <c r="D1030">
        <v>14</v>
      </c>
      <c r="E1030" t="s">
        <v>864</v>
      </c>
      <c r="F1030" t="s">
        <v>4171</v>
      </c>
      <c r="G1030" t="s">
        <v>656</v>
      </c>
      <c r="H1030">
        <v>2</v>
      </c>
      <c r="I1030">
        <v>2020</v>
      </c>
    </row>
    <row r="1031" spans="1:9" x14ac:dyDescent="0.25">
      <c r="A1031">
        <v>1191</v>
      </c>
      <c r="B1031" t="s">
        <v>2502</v>
      </c>
      <c r="C1031" t="s">
        <v>864</v>
      </c>
      <c r="D1031">
        <v>14</v>
      </c>
      <c r="E1031" t="s">
        <v>864</v>
      </c>
      <c r="F1031" t="s">
        <v>4171</v>
      </c>
      <c r="G1031" t="s">
        <v>656</v>
      </c>
      <c r="H1031">
        <v>2</v>
      </c>
      <c r="I1031">
        <v>2020</v>
      </c>
    </row>
    <row r="1032" spans="1:9" x14ac:dyDescent="0.25">
      <c r="A1032">
        <v>1193</v>
      </c>
      <c r="B1032" t="s">
        <v>3219</v>
      </c>
      <c r="C1032" t="s">
        <v>295</v>
      </c>
      <c r="D1032">
        <v>30</v>
      </c>
      <c r="E1032" t="s">
        <v>4179</v>
      </c>
      <c r="F1032" t="s">
        <v>4177</v>
      </c>
      <c r="G1032" t="s">
        <v>656</v>
      </c>
      <c r="H1032">
        <v>2</v>
      </c>
      <c r="I1032">
        <v>2020</v>
      </c>
    </row>
    <row r="1033" spans="1:9" x14ac:dyDescent="0.25">
      <c r="A1033">
        <v>1194</v>
      </c>
      <c r="B1033" t="s">
        <v>3218</v>
      </c>
      <c r="C1033" t="s">
        <v>295</v>
      </c>
      <c r="D1033">
        <v>30</v>
      </c>
      <c r="E1033" t="s">
        <v>4179</v>
      </c>
      <c r="F1033" t="s">
        <v>4177</v>
      </c>
      <c r="G1033" t="s">
        <v>656</v>
      </c>
      <c r="H1033">
        <v>2</v>
      </c>
      <c r="I1033">
        <v>2020</v>
      </c>
    </row>
    <row r="1034" spans="1:9" x14ac:dyDescent="0.25">
      <c r="A1034">
        <v>1197</v>
      </c>
      <c r="B1034" t="s">
        <v>4336</v>
      </c>
      <c r="C1034" t="s">
        <v>299</v>
      </c>
      <c r="D1034">
        <v>27</v>
      </c>
      <c r="E1034" t="s">
        <v>4179</v>
      </c>
      <c r="F1034" t="s">
        <v>4177</v>
      </c>
      <c r="G1034" t="s">
        <v>656</v>
      </c>
      <c r="H1034">
        <v>2</v>
      </c>
      <c r="I1034">
        <v>2020</v>
      </c>
    </row>
    <row r="1035" spans="1:9" x14ac:dyDescent="0.25">
      <c r="A1035">
        <v>1198</v>
      </c>
      <c r="B1035" t="s">
        <v>4337</v>
      </c>
      <c r="C1035" t="s">
        <v>299</v>
      </c>
      <c r="D1035">
        <v>27</v>
      </c>
      <c r="E1035" t="s">
        <v>4179</v>
      </c>
      <c r="F1035" t="s">
        <v>4177</v>
      </c>
      <c r="G1035" t="s">
        <v>656</v>
      </c>
      <c r="H1035">
        <v>2</v>
      </c>
      <c r="I1035">
        <v>2020</v>
      </c>
    </row>
    <row r="1036" spans="1:9" x14ac:dyDescent="0.25">
      <c r="A1036">
        <v>1199</v>
      </c>
      <c r="B1036" t="s">
        <v>3216</v>
      </c>
      <c r="C1036" t="s">
        <v>301</v>
      </c>
      <c r="D1036">
        <v>26</v>
      </c>
      <c r="E1036" t="s">
        <v>4179</v>
      </c>
      <c r="F1036" t="s">
        <v>4177</v>
      </c>
      <c r="G1036" t="s">
        <v>656</v>
      </c>
      <c r="H1036">
        <v>2</v>
      </c>
      <c r="I1036">
        <v>2020</v>
      </c>
    </row>
    <row r="1037" spans="1:9" x14ac:dyDescent="0.25">
      <c r="A1037">
        <v>1200</v>
      </c>
      <c r="B1037" t="s">
        <v>3215</v>
      </c>
      <c r="C1037" t="s">
        <v>693</v>
      </c>
      <c r="D1037">
        <v>56</v>
      </c>
      <c r="E1037" t="s">
        <v>4193</v>
      </c>
      <c r="F1037" t="s">
        <v>4189</v>
      </c>
      <c r="G1037" t="s">
        <v>656</v>
      </c>
      <c r="H1037">
        <v>2</v>
      </c>
      <c r="I1037">
        <v>2020</v>
      </c>
    </row>
    <row r="1038" spans="1:9" x14ac:dyDescent="0.25">
      <c r="A1038">
        <v>1202</v>
      </c>
      <c r="B1038" t="s">
        <v>3214</v>
      </c>
      <c r="C1038" t="s">
        <v>797</v>
      </c>
      <c r="D1038">
        <v>65</v>
      </c>
      <c r="E1038" t="s">
        <v>4191</v>
      </c>
      <c r="F1038" t="s">
        <v>4189</v>
      </c>
      <c r="G1038" t="s">
        <v>656</v>
      </c>
      <c r="H1038">
        <v>2</v>
      </c>
      <c r="I1038">
        <v>2020</v>
      </c>
    </row>
    <row r="1039" spans="1:9" x14ac:dyDescent="0.25">
      <c r="A1039">
        <v>1203</v>
      </c>
      <c r="B1039" t="s">
        <v>3213</v>
      </c>
      <c r="C1039" t="s">
        <v>880</v>
      </c>
      <c r="D1039">
        <v>58</v>
      </c>
      <c r="E1039" t="s">
        <v>4188</v>
      </c>
      <c r="F1039" t="s">
        <v>4189</v>
      </c>
      <c r="G1039" t="s">
        <v>656</v>
      </c>
      <c r="H1039">
        <v>2</v>
      </c>
      <c r="I1039">
        <v>2020</v>
      </c>
    </row>
    <row r="1040" spans="1:9" x14ac:dyDescent="0.25">
      <c r="A1040">
        <v>1205</v>
      </c>
      <c r="B1040" t="s">
        <v>3212</v>
      </c>
      <c r="C1040" t="s">
        <v>848</v>
      </c>
      <c r="D1040">
        <v>62</v>
      </c>
      <c r="E1040" t="s">
        <v>4193</v>
      </c>
      <c r="F1040" t="s">
        <v>4189</v>
      </c>
      <c r="G1040" t="s">
        <v>656</v>
      </c>
      <c r="H1040">
        <v>2</v>
      </c>
      <c r="I1040">
        <v>2020</v>
      </c>
    </row>
    <row r="1041" spans="1:9" x14ac:dyDescent="0.25">
      <c r="A1041">
        <v>1207</v>
      </c>
      <c r="B1041" t="s">
        <v>3210</v>
      </c>
      <c r="C1041" t="s">
        <v>663</v>
      </c>
      <c r="D1041">
        <v>99</v>
      </c>
      <c r="E1041" t="s">
        <v>663</v>
      </c>
      <c r="F1041" t="s">
        <v>4171</v>
      </c>
      <c r="G1041" t="s">
        <v>656</v>
      </c>
      <c r="H1041">
        <v>2</v>
      </c>
      <c r="I1041">
        <v>2020</v>
      </c>
    </row>
    <row r="1042" spans="1:9" x14ac:dyDescent="0.25">
      <c r="A1042">
        <v>1208</v>
      </c>
      <c r="B1042" t="s">
        <v>4338</v>
      </c>
      <c r="C1042" t="s">
        <v>663</v>
      </c>
      <c r="D1042">
        <v>99</v>
      </c>
      <c r="E1042" t="s">
        <v>663</v>
      </c>
      <c r="F1042" t="s">
        <v>4171</v>
      </c>
      <c r="G1042" t="s">
        <v>656</v>
      </c>
      <c r="H1042">
        <v>2</v>
      </c>
      <c r="I1042">
        <v>2020</v>
      </c>
    </row>
    <row r="1043" spans="1:9" x14ac:dyDescent="0.25">
      <c r="A1043">
        <v>1209</v>
      </c>
      <c r="B1043" t="s">
        <v>3209</v>
      </c>
      <c r="C1043" t="s">
        <v>682</v>
      </c>
      <c r="D1043">
        <v>20</v>
      </c>
      <c r="E1043" t="s">
        <v>682</v>
      </c>
      <c r="F1043" t="s">
        <v>4177</v>
      </c>
      <c r="G1043" t="s">
        <v>656</v>
      </c>
      <c r="H1043">
        <v>2</v>
      </c>
      <c r="I1043">
        <v>2020</v>
      </c>
    </row>
    <row r="1044" spans="1:9" x14ac:dyDescent="0.25">
      <c r="A1044">
        <v>1210</v>
      </c>
      <c r="B1044" t="s">
        <v>3208</v>
      </c>
      <c r="C1044" t="s">
        <v>684</v>
      </c>
      <c r="D1044">
        <v>22</v>
      </c>
      <c r="E1044" t="s">
        <v>4178</v>
      </c>
      <c r="F1044" t="s">
        <v>4177</v>
      </c>
      <c r="G1044" t="s">
        <v>656</v>
      </c>
      <c r="H1044">
        <v>2</v>
      </c>
      <c r="I1044">
        <v>2020</v>
      </c>
    </row>
    <row r="1045" spans="1:9" x14ac:dyDescent="0.25">
      <c r="A1045">
        <v>1211</v>
      </c>
      <c r="B1045" t="s">
        <v>3207</v>
      </c>
      <c r="C1045" t="s">
        <v>684</v>
      </c>
      <c r="D1045">
        <v>22</v>
      </c>
      <c r="E1045" t="s">
        <v>4178</v>
      </c>
      <c r="F1045" t="s">
        <v>4177</v>
      </c>
      <c r="G1045" t="s">
        <v>656</v>
      </c>
      <c r="H1045">
        <v>2</v>
      </c>
      <c r="I1045">
        <v>2020</v>
      </c>
    </row>
    <row r="1046" spans="1:9" x14ac:dyDescent="0.25">
      <c r="A1046">
        <v>1212</v>
      </c>
      <c r="B1046" t="s">
        <v>3206</v>
      </c>
      <c r="C1046" t="s">
        <v>885</v>
      </c>
      <c r="D1046">
        <v>1</v>
      </c>
      <c r="E1046" t="s">
        <v>885</v>
      </c>
      <c r="F1046" t="s">
        <v>4164</v>
      </c>
      <c r="G1046" t="s">
        <v>656</v>
      </c>
      <c r="H1046">
        <v>2</v>
      </c>
      <c r="I1046">
        <v>2020</v>
      </c>
    </row>
    <row r="1047" spans="1:9" x14ac:dyDescent="0.25">
      <c r="A1047">
        <v>1213</v>
      </c>
      <c r="B1047" t="s">
        <v>3205</v>
      </c>
      <c r="C1047" t="s">
        <v>659</v>
      </c>
      <c r="D1047">
        <v>35</v>
      </c>
      <c r="E1047" t="s">
        <v>4175</v>
      </c>
      <c r="F1047" t="s">
        <v>4171</v>
      </c>
      <c r="G1047" t="s">
        <v>656</v>
      </c>
      <c r="H1047">
        <v>2</v>
      </c>
      <c r="I1047">
        <v>2020</v>
      </c>
    </row>
    <row r="1048" spans="1:9" x14ac:dyDescent="0.25">
      <c r="A1048">
        <v>1214</v>
      </c>
      <c r="B1048" t="s">
        <v>1643</v>
      </c>
      <c r="C1048" t="s">
        <v>819</v>
      </c>
      <c r="D1048">
        <v>101</v>
      </c>
      <c r="E1048" t="s">
        <v>4187</v>
      </c>
      <c r="F1048" t="s">
        <v>4187</v>
      </c>
      <c r="G1048" t="s">
        <v>656</v>
      </c>
      <c r="H1048">
        <v>2</v>
      </c>
      <c r="I1048">
        <v>2020</v>
      </c>
    </row>
    <row r="1049" spans="1:9" x14ac:dyDescent="0.25">
      <c r="A1049">
        <v>1216</v>
      </c>
      <c r="B1049" t="s">
        <v>3204</v>
      </c>
      <c r="C1049" t="s">
        <v>848</v>
      </c>
      <c r="D1049">
        <v>62</v>
      </c>
      <c r="E1049" t="s">
        <v>4193</v>
      </c>
      <c r="F1049" t="s">
        <v>4189</v>
      </c>
      <c r="G1049" t="s">
        <v>656</v>
      </c>
      <c r="H1049">
        <v>2</v>
      </c>
      <c r="I1049">
        <v>2020</v>
      </c>
    </row>
    <row r="1050" spans="1:9" x14ac:dyDescent="0.25">
      <c r="A1050">
        <v>1218</v>
      </c>
      <c r="B1050" t="s">
        <v>2555</v>
      </c>
      <c r="C1050" t="s">
        <v>848</v>
      </c>
      <c r="D1050">
        <v>62</v>
      </c>
      <c r="E1050" t="s">
        <v>4193</v>
      </c>
      <c r="F1050" t="s">
        <v>4189</v>
      </c>
      <c r="G1050" t="s">
        <v>656</v>
      </c>
      <c r="H1050">
        <v>2</v>
      </c>
      <c r="I1050">
        <v>2020</v>
      </c>
    </row>
    <row r="1051" spans="1:9" x14ac:dyDescent="0.25">
      <c r="A1051">
        <v>1219</v>
      </c>
      <c r="B1051" t="s">
        <v>3203</v>
      </c>
      <c r="C1051" t="s">
        <v>848</v>
      </c>
      <c r="D1051">
        <v>62</v>
      </c>
      <c r="E1051" t="s">
        <v>4193</v>
      </c>
      <c r="F1051" t="s">
        <v>4189</v>
      </c>
      <c r="G1051" t="s">
        <v>656</v>
      </c>
      <c r="H1051">
        <v>2</v>
      </c>
      <c r="I1051">
        <v>2020</v>
      </c>
    </row>
    <row r="1052" spans="1:9" x14ac:dyDescent="0.25">
      <c r="A1052">
        <v>1220</v>
      </c>
      <c r="B1052" t="s">
        <v>1709</v>
      </c>
      <c r="C1052" t="s">
        <v>880</v>
      </c>
      <c r="D1052">
        <v>58</v>
      </c>
      <c r="E1052" t="s">
        <v>4188</v>
      </c>
      <c r="F1052" t="s">
        <v>4189</v>
      </c>
      <c r="G1052" t="s">
        <v>656</v>
      </c>
      <c r="H1052">
        <v>2</v>
      </c>
      <c r="I1052">
        <v>2020</v>
      </c>
    </row>
    <row r="1053" spans="1:9" x14ac:dyDescent="0.25">
      <c r="A1053">
        <v>1221</v>
      </c>
      <c r="B1053" t="s">
        <v>4339</v>
      </c>
      <c r="C1053" t="s">
        <v>880</v>
      </c>
      <c r="D1053">
        <v>58</v>
      </c>
      <c r="E1053" t="s">
        <v>4188</v>
      </c>
      <c r="F1053" t="s">
        <v>4189</v>
      </c>
      <c r="G1053" t="s">
        <v>656</v>
      </c>
      <c r="H1053">
        <v>2</v>
      </c>
      <c r="I1053">
        <v>2020</v>
      </c>
    </row>
    <row r="1054" spans="1:9" x14ac:dyDescent="0.25">
      <c r="A1054">
        <v>1224</v>
      </c>
      <c r="B1054" t="s">
        <v>4340</v>
      </c>
      <c r="C1054" t="s">
        <v>742</v>
      </c>
      <c r="D1054">
        <v>48</v>
      </c>
      <c r="E1054" t="s">
        <v>4165</v>
      </c>
      <c r="F1054" t="s">
        <v>4164</v>
      </c>
      <c r="G1054" t="s">
        <v>656</v>
      </c>
      <c r="H1054">
        <v>2</v>
      </c>
      <c r="I1054">
        <v>2020</v>
      </c>
    </row>
    <row r="1055" spans="1:9" x14ac:dyDescent="0.25">
      <c r="A1055">
        <v>1225</v>
      </c>
      <c r="B1055" t="s">
        <v>4341</v>
      </c>
      <c r="C1055" t="s">
        <v>695</v>
      </c>
      <c r="D1055">
        <v>54</v>
      </c>
      <c r="E1055" t="s">
        <v>4198</v>
      </c>
      <c r="F1055" t="s">
        <v>4189</v>
      </c>
      <c r="G1055" t="s">
        <v>656</v>
      </c>
      <c r="H1055">
        <v>2</v>
      </c>
      <c r="I1055">
        <v>2020</v>
      </c>
    </row>
    <row r="1056" spans="1:9" x14ac:dyDescent="0.25">
      <c r="A1056">
        <v>1226</v>
      </c>
      <c r="B1056" t="s">
        <v>3202</v>
      </c>
      <c r="C1056" t="s">
        <v>695</v>
      </c>
      <c r="D1056">
        <v>54</v>
      </c>
      <c r="E1056" t="s">
        <v>4198</v>
      </c>
      <c r="F1056" t="s">
        <v>4189</v>
      </c>
      <c r="G1056" t="s">
        <v>656</v>
      </c>
      <c r="H1056">
        <v>2</v>
      </c>
      <c r="I1056">
        <v>2020</v>
      </c>
    </row>
    <row r="1057" spans="1:9" x14ac:dyDescent="0.25">
      <c r="A1057">
        <v>1227</v>
      </c>
      <c r="B1057" t="s">
        <v>4342</v>
      </c>
      <c r="C1057" t="s">
        <v>693</v>
      </c>
      <c r="D1057">
        <v>56</v>
      </c>
      <c r="E1057" t="s">
        <v>4193</v>
      </c>
      <c r="F1057" t="s">
        <v>4189</v>
      </c>
      <c r="G1057" t="s">
        <v>656</v>
      </c>
      <c r="H1057">
        <v>2</v>
      </c>
      <c r="I1057">
        <v>2020</v>
      </c>
    </row>
    <row r="1058" spans="1:9" x14ac:dyDescent="0.25">
      <c r="A1058">
        <v>1228</v>
      </c>
      <c r="B1058" t="s">
        <v>3201</v>
      </c>
      <c r="C1058" t="s">
        <v>693</v>
      </c>
      <c r="D1058">
        <v>56</v>
      </c>
      <c r="E1058" t="s">
        <v>4193</v>
      </c>
      <c r="F1058" t="s">
        <v>4189</v>
      </c>
      <c r="G1058" t="s">
        <v>656</v>
      </c>
      <c r="H1058">
        <v>2</v>
      </c>
      <c r="I1058">
        <v>2020</v>
      </c>
    </row>
    <row r="1059" spans="1:9" x14ac:dyDescent="0.25">
      <c r="A1059">
        <v>1229</v>
      </c>
      <c r="B1059" t="s">
        <v>4343</v>
      </c>
      <c r="C1059" t="s">
        <v>693</v>
      </c>
      <c r="D1059">
        <v>56</v>
      </c>
      <c r="E1059" t="s">
        <v>4193</v>
      </c>
      <c r="F1059" t="s">
        <v>4189</v>
      </c>
      <c r="G1059" t="s">
        <v>656</v>
      </c>
      <c r="H1059">
        <v>2</v>
      </c>
      <c r="I1059">
        <v>2020</v>
      </c>
    </row>
    <row r="1060" spans="1:9" x14ac:dyDescent="0.25">
      <c r="A1060">
        <v>1231</v>
      </c>
      <c r="B1060" t="s">
        <v>3200</v>
      </c>
      <c r="C1060" t="s">
        <v>693</v>
      </c>
      <c r="D1060">
        <v>56</v>
      </c>
      <c r="E1060" t="s">
        <v>4193</v>
      </c>
      <c r="F1060" t="s">
        <v>4189</v>
      </c>
      <c r="G1060" t="s">
        <v>656</v>
      </c>
      <c r="H1060">
        <v>2</v>
      </c>
      <c r="I1060">
        <v>2020</v>
      </c>
    </row>
    <row r="1061" spans="1:9" x14ac:dyDescent="0.25">
      <c r="A1061">
        <v>1232</v>
      </c>
      <c r="B1061" t="s">
        <v>3199</v>
      </c>
      <c r="C1061" t="s">
        <v>738</v>
      </c>
      <c r="D1061">
        <v>61</v>
      </c>
      <c r="E1061" t="s">
        <v>4193</v>
      </c>
      <c r="F1061" t="s">
        <v>4189</v>
      </c>
      <c r="G1061" t="s">
        <v>656</v>
      </c>
      <c r="H1061">
        <v>2</v>
      </c>
      <c r="I1061">
        <v>2020</v>
      </c>
    </row>
    <row r="1062" spans="1:9" x14ac:dyDescent="0.25">
      <c r="A1062">
        <v>1233</v>
      </c>
      <c r="B1062" t="s">
        <v>4344</v>
      </c>
      <c r="C1062" t="s">
        <v>738</v>
      </c>
      <c r="D1062">
        <v>61</v>
      </c>
      <c r="E1062" t="s">
        <v>4193</v>
      </c>
      <c r="F1062" t="s">
        <v>4189</v>
      </c>
      <c r="G1062" t="s">
        <v>656</v>
      </c>
      <c r="H1062">
        <v>2</v>
      </c>
      <c r="I1062">
        <v>2020</v>
      </c>
    </row>
    <row r="1063" spans="1:9" x14ac:dyDescent="0.25">
      <c r="A1063">
        <v>1234</v>
      </c>
      <c r="B1063" t="s">
        <v>3198</v>
      </c>
      <c r="C1063" t="s">
        <v>730</v>
      </c>
      <c r="D1063">
        <v>66</v>
      </c>
      <c r="E1063" t="s">
        <v>4193</v>
      </c>
      <c r="F1063" t="s">
        <v>4189</v>
      </c>
      <c r="G1063" t="s">
        <v>656</v>
      </c>
      <c r="H1063">
        <v>2</v>
      </c>
      <c r="I1063">
        <v>2020</v>
      </c>
    </row>
    <row r="1064" spans="1:9" x14ac:dyDescent="0.25">
      <c r="A1064">
        <v>1235</v>
      </c>
      <c r="B1064" t="s">
        <v>2697</v>
      </c>
      <c r="C1064" t="s">
        <v>716</v>
      </c>
      <c r="D1064">
        <v>68</v>
      </c>
      <c r="E1064" t="s">
        <v>4193</v>
      </c>
      <c r="F1064" t="s">
        <v>4189</v>
      </c>
      <c r="G1064" t="s">
        <v>656</v>
      </c>
      <c r="H1064">
        <v>2</v>
      </c>
      <c r="I1064">
        <v>2020</v>
      </c>
    </row>
    <row r="1065" spans="1:9" x14ac:dyDescent="0.25">
      <c r="A1065">
        <v>1236</v>
      </c>
      <c r="B1065" t="s">
        <v>3197</v>
      </c>
      <c r="C1065" t="s">
        <v>663</v>
      </c>
      <c r="D1065">
        <v>99</v>
      </c>
      <c r="E1065" t="s">
        <v>663</v>
      </c>
      <c r="F1065" t="s">
        <v>4171</v>
      </c>
      <c r="G1065" t="s">
        <v>656</v>
      </c>
      <c r="H1065">
        <v>2</v>
      </c>
      <c r="I1065">
        <v>2020</v>
      </c>
    </row>
    <row r="1066" spans="1:9" x14ac:dyDescent="0.25">
      <c r="A1066">
        <v>1237</v>
      </c>
      <c r="B1066" t="s">
        <v>4345</v>
      </c>
      <c r="C1066" t="s">
        <v>663</v>
      </c>
      <c r="D1066">
        <v>99</v>
      </c>
      <c r="E1066" t="s">
        <v>663</v>
      </c>
      <c r="F1066" t="s">
        <v>4171</v>
      </c>
      <c r="G1066" t="s">
        <v>656</v>
      </c>
      <c r="H1066">
        <v>2</v>
      </c>
      <c r="I1066">
        <v>2020</v>
      </c>
    </row>
    <row r="1067" spans="1:9" x14ac:dyDescent="0.25">
      <c r="A1067">
        <v>1238</v>
      </c>
      <c r="B1067" t="s">
        <v>4346</v>
      </c>
      <c r="C1067" t="s">
        <v>663</v>
      </c>
      <c r="D1067">
        <v>99</v>
      </c>
      <c r="E1067" t="s">
        <v>663</v>
      </c>
      <c r="F1067" t="s">
        <v>4171</v>
      </c>
      <c r="G1067" t="s">
        <v>656</v>
      </c>
      <c r="H1067">
        <v>2</v>
      </c>
      <c r="I1067">
        <v>2020</v>
      </c>
    </row>
    <row r="1068" spans="1:9" x14ac:dyDescent="0.25">
      <c r="A1068">
        <v>1239</v>
      </c>
      <c r="B1068" t="s">
        <v>3196</v>
      </c>
      <c r="C1068" t="s">
        <v>663</v>
      </c>
      <c r="D1068">
        <v>99</v>
      </c>
      <c r="E1068" t="s">
        <v>663</v>
      </c>
      <c r="F1068" t="s">
        <v>4171</v>
      </c>
      <c r="G1068" t="s">
        <v>656</v>
      </c>
      <c r="H1068">
        <v>2</v>
      </c>
      <c r="I1068">
        <v>2020</v>
      </c>
    </row>
    <row r="1069" spans="1:9" x14ac:dyDescent="0.25">
      <c r="A1069">
        <v>1240</v>
      </c>
      <c r="B1069" t="s">
        <v>3195</v>
      </c>
      <c r="C1069" t="s">
        <v>663</v>
      </c>
      <c r="D1069">
        <v>99</v>
      </c>
      <c r="E1069" t="s">
        <v>663</v>
      </c>
      <c r="F1069" t="s">
        <v>4171</v>
      </c>
      <c r="G1069" t="s">
        <v>656</v>
      </c>
      <c r="H1069">
        <v>2</v>
      </c>
      <c r="I1069">
        <v>2020</v>
      </c>
    </row>
    <row r="1070" spans="1:9" x14ac:dyDescent="0.25">
      <c r="A1070">
        <v>1241</v>
      </c>
      <c r="B1070" t="s">
        <v>4347</v>
      </c>
      <c r="C1070" t="s">
        <v>663</v>
      </c>
      <c r="D1070">
        <v>99</v>
      </c>
      <c r="E1070" t="s">
        <v>663</v>
      </c>
      <c r="F1070" t="s">
        <v>4171</v>
      </c>
      <c r="G1070" t="s">
        <v>656</v>
      </c>
      <c r="H1070">
        <v>2</v>
      </c>
      <c r="I1070">
        <v>2020</v>
      </c>
    </row>
    <row r="1071" spans="1:9" x14ac:dyDescent="0.25">
      <c r="A1071">
        <v>1242</v>
      </c>
      <c r="B1071" t="s">
        <v>3194</v>
      </c>
      <c r="C1071" t="s">
        <v>831</v>
      </c>
      <c r="D1071">
        <v>5</v>
      </c>
      <c r="E1071" t="s">
        <v>831</v>
      </c>
      <c r="F1071" t="s">
        <v>4168</v>
      </c>
      <c r="G1071" t="s">
        <v>656</v>
      </c>
      <c r="H1071">
        <v>2</v>
      </c>
      <c r="I1071">
        <v>2020</v>
      </c>
    </row>
    <row r="1072" spans="1:9" x14ac:dyDescent="0.25">
      <c r="A1072">
        <v>1244</v>
      </c>
      <c r="B1072" t="s">
        <v>901</v>
      </c>
      <c r="C1072" t="s">
        <v>885</v>
      </c>
      <c r="D1072">
        <v>1</v>
      </c>
      <c r="E1072" t="s">
        <v>885</v>
      </c>
      <c r="F1072" t="s">
        <v>4164</v>
      </c>
      <c r="G1072" t="s">
        <v>656</v>
      </c>
      <c r="H1072">
        <v>2</v>
      </c>
      <c r="I1072">
        <v>2020</v>
      </c>
    </row>
    <row r="1073" spans="1:9" x14ac:dyDescent="0.25">
      <c r="A1073">
        <v>1245</v>
      </c>
      <c r="B1073" t="s">
        <v>4348</v>
      </c>
      <c r="C1073" t="s">
        <v>885</v>
      </c>
      <c r="D1073">
        <v>1</v>
      </c>
      <c r="E1073" t="s">
        <v>885</v>
      </c>
      <c r="F1073" t="s">
        <v>4164</v>
      </c>
      <c r="G1073" t="s">
        <v>656</v>
      </c>
      <c r="H1073">
        <v>2</v>
      </c>
      <c r="I1073">
        <v>2020</v>
      </c>
    </row>
    <row r="1074" spans="1:9" x14ac:dyDescent="0.25">
      <c r="A1074">
        <v>1246</v>
      </c>
      <c r="B1074" t="s">
        <v>3192</v>
      </c>
      <c r="C1074" t="s">
        <v>819</v>
      </c>
      <c r="D1074">
        <v>101</v>
      </c>
      <c r="E1074" t="s">
        <v>4187</v>
      </c>
      <c r="F1074" t="s">
        <v>4187</v>
      </c>
      <c r="G1074" t="s">
        <v>656</v>
      </c>
      <c r="H1074">
        <v>2</v>
      </c>
      <c r="I1074">
        <v>2020</v>
      </c>
    </row>
    <row r="1075" spans="1:9" x14ac:dyDescent="0.25">
      <c r="A1075">
        <v>1247</v>
      </c>
      <c r="B1075" t="s">
        <v>3191</v>
      </c>
      <c r="C1075" t="s">
        <v>819</v>
      </c>
      <c r="D1075">
        <v>101</v>
      </c>
      <c r="E1075" t="s">
        <v>4187</v>
      </c>
      <c r="F1075" t="s">
        <v>4187</v>
      </c>
      <c r="G1075" t="s">
        <v>656</v>
      </c>
      <c r="H1075">
        <v>2</v>
      </c>
      <c r="I1075">
        <v>2020</v>
      </c>
    </row>
    <row r="1076" spans="1:9" x14ac:dyDescent="0.25">
      <c r="A1076">
        <v>1248</v>
      </c>
      <c r="B1076" t="s">
        <v>3190</v>
      </c>
      <c r="C1076" t="s">
        <v>819</v>
      </c>
      <c r="D1076">
        <v>101</v>
      </c>
      <c r="E1076" t="s">
        <v>4187</v>
      </c>
      <c r="F1076" t="s">
        <v>4187</v>
      </c>
      <c r="G1076" t="s">
        <v>656</v>
      </c>
      <c r="H1076">
        <v>2</v>
      </c>
      <c r="I1076">
        <v>2020</v>
      </c>
    </row>
    <row r="1077" spans="1:9" x14ac:dyDescent="0.25">
      <c r="A1077">
        <v>1249</v>
      </c>
      <c r="B1077" t="s">
        <v>3189</v>
      </c>
      <c r="C1077" t="s">
        <v>691</v>
      </c>
      <c r="D1077">
        <v>21</v>
      </c>
      <c r="E1077" t="s">
        <v>691</v>
      </c>
      <c r="F1077" t="s">
        <v>4177</v>
      </c>
      <c r="G1077" t="s">
        <v>656</v>
      </c>
      <c r="H1077">
        <v>2</v>
      </c>
      <c r="I1077">
        <v>2020</v>
      </c>
    </row>
    <row r="1078" spans="1:9" x14ac:dyDescent="0.25">
      <c r="A1078">
        <v>1250</v>
      </c>
      <c r="B1078" t="s">
        <v>3188</v>
      </c>
      <c r="C1078" t="s">
        <v>707</v>
      </c>
      <c r="D1078">
        <v>59</v>
      </c>
      <c r="E1078" t="s">
        <v>980</v>
      </c>
      <c r="F1078" t="s">
        <v>4189</v>
      </c>
      <c r="G1078" t="s">
        <v>656</v>
      </c>
      <c r="H1078">
        <v>2</v>
      </c>
      <c r="I1078">
        <v>2020</v>
      </c>
    </row>
    <row r="1079" spans="1:9" x14ac:dyDescent="0.25">
      <c r="A1079">
        <v>1251</v>
      </c>
      <c r="B1079" t="s">
        <v>3187</v>
      </c>
      <c r="C1079" t="s">
        <v>707</v>
      </c>
      <c r="D1079">
        <v>59</v>
      </c>
      <c r="E1079" t="s">
        <v>980</v>
      </c>
      <c r="F1079" t="s">
        <v>4189</v>
      </c>
      <c r="G1079" t="s">
        <v>656</v>
      </c>
      <c r="H1079">
        <v>2</v>
      </c>
      <c r="I1079">
        <v>2020</v>
      </c>
    </row>
    <row r="1080" spans="1:9" x14ac:dyDescent="0.25">
      <c r="A1080">
        <v>1252</v>
      </c>
      <c r="B1080" t="s">
        <v>903</v>
      </c>
      <c r="C1080" t="s">
        <v>707</v>
      </c>
      <c r="D1080">
        <v>59</v>
      </c>
      <c r="E1080" t="s">
        <v>980</v>
      </c>
      <c r="F1080" t="s">
        <v>4189</v>
      </c>
      <c r="G1080" t="s">
        <v>656</v>
      </c>
      <c r="H1080">
        <v>2</v>
      </c>
      <c r="I1080">
        <v>2020</v>
      </c>
    </row>
    <row r="1081" spans="1:9" x14ac:dyDescent="0.25">
      <c r="A1081">
        <v>1253</v>
      </c>
      <c r="B1081" t="s">
        <v>3186</v>
      </c>
      <c r="C1081" t="s">
        <v>707</v>
      </c>
      <c r="D1081">
        <v>59</v>
      </c>
      <c r="E1081" t="s">
        <v>980</v>
      </c>
      <c r="F1081" t="s">
        <v>4189</v>
      </c>
      <c r="G1081" t="s">
        <v>656</v>
      </c>
      <c r="H1081">
        <v>2</v>
      </c>
      <c r="I1081">
        <v>2020</v>
      </c>
    </row>
    <row r="1082" spans="1:9" x14ac:dyDescent="0.25">
      <c r="A1082">
        <v>1254</v>
      </c>
      <c r="B1082" t="s">
        <v>4349</v>
      </c>
      <c r="C1082" t="s">
        <v>716</v>
      </c>
      <c r="D1082">
        <v>68</v>
      </c>
      <c r="E1082" t="s">
        <v>4193</v>
      </c>
      <c r="F1082" t="s">
        <v>4189</v>
      </c>
      <c r="G1082" t="s">
        <v>656</v>
      </c>
      <c r="H1082">
        <v>2</v>
      </c>
      <c r="I1082">
        <v>2020</v>
      </c>
    </row>
    <row r="1083" spans="1:9" x14ac:dyDescent="0.25">
      <c r="A1083">
        <v>1255</v>
      </c>
      <c r="B1083" t="s">
        <v>3185</v>
      </c>
      <c r="C1083" t="s">
        <v>716</v>
      </c>
      <c r="D1083">
        <v>68</v>
      </c>
      <c r="E1083" t="s">
        <v>4193</v>
      </c>
      <c r="F1083" t="s">
        <v>4189</v>
      </c>
      <c r="G1083" t="s">
        <v>656</v>
      </c>
      <c r="H1083">
        <v>2</v>
      </c>
      <c r="I1083">
        <v>2020</v>
      </c>
    </row>
    <row r="1084" spans="1:9" x14ac:dyDescent="0.25">
      <c r="A1084">
        <v>1256</v>
      </c>
      <c r="B1084" t="s">
        <v>3184</v>
      </c>
      <c r="C1084" t="s">
        <v>693</v>
      </c>
      <c r="D1084">
        <v>56</v>
      </c>
      <c r="E1084" t="s">
        <v>4193</v>
      </c>
      <c r="F1084" t="s">
        <v>4189</v>
      </c>
      <c r="G1084" t="s">
        <v>656</v>
      </c>
      <c r="H1084">
        <v>2</v>
      </c>
      <c r="I1084">
        <v>2020</v>
      </c>
    </row>
    <row r="1085" spans="1:9" x14ac:dyDescent="0.25">
      <c r="A1085">
        <v>1257</v>
      </c>
      <c r="B1085" t="s">
        <v>3183</v>
      </c>
      <c r="C1085" t="s">
        <v>693</v>
      </c>
      <c r="D1085">
        <v>56</v>
      </c>
      <c r="E1085" t="s">
        <v>4193</v>
      </c>
      <c r="F1085" t="s">
        <v>4189</v>
      </c>
      <c r="G1085" t="s">
        <v>656</v>
      </c>
      <c r="H1085">
        <v>2</v>
      </c>
      <c r="I1085">
        <v>2020</v>
      </c>
    </row>
    <row r="1086" spans="1:9" x14ac:dyDescent="0.25">
      <c r="A1086">
        <v>1258</v>
      </c>
      <c r="B1086" t="s">
        <v>3182</v>
      </c>
      <c r="C1086" t="s">
        <v>693</v>
      </c>
      <c r="D1086">
        <v>56</v>
      </c>
      <c r="E1086" t="s">
        <v>4193</v>
      </c>
      <c r="F1086" t="s">
        <v>4189</v>
      </c>
      <c r="G1086" t="s">
        <v>656</v>
      </c>
      <c r="H1086">
        <v>2</v>
      </c>
      <c r="I1086">
        <v>2020</v>
      </c>
    </row>
    <row r="1087" spans="1:9" x14ac:dyDescent="0.25">
      <c r="A1087">
        <v>1259</v>
      </c>
      <c r="B1087" t="s">
        <v>3181</v>
      </c>
      <c r="C1087" t="s">
        <v>730</v>
      </c>
      <c r="D1087">
        <v>66</v>
      </c>
      <c r="E1087" t="s">
        <v>4193</v>
      </c>
      <c r="F1087" t="s">
        <v>4189</v>
      </c>
      <c r="G1087" t="s">
        <v>656</v>
      </c>
      <c r="H1087">
        <v>2</v>
      </c>
      <c r="I1087">
        <v>2020</v>
      </c>
    </row>
    <row r="1088" spans="1:9" x14ac:dyDescent="0.25">
      <c r="A1088">
        <v>1260</v>
      </c>
      <c r="B1088" t="s">
        <v>3180</v>
      </c>
      <c r="C1088" t="s">
        <v>1236</v>
      </c>
      <c r="D1088">
        <v>60</v>
      </c>
      <c r="E1088" t="s">
        <v>4193</v>
      </c>
      <c r="F1088" t="s">
        <v>4189</v>
      </c>
      <c r="G1088" t="s">
        <v>656</v>
      </c>
      <c r="H1088">
        <v>2</v>
      </c>
      <c r="I1088">
        <v>2020</v>
      </c>
    </row>
    <row r="1089" spans="1:9" x14ac:dyDescent="0.25">
      <c r="A1089">
        <v>1261</v>
      </c>
      <c r="B1089" t="s">
        <v>1194</v>
      </c>
      <c r="C1089" t="s">
        <v>714</v>
      </c>
      <c r="D1089">
        <v>52</v>
      </c>
      <c r="E1089" t="s">
        <v>4198</v>
      </c>
      <c r="F1089" t="s">
        <v>4189</v>
      </c>
      <c r="G1089" t="s">
        <v>656</v>
      </c>
      <c r="H1089">
        <v>2</v>
      </c>
      <c r="I1089">
        <v>2020</v>
      </c>
    </row>
    <row r="1090" spans="1:9" x14ac:dyDescent="0.25">
      <c r="A1090">
        <v>1262</v>
      </c>
      <c r="B1090" t="s">
        <v>3179</v>
      </c>
      <c r="C1090" t="s">
        <v>797</v>
      </c>
      <c r="D1090">
        <v>65</v>
      </c>
      <c r="E1090" t="s">
        <v>4191</v>
      </c>
      <c r="F1090" t="s">
        <v>4189</v>
      </c>
      <c r="G1090" t="s">
        <v>656</v>
      </c>
      <c r="H1090">
        <v>2</v>
      </c>
      <c r="I1090">
        <v>2020</v>
      </c>
    </row>
    <row r="1091" spans="1:9" x14ac:dyDescent="0.25">
      <c r="A1091">
        <v>1264</v>
      </c>
      <c r="B1091" t="s">
        <v>3178</v>
      </c>
      <c r="C1091" t="s">
        <v>710</v>
      </c>
      <c r="D1091">
        <v>53</v>
      </c>
      <c r="E1091" t="s">
        <v>4198</v>
      </c>
      <c r="F1091" t="s">
        <v>4189</v>
      </c>
      <c r="G1091" t="s">
        <v>656</v>
      </c>
      <c r="H1091">
        <v>2</v>
      </c>
      <c r="I1091">
        <v>2020</v>
      </c>
    </row>
    <row r="1092" spans="1:9" x14ac:dyDescent="0.25">
      <c r="A1092">
        <v>1265</v>
      </c>
      <c r="B1092" t="s">
        <v>3072</v>
      </c>
      <c r="C1092" t="s">
        <v>678</v>
      </c>
      <c r="D1092">
        <v>41</v>
      </c>
      <c r="E1092" t="s">
        <v>4188</v>
      </c>
      <c r="F1092" t="s">
        <v>4189</v>
      </c>
      <c r="G1092" t="s">
        <v>656</v>
      </c>
      <c r="H1092">
        <v>2</v>
      </c>
      <c r="I1092">
        <v>2020</v>
      </c>
    </row>
    <row r="1093" spans="1:9" x14ac:dyDescent="0.25">
      <c r="A1093">
        <v>1266</v>
      </c>
      <c r="B1093" t="s">
        <v>3177</v>
      </c>
      <c r="C1093" t="s">
        <v>678</v>
      </c>
      <c r="D1093">
        <v>41</v>
      </c>
      <c r="E1093" t="s">
        <v>4188</v>
      </c>
      <c r="F1093" t="s">
        <v>4189</v>
      </c>
      <c r="G1093" t="s">
        <v>656</v>
      </c>
      <c r="H1093">
        <v>2</v>
      </c>
      <c r="I1093">
        <v>2020</v>
      </c>
    </row>
    <row r="1094" spans="1:9" x14ac:dyDescent="0.25">
      <c r="A1094">
        <v>1267</v>
      </c>
      <c r="B1094" t="s">
        <v>3176</v>
      </c>
      <c r="C1094" t="s">
        <v>1259</v>
      </c>
      <c r="D1094">
        <v>57</v>
      </c>
      <c r="E1094" t="s">
        <v>4188</v>
      </c>
      <c r="F1094" t="s">
        <v>4189</v>
      </c>
      <c r="G1094" t="s">
        <v>656</v>
      </c>
      <c r="H1094">
        <v>2</v>
      </c>
      <c r="I1094">
        <v>2020</v>
      </c>
    </row>
    <row r="1095" spans="1:9" x14ac:dyDescent="0.25">
      <c r="A1095">
        <v>1268</v>
      </c>
      <c r="B1095" t="s">
        <v>3175</v>
      </c>
      <c r="C1095" t="s">
        <v>1259</v>
      </c>
      <c r="D1095">
        <v>57</v>
      </c>
      <c r="E1095" t="s">
        <v>4188</v>
      </c>
      <c r="F1095" t="s">
        <v>4189</v>
      </c>
      <c r="G1095" t="s">
        <v>656</v>
      </c>
      <c r="H1095">
        <v>2</v>
      </c>
      <c r="I1095">
        <v>2020</v>
      </c>
    </row>
    <row r="1096" spans="1:9" x14ac:dyDescent="0.25">
      <c r="A1096">
        <v>1269</v>
      </c>
      <c r="B1096" t="s">
        <v>3174</v>
      </c>
      <c r="C1096" t="s">
        <v>1022</v>
      </c>
      <c r="D1096">
        <v>85</v>
      </c>
      <c r="E1096" t="s">
        <v>1080</v>
      </c>
      <c r="F1096" t="s">
        <v>4189</v>
      </c>
      <c r="G1096" t="s">
        <v>656</v>
      </c>
      <c r="H1096">
        <v>2</v>
      </c>
      <c r="I1096">
        <v>2020</v>
      </c>
    </row>
    <row r="1097" spans="1:9" x14ac:dyDescent="0.25">
      <c r="A1097">
        <v>1270</v>
      </c>
      <c r="B1097" t="s">
        <v>3173</v>
      </c>
      <c r="C1097" t="s">
        <v>738</v>
      </c>
      <c r="D1097">
        <v>61</v>
      </c>
      <c r="E1097" t="s">
        <v>4193</v>
      </c>
      <c r="F1097" t="s">
        <v>4189</v>
      </c>
      <c r="G1097" t="s">
        <v>656</v>
      </c>
      <c r="H1097">
        <v>2</v>
      </c>
      <c r="I1097">
        <v>2020</v>
      </c>
    </row>
    <row r="1098" spans="1:9" x14ac:dyDescent="0.25">
      <c r="A1098">
        <v>1271</v>
      </c>
      <c r="B1098" t="s">
        <v>3172</v>
      </c>
      <c r="C1098" t="s">
        <v>738</v>
      </c>
      <c r="D1098">
        <v>61</v>
      </c>
      <c r="E1098" t="s">
        <v>4193</v>
      </c>
      <c r="F1098" t="s">
        <v>4189</v>
      </c>
      <c r="G1098" t="s">
        <v>656</v>
      </c>
      <c r="H1098">
        <v>2</v>
      </c>
      <c r="I1098">
        <v>2020</v>
      </c>
    </row>
    <row r="1099" spans="1:9" x14ac:dyDescent="0.25">
      <c r="A1099">
        <v>1272</v>
      </c>
      <c r="B1099" t="s">
        <v>4350</v>
      </c>
      <c r="C1099" t="s">
        <v>738</v>
      </c>
      <c r="D1099">
        <v>61</v>
      </c>
      <c r="E1099" t="s">
        <v>4193</v>
      </c>
      <c r="F1099" t="s">
        <v>4189</v>
      </c>
      <c r="G1099" t="s">
        <v>656</v>
      </c>
      <c r="H1099">
        <v>2</v>
      </c>
      <c r="I1099">
        <v>2020</v>
      </c>
    </row>
    <row r="1100" spans="1:9" x14ac:dyDescent="0.25">
      <c r="A1100">
        <v>1273</v>
      </c>
      <c r="B1100" t="s">
        <v>3171</v>
      </c>
      <c r="C1100" t="s">
        <v>885</v>
      </c>
      <c r="D1100">
        <v>1</v>
      </c>
      <c r="E1100" t="s">
        <v>885</v>
      </c>
      <c r="F1100" t="s">
        <v>4164</v>
      </c>
      <c r="G1100" t="s">
        <v>656</v>
      </c>
      <c r="H1100">
        <v>2</v>
      </c>
      <c r="I1100">
        <v>2020</v>
      </c>
    </row>
    <row r="1101" spans="1:9" x14ac:dyDescent="0.25">
      <c r="A1101">
        <v>1278</v>
      </c>
      <c r="B1101" t="s">
        <v>3167</v>
      </c>
      <c r="C1101" t="s">
        <v>819</v>
      </c>
      <c r="D1101">
        <v>101</v>
      </c>
      <c r="E1101" t="s">
        <v>4187</v>
      </c>
      <c r="F1101" t="s">
        <v>4187</v>
      </c>
      <c r="G1101" t="s">
        <v>656</v>
      </c>
      <c r="H1101">
        <v>2</v>
      </c>
      <c r="I1101">
        <v>2020</v>
      </c>
    </row>
    <row r="1102" spans="1:9" x14ac:dyDescent="0.25">
      <c r="A1102">
        <v>1279</v>
      </c>
      <c r="B1102" t="s">
        <v>3166</v>
      </c>
      <c r="C1102" t="s">
        <v>819</v>
      </c>
      <c r="D1102">
        <v>101</v>
      </c>
      <c r="E1102" t="s">
        <v>4187</v>
      </c>
      <c r="F1102" t="s">
        <v>4187</v>
      </c>
      <c r="G1102" t="s">
        <v>656</v>
      </c>
      <c r="H1102">
        <v>2</v>
      </c>
      <c r="I1102">
        <v>2020</v>
      </c>
    </row>
    <row r="1103" spans="1:9" x14ac:dyDescent="0.25">
      <c r="A1103">
        <v>1280</v>
      </c>
      <c r="B1103" t="s">
        <v>3165</v>
      </c>
      <c r="C1103" t="s">
        <v>819</v>
      </c>
      <c r="D1103">
        <v>101</v>
      </c>
      <c r="E1103" t="s">
        <v>4187</v>
      </c>
      <c r="F1103" t="s">
        <v>4187</v>
      </c>
      <c r="G1103" t="s">
        <v>656</v>
      </c>
      <c r="H1103">
        <v>2</v>
      </c>
      <c r="I1103">
        <v>2020</v>
      </c>
    </row>
    <row r="1104" spans="1:9" x14ac:dyDescent="0.25">
      <c r="A1104">
        <v>1281</v>
      </c>
      <c r="B1104" t="s">
        <v>4351</v>
      </c>
      <c r="C1104" t="s">
        <v>819</v>
      </c>
      <c r="D1104">
        <v>101</v>
      </c>
      <c r="E1104" t="s">
        <v>4187</v>
      </c>
      <c r="F1104" t="s">
        <v>4187</v>
      </c>
      <c r="G1104" t="s">
        <v>656</v>
      </c>
      <c r="H1104">
        <v>2</v>
      </c>
      <c r="I1104">
        <v>2020</v>
      </c>
    </row>
    <row r="1105" spans="1:9" x14ac:dyDescent="0.25">
      <c r="A1105">
        <v>1282</v>
      </c>
      <c r="B1105" t="s">
        <v>4352</v>
      </c>
      <c r="C1105" t="s">
        <v>819</v>
      </c>
      <c r="D1105">
        <v>101</v>
      </c>
      <c r="E1105" t="s">
        <v>4187</v>
      </c>
      <c r="F1105" t="s">
        <v>4187</v>
      </c>
      <c r="G1105" t="s">
        <v>656</v>
      </c>
      <c r="H1105">
        <v>2</v>
      </c>
      <c r="I1105">
        <v>2020</v>
      </c>
    </row>
    <row r="1106" spans="1:9" x14ac:dyDescent="0.25">
      <c r="A1106">
        <v>1283</v>
      </c>
      <c r="B1106" t="s">
        <v>3164</v>
      </c>
      <c r="C1106" t="s">
        <v>294</v>
      </c>
      <c r="D1106">
        <v>31</v>
      </c>
      <c r="E1106" t="s">
        <v>4179</v>
      </c>
      <c r="F1106" t="s">
        <v>4177</v>
      </c>
      <c r="G1106" t="s">
        <v>656</v>
      </c>
      <c r="H1106">
        <v>2</v>
      </c>
      <c r="I1106">
        <v>2020</v>
      </c>
    </row>
    <row r="1107" spans="1:9" x14ac:dyDescent="0.25">
      <c r="A1107">
        <v>1284</v>
      </c>
      <c r="B1107" t="s">
        <v>4353</v>
      </c>
      <c r="C1107" t="s">
        <v>294</v>
      </c>
      <c r="D1107">
        <v>31</v>
      </c>
      <c r="E1107" t="s">
        <v>4179</v>
      </c>
      <c r="F1107" t="s">
        <v>4177</v>
      </c>
      <c r="G1107" t="s">
        <v>656</v>
      </c>
      <c r="H1107">
        <v>2</v>
      </c>
      <c r="I1107">
        <v>2020</v>
      </c>
    </row>
    <row r="1108" spans="1:9" x14ac:dyDescent="0.25">
      <c r="A1108">
        <v>1285</v>
      </c>
      <c r="B1108" t="s">
        <v>3163</v>
      </c>
      <c r="C1108" t="s">
        <v>295</v>
      </c>
      <c r="D1108">
        <v>30</v>
      </c>
      <c r="E1108" t="s">
        <v>4179</v>
      </c>
      <c r="F1108" t="s">
        <v>4177</v>
      </c>
      <c r="G1108" t="s">
        <v>656</v>
      </c>
      <c r="H1108">
        <v>2</v>
      </c>
      <c r="I1108">
        <v>2020</v>
      </c>
    </row>
    <row r="1109" spans="1:9" x14ac:dyDescent="0.25">
      <c r="A1109">
        <v>1286</v>
      </c>
      <c r="B1109" t="s">
        <v>3162</v>
      </c>
      <c r="C1109" t="s">
        <v>955</v>
      </c>
      <c r="D1109">
        <v>29</v>
      </c>
      <c r="E1109" t="s">
        <v>4179</v>
      </c>
      <c r="F1109" t="s">
        <v>4177</v>
      </c>
      <c r="G1109" t="s">
        <v>656</v>
      </c>
      <c r="H1109">
        <v>2</v>
      </c>
      <c r="I1109">
        <v>2020</v>
      </c>
    </row>
    <row r="1110" spans="1:9" x14ac:dyDescent="0.25">
      <c r="A1110">
        <v>1287</v>
      </c>
      <c r="B1110" t="s">
        <v>2112</v>
      </c>
      <c r="C1110" t="s">
        <v>807</v>
      </c>
      <c r="D1110">
        <v>25</v>
      </c>
      <c r="E1110" t="s">
        <v>4179</v>
      </c>
      <c r="F1110" t="s">
        <v>4177</v>
      </c>
      <c r="G1110" t="s">
        <v>656</v>
      </c>
      <c r="H1110">
        <v>2</v>
      </c>
      <c r="I1110">
        <v>2020</v>
      </c>
    </row>
    <row r="1111" spans="1:9" x14ac:dyDescent="0.25">
      <c r="A1111">
        <v>1288</v>
      </c>
      <c r="B1111" t="s">
        <v>3161</v>
      </c>
      <c r="C1111" t="s">
        <v>299</v>
      </c>
      <c r="D1111">
        <v>27</v>
      </c>
      <c r="E1111" t="s">
        <v>4179</v>
      </c>
      <c r="F1111" t="s">
        <v>4177</v>
      </c>
      <c r="G1111" t="s">
        <v>656</v>
      </c>
      <c r="H1111">
        <v>2</v>
      </c>
      <c r="I1111">
        <v>2020</v>
      </c>
    </row>
    <row r="1112" spans="1:9" x14ac:dyDescent="0.25">
      <c r="A1112">
        <v>1289</v>
      </c>
      <c r="B1112" t="s">
        <v>3160</v>
      </c>
      <c r="C1112" t="s">
        <v>299</v>
      </c>
      <c r="D1112">
        <v>27</v>
      </c>
      <c r="E1112" t="s">
        <v>4179</v>
      </c>
      <c r="F1112" t="s">
        <v>4177</v>
      </c>
      <c r="G1112" t="s">
        <v>656</v>
      </c>
      <c r="H1112">
        <v>2</v>
      </c>
      <c r="I1112">
        <v>2020</v>
      </c>
    </row>
    <row r="1113" spans="1:9" x14ac:dyDescent="0.25">
      <c r="A1113">
        <v>1290</v>
      </c>
      <c r="B1113" t="s">
        <v>3159</v>
      </c>
      <c r="C1113" t="s">
        <v>296</v>
      </c>
      <c r="D1113">
        <v>97</v>
      </c>
      <c r="E1113" t="s">
        <v>4179</v>
      </c>
      <c r="F1113" t="s">
        <v>4177</v>
      </c>
      <c r="G1113" t="s">
        <v>656</v>
      </c>
      <c r="H1113">
        <v>2</v>
      </c>
      <c r="I1113">
        <v>2020</v>
      </c>
    </row>
    <row r="1114" spans="1:9" x14ac:dyDescent="0.25">
      <c r="A1114">
        <v>1291</v>
      </c>
      <c r="B1114" t="s">
        <v>3158</v>
      </c>
      <c r="C1114" t="s">
        <v>684</v>
      </c>
      <c r="D1114">
        <v>22</v>
      </c>
      <c r="E1114" t="s">
        <v>4178</v>
      </c>
      <c r="F1114" t="s">
        <v>4177</v>
      </c>
      <c r="G1114" t="s">
        <v>656</v>
      </c>
      <c r="H1114">
        <v>2</v>
      </c>
      <c r="I1114">
        <v>2020</v>
      </c>
    </row>
    <row r="1115" spans="1:9" x14ac:dyDescent="0.25">
      <c r="A1115">
        <v>1292</v>
      </c>
      <c r="B1115" t="s">
        <v>2563</v>
      </c>
      <c r="C1115" t="s">
        <v>868</v>
      </c>
      <c r="D1115">
        <v>23</v>
      </c>
      <c r="E1115" t="s">
        <v>4178</v>
      </c>
      <c r="F1115" t="s">
        <v>4177</v>
      </c>
      <c r="G1115" t="s">
        <v>656</v>
      </c>
      <c r="H1115">
        <v>2</v>
      </c>
      <c r="I1115">
        <v>2020</v>
      </c>
    </row>
    <row r="1116" spans="1:9" x14ac:dyDescent="0.25">
      <c r="A1116">
        <v>1293</v>
      </c>
      <c r="B1116" t="s">
        <v>3156</v>
      </c>
      <c r="C1116" t="s">
        <v>868</v>
      </c>
      <c r="D1116">
        <v>23</v>
      </c>
      <c r="E1116" t="s">
        <v>4178</v>
      </c>
      <c r="F1116" t="s">
        <v>4177</v>
      </c>
      <c r="G1116" t="s">
        <v>656</v>
      </c>
      <c r="H1116">
        <v>2</v>
      </c>
      <c r="I1116">
        <v>2020</v>
      </c>
    </row>
    <row r="1117" spans="1:9" x14ac:dyDescent="0.25">
      <c r="A1117">
        <v>1294</v>
      </c>
      <c r="B1117" t="s">
        <v>2434</v>
      </c>
      <c r="C1117" t="s">
        <v>868</v>
      </c>
      <c r="D1117">
        <v>23</v>
      </c>
      <c r="E1117" t="s">
        <v>4178</v>
      </c>
      <c r="F1117" t="s">
        <v>4177</v>
      </c>
      <c r="G1117" t="s">
        <v>656</v>
      </c>
      <c r="H1117">
        <v>2</v>
      </c>
      <c r="I1117">
        <v>2020</v>
      </c>
    </row>
    <row r="1118" spans="1:9" x14ac:dyDescent="0.25">
      <c r="A1118">
        <v>1295</v>
      </c>
      <c r="B1118" t="s">
        <v>4354</v>
      </c>
      <c r="C1118" t="s">
        <v>868</v>
      </c>
      <c r="D1118">
        <v>23</v>
      </c>
      <c r="E1118" t="s">
        <v>4178</v>
      </c>
      <c r="F1118" t="s">
        <v>4177</v>
      </c>
      <c r="G1118" t="s">
        <v>656</v>
      </c>
      <c r="H1118">
        <v>2</v>
      </c>
      <c r="I1118">
        <v>2020</v>
      </c>
    </row>
    <row r="1119" spans="1:9" x14ac:dyDescent="0.25">
      <c r="A1119">
        <v>1296</v>
      </c>
      <c r="B1119" t="s">
        <v>3155</v>
      </c>
      <c r="C1119" t="s">
        <v>65</v>
      </c>
      <c r="D1119">
        <v>15</v>
      </c>
      <c r="E1119" t="s">
        <v>4176</v>
      </c>
      <c r="F1119" t="s">
        <v>4177</v>
      </c>
      <c r="G1119" t="s">
        <v>656</v>
      </c>
      <c r="H1119">
        <v>2</v>
      </c>
      <c r="I1119">
        <v>2020</v>
      </c>
    </row>
    <row r="1120" spans="1:9" x14ac:dyDescent="0.25">
      <c r="A1120">
        <v>1297</v>
      </c>
      <c r="B1120" t="s">
        <v>3154</v>
      </c>
      <c r="C1120" t="s">
        <v>65</v>
      </c>
      <c r="D1120">
        <v>15</v>
      </c>
      <c r="E1120" t="s">
        <v>4176</v>
      </c>
      <c r="F1120" t="s">
        <v>4177</v>
      </c>
      <c r="G1120" t="s">
        <v>656</v>
      </c>
      <c r="H1120">
        <v>2</v>
      </c>
      <c r="I1120">
        <v>2020</v>
      </c>
    </row>
    <row r="1121" spans="1:9" x14ac:dyDescent="0.25">
      <c r="A1121">
        <v>1298</v>
      </c>
      <c r="B1121" t="s">
        <v>3153</v>
      </c>
      <c r="C1121" t="s">
        <v>65</v>
      </c>
      <c r="D1121">
        <v>15</v>
      </c>
      <c r="E1121" t="s">
        <v>4176</v>
      </c>
      <c r="F1121" t="s">
        <v>4177</v>
      </c>
      <c r="G1121" t="s">
        <v>656</v>
      </c>
      <c r="H1121">
        <v>2</v>
      </c>
      <c r="I1121">
        <v>2020</v>
      </c>
    </row>
    <row r="1122" spans="1:9" x14ac:dyDescent="0.25">
      <c r="A1122">
        <v>1299</v>
      </c>
      <c r="B1122" t="s">
        <v>3152</v>
      </c>
      <c r="C1122" t="s">
        <v>65</v>
      </c>
      <c r="D1122">
        <v>15</v>
      </c>
      <c r="E1122" t="s">
        <v>4176</v>
      </c>
      <c r="F1122" t="s">
        <v>4177</v>
      </c>
      <c r="G1122" t="s">
        <v>656</v>
      </c>
      <c r="H1122">
        <v>2</v>
      </c>
      <c r="I1122">
        <v>2020</v>
      </c>
    </row>
    <row r="1123" spans="1:9" x14ac:dyDescent="0.25">
      <c r="A1123">
        <v>1300</v>
      </c>
      <c r="B1123" t="s">
        <v>3151</v>
      </c>
      <c r="C1123" t="s">
        <v>703</v>
      </c>
      <c r="D1123">
        <v>16</v>
      </c>
      <c r="E1123" t="s">
        <v>703</v>
      </c>
      <c r="F1123" t="s">
        <v>4177</v>
      </c>
      <c r="G1123" t="s">
        <v>656</v>
      </c>
      <c r="H1123">
        <v>2</v>
      </c>
      <c r="I1123">
        <v>2020</v>
      </c>
    </row>
    <row r="1124" spans="1:9" x14ac:dyDescent="0.25">
      <c r="A1124">
        <v>1301</v>
      </c>
      <c r="B1124" t="s">
        <v>3150</v>
      </c>
      <c r="C1124" t="s">
        <v>703</v>
      </c>
      <c r="D1124">
        <v>16</v>
      </c>
      <c r="E1124" t="s">
        <v>703</v>
      </c>
      <c r="F1124" t="s">
        <v>4177</v>
      </c>
      <c r="G1124" t="s">
        <v>656</v>
      </c>
      <c r="H1124">
        <v>2</v>
      </c>
      <c r="I1124">
        <v>2020</v>
      </c>
    </row>
    <row r="1125" spans="1:9" x14ac:dyDescent="0.25">
      <c r="A1125">
        <v>1303</v>
      </c>
      <c r="B1125" t="s">
        <v>3149</v>
      </c>
      <c r="C1125" t="s">
        <v>839</v>
      </c>
      <c r="D1125">
        <v>89</v>
      </c>
      <c r="E1125" t="s">
        <v>839</v>
      </c>
      <c r="F1125" t="s">
        <v>4168</v>
      </c>
      <c r="G1125" t="s">
        <v>656</v>
      </c>
      <c r="H1125">
        <v>2</v>
      </c>
      <c r="I1125">
        <v>2020</v>
      </c>
    </row>
    <row r="1126" spans="1:9" x14ac:dyDescent="0.25">
      <c r="A1126">
        <v>1304</v>
      </c>
      <c r="B1126" t="s">
        <v>3148</v>
      </c>
      <c r="C1126" t="s">
        <v>839</v>
      </c>
      <c r="D1126">
        <v>89</v>
      </c>
      <c r="E1126" t="s">
        <v>839</v>
      </c>
      <c r="F1126" t="s">
        <v>4168</v>
      </c>
      <c r="G1126" t="s">
        <v>656</v>
      </c>
      <c r="H1126">
        <v>2</v>
      </c>
      <c r="I1126">
        <v>2020</v>
      </c>
    </row>
    <row r="1127" spans="1:9" x14ac:dyDescent="0.25">
      <c r="A1127">
        <v>1305</v>
      </c>
      <c r="B1127" t="s">
        <v>4355</v>
      </c>
      <c r="C1127" t="s">
        <v>839</v>
      </c>
      <c r="D1127">
        <v>89</v>
      </c>
      <c r="E1127" t="s">
        <v>839</v>
      </c>
      <c r="F1127" t="s">
        <v>4168</v>
      </c>
      <c r="G1127" t="s">
        <v>656</v>
      </c>
      <c r="H1127">
        <v>2</v>
      </c>
      <c r="I1127">
        <v>2020</v>
      </c>
    </row>
    <row r="1128" spans="1:9" x14ac:dyDescent="0.25">
      <c r="A1128">
        <v>1306</v>
      </c>
      <c r="B1128" t="s">
        <v>3147</v>
      </c>
      <c r="C1128" t="s">
        <v>673</v>
      </c>
      <c r="D1128">
        <v>34</v>
      </c>
      <c r="E1128" t="s">
        <v>4175</v>
      </c>
      <c r="F1128" t="s">
        <v>4171</v>
      </c>
      <c r="G1128" t="s">
        <v>656</v>
      </c>
      <c r="H1128">
        <v>2</v>
      </c>
      <c r="I1128">
        <v>2020</v>
      </c>
    </row>
    <row r="1129" spans="1:9" x14ac:dyDescent="0.25">
      <c r="A1129">
        <v>1307</v>
      </c>
      <c r="B1129" t="s">
        <v>3146</v>
      </c>
      <c r="C1129" t="s">
        <v>673</v>
      </c>
      <c r="D1129">
        <v>34</v>
      </c>
      <c r="E1129" t="s">
        <v>4175</v>
      </c>
      <c r="F1129" t="s">
        <v>4171</v>
      </c>
      <c r="G1129" t="s">
        <v>656</v>
      </c>
      <c r="H1129">
        <v>2</v>
      </c>
      <c r="I1129">
        <v>2020</v>
      </c>
    </row>
    <row r="1130" spans="1:9" x14ac:dyDescent="0.25">
      <c r="A1130">
        <v>1308</v>
      </c>
      <c r="B1130" t="s">
        <v>1179</v>
      </c>
      <c r="C1130" t="s">
        <v>673</v>
      </c>
      <c r="D1130">
        <v>34</v>
      </c>
      <c r="E1130" t="s">
        <v>4175</v>
      </c>
      <c r="F1130" t="s">
        <v>4171</v>
      </c>
      <c r="G1130" t="s">
        <v>656</v>
      </c>
      <c r="H1130">
        <v>2</v>
      </c>
      <c r="I1130">
        <v>2020</v>
      </c>
    </row>
    <row r="1131" spans="1:9" x14ac:dyDescent="0.25">
      <c r="A1131">
        <v>1309</v>
      </c>
      <c r="B1131" t="s">
        <v>3145</v>
      </c>
      <c r="C1131" t="s">
        <v>663</v>
      </c>
      <c r="D1131">
        <v>99</v>
      </c>
      <c r="E1131" t="s">
        <v>663</v>
      </c>
      <c r="F1131" t="s">
        <v>4171</v>
      </c>
      <c r="G1131" t="s">
        <v>656</v>
      </c>
      <c r="H1131">
        <v>2</v>
      </c>
      <c r="I1131">
        <v>2020</v>
      </c>
    </row>
    <row r="1132" spans="1:9" x14ac:dyDescent="0.25">
      <c r="A1132">
        <v>1310</v>
      </c>
      <c r="B1132" t="s">
        <v>3144</v>
      </c>
      <c r="C1132" t="s">
        <v>663</v>
      </c>
      <c r="D1132">
        <v>99</v>
      </c>
      <c r="E1132" t="s">
        <v>663</v>
      </c>
      <c r="F1132" t="s">
        <v>4171</v>
      </c>
      <c r="G1132" t="s">
        <v>656</v>
      </c>
      <c r="H1132">
        <v>2</v>
      </c>
      <c r="I1132">
        <v>2020</v>
      </c>
    </row>
    <row r="1133" spans="1:9" x14ac:dyDescent="0.25">
      <c r="A1133">
        <v>1311</v>
      </c>
      <c r="B1133" t="s">
        <v>2845</v>
      </c>
      <c r="C1133" t="s">
        <v>663</v>
      </c>
      <c r="D1133">
        <v>99</v>
      </c>
      <c r="E1133" t="s">
        <v>663</v>
      </c>
      <c r="F1133" t="s">
        <v>4171</v>
      </c>
      <c r="G1133" t="s">
        <v>656</v>
      </c>
      <c r="H1133">
        <v>2</v>
      </c>
      <c r="I1133">
        <v>2020</v>
      </c>
    </row>
    <row r="1134" spans="1:9" x14ac:dyDescent="0.25">
      <c r="A1134">
        <v>1312</v>
      </c>
      <c r="B1134" t="s">
        <v>3143</v>
      </c>
      <c r="C1134" t="s">
        <v>663</v>
      </c>
      <c r="D1134">
        <v>99</v>
      </c>
      <c r="E1134" t="s">
        <v>663</v>
      </c>
      <c r="F1134" t="s">
        <v>4171</v>
      </c>
      <c r="G1134" t="s">
        <v>656</v>
      </c>
      <c r="H1134">
        <v>2</v>
      </c>
      <c r="I1134">
        <v>2020</v>
      </c>
    </row>
    <row r="1135" spans="1:9" x14ac:dyDescent="0.25">
      <c r="A1135">
        <v>1314</v>
      </c>
      <c r="B1135" t="s">
        <v>1032</v>
      </c>
      <c r="C1135" t="s">
        <v>663</v>
      </c>
      <c r="D1135">
        <v>99</v>
      </c>
      <c r="E1135" t="s">
        <v>663</v>
      </c>
      <c r="F1135" t="s">
        <v>4171</v>
      </c>
      <c r="G1135" t="s">
        <v>656</v>
      </c>
      <c r="H1135">
        <v>2</v>
      </c>
      <c r="I1135">
        <v>2020</v>
      </c>
    </row>
    <row r="1136" spans="1:9" x14ac:dyDescent="0.25">
      <c r="A1136">
        <v>1315</v>
      </c>
      <c r="B1136" t="s">
        <v>745</v>
      </c>
      <c r="C1136" t="s">
        <v>663</v>
      </c>
      <c r="D1136">
        <v>99</v>
      </c>
      <c r="E1136" t="s">
        <v>663</v>
      </c>
      <c r="F1136" t="s">
        <v>4171</v>
      </c>
      <c r="G1136" t="s">
        <v>656</v>
      </c>
      <c r="H1136">
        <v>2</v>
      </c>
      <c r="I1136">
        <v>2020</v>
      </c>
    </row>
    <row r="1137" spans="1:9" x14ac:dyDescent="0.25">
      <c r="A1137">
        <v>1316</v>
      </c>
      <c r="B1137" t="s">
        <v>4356</v>
      </c>
      <c r="C1137" t="s">
        <v>663</v>
      </c>
      <c r="D1137">
        <v>99</v>
      </c>
      <c r="E1137" t="s">
        <v>663</v>
      </c>
      <c r="F1137" t="s">
        <v>4171</v>
      </c>
      <c r="G1137" t="s">
        <v>656</v>
      </c>
      <c r="H1137">
        <v>2</v>
      </c>
      <c r="I1137">
        <v>2020</v>
      </c>
    </row>
    <row r="1138" spans="1:9" x14ac:dyDescent="0.25">
      <c r="A1138">
        <v>1317</v>
      </c>
      <c r="B1138" t="s">
        <v>4357</v>
      </c>
      <c r="C1138" t="s">
        <v>663</v>
      </c>
      <c r="D1138">
        <v>99</v>
      </c>
      <c r="E1138" t="s">
        <v>663</v>
      </c>
      <c r="F1138" t="s">
        <v>4171</v>
      </c>
      <c r="G1138" t="s">
        <v>656</v>
      </c>
      <c r="H1138">
        <v>2</v>
      </c>
      <c r="I1138">
        <v>2020</v>
      </c>
    </row>
    <row r="1139" spans="1:9" x14ac:dyDescent="0.25">
      <c r="A1139">
        <v>1318</v>
      </c>
      <c r="B1139" t="s">
        <v>3141</v>
      </c>
      <c r="C1139" t="s">
        <v>767</v>
      </c>
      <c r="D1139">
        <v>44</v>
      </c>
      <c r="E1139" t="s">
        <v>4191</v>
      </c>
      <c r="F1139" t="s">
        <v>4189</v>
      </c>
      <c r="G1139" t="s">
        <v>656</v>
      </c>
      <c r="H1139">
        <v>2</v>
      </c>
      <c r="I1139">
        <v>2020</v>
      </c>
    </row>
    <row r="1140" spans="1:9" x14ac:dyDescent="0.25">
      <c r="A1140">
        <v>1319</v>
      </c>
      <c r="B1140" t="s">
        <v>4358</v>
      </c>
      <c r="C1140" t="s">
        <v>767</v>
      </c>
      <c r="D1140">
        <v>44</v>
      </c>
      <c r="E1140" t="s">
        <v>4191</v>
      </c>
      <c r="F1140" t="s">
        <v>4189</v>
      </c>
      <c r="G1140" t="s">
        <v>656</v>
      </c>
      <c r="H1140">
        <v>2</v>
      </c>
      <c r="I1140">
        <v>2020</v>
      </c>
    </row>
    <row r="1141" spans="1:9" x14ac:dyDescent="0.25">
      <c r="A1141">
        <v>1320</v>
      </c>
      <c r="B1141" t="s">
        <v>3140</v>
      </c>
      <c r="C1141" t="s">
        <v>767</v>
      </c>
      <c r="D1141">
        <v>44</v>
      </c>
      <c r="E1141" t="s">
        <v>4191</v>
      </c>
      <c r="F1141" t="s">
        <v>4189</v>
      </c>
      <c r="G1141" t="s">
        <v>656</v>
      </c>
      <c r="H1141">
        <v>2</v>
      </c>
      <c r="I1141">
        <v>2020</v>
      </c>
    </row>
    <row r="1142" spans="1:9" x14ac:dyDescent="0.25">
      <c r="A1142">
        <v>1321</v>
      </c>
      <c r="B1142" t="s">
        <v>3139</v>
      </c>
      <c r="C1142" t="s">
        <v>767</v>
      </c>
      <c r="D1142">
        <v>44</v>
      </c>
      <c r="E1142" t="s">
        <v>4191</v>
      </c>
      <c r="F1142" t="s">
        <v>4189</v>
      </c>
      <c r="G1142" t="s">
        <v>656</v>
      </c>
      <c r="H1142">
        <v>2</v>
      </c>
      <c r="I1142">
        <v>2020</v>
      </c>
    </row>
    <row r="1143" spans="1:9" x14ac:dyDescent="0.25">
      <c r="A1143">
        <v>1322</v>
      </c>
      <c r="B1143" t="s">
        <v>3138</v>
      </c>
      <c r="C1143" t="s">
        <v>767</v>
      </c>
      <c r="D1143">
        <v>44</v>
      </c>
      <c r="E1143" t="s">
        <v>4191</v>
      </c>
      <c r="F1143" t="s">
        <v>4189</v>
      </c>
      <c r="G1143" t="s">
        <v>656</v>
      </c>
      <c r="H1143">
        <v>2</v>
      </c>
      <c r="I1143">
        <v>2020</v>
      </c>
    </row>
    <row r="1144" spans="1:9" x14ac:dyDescent="0.25">
      <c r="A1144">
        <v>1323</v>
      </c>
      <c r="B1144" t="s">
        <v>3137</v>
      </c>
      <c r="C1144" t="s">
        <v>797</v>
      </c>
      <c r="D1144">
        <v>65</v>
      </c>
      <c r="E1144" t="s">
        <v>4191</v>
      </c>
      <c r="F1144" t="s">
        <v>4189</v>
      </c>
      <c r="G1144" t="s">
        <v>656</v>
      </c>
      <c r="H1144">
        <v>2</v>
      </c>
      <c r="I1144">
        <v>2020</v>
      </c>
    </row>
    <row r="1145" spans="1:9" x14ac:dyDescent="0.25">
      <c r="A1145">
        <v>1324</v>
      </c>
      <c r="B1145" t="s">
        <v>936</v>
      </c>
      <c r="C1145" t="s">
        <v>797</v>
      </c>
      <c r="D1145">
        <v>65</v>
      </c>
      <c r="E1145" t="s">
        <v>4191</v>
      </c>
      <c r="F1145" t="s">
        <v>4189</v>
      </c>
      <c r="G1145" t="s">
        <v>656</v>
      </c>
      <c r="H1145">
        <v>2</v>
      </c>
      <c r="I1145">
        <v>2020</v>
      </c>
    </row>
    <row r="1146" spans="1:9" x14ac:dyDescent="0.25">
      <c r="A1146">
        <v>1325</v>
      </c>
      <c r="B1146" t="s">
        <v>3136</v>
      </c>
      <c r="C1146" t="s">
        <v>797</v>
      </c>
      <c r="D1146">
        <v>65</v>
      </c>
      <c r="E1146" t="s">
        <v>4191</v>
      </c>
      <c r="F1146" t="s">
        <v>4189</v>
      </c>
      <c r="G1146" t="s">
        <v>656</v>
      </c>
      <c r="H1146">
        <v>2</v>
      </c>
      <c r="I1146">
        <v>2020</v>
      </c>
    </row>
    <row r="1147" spans="1:9" x14ac:dyDescent="0.25">
      <c r="A1147">
        <v>1326</v>
      </c>
      <c r="B1147" t="s">
        <v>3135</v>
      </c>
      <c r="C1147" t="s">
        <v>797</v>
      </c>
      <c r="D1147">
        <v>65</v>
      </c>
      <c r="E1147" t="s">
        <v>4191</v>
      </c>
      <c r="F1147" t="s">
        <v>4189</v>
      </c>
      <c r="G1147" t="s">
        <v>656</v>
      </c>
      <c r="H1147">
        <v>2</v>
      </c>
      <c r="I1147">
        <v>2020</v>
      </c>
    </row>
    <row r="1148" spans="1:9" x14ac:dyDescent="0.25">
      <c r="A1148">
        <v>1327</v>
      </c>
      <c r="B1148" t="s">
        <v>4359</v>
      </c>
      <c r="C1148" t="s">
        <v>1022</v>
      </c>
      <c r="D1148">
        <v>85</v>
      </c>
      <c r="E1148" t="s">
        <v>1080</v>
      </c>
      <c r="F1148" t="s">
        <v>4189</v>
      </c>
      <c r="G1148" t="s">
        <v>656</v>
      </c>
      <c r="H1148">
        <v>2</v>
      </c>
      <c r="I1148">
        <v>2020</v>
      </c>
    </row>
    <row r="1149" spans="1:9" x14ac:dyDescent="0.25">
      <c r="A1149">
        <v>1328</v>
      </c>
      <c r="B1149" t="s">
        <v>3133</v>
      </c>
      <c r="C1149" t="s">
        <v>1022</v>
      </c>
      <c r="D1149">
        <v>85</v>
      </c>
      <c r="E1149" t="s">
        <v>1080</v>
      </c>
      <c r="F1149" t="s">
        <v>4189</v>
      </c>
      <c r="G1149" t="s">
        <v>656</v>
      </c>
      <c r="H1149">
        <v>2</v>
      </c>
      <c r="I1149">
        <v>2020</v>
      </c>
    </row>
    <row r="1150" spans="1:9" x14ac:dyDescent="0.25">
      <c r="A1150">
        <v>1329</v>
      </c>
      <c r="B1150" t="s">
        <v>4360</v>
      </c>
      <c r="C1150" t="s">
        <v>1022</v>
      </c>
      <c r="D1150">
        <v>85</v>
      </c>
      <c r="E1150" t="s">
        <v>1080</v>
      </c>
      <c r="F1150" t="s">
        <v>4189</v>
      </c>
      <c r="G1150" t="s">
        <v>656</v>
      </c>
      <c r="H1150">
        <v>2</v>
      </c>
      <c r="I1150">
        <v>2020</v>
      </c>
    </row>
    <row r="1151" spans="1:9" x14ac:dyDescent="0.25">
      <c r="A1151">
        <v>1330</v>
      </c>
      <c r="B1151" t="s">
        <v>3132</v>
      </c>
      <c r="C1151" t="s">
        <v>1022</v>
      </c>
      <c r="D1151">
        <v>85</v>
      </c>
      <c r="E1151" t="s">
        <v>1080</v>
      </c>
      <c r="F1151" t="s">
        <v>4189</v>
      </c>
      <c r="G1151" t="s">
        <v>656</v>
      </c>
      <c r="H1151">
        <v>2</v>
      </c>
      <c r="I1151">
        <v>2020</v>
      </c>
    </row>
    <row r="1152" spans="1:9" x14ac:dyDescent="0.25">
      <c r="A1152">
        <v>1331</v>
      </c>
      <c r="B1152" t="s">
        <v>3131</v>
      </c>
      <c r="C1152" t="s">
        <v>1022</v>
      </c>
      <c r="D1152">
        <v>85</v>
      </c>
      <c r="E1152" t="s">
        <v>1080</v>
      </c>
      <c r="F1152" t="s">
        <v>4189</v>
      </c>
      <c r="G1152" t="s">
        <v>656</v>
      </c>
      <c r="H1152">
        <v>2</v>
      </c>
      <c r="I1152">
        <v>2020</v>
      </c>
    </row>
    <row r="1153" spans="1:9" x14ac:dyDescent="0.25">
      <c r="A1153">
        <v>1332</v>
      </c>
      <c r="B1153" t="s">
        <v>3130</v>
      </c>
      <c r="C1153" t="s">
        <v>1022</v>
      </c>
      <c r="D1153">
        <v>85</v>
      </c>
      <c r="E1153" t="s">
        <v>1080</v>
      </c>
      <c r="F1153" t="s">
        <v>4189</v>
      </c>
      <c r="G1153" t="s">
        <v>656</v>
      </c>
      <c r="H1153">
        <v>2</v>
      </c>
      <c r="I1153">
        <v>2020</v>
      </c>
    </row>
    <row r="1154" spans="1:9" x14ac:dyDescent="0.25">
      <c r="A1154">
        <v>1333</v>
      </c>
      <c r="B1154" t="s">
        <v>3129</v>
      </c>
      <c r="C1154" t="s">
        <v>730</v>
      </c>
      <c r="D1154">
        <v>66</v>
      </c>
      <c r="E1154" t="s">
        <v>4193</v>
      </c>
      <c r="F1154" t="s">
        <v>4189</v>
      </c>
      <c r="G1154" t="s">
        <v>656</v>
      </c>
      <c r="H1154">
        <v>2</v>
      </c>
      <c r="I1154">
        <v>2020</v>
      </c>
    </row>
    <row r="1155" spans="1:9" x14ac:dyDescent="0.25">
      <c r="A1155">
        <v>1334</v>
      </c>
      <c r="B1155" t="s">
        <v>3128</v>
      </c>
      <c r="C1155" t="s">
        <v>730</v>
      </c>
      <c r="D1155">
        <v>66</v>
      </c>
      <c r="E1155" t="s">
        <v>4193</v>
      </c>
      <c r="F1155" t="s">
        <v>4189</v>
      </c>
      <c r="G1155" t="s">
        <v>656</v>
      </c>
      <c r="H1155">
        <v>2</v>
      </c>
      <c r="I1155">
        <v>2020</v>
      </c>
    </row>
    <row r="1156" spans="1:9" x14ac:dyDescent="0.25">
      <c r="A1156">
        <v>1335</v>
      </c>
      <c r="B1156" t="s">
        <v>4361</v>
      </c>
      <c r="C1156" t="s">
        <v>730</v>
      </c>
      <c r="D1156">
        <v>66</v>
      </c>
      <c r="E1156" t="s">
        <v>4193</v>
      </c>
      <c r="F1156" t="s">
        <v>4189</v>
      </c>
      <c r="G1156" t="s">
        <v>656</v>
      </c>
      <c r="H1156">
        <v>2</v>
      </c>
      <c r="I1156">
        <v>2020</v>
      </c>
    </row>
    <row r="1157" spans="1:9" x14ac:dyDescent="0.25">
      <c r="A1157">
        <v>1336</v>
      </c>
      <c r="B1157" t="s">
        <v>4362</v>
      </c>
      <c r="C1157" t="s">
        <v>730</v>
      </c>
      <c r="D1157">
        <v>66</v>
      </c>
      <c r="E1157" t="s">
        <v>4193</v>
      </c>
      <c r="F1157" t="s">
        <v>4189</v>
      </c>
      <c r="G1157" t="s">
        <v>656</v>
      </c>
      <c r="H1157">
        <v>2</v>
      </c>
      <c r="I1157">
        <v>2020</v>
      </c>
    </row>
    <row r="1158" spans="1:9" x14ac:dyDescent="0.25">
      <c r="A1158">
        <v>1337</v>
      </c>
      <c r="B1158" t="s">
        <v>753</v>
      </c>
      <c r="C1158" t="s">
        <v>730</v>
      </c>
      <c r="D1158">
        <v>66</v>
      </c>
      <c r="E1158" t="s">
        <v>4193</v>
      </c>
      <c r="F1158" t="s">
        <v>4189</v>
      </c>
      <c r="G1158" t="s">
        <v>656</v>
      </c>
      <c r="H1158">
        <v>2</v>
      </c>
      <c r="I1158">
        <v>2020</v>
      </c>
    </row>
    <row r="1159" spans="1:9" x14ac:dyDescent="0.25">
      <c r="A1159">
        <v>1338</v>
      </c>
      <c r="B1159" t="s">
        <v>3127</v>
      </c>
      <c r="C1159" t="s">
        <v>730</v>
      </c>
      <c r="D1159">
        <v>66</v>
      </c>
      <c r="E1159" t="s">
        <v>4193</v>
      </c>
      <c r="F1159" t="s">
        <v>4189</v>
      </c>
      <c r="G1159" t="s">
        <v>656</v>
      </c>
      <c r="H1159">
        <v>2</v>
      </c>
      <c r="I1159">
        <v>2020</v>
      </c>
    </row>
    <row r="1160" spans="1:9" x14ac:dyDescent="0.25">
      <c r="A1160">
        <v>1339</v>
      </c>
      <c r="B1160" t="s">
        <v>3126</v>
      </c>
      <c r="C1160" t="s">
        <v>730</v>
      </c>
      <c r="D1160">
        <v>66</v>
      </c>
      <c r="E1160" t="s">
        <v>4193</v>
      </c>
      <c r="F1160" t="s">
        <v>4189</v>
      </c>
      <c r="G1160" t="s">
        <v>656</v>
      </c>
      <c r="H1160">
        <v>2</v>
      </c>
      <c r="I1160">
        <v>2020</v>
      </c>
    </row>
    <row r="1161" spans="1:9" x14ac:dyDescent="0.25">
      <c r="A1161">
        <v>1340</v>
      </c>
      <c r="B1161" t="s">
        <v>3125</v>
      </c>
      <c r="C1161" t="s">
        <v>693</v>
      </c>
      <c r="D1161">
        <v>56</v>
      </c>
      <c r="E1161" t="s">
        <v>4193</v>
      </c>
      <c r="F1161" t="s">
        <v>4189</v>
      </c>
      <c r="G1161" t="s">
        <v>656</v>
      </c>
      <c r="H1161">
        <v>2</v>
      </c>
      <c r="I1161">
        <v>2020</v>
      </c>
    </row>
    <row r="1162" spans="1:9" x14ac:dyDescent="0.25">
      <c r="A1162">
        <v>1341</v>
      </c>
      <c r="B1162" t="s">
        <v>1877</v>
      </c>
      <c r="C1162" t="s">
        <v>693</v>
      </c>
      <c r="D1162">
        <v>56</v>
      </c>
      <c r="E1162" t="s">
        <v>4193</v>
      </c>
      <c r="F1162" t="s">
        <v>4189</v>
      </c>
      <c r="G1162" t="s">
        <v>656</v>
      </c>
      <c r="H1162">
        <v>2</v>
      </c>
      <c r="I1162">
        <v>2020</v>
      </c>
    </row>
    <row r="1163" spans="1:9" x14ac:dyDescent="0.25">
      <c r="A1163">
        <v>1342</v>
      </c>
      <c r="B1163" t="s">
        <v>1878</v>
      </c>
      <c r="C1163" t="s">
        <v>693</v>
      </c>
      <c r="D1163">
        <v>56</v>
      </c>
      <c r="E1163" t="s">
        <v>4193</v>
      </c>
      <c r="F1163" t="s">
        <v>4189</v>
      </c>
      <c r="G1163" t="s">
        <v>656</v>
      </c>
      <c r="H1163">
        <v>2</v>
      </c>
      <c r="I1163">
        <v>2020</v>
      </c>
    </row>
    <row r="1164" spans="1:9" x14ac:dyDescent="0.25">
      <c r="A1164">
        <v>1343</v>
      </c>
      <c r="B1164" t="s">
        <v>3124</v>
      </c>
      <c r="C1164" t="s">
        <v>693</v>
      </c>
      <c r="D1164">
        <v>56</v>
      </c>
      <c r="E1164" t="s">
        <v>4193</v>
      </c>
      <c r="F1164" t="s">
        <v>4189</v>
      </c>
      <c r="G1164" t="s">
        <v>656</v>
      </c>
      <c r="H1164">
        <v>2</v>
      </c>
      <c r="I1164">
        <v>2020</v>
      </c>
    </row>
    <row r="1165" spans="1:9" x14ac:dyDescent="0.25">
      <c r="A1165">
        <v>1344</v>
      </c>
      <c r="B1165" t="s">
        <v>1876</v>
      </c>
      <c r="C1165" t="s">
        <v>693</v>
      </c>
      <c r="D1165">
        <v>56</v>
      </c>
      <c r="E1165" t="s">
        <v>4193</v>
      </c>
      <c r="F1165" t="s">
        <v>4189</v>
      </c>
      <c r="G1165" t="s">
        <v>656</v>
      </c>
      <c r="H1165">
        <v>2</v>
      </c>
      <c r="I1165">
        <v>2020</v>
      </c>
    </row>
    <row r="1166" spans="1:9" x14ac:dyDescent="0.25">
      <c r="A1166">
        <v>1345</v>
      </c>
      <c r="B1166" t="s">
        <v>4363</v>
      </c>
      <c r="C1166" t="s">
        <v>693</v>
      </c>
      <c r="D1166">
        <v>56</v>
      </c>
      <c r="E1166" t="s">
        <v>4193</v>
      </c>
      <c r="F1166" t="s">
        <v>4189</v>
      </c>
      <c r="G1166" t="s">
        <v>656</v>
      </c>
      <c r="H1166">
        <v>2</v>
      </c>
      <c r="I1166">
        <v>2020</v>
      </c>
    </row>
    <row r="1167" spans="1:9" x14ac:dyDescent="0.25">
      <c r="A1167">
        <v>1346</v>
      </c>
      <c r="B1167" t="s">
        <v>3123</v>
      </c>
      <c r="C1167" t="s">
        <v>693</v>
      </c>
      <c r="D1167">
        <v>56</v>
      </c>
      <c r="E1167" t="s">
        <v>4193</v>
      </c>
      <c r="F1167" t="s">
        <v>4189</v>
      </c>
      <c r="G1167" t="s">
        <v>656</v>
      </c>
      <c r="H1167">
        <v>2</v>
      </c>
      <c r="I1167">
        <v>2020</v>
      </c>
    </row>
    <row r="1168" spans="1:9" x14ac:dyDescent="0.25">
      <c r="A1168">
        <v>1347</v>
      </c>
      <c r="B1168" t="s">
        <v>3122</v>
      </c>
      <c r="C1168" t="s">
        <v>693</v>
      </c>
      <c r="D1168">
        <v>56</v>
      </c>
      <c r="E1168" t="s">
        <v>4193</v>
      </c>
      <c r="F1168" t="s">
        <v>4189</v>
      </c>
      <c r="G1168" t="s">
        <v>656</v>
      </c>
      <c r="H1168">
        <v>2</v>
      </c>
      <c r="I1168">
        <v>2020</v>
      </c>
    </row>
    <row r="1169" spans="1:9" x14ac:dyDescent="0.25">
      <c r="A1169">
        <v>1348</v>
      </c>
      <c r="B1169" t="s">
        <v>1879</v>
      </c>
      <c r="C1169" t="s">
        <v>693</v>
      </c>
      <c r="D1169">
        <v>56</v>
      </c>
      <c r="E1169" t="s">
        <v>4193</v>
      </c>
      <c r="F1169" t="s">
        <v>4189</v>
      </c>
      <c r="G1169" t="s">
        <v>656</v>
      </c>
      <c r="H1169">
        <v>2</v>
      </c>
      <c r="I1169">
        <v>2020</v>
      </c>
    </row>
    <row r="1170" spans="1:9" x14ac:dyDescent="0.25">
      <c r="A1170">
        <v>1349</v>
      </c>
      <c r="B1170" t="s">
        <v>3121</v>
      </c>
      <c r="C1170" t="s">
        <v>693</v>
      </c>
      <c r="D1170">
        <v>56</v>
      </c>
      <c r="E1170" t="s">
        <v>4193</v>
      </c>
      <c r="F1170" t="s">
        <v>4189</v>
      </c>
      <c r="G1170" t="s">
        <v>656</v>
      </c>
      <c r="H1170">
        <v>2</v>
      </c>
      <c r="I1170">
        <v>2020</v>
      </c>
    </row>
    <row r="1171" spans="1:9" x14ac:dyDescent="0.25">
      <c r="A1171">
        <v>1350</v>
      </c>
      <c r="B1171" t="s">
        <v>3120</v>
      </c>
      <c r="C1171" t="s">
        <v>693</v>
      </c>
      <c r="D1171">
        <v>56</v>
      </c>
      <c r="E1171" t="s">
        <v>4193</v>
      </c>
      <c r="F1171" t="s">
        <v>4189</v>
      </c>
      <c r="G1171" t="s">
        <v>656</v>
      </c>
      <c r="H1171">
        <v>2</v>
      </c>
      <c r="I1171">
        <v>2020</v>
      </c>
    </row>
    <row r="1172" spans="1:9" x14ac:dyDescent="0.25">
      <c r="A1172">
        <v>1351</v>
      </c>
      <c r="B1172" t="s">
        <v>717</v>
      </c>
      <c r="C1172" t="s">
        <v>716</v>
      </c>
      <c r="D1172">
        <v>68</v>
      </c>
      <c r="E1172" t="s">
        <v>4193</v>
      </c>
      <c r="F1172" t="s">
        <v>4189</v>
      </c>
      <c r="G1172" t="s">
        <v>656</v>
      </c>
      <c r="H1172">
        <v>2</v>
      </c>
      <c r="I1172">
        <v>2020</v>
      </c>
    </row>
    <row r="1173" spans="1:9" x14ac:dyDescent="0.25">
      <c r="A1173">
        <v>1352</v>
      </c>
      <c r="B1173" t="s">
        <v>3119</v>
      </c>
      <c r="C1173" t="s">
        <v>716</v>
      </c>
      <c r="D1173">
        <v>68</v>
      </c>
      <c r="E1173" t="s">
        <v>4193</v>
      </c>
      <c r="F1173" t="s">
        <v>4189</v>
      </c>
      <c r="G1173" t="s">
        <v>656</v>
      </c>
      <c r="H1173">
        <v>2</v>
      </c>
      <c r="I1173">
        <v>2020</v>
      </c>
    </row>
    <row r="1174" spans="1:9" x14ac:dyDescent="0.25">
      <c r="A1174">
        <v>1353</v>
      </c>
      <c r="B1174" t="s">
        <v>3118</v>
      </c>
      <c r="C1174" t="s">
        <v>710</v>
      </c>
      <c r="D1174">
        <v>53</v>
      </c>
      <c r="E1174" t="s">
        <v>4198</v>
      </c>
      <c r="F1174" t="s">
        <v>4189</v>
      </c>
      <c r="G1174" t="s">
        <v>656</v>
      </c>
      <c r="H1174">
        <v>2</v>
      </c>
      <c r="I1174">
        <v>2020</v>
      </c>
    </row>
    <row r="1175" spans="1:9" x14ac:dyDescent="0.25">
      <c r="A1175">
        <v>1354</v>
      </c>
      <c r="B1175" t="s">
        <v>3117</v>
      </c>
      <c r="C1175" t="s">
        <v>710</v>
      </c>
      <c r="D1175">
        <v>53</v>
      </c>
      <c r="E1175" t="s">
        <v>4198</v>
      </c>
      <c r="F1175" t="s">
        <v>4189</v>
      </c>
      <c r="G1175" t="s">
        <v>656</v>
      </c>
      <c r="H1175">
        <v>2</v>
      </c>
      <c r="I1175">
        <v>2020</v>
      </c>
    </row>
    <row r="1176" spans="1:9" x14ac:dyDescent="0.25">
      <c r="A1176">
        <v>1355</v>
      </c>
      <c r="B1176" t="s">
        <v>3116</v>
      </c>
      <c r="C1176" t="s">
        <v>710</v>
      </c>
      <c r="D1176">
        <v>53</v>
      </c>
      <c r="E1176" t="s">
        <v>4198</v>
      </c>
      <c r="F1176" t="s">
        <v>4189</v>
      </c>
      <c r="G1176" t="s">
        <v>656</v>
      </c>
      <c r="H1176">
        <v>2</v>
      </c>
      <c r="I1176">
        <v>2020</v>
      </c>
    </row>
    <row r="1177" spans="1:9" x14ac:dyDescent="0.25">
      <c r="A1177">
        <v>1356</v>
      </c>
      <c r="B1177" t="s">
        <v>3115</v>
      </c>
      <c r="C1177" t="s">
        <v>710</v>
      </c>
      <c r="D1177">
        <v>53</v>
      </c>
      <c r="E1177" t="s">
        <v>4198</v>
      </c>
      <c r="F1177" t="s">
        <v>4189</v>
      </c>
      <c r="G1177" t="s">
        <v>656</v>
      </c>
      <c r="H1177">
        <v>2</v>
      </c>
      <c r="I1177">
        <v>2020</v>
      </c>
    </row>
    <row r="1178" spans="1:9" x14ac:dyDescent="0.25">
      <c r="A1178">
        <v>1357</v>
      </c>
      <c r="B1178" t="s">
        <v>2304</v>
      </c>
      <c r="C1178" t="s">
        <v>710</v>
      </c>
      <c r="D1178">
        <v>53</v>
      </c>
      <c r="E1178" t="s">
        <v>4198</v>
      </c>
      <c r="F1178" t="s">
        <v>4189</v>
      </c>
      <c r="G1178" t="s">
        <v>656</v>
      </c>
      <c r="H1178">
        <v>2</v>
      </c>
      <c r="I1178">
        <v>2020</v>
      </c>
    </row>
    <row r="1179" spans="1:9" x14ac:dyDescent="0.25">
      <c r="A1179">
        <v>1358</v>
      </c>
      <c r="B1179" t="s">
        <v>3113</v>
      </c>
      <c r="C1179" t="s">
        <v>714</v>
      </c>
      <c r="D1179">
        <v>52</v>
      </c>
      <c r="E1179" t="s">
        <v>4198</v>
      </c>
      <c r="F1179" t="s">
        <v>4189</v>
      </c>
      <c r="G1179" t="s">
        <v>656</v>
      </c>
      <c r="H1179">
        <v>2</v>
      </c>
      <c r="I1179">
        <v>2020</v>
      </c>
    </row>
    <row r="1180" spans="1:9" x14ac:dyDescent="0.25">
      <c r="A1180">
        <v>1359</v>
      </c>
      <c r="B1180" t="s">
        <v>3112</v>
      </c>
      <c r="C1180" t="s">
        <v>714</v>
      </c>
      <c r="D1180">
        <v>52</v>
      </c>
      <c r="E1180" t="s">
        <v>4198</v>
      </c>
      <c r="F1180" t="s">
        <v>4189</v>
      </c>
      <c r="G1180" t="s">
        <v>656</v>
      </c>
      <c r="H1180">
        <v>2</v>
      </c>
      <c r="I1180">
        <v>2020</v>
      </c>
    </row>
    <row r="1181" spans="1:9" x14ac:dyDescent="0.25">
      <c r="A1181">
        <v>1360</v>
      </c>
      <c r="B1181" t="s">
        <v>3111</v>
      </c>
      <c r="C1181" t="s">
        <v>714</v>
      </c>
      <c r="D1181">
        <v>52</v>
      </c>
      <c r="E1181" t="s">
        <v>4198</v>
      </c>
      <c r="F1181" t="s">
        <v>4189</v>
      </c>
      <c r="G1181" t="s">
        <v>656</v>
      </c>
      <c r="H1181">
        <v>2</v>
      </c>
      <c r="I1181">
        <v>2020</v>
      </c>
    </row>
    <row r="1182" spans="1:9" x14ac:dyDescent="0.25">
      <c r="A1182">
        <v>1361</v>
      </c>
      <c r="B1182" t="s">
        <v>3110</v>
      </c>
      <c r="C1182" t="s">
        <v>714</v>
      </c>
      <c r="D1182">
        <v>52</v>
      </c>
      <c r="E1182" t="s">
        <v>4198</v>
      </c>
      <c r="F1182" t="s">
        <v>4189</v>
      </c>
      <c r="G1182" t="s">
        <v>656</v>
      </c>
      <c r="H1182">
        <v>2</v>
      </c>
      <c r="I1182">
        <v>2020</v>
      </c>
    </row>
    <row r="1183" spans="1:9" x14ac:dyDescent="0.25">
      <c r="A1183">
        <v>1362</v>
      </c>
      <c r="B1183" t="s">
        <v>4364</v>
      </c>
      <c r="C1183" t="s">
        <v>714</v>
      </c>
      <c r="D1183">
        <v>52</v>
      </c>
      <c r="E1183" t="s">
        <v>4198</v>
      </c>
      <c r="F1183" t="s">
        <v>4189</v>
      </c>
      <c r="G1183" t="s">
        <v>656</v>
      </c>
      <c r="H1183">
        <v>2</v>
      </c>
      <c r="I1183">
        <v>2020</v>
      </c>
    </row>
    <row r="1184" spans="1:9" x14ac:dyDescent="0.25">
      <c r="A1184">
        <v>1363</v>
      </c>
      <c r="B1184" t="s">
        <v>3109</v>
      </c>
      <c r="C1184" t="s">
        <v>705</v>
      </c>
      <c r="D1184">
        <v>70</v>
      </c>
      <c r="E1184" t="s">
        <v>4193</v>
      </c>
      <c r="F1184" t="s">
        <v>4189</v>
      </c>
      <c r="G1184" t="s">
        <v>656</v>
      </c>
      <c r="H1184">
        <v>2</v>
      </c>
      <c r="I1184">
        <v>2020</v>
      </c>
    </row>
    <row r="1185" spans="1:9" x14ac:dyDescent="0.25">
      <c r="A1185">
        <v>1364</v>
      </c>
      <c r="B1185" t="s">
        <v>3108</v>
      </c>
      <c r="C1185" t="s">
        <v>707</v>
      </c>
      <c r="D1185">
        <v>59</v>
      </c>
      <c r="E1185" t="s">
        <v>980</v>
      </c>
      <c r="F1185" t="s">
        <v>4189</v>
      </c>
      <c r="G1185" t="s">
        <v>656</v>
      </c>
      <c r="H1185">
        <v>2</v>
      </c>
      <c r="I1185">
        <v>2020</v>
      </c>
    </row>
    <row r="1186" spans="1:9" x14ac:dyDescent="0.25">
      <c r="A1186">
        <v>1365</v>
      </c>
      <c r="B1186" t="s">
        <v>4365</v>
      </c>
      <c r="C1186" t="s">
        <v>707</v>
      </c>
      <c r="D1186">
        <v>59</v>
      </c>
      <c r="E1186" t="s">
        <v>980</v>
      </c>
      <c r="F1186" t="s">
        <v>4189</v>
      </c>
      <c r="G1186" t="s">
        <v>656</v>
      </c>
      <c r="H1186">
        <v>2</v>
      </c>
      <c r="I1186">
        <v>2020</v>
      </c>
    </row>
    <row r="1187" spans="1:9" x14ac:dyDescent="0.25">
      <c r="A1187">
        <v>1366</v>
      </c>
      <c r="B1187" t="s">
        <v>2593</v>
      </c>
      <c r="C1187" t="s">
        <v>738</v>
      </c>
      <c r="D1187">
        <v>61</v>
      </c>
      <c r="E1187" t="s">
        <v>4193</v>
      </c>
      <c r="F1187" t="s">
        <v>4189</v>
      </c>
      <c r="G1187" t="s">
        <v>656</v>
      </c>
      <c r="H1187">
        <v>2</v>
      </c>
      <c r="I1187">
        <v>2020</v>
      </c>
    </row>
    <row r="1188" spans="1:9" x14ac:dyDescent="0.25">
      <c r="A1188">
        <v>1367</v>
      </c>
      <c r="B1188" t="s">
        <v>3107</v>
      </c>
      <c r="C1188" t="s">
        <v>738</v>
      </c>
      <c r="D1188">
        <v>61</v>
      </c>
      <c r="E1188" t="s">
        <v>4193</v>
      </c>
      <c r="F1188" t="s">
        <v>4189</v>
      </c>
      <c r="G1188" t="s">
        <v>656</v>
      </c>
      <c r="H1188">
        <v>2</v>
      </c>
      <c r="I1188">
        <v>2020</v>
      </c>
    </row>
    <row r="1189" spans="1:9" x14ac:dyDescent="0.25">
      <c r="A1189">
        <v>1368</v>
      </c>
      <c r="B1189" t="s">
        <v>3106</v>
      </c>
      <c r="C1189" t="s">
        <v>738</v>
      </c>
      <c r="D1189">
        <v>61</v>
      </c>
      <c r="E1189" t="s">
        <v>4193</v>
      </c>
      <c r="F1189" t="s">
        <v>4189</v>
      </c>
      <c r="G1189" t="s">
        <v>656</v>
      </c>
      <c r="H1189">
        <v>2</v>
      </c>
      <c r="I1189">
        <v>2020</v>
      </c>
    </row>
    <row r="1190" spans="1:9" x14ac:dyDescent="0.25">
      <c r="A1190">
        <v>1369</v>
      </c>
      <c r="B1190" t="s">
        <v>3105</v>
      </c>
      <c r="C1190" t="s">
        <v>738</v>
      </c>
      <c r="D1190">
        <v>61</v>
      </c>
      <c r="E1190" t="s">
        <v>4193</v>
      </c>
      <c r="F1190" t="s">
        <v>4189</v>
      </c>
      <c r="G1190" t="s">
        <v>656</v>
      </c>
      <c r="H1190">
        <v>2</v>
      </c>
      <c r="I1190">
        <v>2020</v>
      </c>
    </row>
    <row r="1191" spans="1:9" x14ac:dyDescent="0.25">
      <c r="A1191">
        <v>1370</v>
      </c>
      <c r="B1191" t="s">
        <v>4366</v>
      </c>
      <c r="C1191" t="s">
        <v>738</v>
      </c>
      <c r="D1191">
        <v>61</v>
      </c>
      <c r="E1191" t="s">
        <v>4193</v>
      </c>
      <c r="F1191" t="s">
        <v>4189</v>
      </c>
      <c r="G1191" t="s">
        <v>656</v>
      </c>
      <c r="H1191">
        <v>2</v>
      </c>
      <c r="I1191">
        <v>2020</v>
      </c>
    </row>
    <row r="1192" spans="1:9" x14ac:dyDescent="0.25">
      <c r="A1192">
        <v>1371</v>
      </c>
      <c r="B1192" t="s">
        <v>4367</v>
      </c>
      <c r="C1192" t="s">
        <v>738</v>
      </c>
      <c r="D1192">
        <v>61</v>
      </c>
      <c r="E1192" t="s">
        <v>4193</v>
      </c>
      <c r="F1192" t="s">
        <v>4189</v>
      </c>
      <c r="G1192" t="s">
        <v>656</v>
      </c>
      <c r="H1192">
        <v>2</v>
      </c>
      <c r="I1192">
        <v>2020</v>
      </c>
    </row>
    <row r="1193" spans="1:9" x14ac:dyDescent="0.25">
      <c r="A1193">
        <v>1372</v>
      </c>
      <c r="B1193" t="s">
        <v>3104</v>
      </c>
      <c r="C1193" t="s">
        <v>1236</v>
      </c>
      <c r="D1193">
        <v>60</v>
      </c>
      <c r="E1193" t="s">
        <v>4193</v>
      </c>
      <c r="F1193" t="s">
        <v>4189</v>
      </c>
      <c r="G1193" t="s">
        <v>656</v>
      </c>
      <c r="H1193">
        <v>2</v>
      </c>
      <c r="I1193">
        <v>2020</v>
      </c>
    </row>
    <row r="1194" spans="1:9" x14ac:dyDescent="0.25">
      <c r="A1194">
        <v>1373</v>
      </c>
      <c r="B1194" t="s">
        <v>4368</v>
      </c>
      <c r="C1194" t="s">
        <v>1236</v>
      </c>
      <c r="D1194">
        <v>60</v>
      </c>
      <c r="E1194" t="s">
        <v>4193</v>
      </c>
      <c r="F1194" t="s">
        <v>4189</v>
      </c>
      <c r="G1194" t="s">
        <v>656</v>
      </c>
      <c r="H1194">
        <v>2</v>
      </c>
      <c r="I1194">
        <v>2020</v>
      </c>
    </row>
    <row r="1195" spans="1:9" x14ac:dyDescent="0.25">
      <c r="A1195">
        <v>1374</v>
      </c>
      <c r="B1195" t="s">
        <v>4369</v>
      </c>
      <c r="C1195" t="s">
        <v>1236</v>
      </c>
      <c r="D1195">
        <v>60</v>
      </c>
      <c r="E1195" t="s">
        <v>4193</v>
      </c>
      <c r="F1195" t="s">
        <v>4189</v>
      </c>
      <c r="G1195" t="s">
        <v>656</v>
      </c>
      <c r="H1195">
        <v>2</v>
      </c>
      <c r="I1195">
        <v>2020</v>
      </c>
    </row>
    <row r="1196" spans="1:9" x14ac:dyDescent="0.25">
      <c r="A1196">
        <v>1375</v>
      </c>
      <c r="B1196" t="s">
        <v>3103</v>
      </c>
      <c r="C1196" t="s">
        <v>1236</v>
      </c>
      <c r="D1196">
        <v>60</v>
      </c>
      <c r="E1196" t="s">
        <v>4193</v>
      </c>
      <c r="F1196" t="s">
        <v>4189</v>
      </c>
      <c r="G1196" t="s">
        <v>656</v>
      </c>
      <c r="H1196">
        <v>2</v>
      </c>
      <c r="I1196">
        <v>2020</v>
      </c>
    </row>
    <row r="1197" spans="1:9" x14ac:dyDescent="0.25">
      <c r="A1197">
        <v>1376</v>
      </c>
      <c r="B1197" t="s">
        <v>3102</v>
      </c>
      <c r="C1197" t="s">
        <v>1236</v>
      </c>
      <c r="D1197">
        <v>60</v>
      </c>
      <c r="E1197" t="s">
        <v>4193</v>
      </c>
      <c r="F1197" t="s">
        <v>4189</v>
      </c>
      <c r="G1197" t="s">
        <v>656</v>
      </c>
      <c r="H1197">
        <v>2</v>
      </c>
      <c r="I1197">
        <v>2020</v>
      </c>
    </row>
    <row r="1198" spans="1:9" x14ac:dyDescent="0.25">
      <c r="A1198">
        <v>1377</v>
      </c>
      <c r="B1198" t="s">
        <v>3101</v>
      </c>
      <c r="C1198" t="s">
        <v>848</v>
      </c>
      <c r="D1198">
        <v>62</v>
      </c>
      <c r="E1198" t="s">
        <v>4193</v>
      </c>
      <c r="F1198" t="s">
        <v>4189</v>
      </c>
      <c r="G1198" t="s">
        <v>656</v>
      </c>
      <c r="H1198">
        <v>2</v>
      </c>
      <c r="I1198">
        <v>2020</v>
      </c>
    </row>
    <row r="1199" spans="1:9" x14ac:dyDescent="0.25">
      <c r="A1199">
        <v>1378</v>
      </c>
      <c r="B1199" t="s">
        <v>3100</v>
      </c>
      <c r="C1199" t="s">
        <v>848</v>
      </c>
      <c r="D1199">
        <v>62</v>
      </c>
      <c r="E1199" t="s">
        <v>4193</v>
      </c>
      <c r="F1199" t="s">
        <v>4189</v>
      </c>
      <c r="G1199" t="s">
        <v>656</v>
      </c>
      <c r="H1199">
        <v>2</v>
      </c>
      <c r="I1199">
        <v>2020</v>
      </c>
    </row>
    <row r="1200" spans="1:9" x14ac:dyDescent="0.25">
      <c r="A1200">
        <v>1379</v>
      </c>
      <c r="B1200" t="s">
        <v>3099</v>
      </c>
      <c r="C1200" t="s">
        <v>848</v>
      </c>
      <c r="D1200">
        <v>62</v>
      </c>
      <c r="E1200" t="s">
        <v>4193</v>
      </c>
      <c r="F1200" t="s">
        <v>4189</v>
      </c>
      <c r="G1200" t="s">
        <v>656</v>
      </c>
      <c r="H1200">
        <v>2</v>
      </c>
      <c r="I1200">
        <v>2020</v>
      </c>
    </row>
    <row r="1201" spans="1:9" x14ac:dyDescent="0.25">
      <c r="A1201">
        <v>1380</v>
      </c>
      <c r="B1201" t="s">
        <v>4370</v>
      </c>
      <c r="C1201" t="s">
        <v>848</v>
      </c>
      <c r="D1201">
        <v>62</v>
      </c>
      <c r="E1201" t="s">
        <v>4193</v>
      </c>
      <c r="F1201" t="s">
        <v>4189</v>
      </c>
      <c r="G1201" t="s">
        <v>656</v>
      </c>
      <c r="H1201">
        <v>2</v>
      </c>
      <c r="I1201">
        <v>2020</v>
      </c>
    </row>
    <row r="1202" spans="1:9" x14ac:dyDescent="0.25">
      <c r="A1202">
        <v>1381</v>
      </c>
      <c r="B1202" t="s">
        <v>3098</v>
      </c>
      <c r="C1202" t="s">
        <v>848</v>
      </c>
      <c r="D1202">
        <v>62</v>
      </c>
      <c r="E1202" t="s">
        <v>4193</v>
      </c>
      <c r="F1202" t="s">
        <v>4189</v>
      </c>
      <c r="G1202" t="s">
        <v>656</v>
      </c>
      <c r="H1202">
        <v>2</v>
      </c>
      <c r="I1202">
        <v>2020</v>
      </c>
    </row>
    <row r="1203" spans="1:9" x14ac:dyDescent="0.25">
      <c r="A1203">
        <v>1382</v>
      </c>
      <c r="B1203" t="s">
        <v>4371</v>
      </c>
      <c r="C1203" t="s">
        <v>848</v>
      </c>
      <c r="D1203">
        <v>62</v>
      </c>
      <c r="E1203" t="s">
        <v>4193</v>
      </c>
      <c r="F1203" t="s">
        <v>4189</v>
      </c>
      <c r="G1203" t="s">
        <v>656</v>
      </c>
      <c r="H1203">
        <v>2</v>
      </c>
      <c r="I1203">
        <v>2020</v>
      </c>
    </row>
    <row r="1204" spans="1:9" x14ac:dyDescent="0.25">
      <c r="A1204">
        <v>1383</v>
      </c>
      <c r="B1204" t="s">
        <v>3097</v>
      </c>
      <c r="C1204" t="s">
        <v>848</v>
      </c>
      <c r="D1204">
        <v>62</v>
      </c>
      <c r="E1204" t="s">
        <v>4193</v>
      </c>
      <c r="F1204" t="s">
        <v>4189</v>
      </c>
      <c r="G1204" t="s">
        <v>656</v>
      </c>
      <c r="H1204">
        <v>2</v>
      </c>
      <c r="I1204">
        <v>2020</v>
      </c>
    </row>
    <row r="1205" spans="1:9" x14ac:dyDescent="0.25">
      <c r="A1205">
        <v>1385</v>
      </c>
      <c r="B1205" t="s">
        <v>2838</v>
      </c>
      <c r="C1205" t="s">
        <v>866</v>
      </c>
      <c r="D1205">
        <v>9</v>
      </c>
      <c r="E1205" t="s">
        <v>866</v>
      </c>
      <c r="F1205" t="s">
        <v>4171</v>
      </c>
      <c r="G1205" t="s">
        <v>656</v>
      </c>
      <c r="H1205">
        <v>2</v>
      </c>
      <c r="I1205">
        <v>2020</v>
      </c>
    </row>
    <row r="1206" spans="1:9" x14ac:dyDescent="0.25">
      <c r="A1206">
        <v>1386</v>
      </c>
      <c r="B1206" t="s">
        <v>4372</v>
      </c>
      <c r="C1206" t="s">
        <v>663</v>
      </c>
      <c r="D1206">
        <v>99</v>
      </c>
      <c r="E1206" t="s">
        <v>663</v>
      </c>
      <c r="F1206" t="s">
        <v>4171</v>
      </c>
      <c r="G1206" t="s">
        <v>656</v>
      </c>
      <c r="H1206">
        <v>2</v>
      </c>
      <c r="I1206">
        <v>2020</v>
      </c>
    </row>
    <row r="1207" spans="1:9" x14ac:dyDescent="0.25">
      <c r="A1207">
        <v>1387</v>
      </c>
      <c r="B1207" t="s">
        <v>3096</v>
      </c>
      <c r="C1207" t="s">
        <v>663</v>
      </c>
      <c r="D1207">
        <v>99</v>
      </c>
      <c r="E1207" t="s">
        <v>663</v>
      </c>
      <c r="F1207" t="s">
        <v>4171</v>
      </c>
      <c r="G1207" t="s">
        <v>656</v>
      </c>
      <c r="H1207">
        <v>2</v>
      </c>
      <c r="I1207">
        <v>2020</v>
      </c>
    </row>
    <row r="1208" spans="1:9" x14ac:dyDescent="0.25">
      <c r="A1208">
        <v>1388</v>
      </c>
      <c r="B1208" t="s">
        <v>3095</v>
      </c>
      <c r="C1208" t="s">
        <v>663</v>
      </c>
      <c r="D1208">
        <v>99</v>
      </c>
      <c r="E1208" t="s">
        <v>663</v>
      </c>
      <c r="F1208" t="s">
        <v>4171</v>
      </c>
      <c r="G1208" t="s">
        <v>656</v>
      </c>
      <c r="H1208">
        <v>2</v>
      </c>
      <c r="I1208">
        <v>2020</v>
      </c>
    </row>
    <row r="1209" spans="1:9" x14ac:dyDescent="0.25">
      <c r="A1209">
        <v>1389</v>
      </c>
      <c r="B1209" t="s">
        <v>3094</v>
      </c>
      <c r="C1209" t="s">
        <v>663</v>
      </c>
      <c r="D1209">
        <v>99</v>
      </c>
      <c r="E1209" t="s">
        <v>663</v>
      </c>
      <c r="F1209" t="s">
        <v>4171</v>
      </c>
      <c r="G1209" t="s">
        <v>656</v>
      </c>
      <c r="H1209">
        <v>2</v>
      </c>
      <c r="I1209">
        <v>2020</v>
      </c>
    </row>
    <row r="1210" spans="1:9" x14ac:dyDescent="0.25">
      <c r="A1210">
        <v>1390</v>
      </c>
      <c r="B1210" t="s">
        <v>3093</v>
      </c>
      <c r="C1210" t="s">
        <v>663</v>
      </c>
      <c r="D1210">
        <v>99</v>
      </c>
      <c r="E1210" t="s">
        <v>663</v>
      </c>
      <c r="F1210" t="s">
        <v>4171</v>
      </c>
      <c r="G1210" t="s">
        <v>656</v>
      </c>
      <c r="H1210">
        <v>2</v>
      </c>
      <c r="I1210">
        <v>2020</v>
      </c>
    </row>
    <row r="1211" spans="1:9" x14ac:dyDescent="0.25">
      <c r="A1211">
        <v>1391</v>
      </c>
      <c r="B1211" t="s">
        <v>4373</v>
      </c>
      <c r="C1211" t="s">
        <v>895</v>
      </c>
      <c r="D1211">
        <v>13</v>
      </c>
      <c r="E1211" t="s">
        <v>895</v>
      </c>
      <c r="F1211" t="s">
        <v>4171</v>
      </c>
      <c r="G1211" t="s">
        <v>656</v>
      </c>
      <c r="H1211">
        <v>2</v>
      </c>
      <c r="I1211">
        <v>2020</v>
      </c>
    </row>
    <row r="1212" spans="1:9" x14ac:dyDescent="0.25">
      <c r="A1212">
        <v>1392</v>
      </c>
      <c r="B1212" t="s">
        <v>3092</v>
      </c>
      <c r="C1212" t="s">
        <v>895</v>
      </c>
      <c r="D1212">
        <v>13</v>
      </c>
      <c r="E1212" t="s">
        <v>895</v>
      </c>
      <c r="F1212" t="s">
        <v>4171</v>
      </c>
      <c r="G1212" t="s">
        <v>656</v>
      </c>
      <c r="H1212">
        <v>2</v>
      </c>
      <c r="I1212">
        <v>2020</v>
      </c>
    </row>
    <row r="1213" spans="1:9" x14ac:dyDescent="0.25">
      <c r="A1213">
        <v>1393</v>
      </c>
      <c r="B1213" t="s">
        <v>4374</v>
      </c>
      <c r="C1213" t="s">
        <v>895</v>
      </c>
      <c r="D1213">
        <v>13</v>
      </c>
      <c r="E1213" t="s">
        <v>895</v>
      </c>
      <c r="F1213" t="s">
        <v>4171</v>
      </c>
      <c r="G1213" t="s">
        <v>656</v>
      </c>
      <c r="H1213">
        <v>2</v>
      </c>
      <c r="I1213">
        <v>2020</v>
      </c>
    </row>
    <row r="1214" spans="1:9" x14ac:dyDescent="0.25">
      <c r="A1214">
        <v>1394</v>
      </c>
      <c r="B1214" t="s">
        <v>3091</v>
      </c>
      <c r="C1214" t="s">
        <v>864</v>
      </c>
      <c r="D1214">
        <v>14</v>
      </c>
      <c r="E1214" t="s">
        <v>864</v>
      </c>
      <c r="F1214" t="s">
        <v>4171</v>
      </c>
      <c r="G1214" t="s">
        <v>656</v>
      </c>
      <c r="H1214">
        <v>2</v>
      </c>
      <c r="I1214">
        <v>2020</v>
      </c>
    </row>
    <row r="1215" spans="1:9" x14ac:dyDescent="0.25">
      <c r="A1215">
        <v>1395</v>
      </c>
      <c r="B1215" t="s">
        <v>3090</v>
      </c>
      <c r="C1215" t="s">
        <v>831</v>
      </c>
      <c r="D1215">
        <v>5</v>
      </c>
      <c r="E1215" t="s">
        <v>831</v>
      </c>
      <c r="F1215" t="s">
        <v>4168</v>
      </c>
      <c r="G1215" t="s">
        <v>656</v>
      </c>
      <c r="H1215">
        <v>2</v>
      </c>
      <c r="I1215">
        <v>2020</v>
      </c>
    </row>
    <row r="1216" spans="1:9" x14ac:dyDescent="0.25">
      <c r="A1216">
        <v>1396</v>
      </c>
      <c r="B1216" t="s">
        <v>3088</v>
      </c>
      <c r="C1216" t="s">
        <v>897</v>
      </c>
      <c r="D1216">
        <v>3</v>
      </c>
      <c r="E1216" t="s">
        <v>4165</v>
      </c>
      <c r="F1216" t="s">
        <v>4164</v>
      </c>
      <c r="G1216" t="s">
        <v>656</v>
      </c>
      <c r="H1216">
        <v>2</v>
      </c>
      <c r="I1216">
        <v>2020</v>
      </c>
    </row>
    <row r="1217" spans="1:9" x14ac:dyDescent="0.25">
      <c r="A1217">
        <v>1398</v>
      </c>
      <c r="B1217" t="s">
        <v>2459</v>
      </c>
      <c r="C1217" t="s">
        <v>295</v>
      </c>
      <c r="D1217">
        <v>30</v>
      </c>
      <c r="E1217" t="s">
        <v>4179</v>
      </c>
      <c r="F1217" t="s">
        <v>4177</v>
      </c>
      <c r="G1217" t="s">
        <v>656</v>
      </c>
      <c r="H1217">
        <v>2</v>
      </c>
      <c r="I1217">
        <v>2020</v>
      </c>
    </row>
    <row r="1218" spans="1:9" x14ac:dyDescent="0.25">
      <c r="A1218">
        <v>1399</v>
      </c>
      <c r="B1218" t="s">
        <v>4375</v>
      </c>
      <c r="C1218" t="s">
        <v>885</v>
      </c>
      <c r="D1218">
        <v>1</v>
      </c>
      <c r="E1218" t="s">
        <v>885</v>
      </c>
      <c r="F1218" t="s">
        <v>4164</v>
      </c>
      <c r="G1218" t="s">
        <v>656</v>
      </c>
      <c r="H1218">
        <v>2</v>
      </c>
      <c r="I1218">
        <v>2020</v>
      </c>
    </row>
    <row r="1219" spans="1:9" x14ac:dyDescent="0.25">
      <c r="A1219">
        <v>1400</v>
      </c>
      <c r="B1219" t="s">
        <v>4376</v>
      </c>
      <c r="C1219" t="s">
        <v>1055</v>
      </c>
      <c r="D1219">
        <v>69</v>
      </c>
      <c r="E1219" t="s">
        <v>4194</v>
      </c>
      <c r="F1219" t="s">
        <v>4189</v>
      </c>
      <c r="G1219" t="s">
        <v>656</v>
      </c>
      <c r="H1219">
        <v>2</v>
      </c>
      <c r="I1219">
        <v>2020</v>
      </c>
    </row>
    <row r="1220" spans="1:9" x14ac:dyDescent="0.25">
      <c r="A1220">
        <v>1401</v>
      </c>
      <c r="B1220" t="s">
        <v>3086</v>
      </c>
      <c r="C1220" t="s">
        <v>695</v>
      </c>
      <c r="D1220">
        <v>54</v>
      </c>
      <c r="E1220" t="s">
        <v>4198</v>
      </c>
      <c r="F1220" t="s">
        <v>4189</v>
      </c>
      <c r="G1220" t="s">
        <v>656</v>
      </c>
      <c r="H1220">
        <v>2</v>
      </c>
      <c r="I1220">
        <v>2020</v>
      </c>
    </row>
    <row r="1221" spans="1:9" x14ac:dyDescent="0.25">
      <c r="A1221">
        <v>1402</v>
      </c>
      <c r="B1221" t="s">
        <v>4377</v>
      </c>
      <c r="C1221" t="s">
        <v>695</v>
      </c>
      <c r="D1221">
        <v>54</v>
      </c>
      <c r="E1221" t="s">
        <v>4198</v>
      </c>
      <c r="F1221" t="s">
        <v>4189</v>
      </c>
      <c r="G1221" t="s">
        <v>656</v>
      </c>
      <c r="H1221">
        <v>2</v>
      </c>
      <c r="I1221">
        <v>2020</v>
      </c>
    </row>
    <row r="1222" spans="1:9" x14ac:dyDescent="0.25">
      <c r="A1222">
        <v>1403</v>
      </c>
      <c r="B1222" t="s">
        <v>3085</v>
      </c>
      <c r="C1222" t="s">
        <v>695</v>
      </c>
      <c r="D1222">
        <v>54</v>
      </c>
      <c r="E1222" t="s">
        <v>4198</v>
      </c>
      <c r="F1222" t="s">
        <v>4189</v>
      </c>
      <c r="G1222" t="s">
        <v>656</v>
      </c>
      <c r="H1222">
        <v>2</v>
      </c>
      <c r="I1222">
        <v>2020</v>
      </c>
    </row>
    <row r="1223" spans="1:9" x14ac:dyDescent="0.25">
      <c r="A1223">
        <v>1404</v>
      </c>
      <c r="B1223" t="s">
        <v>3084</v>
      </c>
      <c r="C1223" t="s">
        <v>659</v>
      </c>
      <c r="D1223">
        <v>35</v>
      </c>
      <c r="E1223" t="s">
        <v>4175</v>
      </c>
      <c r="F1223" t="s">
        <v>4171</v>
      </c>
      <c r="G1223" t="s">
        <v>656</v>
      </c>
      <c r="H1223">
        <v>2</v>
      </c>
      <c r="I1223">
        <v>2020</v>
      </c>
    </row>
    <row r="1224" spans="1:9" x14ac:dyDescent="0.25">
      <c r="A1224">
        <v>1405</v>
      </c>
      <c r="B1224" t="s">
        <v>3083</v>
      </c>
      <c r="C1224" t="s">
        <v>909</v>
      </c>
      <c r="D1224">
        <v>39</v>
      </c>
      <c r="E1224" t="s">
        <v>4188</v>
      </c>
      <c r="F1224" t="s">
        <v>4189</v>
      </c>
      <c r="G1224" t="s">
        <v>656</v>
      </c>
      <c r="H1224">
        <v>2</v>
      </c>
      <c r="I1224">
        <v>2020</v>
      </c>
    </row>
    <row r="1225" spans="1:9" x14ac:dyDescent="0.25">
      <c r="A1225">
        <v>1406</v>
      </c>
      <c r="B1225" t="s">
        <v>3082</v>
      </c>
      <c r="C1225" t="s">
        <v>909</v>
      </c>
      <c r="D1225">
        <v>39</v>
      </c>
      <c r="E1225" t="s">
        <v>4188</v>
      </c>
      <c r="F1225" t="s">
        <v>4189</v>
      </c>
      <c r="G1225" t="s">
        <v>656</v>
      </c>
      <c r="H1225">
        <v>2</v>
      </c>
      <c r="I1225">
        <v>2020</v>
      </c>
    </row>
    <row r="1226" spans="1:9" x14ac:dyDescent="0.25">
      <c r="A1226">
        <v>1407</v>
      </c>
      <c r="B1226" t="s">
        <v>3081</v>
      </c>
      <c r="C1226" t="s">
        <v>909</v>
      </c>
      <c r="D1226">
        <v>39</v>
      </c>
      <c r="E1226" t="s">
        <v>4188</v>
      </c>
      <c r="F1226" t="s">
        <v>4189</v>
      </c>
      <c r="G1226" t="s">
        <v>656</v>
      </c>
      <c r="H1226">
        <v>2</v>
      </c>
      <c r="I1226">
        <v>2020</v>
      </c>
    </row>
    <row r="1227" spans="1:9" x14ac:dyDescent="0.25">
      <c r="A1227">
        <v>1408</v>
      </c>
      <c r="B1227" t="s">
        <v>1997</v>
      </c>
      <c r="C1227" t="s">
        <v>909</v>
      </c>
      <c r="D1227">
        <v>39</v>
      </c>
      <c r="E1227" t="s">
        <v>4188</v>
      </c>
      <c r="F1227" t="s">
        <v>4189</v>
      </c>
      <c r="G1227" t="s">
        <v>656</v>
      </c>
      <c r="H1227">
        <v>2</v>
      </c>
      <c r="I1227">
        <v>2020</v>
      </c>
    </row>
    <row r="1228" spans="1:9" x14ac:dyDescent="0.25">
      <c r="A1228">
        <v>1409</v>
      </c>
      <c r="B1228" t="s">
        <v>3080</v>
      </c>
      <c r="C1228" t="s">
        <v>909</v>
      </c>
      <c r="D1228">
        <v>39</v>
      </c>
      <c r="E1228" t="s">
        <v>4188</v>
      </c>
      <c r="F1228" t="s">
        <v>4189</v>
      </c>
      <c r="G1228" t="s">
        <v>656</v>
      </c>
      <c r="H1228">
        <v>2</v>
      </c>
      <c r="I1228">
        <v>2020</v>
      </c>
    </row>
    <row r="1229" spans="1:9" x14ac:dyDescent="0.25">
      <c r="A1229">
        <v>1410</v>
      </c>
      <c r="B1229" t="s">
        <v>4378</v>
      </c>
      <c r="C1229" t="s">
        <v>831</v>
      </c>
      <c r="D1229">
        <v>5</v>
      </c>
      <c r="E1229" t="s">
        <v>831</v>
      </c>
      <c r="F1229" t="s">
        <v>4168</v>
      </c>
      <c r="G1229" t="s">
        <v>656</v>
      </c>
      <c r="H1229">
        <v>2</v>
      </c>
      <c r="I1229">
        <v>2020</v>
      </c>
    </row>
    <row r="1230" spans="1:9" x14ac:dyDescent="0.25">
      <c r="A1230">
        <v>1411</v>
      </c>
      <c r="B1230" t="s">
        <v>3079</v>
      </c>
      <c r="C1230" t="s">
        <v>848</v>
      </c>
      <c r="D1230">
        <v>62</v>
      </c>
      <c r="E1230" t="s">
        <v>4193</v>
      </c>
      <c r="F1230" t="s">
        <v>4189</v>
      </c>
      <c r="G1230" t="s">
        <v>656</v>
      </c>
      <c r="H1230">
        <v>2</v>
      </c>
      <c r="I1230">
        <v>2020</v>
      </c>
    </row>
    <row r="1231" spans="1:9" x14ac:dyDescent="0.25">
      <c r="A1231">
        <v>1412</v>
      </c>
      <c r="B1231" t="s">
        <v>3078</v>
      </c>
      <c r="C1231" t="s">
        <v>794</v>
      </c>
      <c r="D1231">
        <v>40</v>
      </c>
      <c r="E1231" t="s">
        <v>4188</v>
      </c>
      <c r="F1231" t="s">
        <v>4189</v>
      </c>
      <c r="G1231" t="s">
        <v>656</v>
      </c>
      <c r="H1231">
        <v>2</v>
      </c>
      <c r="I1231">
        <v>2020</v>
      </c>
    </row>
    <row r="1232" spans="1:9" x14ac:dyDescent="0.25">
      <c r="A1232">
        <v>1413</v>
      </c>
      <c r="B1232" t="s">
        <v>3077</v>
      </c>
      <c r="C1232" t="s">
        <v>794</v>
      </c>
      <c r="D1232">
        <v>40</v>
      </c>
      <c r="E1232" t="s">
        <v>4188</v>
      </c>
      <c r="F1232" t="s">
        <v>4189</v>
      </c>
      <c r="G1232" t="s">
        <v>656</v>
      </c>
      <c r="H1232">
        <v>2</v>
      </c>
      <c r="I1232">
        <v>2020</v>
      </c>
    </row>
    <row r="1233" spans="1:9" x14ac:dyDescent="0.25">
      <c r="A1233">
        <v>1414</v>
      </c>
      <c r="B1233" t="s">
        <v>3076</v>
      </c>
      <c r="C1233" t="s">
        <v>794</v>
      </c>
      <c r="D1233">
        <v>40</v>
      </c>
      <c r="E1233" t="s">
        <v>4188</v>
      </c>
      <c r="F1233" t="s">
        <v>4189</v>
      </c>
      <c r="G1233" t="s">
        <v>656</v>
      </c>
      <c r="H1233">
        <v>2</v>
      </c>
      <c r="I1233">
        <v>2020</v>
      </c>
    </row>
    <row r="1234" spans="1:9" x14ac:dyDescent="0.25">
      <c r="A1234">
        <v>1415</v>
      </c>
      <c r="B1234" t="s">
        <v>3075</v>
      </c>
      <c r="C1234" t="s">
        <v>794</v>
      </c>
      <c r="D1234">
        <v>40</v>
      </c>
      <c r="E1234" t="s">
        <v>4188</v>
      </c>
      <c r="F1234" t="s">
        <v>4189</v>
      </c>
      <c r="G1234" t="s">
        <v>656</v>
      </c>
      <c r="H1234">
        <v>2</v>
      </c>
      <c r="I1234">
        <v>2020</v>
      </c>
    </row>
    <row r="1235" spans="1:9" x14ac:dyDescent="0.25">
      <c r="A1235">
        <v>1416</v>
      </c>
      <c r="B1235" t="s">
        <v>3074</v>
      </c>
      <c r="C1235" t="s">
        <v>794</v>
      </c>
      <c r="D1235">
        <v>40</v>
      </c>
      <c r="E1235" t="s">
        <v>4188</v>
      </c>
      <c r="F1235" t="s">
        <v>4189</v>
      </c>
      <c r="G1235" t="s">
        <v>656</v>
      </c>
      <c r="H1235">
        <v>2</v>
      </c>
      <c r="I1235">
        <v>2020</v>
      </c>
    </row>
    <row r="1236" spans="1:9" x14ac:dyDescent="0.25">
      <c r="A1236">
        <v>1417</v>
      </c>
      <c r="B1236" t="s">
        <v>3073</v>
      </c>
      <c r="C1236" t="s">
        <v>794</v>
      </c>
      <c r="D1236">
        <v>40</v>
      </c>
      <c r="E1236" t="s">
        <v>4188</v>
      </c>
      <c r="F1236" t="s">
        <v>4189</v>
      </c>
      <c r="G1236" t="s">
        <v>656</v>
      </c>
      <c r="H1236">
        <v>2</v>
      </c>
      <c r="I1236">
        <v>2020</v>
      </c>
    </row>
    <row r="1237" spans="1:9" x14ac:dyDescent="0.25">
      <c r="A1237">
        <v>1418</v>
      </c>
      <c r="B1237" t="s">
        <v>1921</v>
      </c>
      <c r="C1237" t="s">
        <v>917</v>
      </c>
      <c r="D1237">
        <v>83</v>
      </c>
      <c r="E1237" t="s">
        <v>4188</v>
      </c>
      <c r="F1237" t="s">
        <v>4189</v>
      </c>
      <c r="G1237" t="s">
        <v>656</v>
      </c>
      <c r="H1237">
        <v>2</v>
      </c>
      <c r="I1237">
        <v>2020</v>
      </c>
    </row>
    <row r="1238" spans="1:9" x14ac:dyDescent="0.25">
      <c r="A1238">
        <v>1419</v>
      </c>
      <c r="B1238" t="s">
        <v>3071</v>
      </c>
      <c r="C1238" t="s">
        <v>1219</v>
      </c>
      <c r="D1238">
        <v>42</v>
      </c>
      <c r="E1238" t="s">
        <v>4188</v>
      </c>
      <c r="F1238" t="s">
        <v>4189</v>
      </c>
      <c r="G1238" t="s">
        <v>656</v>
      </c>
      <c r="H1238">
        <v>2</v>
      </c>
      <c r="I1238">
        <v>2020</v>
      </c>
    </row>
    <row r="1239" spans="1:9" x14ac:dyDescent="0.25">
      <c r="A1239">
        <v>1420</v>
      </c>
      <c r="B1239" t="s">
        <v>3070</v>
      </c>
      <c r="C1239" t="s">
        <v>1219</v>
      </c>
      <c r="D1239">
        <v>42</v>
      </c>
      <c r="E1239" t="s">
        <v>4188</v>
      </c>
      <c r="F1239" t="s">
        <v>4189</v>
      </c>
      <c r="G1239" t="s">
        <v>656</v>
      </c>
      <c r="H1239">
        <v>2</v>
      </c>
      <c r="I1239">
        <v>2020</v>
      </c>
    </row>
    <row r="1240" spans="1:9" x14ac:dyDescent="0.25">
      <c r="A1240">
        <v>1421</v>
      </c>
      <c r="B1240" t="s">
        <v>852</v>
      </c>
      <c r="C1240" t="s">
        <v>851</v>
      </c>
      <c r="D1240">
        <v>43</v>
      </c>
      <c r="E1240" t="s">
        <v>4188</v>
      </c>
      <c r="F1240" t="s">
        <v>4189</v>
      </c>
      <c r="G1240" t="s">
        <v>656</v>
      </c>
      <c r="H1240">
        <v>2</v>
      </c>
      <c r="I1240">
        <v>2020</v>
      </c>
    </row>
    <row r="1241" spans="1:9" x14ac:dyDescent="0.25">
      <c r="A1241">
        <v>1423</v>
      </c>
      <c r="B1241" t="s">
        <v>3068</v>
      </c>
      <c r="C1241" t="s">
        <v>880</v>
      </c>
      <c r="D1241">
        <v>58</v>
      </c>
      <c r="E1241" t="s">
        <v>4188</v>
      </c>
      <c r="F1241" t="s">
        <v>4189</v>
      </c>
      <c r="G1241" t="s">
        <v>656</v>
      </c>
      <c r="H1241">
        <v>2</v>
      </c>
      <c r="I1241">
        <v>2020</v>
      </c>
    </row>
    <row r="1242" spans="1:9" x14ac:dyDescent="0.25">
      <c r="A1242">
        <v>1424</v>
      </c>
      <c r="B1242" t="s">
        <v>3067</v>
      </c>
      <c r="C1242" t="s">
        <v>880</v>
      </c>
      <c r="D1242">
        <v>58</v>
      </c>
      <c r="E1242" t="s">
        <v>4188</v>
      </c>
      <c r="F1242" t="s">
        <v>4189</v>
      </c>
      <c r="G1242" t="s">
        <v>656</v>
      </c>
      <c r="H1242">
        <v>2</v>
      </c>
      <c r="I1242">
        <v>2020</v>
      </c>
    </row>
    <row r="1243" spans="1:9" x14ac:dyDescent="0.25">
      <c r="A1243">
        <v>1425</v>
      </c>
      <c r="B1243" t="s">
        <v>1562</v>
      </c>
      <c r="C1243" t="s">
        <v>880</v>
      </c>
      <c r="D1243">
        <v>58</v>
      </c>
      <c r="E1243" t="s">
        <v>4188</v>
      </c>
      <c r="F1243" t="s">
        <v>4189</v>
      </c>
      <c r="G1243" t="s">
        <v>656</v>
      </c>
      <c r="H1243">
        <v>2</v>
      </c>
      <c r="I1243">
        <v>2020</v>
      </c>
    </row>
    <row r="1244" spans="1:9" x14ac:dyDescent="0.25">
      <c r="A1244">
        <v>1437</v>
      </c>
      <c r="B1244" t="s">
        <v>885</v>
      </c>
      <c r="C1244" t="s">
        <v>885</v>
      </c>
      <c r="D1244">
        <v>1</v>
      </c>
      <c r="E1244" t="s">
        <v>885</v>
      </c>
      <c r="F1244" t="s">
        <v>4164</v>
      </c>
      <c r="G1244" t="s">
        <v>656</v>
      </c>
      <c r="H1244">
        <v>2</v>
      </c>
      <c r="I1244">
        <v>2020</v>
      </c>
    </row>
    <row r="1245" spans="1:9" x14ac:dyDescent="0.25">
      <c r="A1245">
        <v>1438</v>
      </c>
      <c r="B1245" t="s">
        <v>1640</v>
      </c>
      <c r="C1245" t="s">
        <v>885</v>
      </c>
      <c r="D1245">
        <v>1</v>
      </c>
      <c r="E1245" t="s">
        <v>885</v>
      </c>
      <c r="F1245" t="s">
        <v>4164</v>
      </c>
      <c r="G1245" t="s">
        <v>656</v>
      </c>
      <c r="H1245">
        <v>2</v>
      </c>
      <c r="I1245">
        <v>2020</v>
      </c>
    </row>
    <row r="1246" spans="1:9" x14ac:dyDescent="0.25">
      <c r="A1246">
        <v>1439</v>
      </c>
      <c r="B1246" t="s">
        <v>3060</v>
      </c>
      <c r="C1246" t="s">
        <v>885</v>
      </c>
      <c r="D1246">
        <v>1</v>
      </c>
      <c r="E1246" t="s">
        <v>885</v>
      </c>
      <c r="F1246" t="s">
        <v>4164</v>
      </c>
      <c r="G1246" t="s">
        <v>656</v>
      </c>
      <c r="H1246">
        <v>2</v>
      </c>
      <c r="I1246">
        <v>2020</v>
      </c>
    </row>
    <row r="1247" spans="1:9" x14ac:dyDescent="0.25">
      <c r="A1247">
        <v>1440</v>
      </c>
      <c r="B1247" t="s">
        <v>4379</v>
      </c>
      <c r="C1247" t="s">
        <v>885</v>
      </c>
      <c r="D1247">
        <v>1</v>
      </c>
      <c r="E1247" t="s">
        <v>885</v>
      </c>
      <c r="F1247" t="s">
        <v>4164</v>
      </c>
      <c r="G1247" t="s">
        <v>656</v>
      </c>
      <c r="H1247">
        <v>2</v>
      </c>
      <c r="I1247">
        <v>2020</v>
      </c>
    </row>
    <row r="1248" spans="1:9" x14ac:dyDescent="0.25">
      <c r="A1248">
        <v>1441</v>
      </c>
      <c r="B1248" t="s">
        <v>2646</v>
      </c>
      <c r="C1248" t="s">
        <v>726</v>
      </c>
      <c r="D1248">
        <v>2</v>
      </c>
      <c r="E1248" t="s">
        <v>726</v>
      </c>
      <c r="F1248" t="s">
        <v>4164</v>
      </c>
      <c r="G1248" t="s">
        <v>656</v>
      </c>
      <c r="H1248">
        <v>2</v>
      </c>
      <c r="I1248">
        <v>2020</v>
      </c>
    </row>
    <row r="1249" spans="1:9" x14ac:dyDescent="0.25">
      <c r="A1249">
        <v>1442</v>
      </c>
      <c r="B1249" t="s">
        <v>4380</v>
      </c>
      <c r="C1249" t="s">
        <v>726</v>
      </c>
      <c r="D1249">
        <v>2</v>
      </c>
      <c r="E1249" t="s">
        <v>726</v>
      </c>
      <c r="F1249" t="s">
        <v>4164</v>
      </c>
      <c r="G1249" t="s">
        <v>656</v>
      </c>
      <c r="H1249">
        <v>2</v>
      </c>
      <c r="I1249">
        <v>2020</v>
      </c>
    </row>
    <row r="1250" spans="1:9" x14ac:dyDescent="0.25">
      <c r="A1250">
        <v>1443</v>
      </c>
      <c r="B1250" t="s">
        <v>3059</v>
      </c>
      <c r="C1250" t="s">
        <v>726</v>
      </c>
      <c r="D1250">
        <v>2</v>
      </c>
      <c r="E1250" t="s">
        <v>726</v>
      </c>
      <c r="F1250" t="s">
        <v>4164</v>
      </c>
      <c r="G1250" t="s">
        <v>656</v>
      </c>
      <c r="H1250">
        <v>2</v>
      </c>
      <c r="I1250">
        <v>2020</v>
      </c>
    </row>
    <row r="1251" spans="1:9" x14ac:dyDescent="0.25">
      <c r="A1251">
        <v>1444</v>
      </c>
      <c r="B1251" t="s">
        <v>3058</v>
      </c>
      <c r="C1251" t="s">
        <v>726</v>
      </c>
      <c r="D1251">
        <v>2</v>
      </c>
      <c r="E1251" t="s">
        <v>726</v>
      </c>
      <c r="F1251" t="s">
        <v>4164</v>
      </c>
      <c r="G1251" t="s">
        <v>656</v>
      </c>
      <c r="H1251">
        <v>2</v>
      </c>
      <c r="I1251">
        <v>2020</v>
      </c>
    </row>
    <row r="1252" spans="1:9" x14ac:dyDescent="0.25">
      <c r="A1252">
        <v>1445</v>
      </c>
      <c r="B1252" t="s">
        <v>4381</v>
      </c>
      <c r="C1252" t="s">
        <v>726</v>
      </c>
      <c r="D1252">
        <v>2</v>
      </c>
      <c r="E1252" t="s">
        <v>726</v>
      </c>
      <c r="F1252" t="s">
        <v>4164</v>
      </c>
      <c r="G1252" t="s">
        <v>656</v>
      </c>
      <c r="H1252">
        <v>2</v>
      </c>
      <c r="I1252">
        <v>2020</v>
      </c>
    </row>
    <row r="1253" spans="1:9" x14ac:dyDescent="0.25">
      <c r="A1253">
        <v>1446</v>
      </c>
      <c r="B1253" t="s">
        <v>4382</v>
      </c>
      <c r="C1253" t="s">
        <v>726</v>
      </c>
      <c r="D1253">
        <v>2</v>
      </c>
      <c r="E1253" t="s">
        <v>726</v>
      </c>
      <c r="F1253" t="s">
        <v>4164</v>
      </c>
      <c r="G1253" t="s">
        <v>656</v>
      </c>
      <c r="H1253">
        <v>2</v>
      </c>
      <c r="I1253">
        <v>2020</v>
      </c>
    </row>
    <row r="1254" spans="1:9" x14ac:dyDescent="0.25">
      <c r="A1254">
        <v>1447</v>
      </c>
      <c r="B1254" t="s">
        <v>3057</v>
      </c>
      <c r="C1254" t="s">
        <v>897</v>
      </c>
      <c r="D1254">
        <v>3</v>
      </c>
      <c r="E1254" t="s">
        <v>4165</v>
      </c>
      <c r="F1254" t="s">
        <v>4164</v>
      </c>
      <c r="G1254" t="s">
        <v>656</v>
      </c>
      <c r="H1254">
        <v>2</v>
      </c>
      <c r="I1254">
        <v>2020</v>
      </c>
    </row>
    <row r="1255" spans="1:9" x14ac:dyDescent="0.25">
      <c r="A1255">
        <v>1448</v>
      </c>
      <c r="B1255" t="s">
        <v>1052</v>
      </c>
      <c r="C1255" t="s">
        <v>897</v>
      </c>
      <c r="D1255">
        <v>3</v>
      </c>
      <c r="E1255" t="s">
        <v>4165</v>
      </c>
      <c r="F1255" t="s">
        <v>4164</v>
      </c>
      <c r="G1255" t="s">
        <v>656</v>
      </c>
      <c r="H1255">
        <v>2</v>
      </c>
      <c r="I1255">
        <v>2020</v>
      </c>
    </row>
    <row r="1256" spans="1:9" x14ac:dyDescent="0.25">
      <c r="A1256">
        <v>1449</v>
      </c>
      <c r="B1256" t="s">
        <v>907</v>
      </c>
      <c r="C1256" t="s">
        <v>897</v>
      </c>
      <c r="D1256">
        <v>3</v>
      </c>
      <c r="E1256" t="s">
        <v>4165</v>
      </c>
      <c r="F1256" t="s">
        <v>4164</v>
      </c>
      <c r="G1256" t="s">
        <v>656</v>
      </c>
      <c r="H1256">
        <v>2</v>
      </c>
      <c r="I1256">
        <v>2020</v>
      </c>
    </row>
    <row r="1257" spans="1:9" x14ac:dyDescent="0.25">
      <c r="A1257">
        <v>1450</v>
      </c>
      <c r="B1257" t="s">
        <v>4383</v>
      </c>
      <c r="C1257" t="s">
        <v>897</v>
      </c>
      <c r="D1257">
        <v>3</v>
      </c>
      <c r="E1257" t="s">
        <v>4165</v>
      </c>
      <c r="F1257" t="s">
        <v>4164</v>
      </c>
      <c r="G1257" t="s">
        <v>656</v>
      </c>
      <c r="H1257">
        <v>2</v>
      </c>
      <c r="I1257">
        <v>2020</v>
      </c>
    </row>
    <row r="1258" spans="1:9" x14ac:dyDescent="0.25">
      <c r="A1258">
        <v>1452</v>
      </c>
      <c r="B1258" t="s">
        <v>3055</v>
      </c>
      <c r="C1258" t="s">
        <v>897</v>
      </c>
      <c r="D1258">
        <v>3</v>
      </c>
      <c r="E1258" t="s">
        <v>4165</v>
      </c>
      <c r="F1258" t="s">
        <v>4164</v>
      </c>
      <c r="G1258" t="s">
        <v>656</v>
      </c>
      <c r="H1258">
        <v>2</v>
      </c>
      <c r="I1258">
        <v>2020</v>
      </c>
    </row>
    <row r="1259" spans="1:9" x14ac:dyDescent="0.25">
      <c r="A1259">
        <v>1453</v>
      </c>
      <c r="B1259" t="s">
        <v>3054</v>
      </c>
      <c r="C1259" t="s">
        <v>742</v>
      </c>
      <c r="D1259">
        <v>48</v>
      </c>
      <c r="E1259" t="s">
        <v>4165</v>
      </c>
      <c r="F1259" t="s">
        <v>4164</v>
      </c>
      <c r="G1259" t="s">
        <v>656</v>
      </c>
      <c r="H1259">
        <v>2</v>
      </c>
      <c r="I1259">
        <v>2020</v>
      </c>
    </row>
    <row r="1260" spans="1:9" x14ac:dyDescent="0.25">
      <c r="A1260">
        <v>1454</v>
      </c>
      <c r="B1260" t="s">
        <v>3053</v>
      </c>
      <c r="C1260" t="s">
        <v>742</v>
      </c>
      <c r="D1260">
        <v>48</v>
      </c>
      <c r="E1260" t="s">
        <v>4165</v>
      </c>
      <c r="F1260" t="s">
        <v>4164</v>
      </c>
      <c r="G1260" t="s">
        <v>656</v>
      </c>
      <c r="H1260">
        <v>2</v>
      </c>
      <c r="I1260">
        <v>2020</v>
      </c>
    </row>
    <row r="1261" spans="1:9" x14ac:dyDescent="0.25">
      <c r="A1261">
        <v>1456</v>
      </c>
      <c r="B1261" t="s">
        <v>3051</v>
      </c>
      <c r="C1261" t="s">
        <v>742</v>
      </c>
      <c r="D1261">
        <v>48</v>
      </c>
      <c r="E1261" t="s">
        <v>4165</v>
      </c>
      <c r="F1261" t="s">
        <v>4164</v>
      </c>
      <c r="G1261" t="s">
        <v>656</v>
      </c>
      <c r="H1261">
        <v>2</v>
      </c>
      <c r="I1261">
        <v>2020</v>
      </c>
    </row>
    <row r="1262" spans="1:9" x14ac:dyDescent="0.25">
      <c r="A1262">
        <v>1457</v>
      </c>
      <c r="B1262" t="s">
        <v>4384</v>
      </c>
      <c r="C1262" t="s">
        <v>831</v>
      </c>
      <c r="D1262">
        <v>5</v>
      </c>
      <c r="E1262" t="s">
        <v>831</v>
      </c>
      <c r="F1262" t="s">
        <v>4168</v>
      </c>
      <c r="G1262" t="s">
        <v>656</v>
      </c>
      <c r="H1262">
        <v>2</v>
      </c>
      <c r="I1262">
        <v>2020</v>
      </c>
    </row>
    <row r="1263" spans="1:9" x14ac:dyDescent="0.25">
      <c r="A1263">
        <v>1458</v>
      </c>
      <c r="B1263" t="s">
        <v>3050</v>
      </c>
      <c r="C1263" t="s">
        <v>831</v>
      </c>
      <c r="D1263">
        <v>5</v>
      </c>
      <c r="E1263" t="s">
        <v>831</v>
      </c>
      <c r="F1263" t="s">
        <v>4168</v>
      </c>
      <c r="G1263" t="s">
        <v>656</v>
      </c>
      <c r="H1263">
        <v>2</v>
      </c>
      <c r="I1263">
        <v>2020</v>
      </c>
    </row>
    <row r="1264" spans="1:9" x14ac:dyDescent="0.25">
      <c r="A1264">
        <v>1459</v>
      </c>
      <c r="B1264" t="s">
        <v>4385</v>
      </c>
      <c r="C1264" t="s">
        <v>831</v>
      </c>
      <c r="D1264">
        <v>5</v>
      </c>
      <c r="E1264" t="s">
        <v>831</v>
      </c>
      <c r="F1264" t="s">
        <v>4168</v>
      </c>
      <c r="G1264" t="s">
        <v>656</v>
      </c>
      <c r="H1264">
        <v>2</v>
      </c>
      <c r="I1264">
        <v>2020</v>
      </c>
    </row>
    <row r="1265" spans="1:9" x14ac:dyDescent="0.25">
      <c r="A1265">
        <v>1460</v>
      </c>
      <c r="B1265" t="s">
        <v>3049</v>
      </c>
      <c r="C1265" t="s">
        <v>831</v>
      </c>
      <c r="D1265">
        <v>5</v>
      </c>
      <c r="E1265" t="s">
        <v>831</v>
      </c>
      <c r="F1265" t="s">
        <v>4168</v>
      </c>
      <c r="G1265" t="s">
        <v>656</v>
      </c>
      <c r="H1265">
        <v>2</v>
      </c>
      <c r="I1265">
        <v>2020</v>
      </c>
    </row>
    <row r="1266" spans="1:9" x14ac:dyDescent="0.25">
      <c r="A1266">
        <v>1461</v>
      </c>
      <c r="B1266" t="s">
        <v>3048</v>
      </c>
      <c r="C1266" t="s">
        <v>831</v>
      </c>
      <c r="D1266">
        <v>5</v>
      </c>
      <c r="E1266" t="s">
        <v>831</v>
      </c>
      <c r="F1266" t="s">
        <v>4168</v>
      </c>
      <c r="G1266" t="s">
        <v>656</v>
      </c>
      <c r="H1266">
        <v>2</v>
      </c>
      <c r="I1266">
        <v>2020</v>
      </c>
    </row>
    <row r="1267" spans="1:9" x14ac:dyDescent="0.25">
      <c r="A1267">
        <v>1462</v>
      </c>
      <c r="B1267" t="s">
        <v>3047</v>
      </c>
      <c r="C1267" t="s">
        <v>831</v>
      </c>
      <c r="D1267">
        <v>5</v>
      </c>
      <c r="E1267" t="s">
        <v>831</v>
      </c>
      <c r="F1267" t="s">
        <v>4168</v>
      </c>
      <c r="G1267" t="s">
        <v>656</v>
      </c>
      <c r="H1267">
        <v>2</v>
      </c>
      <c r="I1267">
        <v>2020</v>
      </c>
    </row>
    <row r="1268" spans="1:9" x14ac:dyDescent="0.25">
      <c r="A1268">
        <v>1463</v>
      </c>
      <c r="B1268" t="s">
        <v>4386</v>
      </c>
      <c r="C1268" t="s">
        <v>831</v>
      </c>
      <c r="D1268">
        <v>5</v>
      </c>
      <c r="E1268" t="s">
        <v>831</v>
      </c>
      <c r="F1268" t="s">
        <v>4168</v>
      </c>
      <c r="G1268" t="s">
        <v>656</v>
      </c>
      <c r="H1268">
        <v>2</v>
      </c>
      <c r="I1268">
        <v>2020</v>
      </c>
    </row>
    <row r="1269" spans="1:9" x14ac:dyDescent="0.25">
      <c r="A1269">
        <v>1464</v>
      </c>
      <c r="B1269" t="s">
        <v>3046</v>
      </c>
      <c r="C1269" t="s">
        <v>831</v>
      </c>
      <c r="D1269">
        <v>5</v>
      </c>
      <c r="E1269" t="s">
        <v>831</v>
      </c>
      <c r="F1269" t="s">
        <v>4168</v>
      </c>
      <c r="G1269" t="s">
        <v>656</v>
      </c>
      <c r="H1269">
        <v>2</v>
      </c>
      <c r="I1269">
        <v>2020</v>
      </c>
    </row>
    <row r="1270" spans="1:9" x14ac:dyDescent="0.25">
      <c r="A1270">
        <v>1465</v>
      </c>
      <c r="B1270" t="s">
        <v>4387</v>
      </c>
      <c r="C1270" t="s">
        <v>896</v>
      </c>
      <c r="D1270">
        <v>7</v>
      </c>
      <c r="E1270" t="s">
        <v>4169</v>
      </c>
      <c r="F1270" t="s">
        <v>4164</v>
      </c>
      <c r="G1270" t="s">
        <v>656</v>
      </c>
      <c r="H1270">
        <v>2</v>
      </c>
      <c r="I1270">
        <v>2020</v>
      </c>
    </row>
    <row r="1271" spans="1:9" x14ac:dyDescent="0.25">
      <c r="A1271">
        <v>1466</v>
      </c>
      <c r="B1271" t="s">
        <v>4388</v>
      </c>
      <c r="C1271" t="s">
        <v>896</v>
      </c>
      <c r="D1271">
        <v>7</v>
      </c>
      <c r="E1271" t="s">
        <v>4169</v>
      </c>
      <c r="F1271" t="s">
        <v>4164</v>
      </c>
      <c r="G1271" t="s">
        <v>656</v>
      </c>
      <c r="H1271">
        <v>2</v>
      </c>
      <c r="I1271">
        <v>2020</v>
      </c>
    </row>
    <row r="1272" spans="1:9" x14ac:dyDescent="0.25">
      <c r="A1272">
        <v>1467</v>
      </c>
      <c r="B1272" t="s">
        <v>3045</v>
      </c>
      <c r="C1272" t="s">
        <v>792</v>
      </c>
      <c r="D1272">
        <v>6</v>
      </c>
      <c r="E1272" t="s">
        <v>4169</v>
      </c>
      <c r="F1272" t="s">
        <v>4164</v>
      </c>
      <c r="G1272" t="s">
        <v>656</v>
      </c>
      <c r="H1272">
        <v>2</v>
      </c>
      <c r="I1272">
        <v>2020</v>
      </c>
    </row>
    <row r="1273" spans="1:9" x14ac:dyDescent="0.25">
      <c r="A1273">
        <v>1468</v>
      </c>
      <c r="B1273" t="s">
        <v>4389</v>
      </c>
      <c r="C1273" t="s">
        <v>792</v>
      </c>
      <c r="D1273">
        <v>6</v>
      </c>
      <c r="E1273" t="s">
        <v>4169</v>
      </c>
      <c r="F1273" t="s">
        <v>4164</v>
      </c>
      <c r="G1273" t="s">
        <v>656</v>
      </c>
      <c r="H1273">
        <v>2</v>
      </c>
      <c r="I1273">
        <v>2020</v>
      </c>
    </row>
    <row r="1274" spans="1:9" x14ac:dyDescent="0.25">
      <c r="A1274">
        <v>1469</v>
      </c>
      <c r="B1274" t="s">
        <v>3044</v>
      </c>
      <c r="C1274" t="s">
        <v>792</v>
      </c>
      <c r="D1274">
        <v>6</v>
      </c>
      <c r="E1274" t="s">
        <v>4169</v>
      </c>
      <c r="F1274" t="s">
        <v>4164</v>
      </c>
      <c r="G1274" t="s">
        <v>656</v>
      </c>
      <c r="H1274">
        <v>2</v>
      </c>
      <c r="I1274">
        <v>2020</v>
      </c>
    </row>
    <row r="1275" spans="1:9" x14ac:dyDescent="0.25">
      <c r="A1275">
        <v>1470</v>
      </c>
      <c r="B1275" t="s">
        <v>4390</v>
      </c>
      <c r="C1275" t="s">
        <v>792</v>
      </c>
      <c r="D1275">
        <v>6</v>
      </c>
      <c r="E1275" t="s">
        <v>4169</v>
      </c>
      <c r="F1275" t="s">
        <v>4164</v>
      </c>
      <c r="G1275" t="s">
        <v>656</v>
      </c>
      <c r="H1275">
        <v>2</v>
      </c>
      <c r="I1275">
        <v>2020</v>
      </c>
    </row>
    <row r="1276" spans="1:9" x14ac:dyDescent="0.25">
      <c r="A1276">
        <v>1471</v>
      </c>
      <c r="B1276" t="s">
        <v>3042</v>
      </c>
      <c r="C1276" t="s">
        <v>792</v>
      </c>
      <c r="D1276">
        <v>6</v>
      </c>
      <c r="E1276" t="s">
        <v>4169</v>
      </c>
      <c r="F1276" t="s">
        <v>4164</v>
      </c>
      <c r="G1276" t="s">
        <v>656</v>
      </c>
      <c r="H1276">
        <v>2</v>
      </c>
      <c r="I1276">
        <v>2020</v>
      </c>
    </row>
    <row r="1277" spans="1:9" x14ac:dyDescent="0.25">
      <c r="A1277">
        <v>1472</v>
      </c>
      <c r="B1277" t="s">
        <v>3041</v>
      </c>
      <c r="C1277" t="s">
        <v>792</v>
      </c>
      <c r="D1277">
        <v>6</v>
      </c>
      <c r="E1277" t="s">
        <v>4169</v>
      </c>
      <c r="F1277" t="s">
        <v>4164</v>
      </c>
      <c r="G1277" t="s">
        <v>656</v>
      </c>
      <c r="H1277">
        <v>2</v>
      </c>
      <c r="I1277">
        <v>2020</v>
      </c>
    </row>
    <row r="1278" spans="1:9" x14ac:dyDescent="0.25">
      <c r="A1278">
        <v>1473</v>
      </c>
      <c r="B1278" t="s">
        <v>3040</v>
      </c>
      <c r="C1278" t="s">
        <v>792</v>
      </c>
      <c r="D1278">
        <v>6</v>
      </c>
      <c r="E1278" t="s">
        <v>4169</v>
      </c>
      <c r="F1278" t="s">
        <v>4164</v>
      </c>
      <c r="G1278" t="s">
        <v>656</v>
      </c>
      <c r="H1278">
        <v>2</v>
      </c>
      <c r="I1278">
        <v>2020</v>
      </c>
    </row>
    <row r="1279" spans="1:9" x14ac:dyDescent="0.25">
      <c r="A1279">
        <v>1474</v>
      </c>
      <c r="B1279" t="s">
        <v>3038</v>
      </c>
      <c r="C1279" t="s">
        <v>792</v>
      </c>
      <c r="D1279">
        <v>6</v>
      </c>
      <c r="E1279" t="s">
        <v>4169</v>
      </c>
      <c r="F1279" t="s">
        <v>4164</v>
      </c>
      <c r="G1279" t="s">
        <v>656</v>
      </c>
      <c r="H1279">
        <v>2</v>
      </c>
      <c r="I1279">
        <v>2020</v>
      </c>
    </row>
    <row r="1280" spans="1:9" x14ac:dyDescent="0.25">
      <c r="A1280">
        <v>1475</v>
      </c>
      <c r="B1280" t="s">
        <v>4391</v>
      </c>
      <c r="C1280" t="s">
        <v>792</v>
      </c>
      <c r="D1280">
        <v>6</v>
      </c>
      <c r="E1280" t="s">
        <v>4169</v>
      </c>
      <c r="F1280" t="s">
        <v>4164</v>
      </c>
      <c r="G1280" t="s">
        <v>656</v>
      </c>
      <c r="H1280">
        <v>2</v>
      </c>
      <c r="I1280">
        <v>2020</v>
      </c>
    </row>
    <row r="1281" spans="1:9" x14ac:dyDescent="0.25">
      <c r="A1281">
        <v>1476</v>
      </c>
      <c r="B1281" t="s">
        <v>3037</v>
      </c>
      <c r="C1281" t="s">
        <v>792</v>
      </c>
      <c r="D1281">
        <v>6</v>
      </c>
      <c r="E1281" t="s">
        <v>4169</v>
      </c>
      <c r="F1281" t="s">
        <v>4164</v>
      </c>
      <c r="G1281" t="s">
        <v>656</v>
      </c>
      <c r="H1281">
        <v>2</v>
      </c>
      <c r="I1281">
        <v>2020</v>
      </c>
    </row>
    <row r="1282" spans="1:9" x14ac:dyDescent="0.25">
      <c r="A1282">
        <v>1477</v>
      </c>
      <c r="B1282" t="s">
        <v>3036</v>
      </c>
      <c r="C1282" t="s">
        <v>736</v>
      </c>
      <c r="D1282">
        <v>8</v>
      </c>
      <c r="E1282" t="s">
        <v>4169</v>
      </c>
      <c r="F1282" t="s">
        <v>4164</v>
      </c>
      <c r="G1282" t="s">
        <v>656</v>
      </c>
      <c r="H1282">
        <v>2</v>
      </c>
      <c r="I1282">
        <v>2020</v>
      </c>
    </row>
    <row r="1283" spans="1:9" x14ac:dyDescent="0.25">
      <c r="A1283">
        <v>1478</v>
      </c>
      <c r="B1283" t="s">
        <v>3035</v>
      </c>
      <c r="C1283" t="s">
        <v>736</v>
      </c>
      <c r="D1283">
        <v>8</v>
      </c>
      <c r="E1283" t="s">
        <v>4169</v>
      </c>
      <c r="F1283" t="s">
        <v>4164</v>
      </c>
      <c r="G1283" t="s">
        <v>656</v>
      </c>
      <c r="H1283">
        <v>2</v>
      </c>
      <c r="I1283">
        <v>2020</v>
      </c>
    </row>
    <row r="1284" spans="1:9" x14ac:dyDescent="0.25">
      <c r="A1284">
        <v>1479</v>
      </c>
      <c r="B1284" t="s">
        <v>4392</v>
      </c>
      <c r="C1284" t="s">
        <v>736</v>
      </c>
      <c r="D1284">
        <v>8</v>
      </c>
      <c r="E1284" t="s">
        <v>4169</v>
      </c>
      <c r="F1284" t="s">
        <v>4164</v>
      </c>
      <c r="G1284" t="s">
        <v>656</v>
      </c>
      <c r="H1284">
        <v>2</v>
      </c>
      <c r="I1284">
        <v>2020</v>
      </c>
    </row>
    <row r="1285" spans="1:9" x14ac:dyDescent="0.25">
      <c r="A1285">
        <v>1480</v>
      </c>
      <c r="B1285" t="s">
        <v>3034</v>
      </c>
      <c r="C1285" t="s">
        <v>736</v>
      </c>
      <c r="D1285">
        <v>8</v>
      </c>
      <c r="E1285" t="s">
        <v>4169</v>
      </c>
      <c r="F1285" t="s">
        <v>4164</v>
      </c>
      <c r="G1285" t="s">
        <v>656</v>
      </c>
      <c r="H1285">
        <v>2</v>
      </c>
      <c r="I1285">
        <v>2020</v>
      </c>
    </row>
    <row r="1286" spans="1:9" x14ac:dyDescent="0.25">
      <c r="A1286">
        <v>1481</v>
      </c>
      <c r="B1286" t="s">
        <v>4393</v>
      </c>
      <c r="C1286" t="s">
        <v>736</v>
      </c>
      <c r="D1286">
        <v>8</v>
      </c>
      <c r="E1286" t="s">
        <v>4169</v>
      </c>
      <c r="F1286" t="s">
        <v>4164</v>
      </c>
      <c r="G1286" t="s">
        <v>656</v>
      </c>
      <c r="H1286">
        <v>2</v>
      </c>
      <c r="I1286">
        <v>2020</v>
      </c>
    </row>
    <row r="1287" spans="1:9" x14ac:dyDescent="0.25">
      <c r="A1287">
        <v>1482</v>
      </c>
      <c r="B1287" t="s">
        <v>3033</v>
      </c>
      <c r="C1287" t="s">
        <v>65</v>
      </c>
      <c r="D1287">
        <v>15</v>
      </c>
      <c r="E1287" t="s">
        <v>4176</v>
      </c>
      <c r="F1287" t="s">
        <v>4177</v>
      </c>
      <c r="G1287" t="s">
        <v>656</v>
      </c>
      <c r="H1287">
        <v>2</v>
      </c>
      <c r="I1287">
        <v>2020</v>
      </c>
    </row>
    <row r="1288" spans="1:9" x14ac:dyDescent="0.25">
      <c r="A1288">
        <v>1484</v>
      </c>
      <c r="B1288" t="s">
        <v>3031</v>
      </c>
      <c r="C1288" t="s">
        <v>65</v>
      </c>
      <c r="D1288">
        <v>15</v>
      </c>
      <c r="E1288" t="s">
        <v>4176</v>
      </c>
      <c r="F1288" t="s">
        <v>4177</v>
      </c>
      <c r="G1288" t="s">
        <v>656</v>
      </c>
      <c r="H1288">
        <v>2</v>
      </c>
      <c r="I1288">
        <v>2020</v>
      </c>
    </row>
    <row r="1289" spans="1:9" x14ac:dyDescent="0.25">
      <c r="A1289">
        <v>1485</v>
      </c>
      <c r="B1289" t="s">
        <v>4394</v>
      </c>
      <c r="C1289" t="s">
        <v>65</v>
      </c>
      <c r="D1289">
        <v>15</v>
      </c>
      <c r="E1289" t="s">
        <v>4176</v>
      </c>
      <c r="F1289" t="s">
        <v>4177</v>
      </c>
      <c r="G1289" t="s">
        <v>656</v>
      </c>
      <c r="H1289">
        <v>2</v>
      </c>
      <c r="I1289">
        <v>2020</v>
      </c>
    </row>
    <row r="1290" spans="1:9" x14ac:dyDescent="0.25">
      <c r="A1290">
        <v>1486</v>
      </c>
      <c r="B1290" t="s">
        <v>3029</v>
      </c>
      <c r="C1290" t="s">
        <v>65</v>
      </c>
      <c r="D1290">
        <v>15</v>
      </c>
      <c r="E1290" t="s">
        <v>4176</v>
      </c>
      <c r="F1290" t="s">
        <v>4177</v>
      </c>
      <c r="G1290" t="s">
        <v>656</v>
      </c>
      <c r="H1290">
        <v>2</v>
      </c>
      <c r="I1290">
        <v>2020</v>
      </c>
    </row>
    <row r="1291" spans="1:9" x14ac:dyDescent="0.25">
      <c r="A1291">
        <v>1487</v>
      </c>
      <c r="B1291" t="s">
        <v>3027</v>
      </c>
      <c r="C1291" t="s">
        <v>663</v>
      </c>
      <c r="D1291">
        <v>99</v>
      </c>
      <c r="E1291" t="s">
        <v>663</v>
      </c>
      <c r="F1291" t="s">
        <v>4171</v>
      </c>
      <c r="G1291" t="s">
        <v>656</v>
      </c>
      <c r="H1291">
        <v>2</v>
      </c>
      <c r="I1291">
        <v>2020</v>
      </c>
    </row>
    <row r="1292" spans="1:9" x14ac:dyDescent="0.25">
      <c r="A1292">
        <v>1488</v>
      </c>
      <c r="B1292" t="s">
        <v>3026</v>
      </c>
      <c r="C1292" t="s">
        <v>663</v>
      </c>
      <c r="D1292">
        <v>99</v>
      </c>
      <c r="E1292" t="s">
        <v>663</v>
      </c>
      <c r="F1292" t="s">
        <v>4171</v>
      </c>
      <c r="G1292" t="s">
        <v>656</v>
      </c>
      <c r="H1292">
        <v>2</v>
      </c>
      <c r="I1292">
        <v>2020</v>
      </c>
    </row>
    <row r="1293" spans="1:9" x14ac:dyDescent="0.25">
      <c r="A1293">
        <v>1489</v>
      </c>
      <c r="B1293" t="s">
        <v>3025</v>
      </c>
      <c r="C1293" t="s">
        <v>663</v>
      </c>
      <c r="D1293">
        <v>99</v>
      </c>
      <c r="E1293" t="s">
        <v>663</v>
      </c>
      <c r="F1293" t="s">
        <v>4171</v>
      </c>
      <c r="G1293" t="s">
        <v>656</v>
      </c>
      <c r="H1293">
        <v>2</v>
      </c>
      <c r="I1293">
        <v>2020</v>
      </c>
    </row>
    <row r="1294" spans="1:9" x14ac:dyDescent="0.25">
      <c r="A1294">
        <v>1490</v>
      </c>
      <c r="B1294" t="s">
        <v>3024</v>
      </c>
      <c r="C1294" t="s">
        <v>663</v>
      </c>
      <c r="D1294">
        <v>99</v>
      </c>
      <c r="E1294" t="s">
        <v>663</v>
      </c>
      <c r="F1294" t="s">
        <v>4171</v>
      </c>
      <c r="G1294" t="s">
        <v>656</v>
      </c>
      <c r="H1294">
        <v>2</v>
      </c>
      <c r="I1294">
        <v>2020</v>
      </c>
    </row>
    <row r="1295" spans="1:9" x14ac:dyDescent="0.25">
      <c r="A1295">
        <v>1491</v>
      </c>
      <c r="B1295" t="s">
        <v>3023</v>
      </c>
      <c r="C1295" t="s">
        <v>663</v>
      </c>
      <c r="D1295">
        <v>99</v>
      </c>
      <c r="E1295" t="s">
        <v>663</v>
      </c>
      <c r="F1295" t="s">
        <v>4171</v>
      </c>
      <c r="G1295" t="s">
        <v>656</v>
      </c>
      <c r="H1295">
        <v>2</v>
      </c>
      <c r="I1295">
        <v>2020</v>
      </c>
    </row>
    <row r="1296" spans="1:9" x14ac:dyDescent="0.25">
      <c r="A1296">
        <v>1492</v>
      </c>
      <c r="B1296" t="s">
        <v>4395</v>
      </c>
      <c r="C1296" t="s">
        <v>663</v>
      </c>
      <c r="D1296">
        <v>99</v>
      </c>
      <c r="E1296" t="s">
        <v>663</v>
      </c>
      <c r="F1296" t="s">
        <v>4171</v>
      </c>
      <c r="G1296" t="s">
        <v>656</v>
      </c>
      <c r="H1296">
        <v>2</v>
      </c>
      <c r="I1296">
        <v>2020</v>
      </c>
    </row>
    <row r="1297" spans="1:9" x14ac:dyDescent="0.25">
      <c r="A1297">
        <v>1493</v>
      </c>
      <c r="B1297" t="s">
        <v>4396</v>
      </c>
      <c r="C1297" t="s">
        <v>663</v>
      </c>
      <c r="D1297">
        <v>99</v>
      </c>
      <c r="E1297" t="s">
        <v>663</v>
      </c>
      <c r="F1297" t="s">
        <v>4171</v>
      </c>
      <c r="G1297" t="s">
        <v>656</v>
      </c>
      <c r="H1297">
        <v>2</v>
      </c>
      <c r="I1297">
        <v>2020</v>
      </c>
    </row>
    <row r="1298" spans="1:9" x14ac:dyDescent="0.25">
      <c r="A1298">
        <v>1494</v>
      </c>
      <c r="B1298" t="s">
        <v>3022</v>
      </c>
      <c r="C1298" t="s">
        <v>663</v>
      </c>
      <c r="D1298">
        <v>99</v>
      </c>
      <c r="E1298" t="s">
        <v>663</v>
      </c>
      <c r="F1298" t="s">
        <v>4171</v>
      </c>
      <c r="G1298" t="s">
        <v>656</v>
      </c>
      <c r="H1298">
        <v>2</v>
      </c>
      <c r="I1298">
        <v>2020</v>
      </c>
    </row>
    <row r="1299" spans="1:9" x14ac:dyDescent="0.25">
      <c r="A1299">
        <v>1495</v>
      </c>
      <c r="B1299" t="s">
        <v>3020</v>
      </c>
      <c r="C1299" t="s">
        <v>663</v>
      </c>
      <c r="D1299">
        <v>99</v>
      </c>
      <c r="E1299" t="s">
        <v>663</v>
      </c>
      <c r="F1299" t="s">
        <v>4171</v>
      </c>
      <c r="G1299" t="s">
        <v>656</v>
      </c>
      <c r="H1299">
        <v>2</v>
      </c>
      <c r="I1299">
        <v>2020</v>
      </c>
    </row>
    <row r="1300" spans="1:9" x14ac:dyDescent="0.25">
      <c r="A1300">
        <v>1496</v>
      </c>
      <c r="B1300" t="s">
        <v>3019</v>
      </c>
      <c r="C1300" t="s">
        <v>663</v>
      </c>
      <c r="D1300">
        <v>99</v>
      </c>
      <c r="E1300" t="s">
        <v>663</v>
      </c>
      <c r="F1300" t="s">
        <v>4171</v>
      </c>
      <c r="G1300" t="s">
        <v>656</v>
      </c>
      <c r="H1300">
        <v>2</v>
      </c>
      <c r="I1300">
        <v>2020</v>
      </c>
    </row>
    <row r="1301" spans="1:9" x14ac:dyDescent="0.25">
      <c r="A1301">
        <v>1497</v>
      </c>
      <c r="B1301" t="s">
        <v>3017</v>
      </c>
      <c r="C1301" t="s">
        <v>663</v>
      </c>
      <c r="D1301">
        <v>99</v>
      </c>
      <c r="E1301" t="s">
        <v>663</v>
      </c>
      <c r="F1301" t="s">
        <v>4171</v>
      </c>
      <c r="G1301" t="s">
        <v>656</v>
      </c>
      <c r="H1301">
        <v>2</v>
      </c>
      <c r="I1301">
        <v>2020</v>
      </c>
    </row>
    <row r="1302" spans="1:9" x14ac:dyDescent="0.25">
      <c r="A1302">
        <v>1498</v>
      </c>
      <c r="B1302" t="s">
        <v>3015</v>
      </c>
      <c r="C1302" t="s">
        <v>663</v>
      </c>
      <c r="D1302">
        <v>99</v>
      </c>
      <c r="E1302" t="s">
        <v>663</v>
      </c>
      <c r="F1302" t="s">
        <v>4171</v>
      </c>
      <c r="G1302" t="s">
        <v>656</v>
      </c>
      <c r="H1302">
        <v>2</v>
      </c>
      <c r="I1302">
        <v>2020</v>
      </c>
    </row>
    <row r="1303" spans="1:9" x14ac:dyDescent="0.25">
      <c r="A1303">
        <v>1499</v>
      </c>
      <c r="B1303" t="s">
        <v>3014</v>
      </c>
      <c r="C1303" t="s">
        <v>895</v>
      </c>
      <c r="D1303">
        <v>13</v>
      </c>
      <c r="E1303" t="s">
        <v>895</v>
      </c>
      <c r="F1303" t="s">
        <v>4171</v>
      </c>
      <c r="G1303" t="s">
        <v>656</v>
      </c>
      <c r="H1303">
        <v>2</v>
      </c>
      <c r="I1303">
        <v>2020</v>
      </c>
    </row>
    <row r="1304" spans="1:9" x14ac:dyDescent="0.25">
      <c r="A1304">
        <v>1500</v>
      </c>
      <c r="B1304" t="s">
        <v>3013</v>
      </c>
      <c r="C1304" t="s">
        <v>895</v>
      </c>
      <c r="D1304">
        <v>13</v>
      </c>
      <c r="E1304" t="s">
        <v>895</v>
      </c>
      <c r="F1304" t="s">
        <v>4171</v>
      </c>
      <c r="G1304" t="s">
        <v>656</v>
      </c>
      <c r="H1304">
        <v>2</v>
      </c>
      <c r="I1304">
        <v>2020</v>
      </c>
    </row>
    <row r="1305" spans="1:9" x14ac:dyDescent="0.25">
      <c r="A1305">
        <v>1501</v>
      </c>
      <c r="B1305" t="s">
        <v>4397</v>
      </c>
      <c r="C1305" t="s">
        <v>895</v>
      </c>
      <c r="D1305">
        <v>13</v>
      </c>
      <c r="E1305" t="s">
        <v>895</v>
      </c>
      <c r="F1305" t="s">
        <v>4171</v>
      </c>
      <c r="G1305" t="s">
        <v>656</v>
      </c>
      <c r="H1305">
        <v>2</v>
      </c>
      <c r="I1305">
        <v>2020</v>
      </c>
    </row>
    <row r="1306" spans="1:9" x14ac:dyDescent="0.25">
      <c r="A1306">
        <v>1502</v>
      </c>
      <c r="B1306" t="s">
        <v>4398</v>
      </c>
      <c r="C1306" t="s">
        <v>866</v>
      </c>
      <c r="D1306">
        <v>9</v>
      </c>
      <c r="E1306" t="s">
        <v>866</v>
      </c>
      <c r="F1306" t="s">
        <v>4171</v>
      </c>
      <c r="G1306" t="s">
        <v>656</v>
      </c>
      <c r="H1306">
        <v>2</v>
      </c>
      <c r="I1306">
        <v>2020</v>
      </c>
    </row>
    <row r="1307" spans="1:9" x14ac:dyDescent="0.25">
      <c r="A1307">
        <v>1503</v>
      </c>
      <c r="B1307" t="s">
        <v>3012</v>
      </c>
      <c r="C1307" t="s">
        <v>866</v>
      </c>
      <c r="D1307">
        <v>9</v>
      </c>
      <c r="E1307" t="s">
        <v>866</v>
      </c>
      <c r="F1307" t="s">
        <v>4171</v>
      </c>
      <c r="G1307" t="s">
        <v>656</v>
      </c>
      <c r="H1307">
        <v>2</v>
      </c>
      <c r="I1307">
        <v>2020</v>
      </c>
    </row>
    <row r="1308" spans="1:9" x14ac:dyDescent="0.25">
      <c r="A1308">
        <v>1504</v>
      </c>
      <c r="B1308" t="s">
        <v>3011</v>
      </c>
      <c r="C1308" t="s">
        <v>866</v>
      </c>
      <c r="D1308">
        <v>9</v>
      </c>
      <c r="E1308" t="s">
        <v>866</v>
      </c>
      <c r="F1308" t="s">
        <v>4171</v>
      </c>
      <c r="G1308" t="s">
        <v>656</v>
      </c>
      <c r="H1308">
        <v>2</v>
      </c>
      <c r="I1308">
        <v>2020</v>
      </c>
    </row>
    <row r="1309" spans="1:9" x14ac:dyDescent="0.25">
      <c r="A1309">
        <v>1505</v>
      </c>
      <c r="B1309" t="s">
        <v>4399</v>
      </c>
      <c r="C1309" t="s">
        <v>866</v>
      </c>
      <c r="D1309">
        <v>9</v>
      </c>
      <c r="E1309" t="s">
        <v>866</v>
      </c>
      <c r="F1309" t="s">
        <v>4171</v>
      </c>
      <c r="G1309" t="s">
        <v>656</v>
      </c>
      <c r="H1309">
        <v>2</v>
      </c>
      <c r="I1309">
        <v>2020</v>
      </c>
    </row>
    <row r="1310" spans="1:9" x14ac:dyDescent="0.25">
      <c r="A1310">
        <v>1506</v>
      </c>
      <c r="B1310" t="s">
        <v>3010</v>
      </c>
      <c r="C1310" t="s">
        <v>866</v>
      </c>
      <c r="D1310">
        <v>9</v>
      </c>
      <c r="E1310" t="s">
        <v>866</v>
      </c>
      <c r="F1310" t="s">
        <v>4171</v>
      </c>
      <c r="G1310" t="s">
        <v>656</v>
      </c>
      <c r="H1310">
        <v>2</v>
      </c>
      <c r="I1310">
        <v>2020</v>
      </c>
    </row>
    <row r="1311" spans="1:9" x14ac:dyDescent="0.25">
      <c r="A1311">
        <v>1507</v>
      </c>
      <c r="B1311" t="s">
        <v>3009</v>
      </c>
      <c r="C1311" t="s">
        <v>802</v>
      </c>
      <c r="D1311">
        <v>12</v>
      </c>
      <c r="E1311" t="s">
        <v>802</v>
      </c>
      <c r="F1311" t="s">
        <v>4171</v>
      </c>
      <c r="G1311" t="s">
        <v>656</v>
      </c>
      <c r="H1311">
        <v>2</v>
      </c>
      <c r="I1311">
        <v>2020</v>
      </c>
    </row>
    <row r="1312" spans="1:9" x14ac:dyDescent="0.25">
      <c r="A1312">
        <v>1508</v>
      </c>
      <c r="B1312" t="s">
        <v>3008</v>
      </c>
      <c r="C1312" t="s">
        <v>802</v>
      </c>
      <c r="D1312">
        <v>12</v>
      </c>
      <c r="E1312" t="s">
        <v>802</v>
      </c>
      <c r="F1312" t="s">
        <v>4171</v>
      </c>
      <c r="G1312" t="s">
        <v>656</v>
      </c>
      <c r="H1312">
        <v>2</v>
      </c>
      <c r="I1312">
        <v>2020</v>
      </c>
    </row>
    <row r="1313" spans="1:9" x14ac:dyDescent="0.25">
      <c r="A1313">
        <v>1509</v>
      </c>
      <c r="B1313" t="s">
        <v>3007</v>
      </c>
      <c r="C1313" t="s">
        <v>802</v>
      </c>
      <c r="D1313">
        <v>12</v>
      </c>
      <c r="E1313" t="s">
        <v>802</v>
      </c>
      <c r="F1313" t="s">
        <v>4171</v>
      </c>
      <c r="G1313" t="s">
        <v>656</v>
      </c>
      <c r="H1313">
        <v>2</v>
      </c>
      <c r="I1313">
        <v>2020</v>
      </c>
    </row>
    <row r="1314" spans="1:9" x14ac:dyDescent="0.25">
      <c r="A1314">
        <v>1510</v>
      </c>
      <c r="B1314" t="s">
        <v>3006</v>
      </c>
      <c r="C1314" t="s">
        <v>802</v>
      </c>
      <c r="D1314">
        <v>12</v>
      </c>
      <c r="E1314" t="s">
        <v>802</v>
      </c>
      <c r="F1314" t="s">
        <v>4171</v>
      </c>
      <c r="G1314" t="s">
        <v>656</v>
      </c>
      <c r="H1314">
        <v>2</v>
      </c>
      <c r="I1314">
        <v>2020</v>
      </c>
    </row>
    <row r="1315" spans="1:9" x14ac:dyDescent="0.25">
      <c r="A1315">
        <v>1511</v>
      </c>
      <c r="B1315" t="s">
        <v>3005</v>
      </c>
      <c r="C1315" t="s">
        <v>802</v>
      </c>
      <c r="D1315">
        <v>12</v>
      </c>
      <c r="E1315" t="s">
        <v>802</v>
      </c>
      <c r="F1315" t="s">
        <v>4171</v>
      </c>
      <c r="G1315" t="s">
        <v>656</v>
      </c>
      <c r="H1315">
        <v>2</v>
      </c>
      <c r="I1315">
        <v>2020</v>
      </c>
    </row>
    <row r="1316" spans="1:9" x14ac:dyDescent="0.25">
      <c r="A1316">
        <v>1512</v>
      </c>
      <c r="B1316" t="s">
        <v>3004</v>
      </c>
      <c r="C1316" t="s">
        <v>802</v>
      </c>
      <c r="D1316">
        <v>12</v>
      </c>
      <c r="E1316" t="s">
        <v>802</v>
      </c>
      <c r="F1316" t="s">
        <v>4171</v>
      </c>
      <c r="G1316" t="s">
        <v>656</v>
      </c>
      <c r="H1316">
        <v>2</v>
      </c>
      <c r="I1316">
        <v>2020</v>
      </c>
    </row>
    <row r="1317" spans="1:9" x14ac:dyDescent="0.25">
      <c r="A1317">
        <v>1513</v>
      </c>
      <c r="B1317" t="s">
        <v>3003</v>
      </c>
      <c r="C1317" t="s">
        <v>756</v>
      </c>
      <c r="D1317">
        <v>19</v>
      </c>
      <c r="E1317" t="s">
        <v>894</v>
      </c>
      <c r="F1317" t="s">
        <v>4177</v>
      </c>
      <c r="G1317" t="s">
        <v>656</v>
      </c>
      <c r="H1317">
        <v>2</v>
      </c>
      <c r="I1317">
        <v>2020</v>
      </c>
    </row>
    <row r="1318" spans="1:9" x14ac:dyDescent="0.25">
      <c r="A1318">
        <v>1514</v>
      </c>
      <c r="B1318" t="s">
        <v>3002</v>
      </c>
      <c r="C1318" t="s">
        <v>756</v>
      </c>
      <c r="D1318">
        <v>19</v>
      </c>
      <c r="E1318" t="s">
        <v>894</v>
      </c>
      <c r="F1318" t="s">
        <v>4177</v>
      </c>
      <c r="G1318" t="s">
        <v>656</v>
      </c>
      <c r="H1318">
        <v>2</v>
      </c>
      <c r="I1318">
        <v>2020</v>
      </c>
    </row>
    <row r="1319" spans="1:9" x14ac:dyDescent="0.25">
      <c r="A1319">
        <v>1515</v>
      </c>
      <c r="B1319" t="s">
        <v>3001</v>
      </c>
      <c r="C1319" t="s">
        <v>756</v>
      </c>
      <c r="D1319">
        <v>19</v>
      </c>
      <c r="E1319" t="s">
        <v>894</v>
      </c>
      <c r="F1319" t="s">
        <v>4177</v>
      </c>
      <c r="G1319" t="s">
        <v>656</v>
      </c>
      <c r="H1319">
        <v>2</v>
      </c>
      <c r="I1319">
        <v>2020</v>
      </c>
    </row>
    <row r="1320" spans="1:9" x14ac:dyDescent="0.25">
      <c r="A1320">
        <v>1516</v>
      </c>
      <c r="B1320" t="s">
        <v>4400</v>
      </c>
      <c r="C1320" t="s">
        <v>756</v>
      </c>
      <c r="D1320">
        <v>19</v>
      </c>
      <c r="E1320" t="s">
        <v>894</v>
      </c>
      <c r="F1320" t="s">
        <v>4177</v>
      </c>
      <c r="G1320" t="s">
        <v>656</v>
      </c>
      <c r="H1320">
        <v>2</v>
      </c>
      <c r="I1320">
        <v>2020</v>
      </c>
    </row>
    <row r="1321" spans="1:9" x14ac:dyDescent="0.25">
      <c r="A1321">
        <v>1517</v>
      </c>
      <c r="B1321" t="s">
        <v>3000</v>
      </c>
      <c r="C1321" t="s">
        <v>756</v>
      </c>
      <c r="D1321">
        <v>19</v>
      </c>
      <c r="E1321" t="s">
        <v>894</v>
      </c>
      <c r="F1321" t="s">
        <v>4177</v>
      </c>
      <c r="G1321" t="s">
        <v>656</v>
      </c>
      <c r="H1321">
        <v>2</v>
      </c>
      <c r="I1321">
        <v>2020</v>
      </c>
    </row>
    <row r="1322" spans="1:9" x14ac:dyDescent="0.25">
      <c r="A1322">
        <v>1518</v>
      </c>
      <c r="B1322" t="s">
        <v>2999</v>
      </c>
      <c r="C1322" t="s">
        <v>756</v>
      </c>
      <c r="D1322">
        <v>19</v>
      </c>
      <c r="E1322" t="s">
        <v>894</v>
      </c>
      <c r="F1322" t="s">
        <v>4177</v>
      </c>
      <c r="G1322" t="s">
        <v>656</v>
      </c>
      <c r="H1322">
        <v>2</v>
      </c>
      <c r="I1322">
        <v>2020</v>
      </c>
    </row>
    <row r="1323" spans="1:9" x14ac:dyDescent="0.25">
      <c r="A1323">
        <v>1519</v>
      </c>
      <c r="B1323" t="s">
        <v>4401</v>
      </c>
      <c r="C1323" t="s">
        <v>756</v>
      </c>
      <c r="D1323">
        <v>19</v>
      </c>
      <c r="E1323" t="s">
        <v>894</v>
      </c>
      <c r="F1323" t="s">
        <v>4177</v>
      </c>
      <c r="G1323" t="s">
        <v>656</v>
      </c>
      <c r="H1323">
        <v>2</v>
      </c>
      <c r="I1323">
        <v>2020</v>
      </c>
    </row>
    <row r="1324" spans="1:9" x14ac:dyDescent="0.25">
      <c r="A1324">
        <v>1520</v>
      </c>
      <c r="B1324" t="s">
        <v>2998</v>
      </c>
      <c r="C1324" t="s">
        <v>756</v>
      </c>
      <c r="D1324">
        <v>19</v>
      </c>
      <c r="E1324" t="s">
        <v>894</v>
      </c>
      <c r="F1324" t="s">
        <v>4177</v>
      </c>
      <c r="G1324" t="s">
        <v>656</v>
      </c>
      <c r="H1324">
        <v>2</v>
      </c>
      <c r="I1324">
        <v>2020</v>
      </c>
    </row>
    <row r="1325" spans="1:9" x14ac:dyDescent="0.25">
      <c r="A1325">
        <v>1521</v>
      </c>
      <c r="B1325" t="s">
        <v>4402</v>
      </c>
      <c r="C1325" t="s">
        <v>756</v>
      </c>
      <c r="D1325">
        <v>19</v>
      </c>
      <c r="E1325" t="s">
        <v>894</v>
      </c>
      <c r="F1325" t="s">
        <v>4177</v>
      </c>
      <c r="G1325" t="s">
        <v>656</v>
      </c>
      <c r="H1325">
        <v>2</v>
      </c>
      <c r="I1325">
        <v>2020</v>
      </c>
    </row>
    <row r="1326" spans="1:9" x14ac:dyDescent="0.25">
      <c r="A1326">
        <v>1524</v>
      </c>
      <c r="B1326" t="s">
        <v>4403</v>
      </c>
      <c r="C1326" t="s">
        <v>756</v>
      </c>
      <c r="D1326">
        <v>19</v>
      </c>
      <c r="E1326" t="s">
        <v>894</v>
      </c>
      <c r="F1326" t="s">
        <v>4177</v>
      </c>
      <c r="G1326" t="s">
        <v>656</v>
      </c>
      <c r="H1326">
        <v>2</v>
      </c>
      <c r="I1326">
        <v>2020</v>
      </c>
    </row>
    <row r="1327" spans="1:9" x14ac:dyDescent="0.25">
      <c r="A1327">
        <v>1525</v>
      </c>
      <c r="B1327" t="s">
        <v>2995</v>
      </c>
      <c r="C1327" t="s">
        <v>756</v>
      </c>
      <c r="D1327">
        <v>19</v>
      </c>
      <c r="E1327" t="s">
        <v>894</v>
      </c>
      <c r="F1327" t="s">
        <v>4177</v>
      </c>
      <c r="G1327" t="s">
        <v>656</v>
      </c>
      <c r="H1327">
        <v>2</v>
      </c>
      <c r="I1327">
        <v>2020</v>
      </c>
    </row>
    <row r="1328" spans="1:9" x14ac:dyDescent="0.25">
      <c r="A1328">
        <v>1526</v>
      </c>
      <c r="B1328" t="s">
        <v>4404</v>
      </c>
      <c r="C1328" t="s">
        <v>894</v>
      </c>
      <c r="D1328">
        <v>18</v>
      </c>
      <c r="E1328" t="s">
        <v>894</v>
      </c>
      <c r="F1328" t="s">
        <v>4177</v>
      </c>
      <c r="G1328" t="s">
        <v>656</v>
      </c>
      <c r="H1328">
        <v>2</v>
      </c>
      <c r="I1328">
        <v>2020</v>
      </c>
    </row>
    <row r="1329" spans="1:9" x14ac:dyDescent="0.25">
      <c r="A1329">
        <v>1527</v>
      </c>
      <c r="B1329" t="s">
        <v>2994</v>
      </c>
      <c r="C1329" t="s">
        <v>691</v>
      </c>
      <c r="D1329">
        <v>21</v>
      </c>
      <c r="E1329" t="s">
        <v>691</v>
      </c>
      <c r="F1329" t="s">
        <v>4177</v>
      </c>
      <c r="G1329" t="s">
        <v>656</v>
      </c>
      <c r="H1329">
        <v>2</v>
      </c>
      <c r="I1329">
        <v>2020</v>
      </c>
    </row>
    <row r="1330" spans="1:9" x14ac:dyDescent="0.25">
      <c r="A1330">
        <v>1528</v>
      </c>
      <c r="B1330" t="s">
        <v>4405</v>
      </c>
      <c r="C1330" t="s">
        <v>691</v>
      </c>
      <c r="D1330">
        <v>21</v>
      </c>
      <c r="E1330" t="s">
        <v>691</v>
      </c>
      <c r="F1330" t="s">
        <v>4177</v>
      </c>
      <c r="G1330" t="s">
        <v>656</v>
      </c>
      <c r="H1330">
        <v>2</v>
      </c>
      <c r="I1330">
        <v>2020</v>
      </c>
    </row>
    <row r="1331" spans="1:9" x14ac:dyDescent="0.25">
      <c r="A1331">
        <v>1529</v>
      </c>
      <c r="B1331" t="s">
        <v>4406</v>
      </c>
      <c r="C1331" t="s">
        <v>691</v>
      </c>
      <c r="D1331">
        <v>21</v>
      </c>
      <c r="E1331" t="s">
        <v>691</v>
      </c>
      <c r="F1331" t="s">
        <v>4177</v>
      </c>
      <c r="G1331" t="s">
        <v>656</v>
      </c>
      <c r="H1331">
        <v>2</v>
      </c>
      <c r="I1331">
        <v>2020</v>
      </c>
    </row>
    <row r="1332" spans="1:9" x14ac:dyDescent="0.25">
      <c r="A1332">
        <v>1530</v>
      </c>
      <c r="B1332" t="s">
        <v>2993</v>
      </c>
      <c r="C1332" t="s">
        <v>691</v>
      </c>
      <c r="D1332">
        <v>21</v>
      </c>
      <c r="E1332" t="s">
        <v>691</v>
      </c>
      <c r="F1332" t="s">
        <v>4177</v>
      </c>
      <c r="G1332" t="s">
        <v>656</v>
      </c>
      <c r="H1332">
        <v>2</v>
      </c>
      <c r="I1332">
        <v>2020</v>
      </c>
    </row>
    <row r="1333" spans="1:9" x14ac:dyDescent="0.25">
      <c r="A1333">
        <v>1531</v>
      </c>
      <c r="B1333" t="s">
        <v>2992</v>
      </c>
      <c r="C1333" t="s">
        <v>691</v>
      </c>
      <c r="D1333">
        <v>21</v>
      </c>
      <c r="E1333" t="s">
        <v>691</v>
      </c>
      <c r="F1333" t="s">
        <v>4177</v>
      </c>
      <c r="G1333" t="s">
        <v>656</v>
      </c>
      <c r="H1333">
        <v>2</v>
      </c>
      <c r="I1333">
        <v>2020</v>
      </c>
    </row>
    <row r="1334" spans="1:9" x14ac:dyDescent="0.25">
      <c r="A1334">
        <v>1532</v>
      </c>
      <c r="B1334" t="s">
        <v>2990</v>
      </c>
      <c r="C1334" t="s">
        <v>691</v>
      </c>
      <c r="D1334">
        <v>21</v>
      </c>
      <c r="E1334" t="s">
        <v>691</v>
      </c>
      <c r="F1334" t="s">
        <v>4177</v>
      </c>
      <c r="G1334" t="s">
        <v>656</v>
      </c>
      <c r="H1334">
        <v>2</v>
      </c>
      <c r="I1334">
        <v>2020</v>
      </c>
    </row>
    <row r="1335" spans="1:9" x14ac:dyDescent="0.25">
      <c r="A1335">
        <v>1533</v>
      </c>
      <c r="B1335" t="s">
        <v>2989</v>
      </c>
      <c r="C1335" t="s">
        <v>691</v>
      </c>
      <c r="D1335">
        <v>21</v>
      </c>
      <c r="E1335" t="s">
        <v>691</v>
      </c>
      <c r="F1335" t="s">
        <v>4177</v>
      </c>
      <c r="G1335" t="s">
        <v>656</v>
      </c>
      <c r="H1335">
        <v>2</v>
      </c>
      <c r="I1335">
        <v>2020</v>
      </c>
    </row>
    <row r="1336" spans="1:9" x14ac:dyDescent="0.25">
      <c r="A1336">
        <v>1534</v>
      </c>
      <c r="B1336" t="s">
        <v>2648</v>
      </c>
      <c r="C1336" t="s">
        <v>691</v>
      </c>
      <c r="D1336">
        <v>21</v>
      </c>
      <c r="E1336" t="s">
        <v>691</v>
      </c>
      <c r="F1336" t="s">
        <v>4177</v>
      </c>
      <c r="G1336" t="s">
        <v>656</v>
      </c>
      <c r="H1336">
        <v>2</v>
      </c>
      <c r="I1336">
        <v>2020</v>
      </c>
    </row>
    <row r="1337" spans="1:9" x14ac:dyDescent="0.25">
      <c r="A1337">
        <v>1535</v>
      </c>
      <c r="B1337" t="s">
        <v>2988</v>
      </c>
      <c r="C1337" t="s">
        <v>691</v>
      </c>
      <c r="D1337">
        <v>21</v>
      </c>
      <c r="E1337" t="s">
        <v>691</v>
      </c>
      <c r="F1337" t="s">
        <v>4177</v>
      </c>
      <c r="G1337" t="s">
        <v>656</v>
      </c>
      <c r="H1337">
        <v>2</v>
      </c>
      <c r="I1337">
        <v>2020</v>
      </c>
    </row>
    <row r="1338" spans="1:9" x14ac:dyDescent="0.25">
      <c r="A1338">
        <v>1536</v>
      </c>
      <c r="B1338" t="s">
        <v>2987</v>
      </c>
      <c r="C1338" t="s">
        <v>691</v>
      </c>
      <c r="D1338">
        <v>21</v>
      </c>
      <c r="E1338" t="s">
        <v>691</v>
      </c>
      <c r="F1338" t="s">
        <v>4177</v>
      </c>
      <c r="G1338" t="s">
        <v>656</v>
      </c>
      <c r="H1338">
        <v>2</v>
      </c>
      <c r="I1338">
        <v>2020</v>
      </c>
    </row>
    <row r="1339" spans="1:9" x14ac:dyDescent="0.25">
      <c r="A1339">
        <v>1538</v>
      </c>
      <c r="B1339" t="s">
        <v>4407</v>
      </c>
      <c r="C1339" t="s">
        <v>894</v>
      </c>
      <c r="D1339">
        <v>18</v>
      </c>
      <c r="E1339" t="s">
        <v>894</v>
      </c>
      <c r="F1339" t="s">
        <v>4177</v>
      </c>
      <c r="G1339" t="s">
        <v>656</v>
      </c>
      <c r="H1339">
        <v>2</v>
      </c>
      <c r="I1339">
        <v>2020</v>
      </c>
    </row>
    <row r="1340" spans="1:9" x14ac:dyDescent="0.25">
      <c r="A1340">
        <v>1540</v>
      </c>
      <c r="B1340" t="s">
        <v>4408</v>
      </c>
      <c r="C1340" t="s">
        <v>894</v>
      </c>
      <c r="D1340">
        <v>18</v>
      </c>
      <c r="E1340" t="s">
        <v>894</v>
      </c>
      <c r="F1340" t="s">
        <v>4177</v>
      </c>
      <c r="G1340" t="s">
        <v>656</v>
      </c>
      <c r="H1340">
        <v>2</v>
      </c>
      <c r="I1340">
        <v>2020</v>
      </c>
    </row>
    <row r="1341" spans="1:9" x14ac:dyDescent="0.25">
      <c r="A1341">
        <v>1541</v>
      </c>
      <c r="B1341" t="s">
        <v>2984</v>
      </c>
      <c r="C1341" t="s">
        <v>894</v>
      </c>
      <c r="D1341">
        <v>18</v>
      </c>
      <c r="E1341" t="s">
        <v>894</v>
      </c>
      <c r="F1341" t="s">
        <v>4177</v>
      </c>
      <c r="G1341" t="s">
        <v>656</v>
      </c>
      <c r="H1341">
        <v>2</v>
      </c>
      <c r="I1341">
        <v>2020</v>
      </c>
    </row>
    <row r="1342" spans="1:9" x14ac:dyDescent="0.25">
      <c r="A1342">
        <v>1542</v>
      </c>
      <c r="B1342" t="s">
        <v>4409</v>
      </c>
      <c r="C1342" t="s">
        <v>894</v>
      </c>
      <c r="D1342">
        <v>18</v>
      </c>
      <c r="E1342" t="s">
        <v>894</v>
      </c>
      <c r="F1342" t="s">
        <v>4177</v>
      </c>
      <c r="G1342" t="s">
        <v>656</v>
      </c>
      <c r="H1342">
        <v>2</v>
      </c>
      <c r="I1342">
        <v>2020</v>
      </c>
    </row>
    <row r="1343" spans="1:9" x14ac:dyDescent="0.25">
      <c r="A1343">
        <v>1544</v>
      </c>
      <c r="B1343" t="s">
        <v>4410</v>
      </c>
      <c r="C1343" t="s">
        <v>894</v>
      </c>
      <c r="D1343">
        <v>18</v>
      </c>
      <c r="E1343" t="s">
        <v>894</v>
      </c>
      <c r="F1343" t="s">
        <v>4177</v>
      </c>
      <c r="G1343" t="s">
        <v>656</v>
      </c>
      <c r="H1343">
        <v>2</v>
      </c>
      <c r="I1343">
        <v>2020</v>
      </c>
    </row>
    <row r="1344" spans="1:9" x14ac:dyDescent="0.25">
      <c r="A1344">
        <v>1554</v>
      </c>
      <c r="B1344" t="s">
        <v>2982</v>
      </c>
      <c r="C1344" t="s">
        <v>703</v>
      </c>
      <c r="D1344">
        <v>16</v>
      </c>
      <c r="E1344" t="s">
        <v>703</v>
      </c>
      <c r="F1344" t="s">
        <v>4177</v>
      </c>
      <c r="G1344" t="s">
        <v>656</v>
      </c>
      <c r="H1344">
        <v>2</v>
      </c>
      <c r="I1344">
        <v>2020</v>
      </c>
    </row>
    <row r="1345" spans="1:9" x14ac:dyDescent="0.25">
      <c r="A1345">
        <v>1556</v>
      </c>
      <c r="B1345" t="s">
        <v>2981</v>
      </c>
      <c r="C1345" t="s">
        <v>703</v>
      </c>
      <c r="D1345">
        <v>16</v>
      </c>
      <c r="E1345" t="s">
        <v>703</v>
      </c>
      <c r="F1345" t="s">
        <v>4177</v>
      </c>
      <c r="G1345" t="s">
        <v>656</v>
      </c>
      <c r="H1345">
        <v>2</v>
      </c>
      <c r="I1345">
        <v>2020</v>
      </c>
    </row>
    <row r="1346" spans="1:9" x14ac:dyDescent="0.25">
      <c r="A1346">
        <v>1557</v>
      </c>
      <c r="B1346" t="s">
        <v>1652</v>
      </c>
      <c r="C1346" t="s">
        <v>703</v>
      </c>
      <c r="D1346">
        <v>16</v>
      </c>
      <c r="E1346" t="s">
        <v>703</v>
      </c>
      <c r="F1346" t="s">
        <v>4177</v>
      </c>
      <c r="G1346" t="s">
        <v>656</v>
      </c>
      <c r="H1346">
        <v>2</v>
      </c>
      <c r="I1346">
        <v>2020</v>
      </c>
    </row>
    <row r="1347" spans="1:9" x14ac:dyDescent="0.25">
      <c r="A1347">
        <v>1558</v>
      </c>
      <c r="B1347" t="s">
        <v>2980</v>
      </c>
      <c r="C1347" t="s">
        <v>703</v>
      </c>
      <c r="D1347">
        <v>16</v>
      </c>
      <c r="E1347" t="s">
        <v>703</v>
      </c>
      <c r="F1347" t="s">
        <v>4177</v>
      </c>
      <c r="G1347" t="s">
        <v>656</v>
      </c>
      <c r="H1347">
        <v>2</v>
      </c>
      <c r="I1347">
        <v>2020</v>
      </c>
    </row>
    <row r="1348" spans="1:9" x14ac:dyDescent="0.25">
      <c r="A1348">
        <v>1559</v>
      </c>
      <c r="B1348" t="s">
        <v>2979</v>
      </c>
      <c r="C1348" t="s">
        <v>703</v>
      </c>
      <c r="D1348">
        <v>16</v>
      </c>
      <c r="E1348" t="s">
        <v>703</v>
      </c>
      <c r="F1348" t="s">
        <v>4177</v>
      </c>
      <c r="G1348" t="s">
        <v>656</v>
      </c>
      <c r="H1348">
        <v>2</v>
      </c>
      <c r="I1348">
        <v>2020</v>
      </c>
    </row>
    <row r="1349" spans="1:9" x14ac:dyDescent="0.25">
      <c r="A1349">
        <v>1560</v>
      </c>
      <c r="B1349" t="s">
        <v>4411</v>
      </c>
      <c r="C1349" t="s">
        <v>868</v>
      </c>
      <c r="D1349">
        <v>23</v>
      </c>
      <c r="E1349" t="s">
        <v>4178</v>
      </c>
      <c r="F1349" t="s">
        <v>4177</v>
      </c>
      <c r="G1349" t="s">
        <v>656</v>
      </c>
      <c r="H1349">
        <v>2</v>
      </c>
      <c r="I1349">
        <v>2020</v>
      </c>
    </row>
    <row r="1350" spans="1:9" x14ac:dyDescent="0.25">
      <c r="A1350">
        <v>1561</v>
      </c>
      <c r="B1350" t="s">
        <v>2978</v>
      </c>
      <c r="C1350" t="s">
        <v>868</v>
      </c>
      <c r="D1350">
        <v>23</v>
      </c>
      <c r="E1350" t="s">
        <v>4178</v>
      </c>
      <c r="F1350" t="s">
        <v>4177</v>
      </c>
      <c r="G1350" t="s">
        <v>656</v>
      </c>
      <c r="H1350">
        <v>2</v>
      </c>
      <c r="I1350">
        <v>2020</v>
      </c>
    </row>
    <row r="1351" spans="1:9" x14ac:dyDescent="0.25">
      <c r="A1351">
        <v>1562</v>
      </c>
      <c r="B1351" t="s">
        <v>2977</v>
      </c>
      <c r="C1351" t="s">
        <v>868</v>
      </c>
      <c r="D1351">
        <v>23</v>
      </c>
      <c r="E1351" t="s">
        <v>4178</v>
      </c>
      <c r="F1351" t="s">
        <v>4177</v>
      </c>
      <c r="G1351" t="s">
        <v>656</v>
      </c>
      <c r="H1351">
        <v>2</v>
      </c>
      <c r="I1351">
        <v>2020</v>
      </c>
    </row>
    <row r="1352" spans="1:9" x14ac:dyDescent="0.25">
      <c r="A1352">
        <v>1563</v>
      </c>
      <c r="B1352" t="s">
        <v>2976</v>
      </c>
      <c r="C1352" t="s">
        <v>868</v>
      </c>
      <c r="D1352">
        <v>23</v>
      </c>
      <c r="E1352" t="s">
        <v>4178</v>
      </c>
      <c r="F1352" t="s">
        <v>4177</v>
      </c>
      <c r="G1352" t="s">
        <v>656</v>
      </c>
      <c r="H1352">
        <v>2</v>
      </c>
      <c r="I1352">
        <v>2020</v>
      </c>
    </row>
    <row r="1353" spans="1:9" x14ac:dyDescent="0.25">
      <c r="A1353">
        <v>1564</v>
      </c>
      <c r="B1353" t="s">
        <v>2975</v>
      </c>
      <c r="C1353" t="s">
        <v>868</v>
      </c>
      <c r="D1353">
        <v>23</v>
      </c>
      <c r="E1353" t="s">
        <v>4178</v>
      </c>
      <c r="F1353" t="s">
        <v>4177</v>
      </c>
      <c r="G1353" t="s">
        <v>656</v>
      </c>
      <c r="H1353">
        <v>2</v>
      </c>
      <c r="I1353">
        <v>2020</v>
      </c>
    </row>
    <row r="1354" spans="1:9" x14ac:dyDescent="0.25">
      <c r="A1354">
        <v>1565</v>
      </c>
      <c r="B1354" t="s">
        <v>2099</v>
      </c>
      <c r="C1354" t="s">
        <v>868</v>
      </c>
      <c r="D1354">
        <v>23</v>
      </c>
      <c r="E1354" t="s">
        <v>4178</v>
      </c>
      <c r="F1354" t="s">
        <v>4177</v>
      </c>
      <c r="G1354" t="s">
        <v>656</v>
      </c>
      <c r="H1354">
        <v>2</v>
      </c>
      <c r="I1354">
        <v>2020</v>
      </c>
    </row>
    <row r="1355" spans="1:9" x14ac:dyDescent="0.25">
      <c r="A1355">
        <v>1566</v>
      </c>
      <c r="B1355" t="s">
        <v>4412</v>
      </c>
      <c r="C1355" t="s">
        <v>868</v>
      </c>
      <c r="D1355">
        <v>23</v>
      </c>
      <c r="E1355" t="s">
        <v>4178</v>
      </c>
      <c r="F1355" t="s">
        <v>4177</v>
      </c>
      <c r="G1355" t="s">
        <v>656</v>
      </c>
      <c r="H1355">
        <v>2</v>
      </c>
      <c r="I1355">
        <v>2020</v>
      </c>
    </row>
    <row r="1356" spans="1:9" x14ac:dyDescent="0.25">
      <c r="A1356">
        <v>1567</v>
      </c>
      <c r="B1356" t="s">
        <v>2974</v>
      </c>
      <c r="C1356" t="s">
        <v>868</v>
      </c>
      <c r="D1356">
        <v>23</v>
      </c>
      <c r="E1356" t="s">
        <v>4178</v>
      </c>
      <c r="F1356" t="s">
        <v>4177</v>
      </c>
      <c r="G1356" t="s">
        <v>656</v>
      </c>
      <c r="H1356">
        <v>2</v>
      </c>
      <c r="I1356">
        <v>2020</v>
      </c>
    </row>
    <row r="1357" spans="1:9" x14ac:dyDescent="0.25">
      <c r="A1357">
        <v>1568</v>
      </c>
      <c r="B1357" t="s">
        <v>2973</v>
      </c>
      <c r="C1357" t="s">
        <v>684</v>
      </c>
      <c r="D1357">
        <v>22</v>
      </c>
      <c r="E1357" t="s">
        <v>4178</v>
      </c>
      <c r="F1357" t="s">
        <v>4177</v>
      </c>
      <c r="G1357" t="s">
        <v>656</v>
      </c>
      <c r="H1357">
        <v>2</v>
      </c>
      <c r="I1357">
        <v>2020</v>
      </c>
    </row>
    <row r="1358" spans="1:9" x14ac:dyDescent="0.25">
      <c r="A1358">
        <v>1569</v>
      </c>
      <c r="B1358" t="s">
        <v>4413</v>
      </c>
      <c r="C1358" t="s">
        <v>684</v>
      </c>
      <c r="D1358">
        <v>22</v>
      </c>
      <c r="E1358" t="s">
        <v>4178</v>
      </c>
      <c r="F1358" t="s">
        <v>4177</v>
      </c>
      <c r="G1358" t="s">
        <v>656</v>
      </c>
      <c r="H1358">
        <v>2</v>
      </c>
      <c r="I1358">
        <v>2020</v>
      </c>
    </row>
    <row r="1359" spans="1:9" x14ac:dyDescent="0.25">
      <c r="A1359">
        <v>1570</v>
      </c>
      <c r="B1359" t="s">
        <v>2972</v>
      </c>
      <c r="C1359" t="s">
        <v>684</v>
      </c>
      <c r="D1359">
        <v>22</v>
      </c>
      <c r="E1359" t="s">
        <v>4178</v>
      </c>
      <c r="F1359" t="s">
        <v>4177</v>
      </c>
      <c r="G1359" t="s">
        <v>656</v>
      </c>
      <c r="H1359">
        <v>2</v>
      </c>
      <c r="I1359">
        <v>2020</v>
      </c>
    </row>
    <row r="1360" spans="1:9" x14ac:dyDescent="0.25">
      <c r="A1360">
        <v>1571</v>
      </c>
      <c r="B1360" t="s">
        <v>4414</v>
      </c>
      <c r="C1360" t="s">
        <v>684</v>
      </c>
      <c r="D1360">
        <v>22</v>
      </c>
      <c r="E1360" t="s">
        <v>4178</v>
      </c>
      <c r="F1360" t="s">
        <v>4177</v>
      </c>
      <c r="G1360" t="s">
        <v>656</v>
      </c>
      <c r="H1360">
        <v>2</v>
      </c>
      <c r="I1360">
        <v>2020</v>
      </c>
    </row>
    <row r="1361" spans="1:9" x14ac:dyDescent="0.25">
      <c r="A1361">
        <v>1572</v>
      </c>
      <c r="B1361" t="s">
        <v>1037</v>
      </c>
      <c r="C1361" t="s">
        <v>684</v>
      </c>
      <c r="D1361">
        <v>22</v>
      </c>
      <c r="E1361" t="s">
        <v>4178</v>
      </c>
      <c r="F1361" t="s">
        <v>4177</v>
      </c>
      <c r="G1361" t="s">
        <v>656</v>
      </c>
      <c r="H1361">
        <v>2</v>
      </c>
      <c r="I1361">
        <v>2020</v>
      </c>
    </row>
    <row r="1362" spans="1:9" x14ac:dyDescent="0.25">
      <c r="A1362">
        <v>1573</v>
      </c>
      <c r="B1362" t="s">
        <v>2971</v>
      </c>
      <c r="C1362" t="s">
        <v>684</v>
      </c>
      <c r="D1362">
        <v>22</v>
      </c>
      <c r="E1362" t="s">
        <v>4178</v>
      </c>
      <c r="F1362" t="s">
        <v>4177</v>
      </c>
      <c r="G1362" t="s">
        <v>656</v>
      </c>
      <c r="H1362">
        <v>2</v>
      </c>
      <c r="I1362">
        <v>2020</v>
      </c>
    </row>
    <row r="1363" spans="1:9" x14ac:dyDescent="0.25">
      <c r="A1363">
        <v>1574</v>
      </c>
      <c r="B1363" t="s">
        <v>2970</v>
      </c>
      <c r="C1363" t="s">
        <v>684</v>
      </c>
      <c r="D1363">
        <v>22</v>
      </c>
      <c r="E1363" t="s">
        <v>4178</v>
      </c>
      <c r="F1363" t="s">
        <v>4177</v>
      </c>
      <c r="G1363" t="s">
        <v>656</v>
      </c>
      <c r="H1363">
        <v>2</v>
      </c>
      <c r="I1363">
        <v>2020</v>
      </c>
    </row>
    <row r="1364" spans="1:9" x14ac:dyDescent="0.25">
      <c r="A1364">
        <v>1575</v>
      </c>
      <c r="B1364" t="s">
        <v>2969</v>
      </c>
      <c r="C1364" t="s">
        <v>684</v>
      </c>
      <c r="D1364">
        <v>22</v>
      </c>
      <c r="E1364" t="s">
        <v>4178</v>
      </c>
      <c r="F1364" t="s">
        <v>4177</v>
      </c>
      <c r="G1364" t="s">
        <v>656</v>
      </c>
      <c r="H1364">
        <v>2</v>
      </c>
      <c r="I1364">
        <v>2020</v>
      </c>
    </row>
    <row r="1365" spans="1:9" x14ac:dyDescent="0.25">
      <c r="A1365">
        <v>1576</v>
      </c>
      <c r="B1365" t="s">
        <v>2968</v>
      </c>
      <c r="C1365" t="s">
        <v>301</v>
      </c>
      <c r="D1365">
        <v>26</v>
      </c>
      <c r="E1365" t="s">
        <v>4179</v>
      </c>
      <c r="F1365" t="s">
        <v>4177</v>
      </c>
      <c r="G1365" t="s">
        <v>656</v>
      </c>
      <c r="H1365">
        <v>2</v>
      </c>
      <c r="I1365">
        <v>2020</v>
      </c>
    </row>
    <row r="1366" spans="1:9" x14ac:dyDescent="0.25">
      <c r="A1366">
        <v>1577</v>
      </c>
      <c r="B1366" t="s">
        <v>2417</v>
      </c>
      <c r="C1366" t="s">
        <v>301</v>
      </c>
      <c r="D1366">
        <v>26</v>
      </c>
      <c r="E1366" t="s">
        <v>4179</v>
      </c>
      <c r="F1366" t="s">
        <v>4177</v>
      </c>
      <c r="G1366" t="s">
        <v>656</v>
      </c>
      <c r="H1366">
        <v>2</v>
      </c>
      <c r="I1366">
        <v>2020</v>
      </c>
    </row>
    <row r="1367" spans="1:9" x14ac:dyDescent="0.25">
      <c r="A1367">
        <v>1579</v>
      </c>
      <c r="B1367" t="s">
        <v>1912</v>
      </c>
      <c r="C1367" t="s">
        <v>301</v>
      </c>
      <c r="D1367">
        <v>26</v>
      </c>
      <c r="E1367" t="s">
        <v>4179</v>
      </c>
      <c r="F1367" t="s">
        <v>4177</v>
      </c>
      <c r="G1367" t="s">
        <v>656</v>
      </c>
      <c r="H1367">
        <v>2</v>
      </c>
      <c r="I1367">
        <v>2020</v>
      </c>
    </row>
    <row r="1368" spans="1:9" x14ac:dyDescent="0.25">
      <c r="A1368">
        <v>1580</v>
      </c>
      <c r="B1368" t="s">
        <v>2966</v>
      </c>
      <c r="C1368" t="s">
        <v>1559</v>
      </c>
      <c r="D1368">
        <v>96</v>
      </c>
      <c r="E1368" t="s">
        <v>4179</v>
      </c>
      <c r="F1368" t="s">
        <v>4177</v>
      </c>
      <c r="G1368" t="s">
        <v>656</v>
      </c>
      <c r="H1368">
        <v>2</v>
      </c>
      <c r="I1368">
        <v>2020</v>
      </c>
    </row>
    <row r="1369" spans="1:9" x14ac:dyDescent="0.25">
      <c r="A1369">
        <v>1581</v>
      </c>
      <c r="B1369" t="s">
        <v>2965</v>
      </c>
      <c r="C1369" t="s">
        <v>1559</v>
      </c>
      <c r="D1369">
        <v>96</v>
      </c>
      <c r="E1369" t="s">
        <v>4179</v>
      </c>
      <c r="F1369" t="s">
        <v>4177</v>
      </c>
      <c r="G1369" t="s">
        <v>656</v>
      </c>
      <c r="H1369">
        <v>2</v>
      </c>
      <c r="I1369">
        <v>2020</v>
      </c>
    </row>
    <row r="1370" spans="1:9" x14ac:dyDescent="0.25">
      <c r="A1370">
        <v>1582</v>
      </c>
      <c r="B1370" t="s">
        <v>2234</v>
      </c>
      <c r="C1370" t="s">
        <v>299</v>
      </c>
      <c r="D1370">
        <v>27</v>
      </c>
      <c r="E1370" t="s">
        <v>4179</v>
      </c>
      <c r="F1370" t="s">
        <v>4177</v>
      </c>
      <c r="G1370" t="s">
        <v>656</v>
      </c>
      <c r="H1370">
        <v>2</v>
      </c>
      <c r="I1370">
        <v>2020</v>
      </c>
    </row>
    <row r="1371" spans="1:9" x14ac:dyDescent="0.25">
      <c r="A1371">
        <v>1583</v>
      </c>
      <c r="B1371" t="s">
        <v>4415</v>
      </c>
      <c r="C1371" t="s">
        <v>299</v>
      </c>
      <c r="D1371">
        <v>27</v>
      </c>
      <c r="E1371" t="s">
        <v>4179</v>
      </c>
      <c r="F1371" t="s">
        <v>4177</v>
      </c>
      <c r="G1371" t="s">
        <v>656</v>
      </c>
      <c r="H1371">
        <v>2</v>
      </c>
      <c r="I1371">
        <v>2020</v>
      </c>
    </row>
    <row r="1372" spans="1:9" x14ac:dyDescent="0.25">
      <c r="A1372">
        <v>1584</v>
      </c>
      <c r="B1372" t="s">
        <v>2964</v>
      </c>
      <c r="C1372" t="s">
        <v>299</v>
      </c>
      <c r="D1372">
        <v>27</v>
      </c>
      <c r="E1372" t="s">
        <v>4179</v>
      </c>
      <c r="F1372" t="s">
        <v>4177</v>
      </c>
      <c r="G1372" t="s">
        <v>656</v>
      </c>
      <c r="H1372">
        <v>2</v>
      </c>
      <c r="I1372">
        <v>2020</v>
      </c>
    </row>
    <row r="1373" spans="1:9" x14ac:dyDescent="0.25">
      <c r="A1373">
        <v>1585</v>
      </c>
      <c r="B1373" t="s">
        <v>1583</v>
      </c>
      <c r="C1373" t="s">
        <v>299</v>
      </c>
      <c r="D1373">
        <v>27</v>
      </c>
      <c r="E1373" t="s">
        <v>4179</v>
      </c>
      <c r="F1373" t="s">
        <v>4177</v>
      </c>
      <c r="G1373" t="s">
        <v>656</v>
      </c>
      <c r="H1373">
        <v>2</v>
      </c>
      <c r="I1373">
        <v>2020</v>
      </c>
    </row>
    <row r="1374" spans="1:9" x14ac:dyDescent="0.25">
      <c r="A1374">
        <v>1586</v>
      </c>
      <c r="B1374" t="s">
        <v>2963</v>
      </c>
      <c r="C1374" t="s">
        <v>299</v>
      </c>
      <c r="D1374">
        <v>27</v>
      </c>
      <c r="E1374" t="s">
        <v>4179</v>
      </c>
      <c r="F1374" t="s">
        <v>4177</v>
      </c>
      <c r="G1374" t="s">
        <v>656</v>
      </c>
      <c r="H1374">
        <v>2</v>
      </c>
      <c r="I1374">
        <v>2020</v>
      </c>
    </row>
    <row r="1375" spans="1:9" x14ac:dyDescent="0.25">
      <c r="A1375">
        <v>1587</v>
      </c>
      <c r="B1375" t="s">
        <v>2962</v>
      </c>
      <c r="C1375" t="s">
        <v>813</v>
      </c>
      <c r="D1375">
        <v>24</v>
      </c>
      <c r="E1375" t="s">
        <v>4179</v>
      </c>
      <c r="F1375" t="s">
        <v>4177</v>
      </c>
      <c r="G1375" t="s">
        <v>656</v>
      </c>
      <c r="H1375">
        <v>2</v>
      </c>
      <c r="I1375">
        <v>2020</v>
      </c>
    </row>
    <row r="1376" spans="1:9" x14ac:dyDescent="0.25">
      <c r="A1376">
        <v>1588</v>
      </c>
      <c r="B1376" t="s">
        <v>2961</v>
      </c>
      <c r="C1376" t="s">
        <v>813</v>
      </c>
      <c r="D1376">
        <v>24</v>
      </c>
      <c r="E1376" t="s">
        <v>4179</v>
      </c>
      <c r="F1376" t="s">
        <v>4177</v>
      </c>
      <c r="G1376" t="s">
        <v>656</v>
      </c>
      <c r="H1376">
        <v>2</v>
      </c>
      <c r="I1376">
        <v>2020</v>
      </c>
    </row>
    <row r="1377" spans="1:9" x14ac:dyDescent="0.25">
      <c r="A1377">
        <v>1589</v>
      </c>
      <c r="B1377" t="s">
        <v>4180</v>
      </c>
      <c r="C1377" t="s">
        <v>813</v>
      </c>
      <c r="D1377">
        <v>24</v>
      </c>
      <c r="E1377" t="s">
        <v>4179</v>
      </c>
      <c r="F1377" t="s">
        <v>4177</v>
      </c>
      <c r="G1377" t="s">
        <v>656</v>
      </c>
      <c r="H1377">
        <v>2</v>
      </c>
      <c r="I1377">
        <v>2020</v>
      </c>
    </row>
    <row r="1378" spans="1:9" x14ac:dyDescent="0.25">
      <c r="A1378">
        <v>1590</v>
      </c>
      <c r="B1378" t="s">
        <v>4416</v>
      </c>
      <c r="C1378" t="s">
        <v>813</v>
      </c>
      <c r="D1378">
        <v>24</v>
      </c>
      <c r="E1378" t="s">
        <v>4179</v>
      </c>
      <c r="F1378" t="s">
        <v>4177</v>
      </c>
      <c r="G1378" t="s">
        <v>656</v>
      </c>
      <c r="H1378">
        <v>2</v>
      </c>
      <c r="I1378">
        <v>2020</v>
      </c>
    </row>
    <row r="1379" spans="1:9" x14ac:dyDescent="0.25">
      <c r="A1379">
        <v>1591</v>
      </c>
      <c r="B1379" t="s">
        <v>2960</v>
      </c>
      <c r="C1379" t="s">
        <v>813</v>
      </c>
      <c r="D1379">
        <v>24</v>
      </c>
      <c r="E1379" t="s">
        <v>4179</v>
      </c>
      <c r="F1379" t="s">
        <v>4177</v>
      </c>
      <c r="G1379" t="s">
        <v>656</v>
      </c>
      <c r="H1379">
        <v>2</v>
      </c>
      <c r="I1379">
        <v>2020</v>
      </c>
    </row>
    <row r="1380" spans="1:9" x14ac:dyDescent="0.25">
      <c r="A1380">
        <v>1592</v>
      </c>
      <c r="B1380" t="s">
        <v>4417</v>
      </c>
      <c r="C1380" t="s">
        <v>813</v>
      </c>
      <c r="D1380">
        <v>24</v>
      </c>
      <c r="E1380" t="s">
        <v>4179</v>
      </c>
      <c r="F1380" t="s">
        <v>4177</v>
      </c>
      <c r="G1380" t="s">
        <v>656</v>
      </c>
      <c r="H1380">
        <v>2</v>
      </c>
      <c r="I1380">
        <v>2020</v>
      </c>
    </row>
    <row r="1381" spans="1:9" x14ac:dyDescent="0.25">
      <c r="A1381">
        <v>1593</v>
      </c>
      <c r="B1381" t="s">
        <v>2959</v>
      </c>
      <c r="C1381" t="s">
        <v>955</v>
      </c>
      <c r="D1381">
        <v>29</v>
      </c>
      <c r="E1381" t="s">
        <v>4179</v>
      </c>
      <c r="F1381" t="s">
        <v>4177</v>
      </c>
      <c r="G1381" t="s">
        <v>656</v>
      </c>
      <c r="H1381">
        <v>2</v>
      </c>
      <c r="I1381">
        <v>2020</v>
      </c>
    </row>
    <row r="1382" spans="1:9" x14ac:dyDescent="0.25">
      <c r="A1382">
        <v>1594</v>
      </c>
      <c r="B1382" t="s">
        <v>2881</v>
      </c>
      <c r="C1382" t="s">
        <v>955</v>
      </c>
      <c r="D1382">
        <v>29</v>
      </c>
      <c r="E1382" t="s">
        <v>4179</v>
      </c>
      <c r="F1382" t="s">
        <v>4177</v>
      </c>
      <c r="G1382" t="s">
        <v>656</v>
      </c>
      <c r="H1382">
        <v>2</v>
      </c>
      <c r="I1382">
        <v>2020</v>
      </c>
    </row>
    <row r="1383" spans="1:9" x14ac:dyDescent="0.25">
      <c r="A1383">
        <v>1595</v>
      </c>
      <c r="B1383" t="s">
        <v>2958</v>
      </c>
      <c r="C1383" t="s">
        <v>807</v>
      </c>
      <c r="D1383">
        <v>25</v>
      </c>
      <c r="E1383" t="s">
        <v>4179</v>
      </c>
      <c r="F1383" t="s">
        <v>4177</v>
      </c>
      <c r="G1383" t="s">
        <v>656</v>
      </c>
      <c r="H1383">
        <v>2</v>
      </c>
      <c r="I1383">
        <v>2020</v>
      </c>
    </row>
    <row r="1384" spans="1:9" x14ac:dyDescent="0.25">
      <c r="A1384">
        <v>1596</v>
      </c>
      <c r="B1384" t="s">
        <v>2957</v>
      </c>
      <c r="C1384" t="s">
        <v>807</v>
      </c>
      <c r="D1384">
        <v>25</v>
      </c>
      <c r="E1384" t="s">
        <v>4179</v>
      </c>
      <c r="F1384" t="s">
        <v>4177</v>
      </c>
      <c r="G1384" t="s">
        <v>656</v>
      </c>
      <c r="H1384">
        <v>2</v>
      </c>
      <c r="I1384">
        <v>2020</v>
      </c>
    </row>
    <row r="1385" spans="1:9" x14ac:dyDescent="0.25">
      <c r="A1385">
        <v>1597</v>
      </c>
      <c r="B1385" t="s">
        <v>2955</v>
      </c>
      <c r="C1385" t="s">
        <v>807</v>
      </c>
      <c r="D1385">
        <v>25</v>
      </c>
      <c r="E1385" t="s">
        <v>4179</v>
      </c>
      <c r="F1385" t="s">
        <v>4177</v>
      </c>
      <c r="G1385" t="s">
        <v>656</v>
      </c>
      <c r="H1385">
        <v>2</v>
      </c>
      <c r="I1385">
        <v>2020</v>
      </c>
    </row>
    <row r="1386" spans="1:9" x14ac:dyDescent="0.25">
      <c r="A1386">
        <v>1598</v>
      </c>
      <c r="B1386" t="s">
        <v>4418</v>
      </c>
      <c r="C1386" t="s">
        <v>295</v>
      </c>
      <c r="D1386">
        <v>30</v>
      </c>
      <c r="E1386" t="s">
        <v>4179</v>
      </c>
      <c r="F1386" t="s">
        <v>4177</v>
      </c>
      <c r="G1386" t="s">
        <v>656</v>
      </c>
      <c r="H1386">
        <v>2</v>
      </c>
      <c r="I1386">
        <v>2020</v>
      </c>
    </row>
    <row r="1387" spans="1:9" x14ac:dyDescent="0.25">
      <c r="A1387">
        <v>1599</v>
      </c>
      <c r="B1387" t="s">
        <v>4419</v>
      </c>
      <c r="C1387" t="s">
        <v>295</v>
      </c>
      <c r="D1387">
        <v>30</v>
      </c>
      <c r="E1387" t="s">
        <v>4179</v>
      </c>
      <c r="F1387" t="s">
        <v>4177</v>
      </c>
      <c r="G1387" t="s">
        <v>656</v>
      </c>
      <c r="H1387">
        <v>2</v>
      </c>
      <c r="I1387">
        <v>2020</v>
      </c>
    </row>
    <row r="1388" spans="1:9" x14ac:dyDescent="0.25">
      <c r="A1388">
        <v>1600</v>
      </c>
      <c r="B1388" t="s">
        <v>2954</v>
      </c>
      <c r="C1388" t="s">
        <v>295</v>
      </c>
      <c r="D1388">
        <v>30</v>
      </c>
      <c r="E1388" t="s">
        <v>4179</v>
      </c>
      <c r="F1388" t="s">
        <v>4177</v>
      </c>
      <c r="G1388" t="s">
        <v>656</v>
      </c>
      <c r="H1388">
        <v>2</v>
      </c>
      <c r="I1388">
        <v>2020</v>
      </c>
    </row>
    <row r="1389" spans="1:9" x14ac:dyDescent="0.25">
      <c r="A1389">
        <v>1601</v>
      </c>
      <c r="B1389" t="s">
        <v>653</v>
      </c>
      <c r="C1389" t="s">
        <v>295</v>
      </c>
      <c r="D1389">
        <v>30</v>
      </c>
      <c r="E1389" t="s">
        <v>4179</v>
      </c>
      <c r="F1389" t="s">
        <v>4177</v>
      </c>
      <c r="G1389" t="s">
        <v>656</v>
      </c>
      <c r="H1389">
        <v>2</v>
      </c>
      <c r="I1389">
        <v>2020</v>
      </c>
    </row>
    <row r="1390" spans="1:9" x14ac:dyDescent="0.25">
      <c r="A1390">
        <v>1602</v>
      </c>
      <c r="B1390" t="s">
        <v>2953</v>
      </c>
      <c r="C1390" t="s">
        <v>295</v>
      </c>
      <c r="D1390">
        <v>30</v>
      </c>
      <c r="E1390" t="s">
        <v>4179</v>
      </c>
      <c r="F1390" t="s">
        <v>4177</v>
      </c>
      <c r="G1390" t="s">
        <v>656</v>
      </c>
      <c r="H1390">
        <v>2</v>
      </c>
      <c r="I1390">
        <v>2020</v>
      </c>
    </row>
    <row r="1391" spans="1:9" x14ac:dyDescent="0.25">
      <c r="A1391">
        <v>1603</v>
      </c>
      <c r="B1391" t="s">
        <v>4420</v>
      </c>
      <c r="C1391" t="s">
        <v>294</v>
      </c>
      <c r="D1391">
        <v>31</v>
      </c>
      <c r="E1391" t="s">
        <v>4179</v>
      </c>
      <c r="F1391" t="s">
        <v>4177</v>
      </c>
      <c r="G1391" t="s">
        <v>656</v>
      </c>
      <c r="H1391">
        <v>2</v>
      </c>
      <c r="I1391">
        <v>2020</v>
      </c>
    </row>
    <row r="1392" spans="1:9" x14ac:dyDescent="0.25">
      <c r="A1392">
        <v>1604</v>
      </c>
      <c r="B1392" t="s">
        <v>2952</v>
      </c>
      <c r="C1392" t="s">
        <v>294</v>
      </c>
      <c r="D1392">
        <v>31</v>
      </c>
      <c r="E1392" t="s">
        <v>4179</v>
      </c>
      <c r="F1392" t="s">
        <v>4177</v>
      </c>
      <c r="G1392" t="s">
        <v>656</v>
      </c>
      <c r="H1392">
        <v>2</v>
      </c>
      <c r="I1392">
        <v>2020</v>
      </c>
    </row>
    <row r="1393" spans="1:9" x14ac:dyDescent="0.25">
      <c r="A1393">
        <v>1606</v>
      </c>
      <c r="B1393" t="s">
        <v>904</v>
      </c>
      <c r="C1393" t="s">
        <v>682</v>
      </c>
      <c r="D1393">
        <v>20</v>
      </c>
      <c r="E1393" t="s">
        <v>682</v>
      </c>
      <c r="F1393" t="s">
        <v>4177</v>
      </c>
      <c r="G1393" t="s">
        <v>656</v>
      </c>
      <c r="H1393">
        <v>2</v>
      </c>
      <c r="I1393">
        <v>2020</v>
      </c>
    </row>
    <row r="1394" spans="1:9" x14ac:dyDescent="0.25">
      <c r="A1394">
        <v>1607</v>
      </c>
      <c r="B1394" t="s">
        <v>4421</v>
      </c>
      <c r="C1394" t="s">
        <v>682</v>
      </c>
      <c r="D1394">
        <v>20</v>
      </c>
      <c r="E1394" t="s">
        <v>682</v>
      </c>
      <c r="F1394" t="s">
        <v>4177</v>
      </c>
      <c r="G1394" t="s">
        <v>656</v>
      </c>
      <c r="H1394">
        <v>2</v>
      </c>
      <c r="I1394">
        <v>2020</v>
      </c>
    </row>
    <row r="1395" spans="1:9" x14ac:dyDescent="0.25">
      <c r="A1395">
        <v>1609</v>
      </c>
      <c r="B1395" t="s">
        <v>2949</v>
      </c>
      <c r="C1395" t="s">
        <v>682</v>
      </c>
      <c r="D1395">
        <v>20</v>
      </c>
      <c r="E1395" t="s">
        <v>682</v>
      </c>
      <c r="F1395" t="s">
        <v>4177</v>
      </c>
      <c r="G1395" t="s">
        <v>656</v>
      </c>
      <c r="H1395">
        <v>2</v>
      </c>
      <c r="I1395">
        <v>2020</v>
      </c>
    </row>
    <row r="1396" spans="1:9" x14ac:dyDescent="0.25">
      <c r="A1396">
        <v>1610</v>
      </c>
      <c r="B1396" t="s">
        <v>2948</v>
      </c>
      <c r="C1396" t="s">
        <v>682</v>
      </c>
      <c r="D1396">
        <v>20</v>
      </c>
      <c r="E1396" t="s">
        <v>682</v>
      </c>
      <c r="F1396" t="s">
        <v>4177</v>
      </c>
      <c r="G1396" t="s">
        <v>656</v>
      </c>
      <c r="H1396">
        <v>2</v>
      </c>
      <c r="I1396">
        <v>2020</v>
      </c>
    </row>
    <row r="1397" spans="1:9" x14ac:dyDescent="0.25">
      <c r="A1397">
        <v>1611</v>
      </c>
      <c r="B1397" t="s">
        <v>2947</v>
      </c>
      <c r="C1397" t="s">
        <v>682</v>
      </c>
      <c r="D1397">
        <v>20</v>
      </c>
      <c r="E1397" t="s">
        <v>682</v>
      </c>
      <c r="F1397" t="s">
        <v>4177</v>
      </c>
      <c r="G1397" t="s">
        <v>656</v>
      </c>
      <c r="H1397">
        <v>2</v>
      </c>
      <c r="I1397">
        <v>2020</v>
      </c>
    </row>
    <row r="1398" spans="1:9" x14ac:dyDescent="0.25">
      <c r="A1398">
        <v>1612</v>
      </c>
      <c r="B1398" t="s">
        <v>2946</v>
      </c>
      <c r="C1398" t="s">
        <v>819</v>
      </c>
      <c r="D1398">
        <v>101</v>
      </c>
      <c r="E1398" t="s">
        <v>4187</v>
      </c>
      <c r="F1398" t="s">
        <v>4187</v>
      </c>
      <c r="G1398" t="s">
        <v>656</v>
      </c>
      <c r="H1398">
        <v>2</v>
      </c>
      <c r="I1398">
        <v>2020</v>
      </c>
    </row>
    <row r="1399" spans="1:9" x14ac:dyDescent="0.25">
      <c r="A1399">
        <v>1613</v>
      </c>
      <c r="B1399" t="s">
        <v>4422</v>
      </c>
      <c r="C1399" t="s">
        <v>819</v>
      </c>
      <c r="D1399">
        <v>101</v>
      </c>
      <c r="E1399" t="s">
        <v>4187</v>
      </c>
      <c r="F1399" t="s">
        <v>4187</v>
      </c>
      <c r="G1399" t="s">
        <v>656</v>
      </c>
      <c r="H1399">
        <v>2</v>
      </c>
      <c r="I1399">
        <v>2020</v>
      </c>
    </row>
    <row r="1400" spans="1:9" x14ac:dyDescent="0.25">
      <c r="A1400">
        <v>1614</v>
      </c>
      <c r="B1400" t="s">
        <v>2945</v>
      </c>
      <c r="C1400" t="s">
        <v>819</v>
      </c>
      <c r="D1400">
        <v>101</v>
      </c>
      <c r="E1400" t="s">
        <v>4187</v>
      </c>
      <c r="F1400" t="s">
        <v>4187</v>
      </c>
      <c r="G1400" t="s">
        <v>656</v>
      </c>
      <c r="H1400">
        <v>2</v>
      </c>
      <c r="I1400">
        <v>2020</v>
      </c>
    </row>
    <row r="1401" spans="1:9" x14ac:dyDescent="0.25">
      <c r="A1401">
        <v>1615</v>
      </c>
      <c r="B1401" t="s">
        <v>2944</v>
      </c>
      <c r="C1401" t="s">
        <v>819</v>
      </c>
      <c r="D1401">
        <v>101</v>
      </c>
      <c r="E1401" t="s">
        <v>4187</v>
      </c>
      <c r="F1401" t="s">
        <v>4187</v>
      </c>
      <c r="G1401" t="s">
        <v>656</v>
      </c>
      <c r="H1401">
        <v>2</v>
      </c>
      <c r="I1401">
        <v>2020</v>
      </c>
    </row>
    <row r="1402" spans="1:9" x14ac:dyDescent="0.25">
      <c r="A1402">
        <v>1616</v>
      </c>
      <c r="B1402" t="s">
        <v>2943</v>
      </c>
      <c r="C1402" t="s">
        <v>864</v>
      </c>
      <c r="D1402">
        <v>14</v>
      </c>
      <c r="E1402" t="s">
        <v>864</v>
      </c>
      <c r="F1402" t="s">
        <v>4171</v>
      </c>
      <c r="G1402" t="s">
        <v>656</v>
      </c>
      <c r="H1402">
        <v>2</v>
      </c>
      <c r="I1402">
        <v>2020</v>
      </c>
    </row>
    <row r="1403" spans="1:9" x14ac:dyDescent="0.25">
      <c r="A1403">
        <v>1617</v>
      </c>
      <c r="B1403" t="s">
        <v>4423</v>
      </c>
      <c r="C1403" t="s">
        <v>864</v>
      </c>
      <c r="D1403">
        <v>14</v>
      </c>
      <c r="E1403" t="s">
        <v>864</v>
      </c>
      <c r="F1403" t="s">
        <v>4171</v>
      </c>
      <c r="G1403" t="s">
        <v>656</v>
      </c>
      <c r="H1403">
        <v>2</v>
      </c>
      <c r="I1403">
        <v>2020</v>
      </c>
    </row>
    <row r="1404" spans="1:9" x14ac:dyDescent="0.25">
      <c r="A1404">
        <v>1618</v>
      </c>
      <c r="B1404" t="s">
        <v>4424</v>
      </c>
      <c r="C1404" t="s">
        <v>864</v>
      </c>
      <c r="D1404">
        <v>14</v>
      </c>
      <c r="E1404" t="s">
        <v>864</v>
      </c>
      <c r="F1404" t="s">
        <v>4171</v>
      </c>
      <c r="G1404" t="s">
        <v>656</v>
      </c>
      <c r="H1404">
        <v>2</v>
      </c>
      <c r="I1404">
        <v>2020</v>
      </c>
    </row>
    <row r="1405" spans="1:9" x14ac:dyDescent="0.25">
      <c r="A1405">
        <v>1619</v>
      </c>
      <c r="B1405" t="s">
        <v>4425</v>
      </c>
      <c r="C1405" t="s">
        <v>864</v>
      </c>
      <c r="D1405">
        <v>14</v>
      </c>
      <c r="E1405" t="s">
        <v>864</v>
      </c>
      <c r="F1405" t="s">
        <v>4171</v>
      </c>
      <c r="G1405" t="s">
        <v>656</v>
      </c>
      <c r="H1405">
        <v>2</v>
      </c>
      <c r="I1405">
        <v>2020</v>
      </c>
    </row>
    <row r="1406" spans="1:9" x14ac:dyDescent="0.25">
      <c r="A1406">
        <v>1620</v>
      </c>
      <c r="B1406" t="s">
        <v>2942</v>
      </c>
      <c r="C1406" t="s">
        <v>864</v>
      </c>
      <c r="D1406">
        <v>14</v>
      </c>
      <c r="E1406" t="s">
        <v>864</v>
      </c>
      <c r="F1406" t="s">
        <v>4171</v>
      </c>
      <c r="G1406" t="s">
        <v>656</v>
      </c>
      <c r="H1406">
        <v>2</v>
      </c>
      <c r="I1406">
        <v>2020</v>
      </c>
    </row>
    <row r="1407" spans="1:9" x14ac:dyDescent="0.25">
      <c r="A1407">
        <v>1621</v>
      </c>
      <c r="B1407" t="s">
        <v>4426</v>
      </c>
      <c r="C1407" t="s">
        <v>864</v>
      </c>
      <c r="D1407">
        <v>14</v>
      </c>
      <c r="E1407" t="s">
        <v>864</v>
      </c>
      <c r="F1407" t="s">
        <v>4171</v>
      </c>
      <c r="G1407" t="s">
        <v>656</v>
      </c>
      <c r="H1407">
        <v>2</v>
      </c>
      <c r="I1407">
        <v>2020</v>
      </c>
    </row>
    <row r="1408" spans="1:9" x14ac:dyDescent="0.25">
      <c r="A1408">
        <v>1622</v>
      </c>
      <c r="B1408" t="s">
        <v>4427</v>
      </c>
      <c r="C1408" t="s">
        <v>864</v>
      </c>
      <c r="D1408">
        <v>14</v>
      </c>
      <c r="E1408" t="s">
        <v>864</v>
      </c>
      <c r="F1408" t="s">
        <v>4171</v>
      </c>
      <c r="G1408" t="s">
        <v>656</v>
      </c>
      <c r="H1408">
        <v>2</v>
      </c>
      <c r="I1408">
        <v>2020</v>
      </c>
    </row>
    <row r="1409" spans="1:9" x14ac:dyDescent="0.25">
      <c r="A1409">
        <v>1623</v>
      </c>
      <c r="B1409" t="s">
        <v>4428</v>
      </c>
      <c r="C1409" t="s">
        <v>864</v>
      </c>
      <c r="D1409">
        <v>14</v>
      </c>
      <c r="E1409" t="s">
        <v>864</v>
      </c>
      <c r="F1409" t="s">
        <v>4171</v>
      </c>
      <c r="G1409" t="s">
        <v>656</v>
      </c>
      <c r="H1409">
        <v>2</v>
      </c>
      <c r="I1409">
        <v>2020</v>
      </c>
    </row>
    <row r="1410" spans="1:9" x14ac:dyDescent="0.25">
      <c r="A1410">
        <v>1624</v>
      </c>
      <c r="B1410" t="s">
        <v>2941</v>
      </c>
      <c r="C1410" t="s">
        <v>864</v>
      </c>
      <c r="D1410">
        <v>14</v>
      </c>
      <c r="E1410" t="s">
        <v>864</v>
      </c>
      <c r="F1410" t="s">
        <v>4171</v>
      </c>
      <c r="G1410" t="s">
        <v>656</v>
      </c>
      <c r="H1410">
        <v>2</v>
      </c>
      <c r="I1410">
        <v>2020</v>
      </c>
    </row>
    <row r="1411" spans="1:9" x14ac:dyDescent="0.25">
      <c r="A1411">
        <v>1625</v>
      </c>
      <c r="B1411" t="s">
        <v>2503</v>
      </c>
      <c r="C1411" t="s">
        <v>864</v>
      </c>
      <c r="D1411">
        <v>14</v>
      </c>
      <c r="E1411" t="s">
        <v>864</v>
      </c>
      <c r="F1411" t="s">
        <v>4171</v>
      </c>
      <c r="G1411" t="s">
        <v>656</v>
      </c>
      <c r="H1411">
        <v>2</v>
      </c>
      <c r="I1411">
        <v>2020</v>
      </c>
    </row>
    <row r="1412" spans="1:9" x14ac:dyDescent="0.25">
      <c r="A1412">
        <v>1626</v>
      </c>
      <c r="B1412" t="s">
        <v>2940</v>
      </c>
      <c r="C1412" t="s">
        <v>864</v>
      </c>
      <c r="D1412">
        <v>14</v>
      </c>
      <c r="E1412" t="s">
        <v>864</v>
      </c>
      <c r="F1412" t="s">
        <v>4171</v>
      </c>
      <c r="G1412" t="s">
        <v>656</v>
      </c>
      <c r="H1412">
        <v>2</v>
      </c>
      <c r="I1412">
        <v>2020</v>
      </c>
    </row>
    <row r="1413" spans="1:9" x14ac:dyDescent="0.25">
      <c r="A1413">
        <v>1627</v>
      </c>
      <c r="B1413" t="s">
        <v>2938</v>
      </c>
      <c r="C1413" t="s">
        <v>864</v>
      </c>
      <c r="D1413">
        <v>14</v>
      </c>
      <c r="E1413" t="s">
        <v>864</v>
      </c>
      <c r="F1413" t="s">
        <v>4171</v>
      </c>
      <c r="G1413" t="s">
        <v>656</v>
      </c>
      <c r="H1413">
        <v>2</v>
      </c>
      <c r="I1413">
        <v>2020</v>
      </c>
    </row>
    <row r="1414" spans="1:9" x14ac:dyDescent="0.25">
      <c r="A1414">
        <v>1629</v>
      </c>
      <c r="B1414" t="s">
        <v>2935</v>
      </c>
      <c r="C1414" t="s">
        <v>864</v>
      </c>
      <c r="D1414">
        <v>14</v>
      </c>
      <c r="E1414" t="s">
        <v>864</v>
      </c>
      <c r="F1414" t="s">
        <v>4171</v>
      </c>
      <c r="G1414" t="s">
        <v>656</v>
      </c>
      <c r="H1414">
        <v>2</v>
      </c>
      <c r="I1414">
        <v>2020</v>
      </c>
    </row>
    <row r="1415" spans="1:9" x14ac:dyDescent="0.25">
      <c r="A1415">
        <v>1630</v>
      </c>
      <c r="B1415" t="s">
        <v>4429</v>
      </c>
      <c r="C1415" t="s">
        <v>864</v>
      </c>
      <c r="D1415">
        <v>14</v>
      </c>
      <c r="E1415" t="s">
        <v>864</v>
      </c>
      <c r="F1415" t="s">
        <v>4171</v>
      </c>
      <c r="G1415" t="s">
        <v>656</v>
      </c>
      <c r="H1415">
        <v>2</v>
      </c>
      <c r="I1415">
        <v>2020</v>
      </c>
    </row>
    <row r="1416" spans="1:9" x14ac:dyDescent="0.25">
      <c r="A1416">
        <v>1631</v>
      </c>
      <c r="B1416" t="s">
        <v>2934</v>
      </c>
      <c r="C1416" t="s">
        <v>864</v>
      </c>
      <c r="D1416">
        <v>14</v>
      </c>
      <c r="E1416" t="s">
        <v>864</v>
      </c>
      <c r="F1416" t="s">
        <v>4171</v>
      </c>
      <c r="G1416" t="s">
        <v>656</v>
      </c>
      <c r="H1416">
        <v>2</v>
      </c>
      <c r="I1416">
        <v>2020</v>
      </c>
    </row>
    <row r="1417" spans="1:9" x14ac:dyDescent="0.25">
      <c r="A1417">
        <v>1632</v>
      </c>
      <c r="B1417" t="s">
        <v>4430</v>
      </c>
      <c r="C1417" t="s">
        <v>679</v>
      </c>
      <c r="D1417">
        <v>32</v>
      </c>
      <c r="E1417" t="s">
        <v>4175</v>
      </c>
      <c r="F1417" t="s">
        <v>4171</v>
      </c>
      <c r="G1417" t="s">
        <v>656</v>
      </c>
      <c r="H1417">
        <v>2</v>
      </c>
      <c r="I1417">
        <v>2020</v>
      </c>
    </row>
    <row r="1418" spans="1:9" x14ac:dyDescent="0.25">
      <c r="A1418">
        <v>1633</v>
      </c>
      <c r="B1418" t="s">
        <v>4431</v>
      </c>
      <c r="C1418" t="s">
        <v>679</v>
      </c>
      <c r="D1418">
        <v>32</v>
      </c>
      <c r="E1418" t="s">
        <v>4175</v>
      </c>
      <c r="F1418" t="s">
        <v>4171</v>
      </c>
      <c r="G1418" t="s">
        <v>656</v>
      </c>
      <c r="H1418">
        <v>2</v>
      </c>
      <c r="I1418">
        <v>2020</v>
      </c>
    </row>
    <row r="1419" spans="1:9" x14ac:dyDescent="0.25">
      <c r="A1419">
        <v>1634</v>
      </c>
      <c r="B1419" t="s">
        <v>2933</v>
      </c>
      <c r="C1419" t="s">
        <v>679</v>
      </c>
      <c r="D1419">
        <v>32</v>
      </c>
      <c r="E1419" t="s">
        <v>4175</v>
      </c>
      <c r="F1419" t="s">
        <v>4171</v>
      </c>
      <c r="G1419" t="s">
        <v>656</v>
      </c>
      <c r="H1419">
        <v>2</v>
      </c>
      <c r="I1419">
        <v>2020</v>
      </c>
    </row>
    <row r="1420" spans="1:9" x14ac:dyDescent="0.25">
      <c r="A1420">
        <v>1636</v>
      </c>
      <c r="B1420" t="s">
        <v>2931</v>
      </c>
      <c r="C1420" t="s">
        <v>848</v>
      </c>
      <c r="D1420">
        <v>62</v>
      </c>
      <c r="E1420" t="s">
        <v>4193</v>
      </c>
      <c r="F1420" t="s">
        <v>4189</v>
      </c>
      <c r="G1420" t="s">
        <v>656</v>
      </c>
      <c r="H1420">
        <v>2</v>
      </c>
      <c r="I1420">
        <v>2020</v>
      </c>
    </row>
    <row r="1421" spans="1:9" x14ac:dyDescent="0.25">
      <c r="A1421">
        <v>1637</v>
      </c>
      <c r="B1421" t="s">
        <v>2930</v>
      </c>
      <c r="C1421" t="s">
        <v>839</v>
      </c>
      <c r="D1421">
        <v>89</v>
      </c>
      <c r="E1421" t="s">
        <v>839</v>
      </c>
      <c r="F1421" t="s">
        <v>4168</v>
      </c>
      <c r="G1421" t="s">
        <v>656</v>
      </c>
      <c r="H1421">
        <v>2</v>
      </c>
      <c r="I1421">
        <v>2020</v>
      </c>
    </row>
    <row r="1422" spans="1:9" x14ac:dyDescent="0.25">
      <c r="A1422">
        <v>1638</v>
      </c>
      <c r="B1422" t="s">
        <v>2929</v>
      </c>
      <c r="C1422" t="s">
        <v>839</v>
      </c>
      <c r="D1422">
        <v>89</v>
      </c>
      <c r="E1422" t="s">
        <v>839</v>
      </c>
      <c r="F1422" t="s">
        <v>4168</v>
      </c>
      <c r="G1422" t="s">
        <v>656</v>
      </c>
      <c r="H1422">
        <v>2</v>
      </c>
      <c r="I1422">
        <v>2020</v>
      </c>
    </row>
    <row r="1423" spans="1:9" x14ac:dyDescent="0.25">
      <c r="A1423">
        <v>1639</v>
      </c>
      <c r="B1423" t="s">
        <v>2928</v>
      </c>
      <c r="C1423" t="s">
        <v>839</v>
      </c>
      <c r="D1423">
        <v>89</v>
      </c>
      <c r="E1423" t="s">
        <v>839</v>
      </c>
      <c r="F1423" t="s">
        <v>4168</v>
      </c>
      <c r="G1423" t="s">
        <v>656</v>
      </c>
      <c r="H1423">
        <v>2</v>
      </c>
      <c r="I1423">
        <v>2020</v>
      </c>
    </row>
    <row r="1424" spans="1:9" x14ac:dyDescent="0.25">
      <c r="A1424">
        <v>1640</v>
      </c>
      <c r="B1424" t="s">
        <v>2927</v>
      </c>
      <c r="C1424" t="s">
        <v>839</v>
      </c>
      <c r="D1424">
        <v>89</v>
      </c>
      <c r="E1424" t="s">
        <v>839</v>
      </c>
      <c r="F1424" t="s">
        <v>4168</v>
      </c>
      <c r="G1424" t="s">
        <v>656</v>
      </c>
      <c r="H1424">
        <v>2</v>
      </c>
      <c r="I1424">
        <v>2020</v>
      </c>
    </row>
    <row r="1425" spans="1:9" x14ac:dyDescent="0.25">
      <c r="A1425">
        <v>1641</v>
      </c>
      <c r="B1425" t="s">
        <v>2926</v>
      </c>
      <c r="C1425" t="s">
        <v>839</v>
      </c>
      <c r="D1425">
        <v>89</v>
      </c>
      <c r="E1425" t="s">
        <v>839</v>
      </c>
      <c r="F1425" t="s">
        <v>4168</v>
      </c>
      <c r="G1425" t="s">
        <v>656</v>
      </c>
      <c r="H1425">
        <v>2</v>
      </c>
      <c r="I1425">
        <v>2020</v>
      </c>
    </row>
    <row r="1426" spans="1:9" x14ac:dyDescent="0.25">
      <c r="A1426">
        <v>1642</v>
      </c>
      <c r="B1426" t="s">
        <v>2925</v>
      </c>
      <c r="C1426" t="s">
        <v>839</v>
      </c>
      <c r="D1426">
        <v>89</v>
      </c>
      <c r="E1426" t="s">
        <v>839</v>
      </c>
      <c r="F1426" t="s">
        <v>4168</v>
      </c>
      <c r="G1426" t="s">
        <v>656</v>
      </c>
      <c r="H1426">
        <v>2</v>
      </c>
      <c r="I1426">
        <v>2020</v>
      </c>
    </row>
    <row r="1427" spans="1:9" x14ac:dyDescent="0.25">
      <c r="A1427">
        <v>1643</v>
      </c>
      <c r="B1427" t="s">
        <v>2924</v>
      </c>
      <c r="C1427" t="s">
        <v>839</v>
      </c>
      <c r="D1427">
        <v>89</v>
      </c>
      <c r="E1427" t="s">
        <v>839</v>
      </c>
      <c r="F1427" t="s">
        <v>4168</v>
      </c>
      <c r="G1427" t="s">
        <v>656</v>
      </c>
      <c r="H1427">
        <v>2</v>
      </c>
      <c r="I1427">
        <v>2020</v>
      </c>
    </row>
    <row r="1428" spans="1:9" x14ac:dyDescent="0.25">
      <c r="A1428">
        <v>1644</v>
      </c>
      <c r="B1428" t="s">
        <v>2923</v>
      </c>
      <c r="C1428" t="s">
        <v>839</v>
      </c>
      <c r="D1428">
        <v>89</v>
      </c>
      <c r="E1428" t="s">
        <v>839</v>
      </c>
      <c r="F1428" t="s">
        <v>4168</v>
      </c>
      <c r="G1428" t="s">
        <v>656</v>
      </c>
      <c r="H1428">
        <v>2</v>
      </c>
      <c r="I1428">
        <v>2020</v>
      </c>
    </row>
    <row r="1429" spans="1:9" x14ac:dyDescent="0.25">
      <c r="A1429">
        <v>1645</v>
      </c>
      <c r="B1429" t="s">
        <v>2922</v>
      </c>
      <c r="C1429" t="s">
        <v>839</v>
      </c>
      <c r="D1429">
        <v>89</v>
      </c>
      <c r="E1429" t="s">
        <v>839</v>
      </c>
      <c r="F1429" t="s">
        <v>4168</v>
      </c>
      <c r="G1429" t="s">
        <v>656</v>
      </c>
      <c r="H1429">
        <v>2</v>
      </c>
      <c r="I1429">
        <v>2020</v>
      </c>
    </row>
    <row r="1430" spans="1:9" x14ac:dyDescent="0.25">
      <c r="A1430">
        <v>1646</v>
      </c>
      <c r="B1430" t="s">
        <v>2921</v>
      </c>
      <c r="C1430" t="s">
        <v>839</v>
      </c>
      <c r="D1430">
        <v>89</v>
      </c>
      <c r="E1430" t="s">
        <v>839</v>
      </c>
      <c r="F1430" t="s">
        <v>4168</v>
      </c>
      <c r="G1430" t="s">
        <v>656</v>
      </c>
      <c r="H1430">
        <v>2</v>
      </c>
      <c r="I1430">
        <v>2020</v>
      </c>
    </row>
    <row r="1431" spans="1:9" x14ac:dyDescent="0.25">
      <c r="A1431">
        <v>1647</v>
      </c>
      <c r="B1431" t="s">
        <v>2920</v>
      </c>
      <c r="C1431" t="s">
        <v>839</v>
      </c>
      <c r="D1431">
        <v>89</v>
      </c>
      <c r="E1431" t="s">
        <v>839</v>
      </c>
      <c r="F1431" t="s">
        <v>4168</v>
      </c>
      <c r="G1431" t="s">
        <v>656</v>
      </c>
      <c r="H1431">
        <v>2</v>
      </c>
      <c r="I1431">
        <v>2020</v>
      </c>
    </row>
    <row r="1432" spans="1:9" x14ac:dyDescent="0.25">
      <c r="A1432">
        <v>1648</v>
      </c>
      <c r="B1432" t="s">
        <v>2919</v>
      </c>
      <c r="C1432" t="s">
        <v>839</v>
      </c>
      <c r="D1432">
        <v>89</v>
      </c>
      <c r="E1432" t="s">
        <v>839</v>
      </c>
      <c r="F1432" t="s">
        <v>4168</v>
      </c>
      <c r="G1432" t="s">
        <v>656</v>
      </c>
      <c r="H1432">
        <v>2</v>
      </c>
      <c r="I1432">
        <v>2020</v>
      </c>
    </row>
    <row r="1433" spans="1:9" x14ac:dyDescent="0.25">
      <c r="A1433">
        <v>1649</v>
      </c>
      <c r="B1433" t="s">
        <v>2918</v>
      </c>
      <c r="C1433" t="s">
        <v>839</v>
      </c>
      <c r="D1433">
        <v>89</v>
      </c>
      <c r="E1433" t="s">
        <v>839</v>
      </c>
      <c r="F1433" t="s">
        <v>4168</v>
      </c>
      <c r="G1433" t="s">
        <v>656</v>
      </c>
      <c r="H1433">
        <v>2</v>
      </c>
      <c r="I1433">
        <v>2020</v>
      </c>
    </row>
    <row r="1434" spans="1:9" x14ac:dyDescent="0.25">
      <c r="A1434">
        <v>1650</v>
      </c>
      <c r="B1434" t="s">
        <v>2917</v>
      </c>
      <c r="C1434" t="s">
        <v>878</v>
      </c>
      <c r="D1434">
        <v>91</v>
      </c>
      <c r="E1434" t="s">
        <v>878</v>
      </c>
      <c r="F1434" t="s">
        <v>4168</v>
      </c>
      <c r="G1434" t="s">
        <v>656</v>
      </c>
      <c r="H1434">
        <v>2</v>
      </c>
      <c r="I1434">
        <v>2020</v>
      </c>
    </row>
    <row r="1435" spans="1:9" x14ac:dyDescent="0.25">
      <c r="A1435">
        <v>1651</v>
      </c>
      <c r="B1435" t="s">
        <v>2916</v>
      </c>
      <c r="C1435" t="s">
        <v>878</v>
      </c>
      <c r="D1435">
        <v>91</v>
      </c>
      <c r="E1435" t="s">
        <v>878</v>
      </c>
      <c r="F1435" t="s">
        <v>4168</v>
      </c>
      <c r="G1435" t="s">
        <v>656</v>
      </c>
      <c r="H1435">
        <v>2</v>
      </c>
      <c r="I1435">
        <v>2020</v>
      </c>
    </row>
    <row r="1436" spans="1:9" x14ac:dyDescent="0.25">
      <c r="A1436">
        <v>1652</v>
      </c>
      <c r="B1436" t="s">
        <v>4432</v>
      </c>
      <c r="C1436" t="s">
        <v>878</v>
      </c>
      <c r="D1436">
        <v>91</v>
      </c>
      <c r="E1436" t="s">
        <v>878</v>
      </c>
      <c r="F1436" t="s">
        <v>4168</v>
      </c>
      <c r="G1436" t="s">
        <v>656</v>
      </c>
      <c r="H1436">
        <v>2</v>
      </c>
      <c r="I1436">
        <v>2020</v>
      </c>
    </row>
    <row r="1437" spans="1:9" x14ac:dyDescent="0.25">
      <c r="A1437">
        <v>1653</v>
      </c>
      <c r="B1437" t="s">
        <v>2915</v>
      </c>
      <c r="C1437" t="s">
        <v>878</v>
      </c>
      <c r="D1437">
        <v>91</v>
      </c>
      <c r="E1437" t="s">
        <v>878</v>
      </c>
      <c r="F1437" t="s">
        <v>4168</v>
      </c>
      <c r="G1437" t="s">
        <v>656</v>
      </c>
      <c r="H1437">
        <v>2</v>
      </c>
      <c r="I1437">
        <v>2020</v>
      </c>
    </row>
    <row r="1438" spans="1:9" x14ac:dyDescent="0.25">
      <c r="A1438">
        <v>1654</v>
      </c>
      <c r="B1438" t="s">
        <v>2914</v>
      </c>
      <c r="C1438" t="s">
        <v>878</v>
      </c>
      <c r="D1438">
        <v>91</v>
      </c>
      <c r="E1438" t="s">
        <v>878</v>
      </c>
      <c r="F1438" t="s">
        <v>4168</v>
      </c>
      <c r="G1438" t="s">
        <v>656</v>
      </c>
      <c r="H1438">
        <v>2</v>
      </c>
      <c r="I1438">
        <v>2020</v>
      </c>
    </row>
    <row r="1439" spans="1:9" x14ac:dyDescent="0.25">
      <c r="A1439">
        <v>1655</v>
      </c>
      <c r="B1439" t="s">
        <v>2913</v>
      </c>
      <c r="C1439" t="s">
        <v>878</v>
      </c>
      <c r="D1439">
        <v>91</v>
      </c>
      <c r="E1439" t="s">
        <v>878</v>
      </c>
      <c r="F1439" t="s">
        <v>4168</v>
      </c>
      <c r="G1439" t="s">
        <v>656</v>
      </c>
      <c r="H1439">
        <v>2</v>
      </c>
      <c r="I1439">
        <v>2020</v>
      </c>
    </row>
    <row r="1440" spans="1:9" x14ac:dyDescent="0.25">
      <c r="A1440">
        <v>1656</v>
      </c>
      <c r="B1440" t="s">
        <v>2912</v>
      </c>
      <c r="C1440" t="s">
        <v>752</v>
      </c>
      <c r="D1440">
        <v>90</v>
      </c>
      <c r="E1440" t="s">
        <v>752</v>
      </c>
      <c r="F1440" t="s">
        <v>4168</v>
      </c>
      <c r="G1440" t="s">
        <v>656</v>
      </c>
      <c r="H1440">
        <v>2</v>
      </c>
      <c r="I1440">
        <v>2020</v>
      </c>
    </row>
    <row r="1441" spans="1:9" x14ac:dyDescent="0.25">
      <c r="A1441">
        <v>1657</v>
      </c>
      <c r="B1441" t="s">
        <v>997</v>
      </c>
      <c r="C1441" t="s">
        <v>673</v>
      </c>
      <c r="D1441">
        <v>34</v>
      </c>
      <c r="E1441" t="s">
        <v>4175</v>
      </c>
      <c r="F1441" t="s">
        <v>4171</v>
      </c>
      <c r="G1441" t="s">
        <v>656</v>
      </c>
      <c r="H1441">
        <v>2</v>
      </c>
      <c r="I1441">
        <v>2020</v>
      </c>
    </row>
    <row r="1442" spans="1:9" x14ac:dyDescent="0.25">
      <c r="A1442">
        <v>1658</v>
      </c>
      <c r="B1442" t="s">
        <v>2911</v>
      </c>
      <c r="C1442" t="s">
        <v>673</v>
      </c>
      <c r="D1442">
        <v>34</v>
      </c>
      <c r="E1442" t="s">
        <v>4175</v>
      </c>
      <c r="F1442" t="s">
        <v>4171</v>
      </c>
      <c r="G1442" t="s">
        <v>656</v>
      </c>
      <c r="H1442">
        <v>2</v>
      </c>
      <c r="I1442">
        <v>2020</v>
      </c>
    </row>
    <row r="1443" spans="1:9" x14ac:dyDescent="0.25">
      <c r="A1443">
        <v>1659</v>
      </c>
      <c r="B1443" t="s">
        <v>4433</v>
      </c>
      <c r="C1443" t="s">
        <v>673</v>
      </c>
      <c r="D1443">
        <v>34</v>
      </c>
      <c r="E1443" t="s">
        <v>4175</v>
      </c>
      <c r="F1443" t="s">
        <v>4171</v>
      </c>
      <c r="G1443" t="s">
        <v>656</v>
      </c>
      <c r="H1443">
        <v>2</v>
      </c>
      <c r="I1443">
        <v>2020</v>
      </c>
    </row>
    <row r="1444" spans="1:9" x14ac:dyDescent="0.25">
      <c r="A1444">
        <v>1660</v>
      </c>
      <c r="B1444" t="s">
        <v>2910</v>
      </c>
      <c r="C1444" t="s">
        <v>673</v>
      </c>
      <c r="D1444">
        <v>34</v>
      </c>
      <c r="E1444" t="s">
        <v>4175</v>
      </c>
      <c r="F1444" t="s">
        <v>4171</v>
      </c>
      <c r="G1444" t="s">
        <v>656</v>
      </c>
      <c r="H1444">
        <v>2</v>
      </c>
      <c r="I1444">
        <v>2020</v>
      </c>
    </row>
    <row r="1445" spans="1:9" x14ac:dyDescent="0.25">
      <c r="A1445">
        <v>1661</v>
      </c>
      <c r="B1445" t="s">
        <v>662</v>
      </c>
      <c r="C1445" t="s">
        <v>659</v>
      </c>
      <c r="D1445">
        <v>35</v>
      </c>
      <c r="E1445" t="s">
        <v>4175</v>
      </c>
      <c r="F1445" t="s">
        <v>4171</v>
      </c>
      <c r="G1445" t="s">
        <v>656</v>
      </c>
      <c r="H1445">
        <v>2</v>
      </c>
      <c r="I1445">
        <v>2020</v>
      </c>
    </row>
    <row r="1446" spans="1:9" x14ac:dyDescent="0.25">
      <c r="A1446">
        <v>1662</v>
      </c>
      <c r="B1446" t="s">
        <v>660</v>
      </c>
      <c r="C1446" t="s">
        <v>659</v>
      </c>
      <c r="D1446">
        <v>35</v>
      </c>
      <c r="E1446" t="s">
        <v>4175</v>
      </c>
      <c r="F1446" t="s">
        <v>4171</v>
      </c>
      <c r="G1446" t="s">
        <v>656</v>
      </c>
      <c r="H1446">
        <v>2</v>
      </c>
      <c r="I1446">
        <v>2020</v>
      </c>
    </row>
    <row r="1447" spans="1:9" x14ac:dyDescent="0.25">
      <c r="A1447">
        <v>1663</v>
      </c>
      <c r="B1447" t="s">
        <v>2909</v>
      </c>
      <c r="C1447" t="s">
        <v>659</v>
      </c>
      <c r="D1447">
        <v>35</v>
      </c>
      <c r="E1447" t="s">
        <v>4175</v>
      </c>
      <c r="F1447" t="s">
        <v>4171</v>
      </c>
      <c r="G1447" t="s">
        <v>656</v>
      </c>
      <c r="H1447">
        <v>2</v>
      </c>
      <c r="I1447">
        <v>2020</v>
      </c>
    </row>
    <row r="1448" spans="1:9" x14ac:dyDescent="0.25">
      <c r="A1448">
        <v>1666</v>
      </c>
      <c r="B1448" t="s">
        <v>1049</v>
      </c>
      <c r="C1448" t="s">
        <v>659</v>
      </c>
      <c r="D1448">
        <v>35</v>
      </c>
      <c r="E1448" t="s">
        <v>4175</v>
      </c>
      <c r="F1448" t="s">
        <v>4171</v>
      </c>
      <c r="G1448" t="s">
        <v>656</v>
      </c>
      <c r="H1448">
        <v>2</v>
      </c>
      <c r="I1448">
        <v>2020</v>
      </c>
    </row>
    <row r="1449" spans="1:9" x14ac:dyDescent="0.25">
      <c r="A1449">
        <v>1667</v>
      </c>
      <c r="B1449" t="s">
        <v>2907</v>
      </c>
      <c r="C1449" t="s">
        <v>659</v>
      </c>
      <c r="D1449">
        <v>35</v>
      </c>
      <c r="E1449" t="s">
        <v>4175</v>
      </c>
      <c r="F1449" t="s">
        <v>4171</v>
      </c>
      <c r="G1449" t="s">
        <v>656</v>
      </c>
      <c r="H1449">
        <v>2</v>
      </c>
      <c r="I1449">
        <v>2020</v>
      </c>
    </row>
    <row r="1450" spans="1:9" x14ac:dyDescent="0.25">
      <c r="A1450">
        <v>1668</v>
      </c>
      <c r="B1450" t="s">
        <v>2906</v>
      </c>
      <c r="C1450" t="s">
        <v>659</v>
      </c>
      <c r="D1450">
        <v>35</v>
      </c>
      <c r="E1450" t="s">
        <v>4175</v>
      </c>
      <c r="F1450" t="s">
        <v>4171</v>
      </c>
      <c r="G1450" t="s">
        <v>656</v>
      </c>
      <c r="H1450">
        <v>2</v>
      </c>
      <c r="I1450">
        <v>2020</v>
      </c>
    </row>
    <row r="1451" spans="1:9" x14ac:dyDescent="0.25">
      <c r="A1451">
        <v>1669</v>
      </c>
      <c r="B1451" t="s">
        <v>2905</v>
      </c>
      <c r="C1451" t="s">
        <v>659</v>
      </c>
      <c r="D1451">
        <v>35</v>
      </c>
      <c r="E1451" t="s">
        <v>4175</v>
      </c>
      <c r="F1451" t="s">
        <v>4171</v>
      </c>
      <c r="G1451" t="s">
        <v>656</v>
      </c>
      <c r="H1451">
        <v>2</v>
      </c>
      <c r="I1451">
        <v>2020</v>
      </c>
    </row>
    <row r="1452" spans="1:9" x14ac:dyDescent="0.25">
      <c r="A1452">
        <v>1670</v>
      </c>
      <c r="B1452" t="s">
        <v>2610</v>
      </c>
      <c r="C1452" t="s">
        <v>659</v>
      </c>
      <c r="D1452">
        <v>35</v>
      </c>
      <c r="E1452" t="s">
        <v>4175</v>
      </c>
      <c r="F1452" t="s">
        <v>4171</v>
      </c>
      <c r="G1452" t="s">
        <v>656</v>
      </c>
      <c r="H1452">
        <v>2</v>
      </c>
      <c r="I1452">
        <v>2020</v>
      </c>
    </row>
    <row r="1453" spans="1:9" x14ac:dyDescent="0.25">
      <c r="A1453">
        <v>1671</v>
      </c>
      <c r="B1453" t="s">
        <v>2904</v>
      </c>
      <c r="C1453" t="s">
        <v>663</v>
      </c>
      <c r="D1453">
        <v>99</v>
      </c>
      <c r="E1453" t="s">
        <v>663</v>
      </c>
      <c r="F1453" t="s">
        <v>4171</v>
      </c>
      <c r="G1453" t="s">
        <v>656</v>
      </c>
      <c r="H1453">
        <v>2</v>
      </c>
      <c r="I1453">
        <v>2020</v>
      </c>
    </row>
    <row r="1454" spans="1:9" x14ac:dyDescent="0.25">
      <c r="A1454">
        <v>1672</v>
      </c>
      <c r="B1454" t="s">
        <v>2903</v>
      </c>
      <c r="C1454" t="s">
        <v>663</v>
      </c>
      <c r="D1454">
        <v>99</v>
      </c>
      <c r="E1454" t="s">
        <v>663</v>
      </c>
      <c r="F1454" t="s">
        <v>4171</v>
      </c>
      <c r="G1454" t="s">
        <v>656</v>
      </c>
      <c r="H1454">
        <v>2</v>
      </c>
      <c r="I1454">
        <v>2020</v>
      </c>
    </row>
    <row r="1455" spans="1:9" x14ac:dyDescent="0.25">
      <c r="A1455">
        <v>1673</v>
      </c>
      <c r="B1455" t="s">
        <v>4434</v>
      </c>
      <c r="C1455" t="s">
        <v>663</v>
      </c>
      <c r="D1455">
        <v>99</v>
      </c>
      <c r="E1455" t="s">
        <v>663</v>
      </c>
      <c r="F1455" t="s">
        <v>4171</v>
      </c>
      <c r="G1455" t="s">
        <v>656</v>
      </c>
      <c r="H1455">
        <v>2</v>
      </c>
      <c r="I1455">
        <v>2020</v>
      </c>
    </row>
    <row r="1456" spans="1:9" x14ac:dyDescent="0.25">
      <c r="A1456">
        <v>1674</v>
      </c>
      <c r="B1456" t="s">
        <v>2902</v>
      </c>
      <c r="C1456" t="s">
        <v>663</v>
      </c>
      <c r="D1456">
        <v>99</v>
      </c>
      <c r="E1456" t="s">
        <v>663</v>
      </c>
      <c r="F1456" t="s">
        <v>4171</v>
      </c>
      <c r="G1456" t="s">
        <v>656</v>
      </c>
      <c r="H1456">
        <v>2</v>
      </c>
      <c r="I1456">
        <v>2020</v>
      </c>
    </row>
    <row r="1457" spans="1:9" x14ac:dyDescent="0.25">
      <c r="A1457">
        <v>1675</v>
      </c>
      <c r="B1457" t="s">
        <v>4435</v>
      </c>
      <c r="C1457" t="s">
        <v>663</v>
      </c>
      <c r="D1457">
        <v>99</v>
      </c>
      <c r="E1457" t="s">
        <v>663</v>
      </c>
      <c r="F1457" t="s">
        <v>4171</v>
      </c>
      <c r="G1457" t="s">
        <v>656</v>
      </c>
      <c r="H1457">
        <v>2</v>
      </c>
      <c r="I1457">
        <v>2020</v>
      </c>
    </row>
    <row r="1458" spans="1:9" x14ac:dyDescent="0.25">
      <c r="A1458">
        <v>1676</v>
      </c>
      <c r="B1458" t="s">
        <v>4436</v>
      </c>
      <c r="C1458" t="s">
        <v>691</v>
      </c>
      <c r="D1458">
        <v>21</v>
      </c>
      <c r="E1458" t="s">
        <v>691</v>
      </c>
      <c r="F1458" t="s">
        <v>4177</v>
      </c>
      <c r="G1458" t="s">
        <v>656</v>
      </c>
      <c r="H1458">
        <v>2</v>
      </c>
      <c r="I1458">
        <v>2020</v>
      </c>
    </row>
    <row r="1459" spans="1:9" x14ac:dyDescent="0.25">
      <c r="A1459">
        <v>1677</v>
      </c>
      <c r="B1459" t="s">
        <v>2901</v>
      </c>
      <c r="C1459" t="s">
        <v>864</v>
      </c>
      <c r="D1459">
        <v>14</v>
      </c>
      <c r="E1459" t="s">
        <v>864</v>
      </c>
      <c r="F1459" t="s">
        <v>4171</v>
      </c>
      <c r="G1459" t="s">
        <v>656</v>
      </c>
      <c r="H1459">
        <v>2</v>
      </c>
      <c r="I1459">
        <v>2020</v>
      </c>
    </row>
    <row r="1460" spans="1:9" x14ac:dyDescent="0.25">
      <c r="A1460">
        <v>1678</v>
      </c>
      <c r="B1460" t="s">
        <v>2900</v>
      </c>
      <c r="C1460" t="s">
        <v>864</v>
      </c>
      <c r="D1460">
        <v>14</v>
      </c>
      <c r="E1460" t="s">
        <v>864</v>
      </c>
      <c r="F1460" t="s">
        <v>4171</v>
      </c>
      <c r="G1460" t="s">
        <v>656</v>
      </c>
      <c r="H1460">
        <v>2</v>
      </c>
      <c r="I1460">
        <v>2020</v>
      </c>
    </row>
    <row r="1461" spans="1:9" x14ac:dyDescent="0.25">
      <c r="A1461">
        <v>1679</v>
      </c>
      <c r="B1461" t="s">
        <v>2899</v>
      </c>
      <c r="C1461" t="s">
        <v>864</v>
      </c>
      <c r="D1461">
        <v>14</v>
      </c>
      <c r="E1461" t="s">
        <v>864</v>
      </c>
      <c r="F1461" t="s">
        <v>4171</v>
      </c>
      <c r="G1461" t="s">
        <v>656</v>
      </c>
      <c r="H1461">
        <v>2</v>
      </c>
      <c r="I1461">
        <v>2020</v>
      </c>
    </row>
    <row r="1462" spans="1:9" x14ac:dyDescent="0.25">
      <c r="A1462">
        <v>1680</v>
      </c>
      <c r="B1462" t="s">
        <v>4437</v>
      </c>
      <c r="C1462" t="s">
        <v>864</v>
      </c>
      <c r="D1462">
        <v>14</v>
      </c>
      <c r="E1462" t="s">
        <v>864</v>
      </c>
      <c r="F1462" t="s">
        <v>4171</v>
      </c>
      <c r="G1462" t="s">
        <v>656</v>
      </c>
      <c r="H1462">
        <v>2</v>
      </c>
      <c r="I1462">
        <v>2020</v>
      </c>
    </row>
    <row r="1463" spans="1:9" x14ac:dyDescent="0.25">
      <c r="A1463">
        <v>1681</v>
      </c>
      <c r="B1463" t="s">
        <v>2898</v>
      </c>
      <c r="C1463" t="s">
        <v>864</v>
      </c>
      <c r="D1463">
        <v>14</v>
      </c>
      <c r="E1463" t="s">
        <v>864</v>
      </c>
      <c r="F1463" t="s">
        <v>4171</v>
      </c>
      <c r="G1463" t="s">
        <v>656</v>
      </c>
      <c r="H1463">
        <v>2</v>
      </c>
      <c r="I1463">
        <v>2020</v>
      </c>
    </row>
    <row r="1464" spans="1:9" x14ac:dyDescent="0.25">
      <c r="A1464">
        <v>1682</v>
      </c>
      <c r="B1464" t="s">
        <v>4438</v>
      </c>
      <c r="C1464" t="s">
        <v>864</v>
      </c>
      <c r="D1464">
        <v>14</v>
      </c>
      <c r="E1464" t="s">
        <v>864</v>
      </c>
      <c r="F1464" t="s">
        <v>4171</v>
      </c>
      <c r="G1464" t="s">
        <v>656</v>
      </c>
      <c r="H1464">
        <v>2</v>
      </c>
      <c r="I1464">
        <v>2020</v>
      </c>
    </row>
    <row r="1465" spans="1:9" x14ac:dyDescent="0.25">
      <c r="A1465">
        <v>1683</v>
      </c>
      <c r="B1465" t="s">
        <v>2896</v>
      </c>
      <c r="C1465" t="s">
        <v>802</v>
      </c>
      <c r="D1465">
        <v>12</v>
      </c>
      <c r="E1465" t="s">
        <v>802</v>
      </c>
      <c r="F1465" t="s">
        <v>4171</v>
      </c>
      <c r="G1465" t="s">
        <v>656</v>
      </c>
      <c r="H1465">
        <v>2</v>
      </c>
      <c r="I1465">
        <v>2020</v>
      </c>
    </row>
    <row r="1466" spans="1:9" x14ac:dyDescent="0.25">
      <c r="A1466">
        <v>1684</v>
      </c>
      <c r="B1466" t="s">
        <v>2895</v>
      </c>
      <c r="C1466" t="s">
        <v>802</v>
      </c>
      <c r="D1466">
        <v>12</v>
      </c>
      <c r="E1466" t="s">
        <v>802</v>
      </c>
      <c r="F1466" t="s">
        <v>4171</v>
      </c>
      <c r="G1466" t="s">
        <v>656</v>
      </c>
      <c r="H1466">
        <v>2</v>
      </c>
      <c r="I1466">
        <v>2020</v>
      </c>
    </row>
    <row r="1467" spans="1:9" x14ac:dyDescent="0.25">
      <c r="A1467">
        <v>1685</v>
      </c>
      <c r="B1467" t="s">
        <v>4439</v>
      </c>
      <c r="C1467" t="s">
        <v>802</v>
      </c>
      <c r="D1467">
        <v>12</v>
      </c>
      <c r="E1467" t="s">
        <v>802</v>
      </c>
      <c r="F1467" t="s">
        <v>4171</v>
      </c>
      <c r="G1467" t="s">
        <v>656</v>
      </c>
      <c r="H1467">
        <v>2</v>
      </c>
      <c r="I1467">
        <v>2020</v>
      </c>
    </row>
    <row r="1468" spans="1:9" x14ac:dyDescent="0.25">
      <c r="A1468">
        <v>1686</v>
      </c>
      <c r="B1468" t="s">
        <v>4440</v>
      </c>
      <c r="C1468" t="s">
        <v>802</v>
      </c>
      <c r="D1468">
        <v>12</v>
      </c>
      <c r="E1468" t="s">
        <v>802</v>
      </c>
      <c r="F1468" t="s">
        <v>4171</v>
      </c>
      <c r="G1468" t="s">
        <v>656</v>
      </c>
      <c r="H1468">
        <v>2</v>
      </c>
      <c r="I1468">
        <v>2020</v>
      </c>
    </row>
    <row r="1469" spans="1:9" x14ac:dyDescent="0.25">
      <c r="A1469">
        <v>1687</v>
      </c>
      <c r="B1469" t="s">
        <v>4441</v>
      </c>
      <c r="C1469" t="s">
        <v>65</v>
      </c>
      <c r="D1469">
        <v>15</v>
      </c>
      <c r="E1469" t="s">
        <v>4176</v>
      </c>
      <c r="F1469" t="s">
        <v>4177</v>
      </c>
      <c r="G1469" t="s">
        <v>656</v>
      </c>
      <c r="H1469">
        <v>2</v>
      </c>
      <c r="I1469">
        <v>2020</v>
      </c>
    </row>
    <row r="1470" spans="1:9" x14ac:dyDescent="0.25">
      <c r="A1470">
        <v>1688</v>
      </c>
      <c r="B1470" t="s">
        <v>2894</v>
      </c>
      <c r="C1470" t="s">
        <v>65</v>
      </c>
      <c r="D1470">
        <v>15</v>
      </c>
      <c r="E1470" t="s">
        <v>4176</v>
      </c>
      <c r="F1470" t="s">
        <v>4177</v>
      </c>
      <c r="G1470" t="s">
        <v>656</v>
      </c>
      <c r="H1470">
        <v>2</v>
      </c>
      <c r="I1470">
        <v>2020</v>
      </c>
    </row>
    <row r="1471" spans="1:9" x14ac:dyDescent="0.25">
      <c r="A1471">
        <v>1689</v>
      </c>
      <c r="B1471" t="s">
        <v>2839</v>
      </c>
      <c r="C1471" t="s">
        <v>65</v>
      </c>
      <c r="D1471">
        <v>15</v>
      </c>
      <c r="E1471" t="s">
        <v>4176</v>
      </c>
      <c r="F1471" t="s">
        <v>4177</v>
      </c>
      <c r="G1471" t="s">
        <v>656</v>
      </c>
      <c r="H1471">
        <v>2</v>
      </c>
      <c r="I1471">
        <v>2020</v>
      </c>
    </row>
    <row r="1472" spans="1:9" x14ac:dyDescent="0.25">
      <c r="A1472">
        <v>1690</v>
      </c>
      <c r="B1472" t="s">
        <v>4442</v>
      </c>
      <c r="C1472" t="s">
        <v>682</v>
      </c>
      <c r="D1472">
        <v>20</v>
      </c>
      <c r="E1472" t="s">
        <v>682</v>
      </c>
      <c r="F1472" t="s">
        <v>4177</v>
      </c>
      <c r="G1472" t="s">
        <v>656</v>
      </c>
      <c r="H1472">
        <v>2</v>
      </c>
      <c r="I1472">
        <v>2020</v>
      </c>
    </row>
    <row r="1473" spans="1:9" x14ac:dyDescent="0.25">
      <c r="A1473">
        <v>1691</v>
      </c>
      <c r="B1473" t="s">
        <v>2032</v>
      </c>
      <c r="C1473" t="s">
        <v>682</v>
      </c>
      <c r="D1473">
        <v>20</v>
      </c>
      <c r="E1473" t="s">
        <v>682</v>
      </c>
      <c r="F1473" t="s">
        <v>4177</v>
      </c>
      <c r="G1473" t="s">
        <v>656</v>
      </c>
      <c r="H1473">
        <v>2</v>
      </c>
      <c r="I1473">
        <v>2020</v>
      </c>
    </row>
    <row r="1474" spans="1:9" x14ac:dyDescent="0.25">
      <c r="A1474">
        <v>1692</v>
      </c>
      <c r="B1474" t="s">
        <v>4443</v>
      </c>
      <c r="C1474" t="s">
        <v>682</v>
      </c>
      <c r="D1474">
        <v>20</v>
      </c>
      <c r="E1474" t="s">
        <v>682</v>
      </c>
      <c r="F1474" t="s">
        <v>4177</v>
      </c>
      <c r="G1474" t="s">
        <v>656</v>
      </c>
      <c r="H1474">
        <v>2</v>
      </c>
      <c r="I1474">
        <v>2020</v>
      </c>
    </row>
    <row r="1475" spans="1:9" x14ac:dyDescent="0.25">
      <c r="A1475">
        <v>1693</v>
      </c>
      <c r="B1475" t="s">
        <v>2678</v>
      </c>
      <c r="C1475" t="s">
        <v>831</v>
      </c>
      <c r="D1475">
        <v>5</v>
      </c>
      <c r="E1475" t="s">
        <v>831</v>
      </c>
      <c r="F1475" t="s">
        <v>4168</v>
      </c>
      <c r="G1475" t="s">
        <v>656</v>
      </c>
      <c r="H1475">
        <v>2</v>
      </c>
      <c r="I1475">
        <v>2020</v>
      </c>
    </row>
    <row r="1476" spans="1:9" x14ac:dyDescent="0.25">
      <c r="A1476">
        <v>1694</v>
      </c>
      <c r="B1476" t="s">
        <v>4444</v>
      </c>
      <c r="C1476" t="s">
        <v>831</v>
      </c>
      <c r="D1476">
        <v>5</v>
      </c>
      <c r="E1476" t="s">
        <v>831</v>
      </c>
      <c r="F1476" t="s">
        <v>4168</v>
      </c>
      <c r="G1476" t="s">
        <v>656</v>
      </c>
      <c r="H1476">
        <v>2</v>
      </c>
      <c r="I1476">
        <v>2020</v>
      </c>
    </row>
    <row r="1477" spans="1:9" x14ac:dyDescent="0.25">
      <c r="A1477">
        <v>1695</v>
      </c>
      <c r="B1477" t="s">
        <v>4445</v>
      </c>
      <c r="C1477" t="s">
        <v>736</v>
      </c>
      <c r="D1477">
        <v>8</v>
      </c>
      <c r="E1477" t="s">
        <v>4169</v>
      </c>
      <c r="F1477" t="s">
        <v>4164</v>
      </c>
      <c r="G1477" t="s">
        <v>656</v>
      </c>
      <c r="H1477">
        <v>2</v>
      </c>
      <c r="I1477">
        <v>2020</v>
      </c>
    </row>
    <row r="1478" spans="1:9" x14ac:dyDescent="0.25">
      <c r="A1478">
        <v>1696</v>
      </c>
      <c r="B1478" t="s">
        <v>2892</v>
      </c>
      <c r="C1478" t="s">
        <v>736</v>
      </c>
      <c r="D1478">
        <v>8</v>
      </c>
      <c r="E1478" t="s">
        <v>4169</v>
      </c>
      <c r="F1478" t="s">
        <v>4164</v>
      </c>
      <c r="G1478" t="s">
        <v>656</v>
      </c>
      <c r="H1478">
        <v>2</v>
      </c>
      <c r="I1478">
        <v>2020</v>
      </c>
    </row>
    <row r="1479" spans="1:9" x14ac:dyDescent="0.25">
      <c r="A1479">
        <v>1697</v>
      </c>
      <c r="B1479" t="s">
        <v>4446</v>
      </c>
      <c r="C1479" t="s">
        <v>909</v>
      </c>
      <c r="D1479">
        <v>39</v>
      </c>
      <c r="E1479" t="s">
        <v>4188</v>
      </c>
      <c r="F1479" t="s">
        <v>4189</v>
      </c>
      <c r="G1479" t="s">
        <v>656</v>
      </c>
      <c r="H1479">
        <v>2</v>
      </c>
      <c r="I1479">
        <v>2020</v>
      </c>
    </row>
    <row r="1480" spans="1:9" x14ac:dyDescent="0.25">
      <c r="A1480">
        <v>1698</v>
      </c>
      <c r="B1480" t="s">
        <v>2891</v>
      </c>
      <c r="C1480" t="s">
        <v>909</v>
      </c>
      <c r="D1480">
        <v>39</v>
      </c>
      <c r="E1480" t="s">
        <v>4188</v>
      </c>
      <c r="F1480" t="s">
        <v>4189</v>
      </c>
      <c r="G1480" t="s">
        <v>656</v>
      </c>
      <c r="H1480">
        <v>2</v>
      </c>
      <c r="I1480">
        <v>2020</v>
      </c>
    </row>
    <row r="1481" spans="1:9" x14ac:dyDescent="0.25">
      <c r="A1481">
        <v>1699</v>
      </c>
      <c r="B1481" t="s">
        <v>2265</v>
      </c>
      <c r="C1481" t="s">
        <v>909</v>
      </c>
      <c r="D1481">
        <v>39</v>
      </c>
      <c r="E1481" t="s">
        <v>4188</v>
      </c>
      <c r="F1481" t="s">
        <v>4189</v>
      </c>
      <c r="G1481" t="s">
        <v>656</v>
      </c>
      <c r="H1481">
        <v>2</v>
      </c>
      <c r="I1481">
        <v>2020</v>
      </c>
    </row>
    <row r="1482" spans="1:9" x14ac:dyDescent="0.25">
      <c r="A1482">
        <v>1700</v>
      </c>
      <c r="B1482" t="s">
        <v>2890</v>
      </c>
      <c r="C1482" t="s">
        <v>819</v>
      </c>
      <c r="D1482">
        <v>101</v>
      </c>
      <c r="E1482" t="s">
        <v>4187</v>
      </c>
      <c r="F1482" t="s">
        <v>4187</v>
      </c>
      <c r="G1482" t="s">
        <v>656</v>
      </c>
      <c r="H1482">
        <v>2</v>
      </c>
      <c r="I1482">
        <v>2020</v>
      </c>
    </row>
    <row r="1483" spans="1:9" x14ac:dyDescent="0.25">
      <c r="A1483">
        <v>1701</v>
      </c>
      <c r="B1483" t="s">
        <v>2889</v>
      </c>
      <c r="C1483" t="s">
        <v>819</v>
      </c>
      <c r="D1483">
        <v>101</v>
      </c>
      <c r="E1483" t="s">
        <v>4187</v>
      </c>
      <c r="F1483" t="s">
        <v>4187</v>
      </c>
      <c r="G1483" t="s">
        <v>656</v>
      </c>
      <c r="H1483">
        <v>2</v>
      </c>
      <c r="I1483">
        <v>2020</v>
      </c>
    </row>
    <row r="1484" spans="1:9" x14ac:dyDescent="0.25">
      <c r="A1484">
        <v>1702</v>
      </c>
      <c r="B1484" t="s">
        <v>2888</v>
      </c>
      <c r="C1484" t="s">
        <v>897</v>
      </c>
      <c r="D1484">
        <v>3</v>
      </c>
      <c r="E1484" t="s">
        <v>4165</v>
      </c>
      <c r="F1484" t="s">
        <v>4164</v>
      </c>
      <c r="G1484" t="s">
        <v>656</v>
      </c>
      <c r="H1484">
        <v>2</v>
      </c>
      <c r="I1484">
        <v>2020</v>
      </c>
    </row>
    <row r="1485" spans="1:9" x14ac:dyDescent="0.25">
      <c r="A1485">
        <v>1703</v>
      </c>
      <c r="B1485" t="s">
        <v>4447</v>
      </c>
      <c r="C1485" t="s">
        <v>726</v>
      </c>
      <c r="D1485">
        <v>2</v>
      </c>
      <c r="E1485" t="s">
        <v>726</v>
      </c>
      <c r="F1485" t="s">
        <v>4164</v>
      </c>
      <c r="G1485" t="s">
        <v>656</v>
      </c>
      <c r="H1485">
        <v>2</v>
      </c>
      <c r="I1485">
        <v>2020</v>
      </c>
    </row>
    <row r="1486" spans="1:9" x14ac:dyDescent="0.25">
      <c r="A1486">
        <v>1704</v>
      </c>
      <c r="B1486" t="s">
        <v>2887</v>
      </c>
      <c r="C1486" t="s">
        <v>742</v>
      </c>
      <c r="D1486">
        <v>48</v>
      </c>
      <c r="E1486" t="s">
        <v>4165</v>
      </c>
      <c r="F1486" t="s">
        <v>4164</v>
      </c>
      <c r="G1486" t="s">
        <v>656</v>
      </c>
      <c r="H1486">
        <v>2</v>
      </c>
      <c r="I1486">
        <v>2020</v>
      </c>
    </row>
    <row r="1487" spans="1:9" x14ac:dyDescent="0.25">
      <c r="A1487">
        <v>1705</v>
      </c>
      <c r="B1487" t="s">
        <v>4448</v>
      </c>
      <c r="C1487" t="s">
        <v>885</v>
      </c>
      <c r="D1487">
        <v>1</v>
      </c>
      <c r="E1487" t="s">
        <v>885</v>
      </c>
      <c r="F1487" t="s">
        <v>4164</v>
      </c>
      <c r="G1487" t="s">
        <v>656</v>
      </c>
      <c r="H1487">
        <v>2</v>
      </c>
      <c r="I1487">
        <v>2020</v>
      </c>
    </row>
    <row r="1488" spans="1:9" x14ac:dyDescent="0.25">
      <c r="A1488">
        <v>1706</v>
      </c>
      <c r="B1488" t="s">
        <v>4449</v>
      </c>
      <c r="C1488" t="s">
        <v>885</v>
      </c>
      <c r="D1488">
        <v>1</v>
      </c>
      <c r="E1488" t="s">
        <v>885</v>
      </c>
      <c r="F1488" t="s">
        <v>4164</v>
      </c>
      <c r="G1488" t="s">
        <v>656</v>
      </c>
      <c r="H1488">
        <v>2</v>
      </c>
      <c r="I1488">
        <v>2020</v>
      </c>
    </row>
    <row r="1489" spans="1:9" x14ac:dyDescent="0.25">
      <c r="A1489">
        <v>1707</v>
      </c>
      <c r="B1489" t="s">
        <v>2624</v>
      </c>
      <c r="C1489" t="s">
        <v>885</v>
      </c>
      <c r="D1489">
        <v>1</v>
      </c>
      <c r="E1489" t="s">
        <v>885</v>
      </c>
      <c r="F1489" t="s">
        <v>4164</v>
      </c>
      <c r="G1489" t="s">
        <v>656</v>
      </c>
      <c r="H1489">
        <v>2</v>
      </c>
      <c r="I1489">
        <v>2020</v>
      </c>
    </row>
    <row r="1490" spans="1:9" x14ac:dyDescent="0.25">
      <c r="A1490">
        <v>1710</v>
      </c>
      <c r="B1490" t="s">
        <v>2884</v>
      </c>
      <c r="C1490" t="s">
        <v>301</v>
      </c>
      <c r="D1490">
        <v>26</v>
      </c>
      <c r="E1490" t="s">
        <v>4179</v>
      </c>
      <c r="F1490" t="s">
        <v>4177</v>
      </c>
      <c r="G1490" t="s">
        <v>656</v>
      </c>
      <c r="H1490">
        <v>2</v>
      </c>
      <c r="I1490">
        <v>2020</v>
      </c>
    </row>
    <row r="1491" spans="1:9" x14ac:dyDescent="0.25">
      <c r="A1491">
        <v>1711</v>
      </c>
      <c r="B1491" t="s">
        <v>4450</v>
      </c>
      <c r="C1491" t="s">
        <v>301</v>
      </c>
      <c r="D1491">
        <v>26</v>
      </c>
      <c r="E1491" t="s">
        <v>4179</v>
      </c>
      <c r="F1491" t="s">
        <v>4177</v>
      </c>
      <c r="G1491" t="s">
        <v>656</v>
      </c>
      <c r="H1491">
        <v>2</v>
      </c>
      <c r="I1491">
        <v>2020</v>
      </c>
    </row>
    <row r="1492" spans="1:9" x14ac:dyDescent="0.25">
      <c r="A1492">
        <v>1712</v>
      </c>
      <c r="B1492" t="s">
        <v>2883</v>
      </c>
      <c r="C1492" t="s">
        <v>301</v>
      </c>
      <c r="D1492">
        <v>26</v>
      </c>
      <c r="E1492" t="s">
        <v>4179</v>
      </c>
      <c r="F1492" t="s">
        <v>4177</v>
      </c>
      <c r="G1492" t="s">
        <v>656</v>
      </c>
      <c r="H1492">
        <v>2</v>
      </c>
      <c r="I1492">
        <v>2020</v>
      </c>
    </row>
    <row r="1493" spans="1:9" x14ac:dyDescent="0.25">
      <c r="A1493">
        <v>1713</v>
      </c>
      <c r="B1493" t="s">
        <v>2882</v>
      </c>
      <c r="C1493" t="s">
        <v>955</v>
      </c>
      <c r="D1493">
        <v>29</v>
      </c>
      <c r="E1493" t="s">
        <v>4179</v>
      </c>
      <c r="F1493" t="s">
        <v>4177</v>
      </c>
      <c r="G1493" t="s">
        <v>656</v>
      </c>
      <c r="H1493">
        <v>2</v>
      </c>
      <c r="I1493">
        <v>2020</v>
      </c>
    </row>
    <row r="1494" spans="1:9" x14ac:dyDescent="0.25">
      <c r="A1494">
        <v>1714</v>
      </c>
      <c r="B1494" t="s">
        <v>2114</v>
      </c>
      <c r="C1494" t="s">
        <v>299</v>
      </c>
      <c r="D1494">
        <v>27</v>
      </c>
      <c r="E1494" t="s">
        <v>4179</v>
      </c>
      <c r="F1494" t="s">
        <v>4177</v>
      </c>
      <c r="G1494" t="s">
        <v>656</v>
      </c>
      <c r="H1494">
        <v>2</v>
      </c>
      <c r="I1494">
        <v>2020</v>
      </c>
    </row>
    <row r="1495" spans="1:9" x14ac:dyDescent="0.25">
      <c r="A1495">
        <v>1715</v>
      </c>
      <c r="B1495" t="s">
        <v>2880</v>
      </c>
      <c r="C1495" t="s">
        <v>299</v>
      </c>
      <c r="D1495">
        <v>27</v>
      </c>
      <c r="E1495" t="s">
        <v>4179</v>
      </c>
      <c r="F1495" t="s">
        <v>4177</v>
      </c>
      <c r="G1495" t="s">
        <v>656</v>
      </c>
      <c r="H1495">
        <v>2</v>
      </c>
      <c r="I1495">
        <v>2020</v>
      </c>
    </row>
    <row r="1496" spans="1:9" x14ac:dyDescent="0.25">
      <c r="A1496">
        <v>1716</v>
      </c>
      <c r="B1496" t="s">
        <v>2879</v>
      </c>
      <c r="C1496" t="s">
        <v>807</v>
      </c>
      <c r="D1496">
        <v>25</v>
      </c>
      <c r="E1496" t="s">
        <v>4179</v>
      </c>
      <c r="F1496" t="s">
        <v>4177</v>
      </c>
      <c r="G1496" t="s">
        <v>656</v>
      </c>
      <c r="H1496">
        <v>2</v>
      </c>
      <c r="I1496">
        <v>2020</v>
      </c>
    </row>
    <row r="1497" spans="1:9" x14ac:dyDescent="0.25">
      <c r="A1497">
        <v>1717</v>
      </c>
      <c r="B1497" t="s">
        <v>2878</v>
      </c>
      <c r="C1497" t="s">
        <v>807</v>
      </c>
      <c r="D1497">
        <v>25</v>
      </c>
      <c r="E1497" t="s">
        <v>4179</v>
      </c>
      <c r="F1497" t="s">
        <v>4177</v>
      </c>
      <c r="G1497" t="s">
        <v>656</v>
      </c>
      <c r="H1497">
        <v>2</v>
      </c>
      <c r="I1497">
        <v>2020</v>
      </c>
    </row>
    <row r="1498" spans="1:9" x14ac:dyDescent="0.25">
      <c r="A1498">
        <v>1718</v>
      </c>
      <c r="B1498" t="s">
        <v>2877</v>
      </c>
      <c r="C1498" t="s">
        <v>839</v>
      </c>
      <c r="D1498">
        <v>89</v>
      </c>
      <c r="E1498" t="s">
        <v>839</v>
      </c>
      <c r="F1498" t="s">
        <v>4168</v>
      </c>
      <c r="G1498" t="s">
        <v>656</v>
      </c>
      <c r="H1498">
        <v>2</v>
      </c>
      <c r="I1498">
        <v>2020</v>
      </c>
    </row>
    <row r="1499" spans="1:9" x14ac:dyDescent="0.25">
      <c r="A1499">
        <v>1719</v>
      </c>
      <c r="B1499" t="s">
        <v>2876</v>
      </c>
      <c r="C1499" t="s">
        <v>738</v>
      </c>
      <c r="D1499">
        <v>61</v>
      </c>
      <c r="E1499" t="s">
        <v>4193</v>
      </c>
      <c r="F1499" t="s">
        <v>4189</v>
      </c>
      <c r="G1499" t="s">
        <v>656</v>
      </c>
      <c r="H1499">
        <v>2</v>
      </c>
      <c r="I1499">
        <v>2020</v>
      </c>
    </row>
    <row r="1500" spans="1:9" x14ac:dyDescent="0.25">
      <c r="A1500">
        <v>1720</v>
      </c>
      <c r="B1500" t="s">
        <v>2875</v>
      </c>
      <c r="C1500" t="s">
        <v>693</v>
      </c>
      <c r="D1500">
        <v>56</v>
      </c>
      <c r="E1500" t="s">
        <v>4193</v>
      </c>
      <c r="F1500" t="s">
        <v>4189</v>
      </c>
      <c r="G1500" t="s">
        <v>656</v>
      </c>
      <c r="H1500">
        <v>2</v>
      </c>
      <c r="I1500">
        <v>2020</v>
      </c>
    </row>
    <row r="1501" spans="1:9" x14ac:dyDescent="0.25">
      <c r="A1501">
        <v>1722</v>
      </c>
      <c r="B1501" t="s">
        <v>2874</v>
      </c>
      <c r="C1501" t="s">
        <v>730</v>
      </c>
      <c r="D1501">
        <v>66</v>
      </c>
      <c r="E1501" t="s">
        <v>4193</v>
      </c>
      <c r="F1501" t="s">
        <v>4189</v>
      </c>
      <c r="G1501" t="s">
        <v>656</v>
      </c>
      <c r="H1501">
        <v>2</v>
      </c>
      <c r="I1501">
        <v>2020</v>
      </c>
    </row>
    <row r="1502" spans="1:9" x14ac:dyDescent="0.25">
      <c r="A1502">
        <v>1723</v>
      </c>
      <c r="B1502" t="s">
        <v>4451</v>
      </c>
      <c r="C1502" t="s">
        <v>730</v>
      </c>
      <c r="D1502">
        <v>66</v>
      </c>
      <c r="E1502" t="s">
        <v>4193</v>
      </c>
      <c r="F1502" t="s">
        <v>4189</v>
      </c>
      <c r="G1502" t="s">
        <v>656</v>
      </c>
      <c r="H1502">
        <v>2</v>
      </c>
      <c r="I1502">
        <v>2020</v>
      </c>
    </row>
    <row r="1503" spans="1:9" x14ac:dyDescent="0.25">
      <c r="A1503">
        <v>1724</v>
      </c>
      <c r="B1503" t="s">
        <v>2873</v>
      </c>
      <c r="C1503" t="s">
        <v>1022</v>
      </c>
      <c r="D1503">
        <v>85</v>
      </c>
      <c r="E1503" t="s">
        <v>1080</v>
      </c>
      <c r="F1503" t="s">
        <v>4189</v>
      </c>
      <c r="G1503" t="s">
        <v>656</v>
      </c>
      <c r="H1503">
        <v>2</v>
      </c>
      <c r="I1503">
        <v>2020</v>
      </c>
    </row>
    <row r="1504" spans="1:9" x14ac:dyDescent="0.25">
      <c r="A1504">
        <v>1725</v>
      </c>
      <c r="B1504" t="s">
        <v>4452</v>
      </c>
      <c r="C1504" t="s">
        <v>1022</v>
      </c>
      <c r="D1504">
        <v>85</v>
      </c>
      <c r="E1504" t="s">
        <v>1080</v>
      </c>
      <c r="F1504" t="s">
        <v>4189</v>
      </c>
      <c r="G1504" t="s">
        <v>656</v>
      </c>
      <c r="H1504">
        <v>2</v>
      </c>
      <c r="I1504">
        <v>2020</v>
      </c>
    </row>
    <row r="1505" spans="1:9" x14ac:dyDescent="0.25">
      <c r="A1505">
        <v>1726</v>
      </c>
      <c r="B1505" t="s">
        <v>2872</v>
      </c>
      <c r="C1505" t="s">
        <v>1022</v>
      </c>
      <c r="D1505">
        <v>85</v>
      </c>
      <c r="E1505" t="s">
        <v>1080</v>
      </c>
      <c r="F1505" t="s">
        <v>4189</v>
      </c>
      <c r="G1505" t="s">
        <v>656</v>
      </c>
      <c r="H1505">
        <v>2</v>
      </c>
      <c r="I1505">
        <v>2020</v>
      </c>
    </row>
    <row r="1506" spans="1:9" x14ac:dyDescent="0.25">
      <c r="A1506">
        <v>1727</v>
      </c>
      <c r="B1506" t="s">
        <v>2871</v>
      </c>
      <c r="C1506" t="s">
        <v>1022</v>
      </c>
      <c r="D1506">
        <v>85</v>
      </c>
      <c r="E1506" t="s">
        <v>1080</v>
      </c>
      <c r="F1506" t="s">
        <v>4189</v>
      </c>
      <c r="G1506" t="s">
        <v>656</v>
      </c>
      <c r="H1506">
        <v>2</v>
      </c>
      <c r="I1506">
        <v>2020</v>
      </c>
    </row>
    <row r="1507" spans="1:9" x14ac:dyDescent="0.25">
      <c r="A1507">
        <v>1728</v>
      </c>
      <c r="B1507" t="s">
        <v>2870</v>
      </c>
      <c r="C1507" t="s">
        <v>1022</v>
      </c>
      <c r="D1507">
        <v>85</v>
      </c>
      <c r="E1507" t="s">
        <v>1080</v>
      </c>
      <c r="F1507" t="s">
        <v>4189</v>
      </c>
      <c r="G1507" t="s">
        <v>656</v>
      </c>
      <c r="H1507">
        <v>2</v>
      </c>
      <c r="I1507">
        <v>2020</v>
      </c>
    </row>
    <row r="1508" spans="1:9" x14ac:dyDescent="0.25">
      <c r="A1508">
        <v>1729</v>
      </c>
      <c r="B1508" t="s">
        <v>2869</v>
      </c>
      <c r="C1508" t="s">
        <v>679</v>
      </c>
      <c r="D1508">
        <v>32</v>
      </c>
      <c r="E1508" t="s">
        <v>4175</v>
      </c>
      <c r="F1508" t="s">
        <v>4171</v>
      </c>
      <c r="G1508" t="s">
        <v>656</v>
      </c>
      <c r="H1508">
        <v>2</v>
      </c>
      <c r="I1508">
        <v>2020</v>
      </c>
    </row>
    <row r="1509" spans="1:9" x14ac:dyDescent="0.25">
      <c r="A1509">
        <v>1730</v>
      </c>
      <c r="B1509" t="s">
        <v>2868</v>
      </c>
      <c r="C1509" t="s">
        <v>673</v>
      </c>
      <c r="D1509">
        <v>34</v>
      </c>
      <c r="E1509" t="s">
        <v>4175</v>
      </c>
      <c r="F1509" t="s">
        <v>4171</v>
      </c>
      <c r="G1509" t="s">
        <v>656</v>
      </c>
      <c r="H1509">
        <v>2</v>
      </c>
      <c r="I1509">
        <v>2020</v>
      </c>
    </row>
    <row r="1510" spans="1:9" x14ac:dyDescent="0.25">
      <c r="A1510">
        <v>1731</v>
      </c>
      <c r="B1510" t="s">
        <v>2867</v>
      </c>
      <c r="C1510" t="s">
        <v>673</v>
      </c>
      <c r="D1510">
        <v>34</v>
      </c>
      <c r="E1510" t="s">
        <v>4175</v>
      </c>
      <c r="F1510" t="s">
        <v>4171</v>
      </c>
      <c r="G1510" t="s">
        <v>656</v>
      </c>
      <c r="H1510">
        <v>2</v>
      </c>
      <c r="I1510">
        <v>2020</v>
      </c>
    </row>
    <row r="1511" spans="1:9" x14ac:dyDescent="0.25">
      <c r="A1511">
        <v>1732</v>
      </c>
      <c r="B1511" t="s">
        <v>2866</v>
      </c>
      <c r="C1511" t="s">
        <v>659</v>
      </c>
      <c r="D1511">
        <v>35</v>
      </c>
      <c r="E1511" t="s">
        <v>4175</v>
      </c>
      <c r="F1511" t="s">
        <v>4171</v>
      </c>
      <c r="G1511" t="s">
        <v>656</v>
      </c>
      <c r="H1511">
        <v>2</v>
      </c>
      <c r="I1511">
        <v>2020</v>
      </c>
    </row>
    <row r="1512" spans="1:9" x14ac:dyDescent="0.25">
      <c r="A1512">
        <v>1735</v>
      </c>
      <c r="B1512" t="s">
        <v>2865</v>
      </c>
      <c r="C1512" t="s">
        <v>868</v>
      </c>
      <c r="D1512">
        <v>23</v>
      </c>
      <c r="E1512" t="s">
        <v>4178</v>
      </c>
      <c r="F1512" t="s">
        <v>4177</v>
      </c>
      <c r="G1512" t="s">
        <v>656</v>
      </c>
      <c r="H1512">
        <v>2</v>
      </c>
      <c r="I1512">
        <v>2020</v>
      </c>
    </row>
    <row r="1513" spans="1:9" x14ac:dyDescent="0.25">
      <c r="A1513">
        <v>1736</v>
      </c>
      <c r="B1513" t="s">
        <v>1646</v>
      </c>
      <c r="C1513" t="s">
        <v>684</v>
      </c>
      <c r="D1513">
        <v>22</v>
      </c>
      <c r="E1513" t="s">
        <v>4178</v>
      </c>
      <c r="F1513" t="s">
        <v>4177</v>
      </c>
      <c r="G1513" t="s">
        <v>656</v>
      </c>
      <c r="H1513">
        <v>2</v>
      </c>
      <c r="I1513">
        <v>2020</v>
      </c>
    </row>
    <row r="1514" spans="1:9" x14ac:dyDescent="0.25">
      <c r="A1514">
        <v>1737</v>
      </c>
      <c r="B1514" t="s">
        <v>2864</v>
      </c>
      <c r="C1514" t="s">
        <v>684</v>
      </c>
      <c r="D1514">
        <v>22</v>
      </c>
      <c r="E1514" t="s">
        <v>4178</v>
      </c>
      <c r="F1514" t="s">
        <v>4177</v>
      </c>
      <c r="G1514" t="s">
        <v>656</v>
      </c>
      <c r="H1514">
        <v>2</v>
      </c>
      <c r="I1514">
        <v>2020</v>
      </c>
    </row>
    <row r="1515" spans="1:9" x14ac:dyDescent="0.25">
      <c r="A1515">
        <v>1741</v>
      </c>
      <c r="B1515" t="s">
        <v>4453</v>
      </c>
      <c r="C1515" t="s">
        <v>684</v>
      </c>
      <c r="D1515">
        <v>22</v>
      </c>
      <c r="E1515" t="s">
        <v>4178</v>
      </c>
      <c r="F1515" t="s">
        <v>4177</v>
      </c>
      <c r="G1515" t="s">
        <v>656</v>
      </c>
      <c r="H1515">
        <v>2</v>
      </c>
      <c r="I1515">
        <v>2020</v>
      </c>
    </row>
    <row r="1516" spans="1:9" x14ac:dyDescent="0.25">
      <c r="A1516">
        <v>1743</v>
      </c>
      <c r="B1516" t="s">
        <v>2863</v>
      </c>
      <c r="C1516" t="s">
        <v>103</v>
      </c>
      <c r="D1516">
        <v>86</v>
      </c>
      <c r="E1516" t="s">
        <v>4193</v>
      </c>
      <c r="F1516" t="s">
        <v>4189</v>
      </c>
      <c r="G1516" t="s">
        <v>656</v>
      </c>
      <c r="H1516">
        <v>2</v>
      </c>
      <c r="I1516">
        <v>2020</v>
      </c>
    </row>
    <row r="1517" spans="1:9" x14ac:dyDescent="0.25">
      <c r="A1517">
        <v>1744</v>
      </c>
      <c r="B1517" t="s">
        <v>2862</v>
      </c>
      <c r="C1517" t="s">
        <v>103</v>
      </c>
      <c r="D1517">
        <v>86</v>
      </c>
      <c r="E1517" t="s">
        <v>4193</v>
      </c>
      <c r="F1517" t="s">
        <v>4189</v>
      </c>
      <c r="G1517" t="s">
        <v>656</v>
      </c>
      <c r="H1517">
        <v>2</v>
      </c>
      <c r="I1517">
        <v>2020</v>
      </c>
    </row>
    <row r="1518" spans="1:9" x14ac:dyDescent="0.25">
      <c r="A1518">
        <v>1745</v>
      </c>
      <c r="B1518" t="s">
        <v>2861</v>
      </c>
      <c r="C1518" t="s">
        <v>103</v>
      </c>
      <c r="D1518">
        <v>86</v>
      </c>
      <c r="E1518" t="s">
        <v>4193</v>
      </c>
      <c r="F1518" t="s">
        <v>4189</v>
      </c>
      <c r="G1518" t="s">
        <v>656</v>
      </c>
      <c r="H1518">
        <v>2</v>
      </c>
      <c r="I1518">
        <v>2020</v>
      </c>
    </row>
    <row r="1519" spans="1:9" x14ac:dyDescent="0.25">
      <c r="A1519">
        <v>1746</v>
      </c>
      <c r="B1519" t="s">
        <v>2860</v>
      </c>
      <c r="C1519" t="s">
        <v>103</v>
      </c>
      <c r="D1519">
        <v>86</v>
      </c>
      <c r="E1519" t="s">
        <v>4193</v>
      </c>
      <c r="F1519" t="s">
        <v>4189</v>
      </c>
      <c r="G1519" t="s">
        <v>656</v>
      </c>
      <c r="H1519">
        <v>2</v>
      </c>
      <c r="I1519">
        <v>2020</v>
      </c>
    </row>
    <row r="1520" spans="1:9" x14ac:dyDescent="0.25">
      <c r="A1520">
        <v>1747</v>
      </c>
      <c r="B1520" t="s">
        <v>2859</v>
      </c>
      <c r="C1520" t="s">
        <v>103</v>
      </c>
      <c r="D1520">
        <v>86</v>
      </c>
      <c r="E1520" t="s">
        <v>4193</v>
      </c>
      <c r="F1520" t="s">
        <v>4189</v>
      </c>
      <c r="G1520" t="s">
        <v>656</v>
      </c>
      <c r="H1520">
        <v>2</v>
      </c>
      <c r="I1520">
        <v>2020</v>
      </c>
    </row>
    <row r="1521" spans="1:9" x14ac:dyDescent="0.25">
      <c r="A1521">
        <v>1748</v>
      </c>
      <c r="B1521" t="s">
        <v>2858</v>
      </c>
      <c r="C1521" t="s">
        <v>103</v>
      </c>
      <c r="D1521">
        <v>86</v>
      </c>
      <c r="E1521" t="s">
        <v>4193</v>
      </c>
      <c r="F1521" t="s">
        <v>4189</v>
      </c>
      <c r="G1521" t="s">
        <v>656</v>
      </c>
      <c r="H1521">
        <v>2</v>
      </c>
      <c r="I1521">
        <v>2020</v>
      </c>
    </row>
    <row r="1522" spans="1:9" x14ac:dyDescent="0.25">
      <c r="A1522">
        <v>1749</v>
      </c>
      <c r="B1522" t="s">
        <v>2857</v>
      </c>
      <c r="C1522" t="s">
        <v>103</v>
      </c>
      <c r="D1522">
        <v>86</v>
      </c>
      <c r="E1522" t="s">
        <v>4193</v>
      </c>
      <c r="F1522" t="s">
        <v>4189</v>
      </c>
      <c r="G1522" t="s">
        <v>656</v>
      </c>
      <c r="H1522">
        <v>2</v>
      </c>
      <c r="I1522">
        <v>2020</v>
      </c>
    </row>
    <row r="1523" spans="1:9" x14ac:dyDescent="0.25">
      <c r="A1523">
        <v>1750</v>
      </c>
      <c r="B1523" t="s">
        <v>2856</v>
      </c>
      <c r="C1523" t="s">
        <v>103</v>
      </c>
      <c r="D1523">
        <v>86</v>
      </c>
      <c r="E1523" t="s">
        <v>4193</v>
      </c>
      <c r="F1523" t="s">
        <v>4189</v>
      </c>
      <c r="G1523" t="s">
        <v>656</v>
      </c>
      <c r="H1523">
        <v>2</v>
      </c>
      <c r="I1523">
        <v>2020</v>
      </c>
    </row>
    <row r="1524" spans="1:9" x14ac:dyDescent="0.25">
      <c r="A1524">
        <v>1751</v>
      </c>
      <c r="B1524" t="s">
        <v>2855</v>
      </c>
      <c r="C1524" t="s">
        <v>714</v>
      </c>
      <c r="D1524">
        <v>52</v>
      </c>
      <c r="E1524" t="s">
        <v>4198</v>
      </c>
      <c r="F1524" t="s">
        <v>4189</v>
      </c>
      <c r="G1524" t="s">
        <v>656</v>
      </c>
      <c r="H1524">
        <v>2</v>
      </c>
      <c r="I1524">
        <v>2020</v>
      </c>
    </row>
    <row r="1525" spans="1:9" x14ac:dyDescent="0.25">
      <c r="A1525">
        <v>1752</v>
      </c>
      <c r="B1525" t="s">
        <v>2854</v>
      </c>
      <c r="C1525" t="s">
        <v>848</v>
      </c>
      <c r="D1525">
        <v>62</v>
      </c>
      <c r="E1525" t="s">
        <v>4193</v>
      </c>
      <c r="F1525" t="s">
        <v>4189</v>
      </c>
      <c r="G1525" t="s">
        <v>656</v>
      </c>
      <c r="H1525">
        <v>2</v>
      </c>
      <c r="I1525">
        <v>2020</v>
      </c>
    </row>
    <row r="1526" spans="1:9" x14ac:dyDescent="0.25">
      <c r="A1526">
        <v>1753</v>
      </c>
      <c r="B1526" t="s">
        <v>2853</v>
      </c>
      <c r="C1526" t="s">
        <v>730</v>
      </c>
      <c r="D1526">
        <v>66</v>
      </c>
      <c r="E1526" t="s">
        <v>4193</v>
      </c>
      <c r="F1526" t="s">
        <v>4189</v>
      </c>
      <c r="G1526" t="s">
        <v>656</v>
      </c>
      <c r="H1526">
        <v>2</v>
      </c>
      <c r="I1526">
        <v>2020</v>
      </c>
    </row>
    <row r="1527" spans="1:9" x14ac:dyDescent="0.25">
      <c r="A1527">
        <v>1754</v>
      </c>
      <c r="B1527" t="s">
        <v>2852</v>
      </c>
      <c r="C1527" t="s">
        <v>897</v>
      </c>
      <c r="D1527">
        <v>3</v>
      </c>
      <c r="E1527" t="s">
        <v>4165</v>
      </c>
      <c r="F1527" t="s">
        <v>4164</v>
      </c>
      <c r="G1527" t="s">
        <v>656</v>
      </c>
      <c r="H1527">
        <v>2</v>
      </c>
      <c r="I1527">
        <v>2020</v>
      </c>
    </row>
    <row r="1528" spans="1:9" x14ac:dyDescent="0.25">
      <c r="A1528">
        <v>1755</v>
      </c>
      <c r="B1528" t="s">
        <v>4454</v>
      </c>
      <c r="C1528" t="s">
        <v>897</v>
      </c>
      <c r="D1528">
        <v>3</v>
      </c>
      <c r="E1528" t="s">
        <v>4165</v>
      </c>
      <c r="F1528" t="s">
        <v>4164</v>
      </c>
      <c r="G1528" t="s">
        <v>656</v>
      </c>
      <c r="H1528">
        <v>2</v>
      </c>
      <c r="I1528">
        <v>2020</v>
      </c>
    </row>
    <row r="1529" spans="1:9" x14ac:dyDescent="0.25">
      <c r="A1529">
        <v>1756</v>
      </c>
      <c r="B1529" t="s">
        <v>2851</v>
      </c>
      <c r="C1529" t="s">
        <v>736</v>
      </c>
      <c r="D1529">
        <v>8</v>
      </c>
      <c r="E1529" t="s">
        <v>4169</v>
      </c>
      <c r="F1529" t="s">
        <v>4164</v>
      </c>
      <c r="G1529" t="s">
        <v>656</v>
      </c>
      <c r="H1529">
        <v>2</v>
      </c>
      <c r="I1529">
        <v>2020</v>
      </c>
    </row>
    <row r="1530" spans="1:9" x14ac:dyDescent="0.25">
      <c r="A1530">
        <v>1757</v>
      </c>
      <c r="B1530" t="s">
        <v>4455</v>
      </c>
      <c r="C1530" t="s">
        <v>726</v>
      </c>
      <c r="D1530">
        <v>2</v>
      </c>
      <c r="E1530" t="s">
        <v>726</v>
      </c>
      <c r="F1530" t="s">
        <v>4164</v>
      </c>
      <c r="G1530" t="s">
        <v>656</v>
      </c>
      <c r="H1530">
        <v>2</v>
      </c>
      <c r="I1530">
        <v>2020</v>
      </c>
    </row>
    <row r="1531" spans="1:9" x14ac:dyDescent="0.25">
      <c r="A1531">
        <v>1758</v>
      </c>
      <c r="B1531" t="s">
        <v>4456</v>
      </c>
      <c r="C1531" t="s">
        <v>726</v>
      </c>
      <c r="D1531">
        <v>2</v>
      </c>
      <c r="E1531" t="s">
        <v>726</v>
      </c>
      <c r="F1531" t="s">
        <v>4164</v>
      </c>
      <c r="G1531" t="s">
        <v>656</v>
      </c>
      <c r="H1531">
        <v>2</v>
      </c>
      <c r="I1531">
        <v>2020</v>
      </c>
    </row>
    <row r="1532" spans="1:9" x14ac:dyDescent="0.25">
      <c r="A1532">
        <v>1761</v>
      </c>
      <c r="B1532" t="s">
        <v>2848</v>
      </c>
      <c r="C1532" t="s">
        <v>819</v>
      </c>
      <c r="D1532">
        <v>101</v>
      </c>
      <c r="E1532" t="s">
        <v>4187</v>
      </c>
      <c r="F1532" t="s">
        <v>4187</v>
      </c>
      <c r="G1532" t="s">
        <v>656</v>
      </c>
      <c r="H1532">
        <v>2</v>
      </c>
      <c r="I1532">
        <v>2020</v>
      </c>
    </row>
    <row r="1533" spans="1:9" x14ac:dyDescent="0.25">
      <c r="A1533">
        <v>1762</v>
      </c>
      <c r="B1533" t="s">
        <v>2847</v>
      </c>
      <c r="C1533" t="s">
        <v>819</v>
      </c>
      <c r="D1533">
        <v>101</v>
      </c>
      <c r="E1533" t="s">
        <v>4187</v>
      </c>
      <c r="F1533" t="s">
        <v>4187</v>
      </c>
      <c r="G1533" t="s">
        <v>656</v>
      </c>
      <c r="H1533">
        <v>2</v>
      </c>
      <c r="I1533">
        <v>2020</v>
      </c>
    </row>
    <row r="1534" spans="1:9" x14ac:dyDescent="0.25">
      <c r="A1534">
        <v>1763</v>
      </c>
      <c r="B1534" t="s">
        <v>2846</v>
      </c>
      <c r="C1534" t="s">
        <v>663</v>
      </c>
      <c r="D1534">
        <v>99</v>
      </c>
      <c r="E1534" t="s">
        <v>663</v>
      </c>
      <c r="F1534" t="s">
        <v>4171</v>
      </c>
      <c r="G1534" t="s">
        <v>656</v>
      </c>
      <c r="H1534">
        <v>2</v>
      </c>
      <c r="I1534">
        <v>2020</v>
      </c>
    </row>
    <row r="1535" spans="1:9" x14ac:dyDescent="0.25">
      <c r="A1535">
        <v>1764</v>
      </c>
      <c r="B1535" t="s">
        <v>4457</v>
      </c>
      <c r="C1535" t="s">
        <v>663</v>
      </c>
      <c r="D1535">
        <v>99</v>
      </c>
      <c r="E1535" t="s">
        <v>663</v>
      </c>
      <c r="F1535" t="s">
        <v>4171</v>
      </c>
      <c r="G1535" t="s">
        <v>656</v>
      </c>
      <c r="H1535">
        <v>2</v>
      </c>
      <c r="I1535">
        <v>2020</v>
      </c>
    </row>
    <row r="1536" spans="1:9" x14ac:dyDescent="0.25">
      <c r="A1536">
        <v>1765</v>
      </c>
      <c r="B1536" t="s">
        <v>4458</v>
      </c>
      <c r="C1536" t="s">
        <v>663</v>
      </c>
      <c r="D1536">
        <v>99</v>
      </c>
      <c r="E1536" t="s">
        <v>663</v>
      </c>
      <c r="F1536" t="s">
        <v>4171</v>
      </c>
      <c r="G1536" t="s">
        <v>656</v>
      </c>
      <c r="H1536">
        <v>2</v>
      </c>
      <c r="I1536">
        <v>2020</v>
      </c>
    </row>
    <row r="1537" spans="1:9" x14ac:dyDescent="0.25">
      <c r="A1537">
        <v>1766</v>
      </c>
      <c r="B1537" t="s">
        <v>2844</v>
      </c>
      <c r="C1537" t="s">
        <v>663</v>
      </c>
      <c r="D1537">
        <v>99</v>
      </c>
      <c r="E1537" t="s">
        <v>663</v>
      </c>
      <c r="F1537" t="s">
        <v>4171</v>
      </c>
      <c r="G1537" t="s">
        <v>656</v>
      </c>
      <c r="H1537">
        <v>2</v>
      </c>
      <c r="I1537">
        <v>2020</v>
      </c>
    </row>
    <row r="1538" spans="1:9" x14ac:dyDescent="0.25">
      <c r="A1538">
        <v>1767</v>
      </c>
      <c r="B1538" t="s">
        <v>4459</v>
      </c>
      <c r="C1538" t="s">
        <v>663</v>
      </c>
      <c r="D1538">
        <v>99</v>
      </c>
      <c r="E1538" t="s">
        <v>663</v>
      </c>
      <c r="F1538" t="s">
        <v>4171</v>
      </c>
      <c r="G1538" t="s">
        <v>656</v>
      </c>
      <c r="H1538">
        <v>2</v>
      </c>
      <c r="I1538">
        <v>2020</v>
      </c>
    </row>
    <row r="1539" spans="1:9" x14ac:dyDescent="0.25">
      <c r="A1539">
        <v>1769</v>
      </c>
      <c r="B1539" t="s">
        <v>4460</v>
      </c>
      <c r="C1539" t="s">
        <v>866</v>
      </c>
      <c r="D1539">
        <v>9</v>
      </c>
      <c r="E1539" t="s">
        <v>866</v>
      </c>
      <c r="F1539" t="s">
        <v>4171</v>
      </c>
      <c r="G1539" t="s">
        <v>656</v>
      </c>
      <c r="H1539">
        <v>2</v>
      </c>
      <c r="I1539">
        <v>2020</v>
      </c>
    </row>
    <row r="1540" spans="1:9" x14ac:dyDescent="0.25">
      <c r="A1540">
        <v>1770</v>
      </c>
      <c r="B1540" t="s">
        <v>4461</v>
      </c>
      <c r="C1540" t="s">
        <v>703</v>
      </c>
      <c r="D1540">
        <v>16</v>
      </c>
      <c r="E1540" t="s">
        <v>703</v>
      </c>
      <c r="F1540" t="s">
        <v>4177</v>
      </c>
      <c r="G1540" t="s">
        <v>656</v>
      </c>
      <c r="H1540">
        <v>2</v>
      </c>
      <c r="I1540">
        <v>2020</v>
      </c>
    </row>
    <row r="1541" spans="1:9" x14ac:dyDescent="0.25">
      <c r="A1541">
        <v>1772</v>
      </c>
      <c r="B1541" t="s">
        <v>4462</v>
      </c>
      <c r="C1541" t="s">
        <v>792</v>
      </c>
      <c r="D1541">
        <v>6</v>
      </c>
      <c r="E1541" t="s">
        <v>4169</v>
      </c>
      <c r="F1541" t="s">
        <v>4164</v>
      </c>
      <c r="G1541" t="s">
        <v>656</v>
      </c>
      <c r="H1541">
        <v>2</v>
      </c>
      <c r="I1541">
        <v>2020</v>
      </c>
    </row>
    <row r="1542" spans="1:9" x14ac:dyDescent="0.25">
      <c r="A1542">
        <v>1774</v>
      </c>
      <c r="B1542" t="s">
        <v>2840</v>
      </c>
      <c r="C1542" t="s">
        <v>864</v>
      </c>
      <c r="D1542">
        <v>14</v>
      </c>
      <c r="E1542" t="s">
        <v>864</v>
      </c>
      <c r="F1542" t="s">
        <v>4171</v>
      </c>
      <c r="G1542" t="s">
        <v>656</v>
      </c>
      <c r="H1542">
        <v>2</v>
      </c>
      <c r="I1542">
        <v>2020</v>
      </c>
    </row>
    <row r="1543" spans="1:9" x14ac:dyDescent="0.25">
      <c r="A1543">
        <v>1775</v>
      </c>
      <c r="B1543" t="s">
        <v>4463</v>
      </c>
      <c r="C1543" t="s">
        <v>864</v>
      </c>
      <c r="D1543">
        <v>14</v>
      </c>
      <c r="E1543" t="s">
        <v>864</v>
      </c>
      <c r="F1543" t="s">
        <v>4171</v>
      </c>
      <c r="G1543" t="s">
        <v>656</v>
      </c>
      <c r="H1543">
        <v>2</v>
      </c>
      <c r="I1543">
        <v>2020</v>
      </c>
    </row>
    <row r="1544" spans="1:9" x14ac:dyDescent="0.25">
      <c r="A1544">
        <v>1776</v>
      </c>
      <c r="B1544" t="s">
        <v>4464</v>
      </c>
      <c r="C1544" t="s">
        <v>864</v>
      </c>
      <c r="D1544">
        <v>14</v>
      </c>
      <c r="E1544" t="s">
        <v>864</v>
      </c>
      <c r="F1544" t="s">
        <v>4171</v>
      </c>
      <c r="G1544" t="s">
        <v>656</v>
      </c>
      <c r="H1544">
        <v>2</v>
      </c>
      <c r="I1544">
        <v>2020</v>
      </c>
    </row>
    <row r="1545" spans="1:9" x14ac:dyDescent="0.25">
      <c r="A1545">
        <v>1777</v>
      </c>
      <c r="B1545" t="s">
        <v>4465</v>
      </c>
      <c r="C1545" t="s">
        <v>864</v>
      </c>
      <c r="D1545">
        <v>14</v>
      </c>
      <c r="E1545" t="s">
        <v>864</v>
      </c>
      <c r="F1545" t="s">
        <v>4171</v>
      </c>
      <c r="G1545" t="s">
        <v>656</v>
      </c>
      <c r="H1545">
        <v>2</v>
      </c>
      <c r="I1545">
        <v>2020</v>
      </c>
    </row>
    <row r="1546" spans="1:9" x14ac:dyDescent="0.25">
      <c r="A1546">
        <v>1778</v>
      </c>
      <c r="B1546" t="s">
        <v>4466</v>
      </c>
      <c r="C1546" t="s">
        <v>65</v>
      </c>
      <c r="D1546">
        <v>15</v>
      </c>
      <c r="E1546" t="s">
        <v>4176</v>
      </c>
      <c r="F1546" t="s">
        <v>4177</v>
      </c>
      <c r="G1546" t="s">
        <v>656</v>
      </c>
      <c r="H1546">
        <v>2</v>
      </c>
      <c r="I1546">
        <v>2020</v>
      </c>
    </row>
    <row r="1547" spans="1:9" x14ac:dyDescent="0.25">
      <c r="A1547">
        <v>1779</v>
      </c>
      <c r="B1547" t="s">
        <v>682</v>
      </c>
      <c r="C1547" t="s">
        <v>682</v>
      </c>
      <c r="D1547">
        <v>20</v>
      </c>
      <c r="E1547" t="s">
        <v>682</v>
      </c>
      <c r="F1547" t="s">
        <v>4177</v>
      </c>
      <c r="G1547" t="s">
        <v>656</v>
      </c>
      <c r="H1547">
        <v>2</v>
      </c>
      <c r="I1547">
        <v>2020</v>
      </c>
    </row>
    <row r="1548" spans="1:9" x14ac:dyDescent="0.25">
      <c r="A1548">
        <v>1780</v>
      </c>
      <c r="B1548" t="s">
        <v>2837</v>
      </c>
      <c r="C1548" t="s">
        <v>296</v>
      </c>
      <c r="D1548">
        <v>97</v>
      </c>
      <c r="E1548" t="s">
        <v>4179</v>
      </c>
      <c r="F1548" t="s">
        <v>4177</v>
      </c>
      <c r="G1548" t="s">
        <v>656</v>
      </c>
      <c r="H1548">
        <v>2</v>
      </c>
      <c r="I1548">
        <v>2020</v>
      </c>
    </row>
    <row r="1549" spans="1:9" x14ac:dyDescent="0.25">
      <c r="A1549">
        <v>1781</v>
      </c>
      <c r="B1549" t="s">
        <v>4467</v>
      </c>
      <c r="C1549" t="s">
        <v>299</v>
      </c>
      <c r="D1549">
        <v>27</v>
      </c>
      <c r="E1549" t="s">
        <v>4179</v>
      </c>
      <c r="F1549" t="s">
        <v>4177</v>
      </c>
      <c r="G1549" t="s">
        <v>656</v>
      </c>
      <c r="H1549">
        <v>2</v>
      </c>
      <c r="I1549">
        <v>2020</v>
      </c>
    </row>
    <row r="1550" spans="1:9" x14ac:dyDescent="0.25">
      <c r="A1550">
        <v>1782</v>
      </c>
      <c r="B1550" t="s">
        <v>2836</v>
      </c>
      <c r="C1550" t="s">
        <v>299</v>
      </c>
      <c r="D1550">
        <v>27</v>
      </c>
      <c r="E1550" t="s">
        <v>4179</v>
      </c>
      <c r="F1550" t="s">
        <v>4177</v>
      </c>
      <c r="G1550" t="s">
        <v>656</v>
      </c>
      <c r="H1550">
        <v>2</v>
      </c>
      <c r="I1550">
        <v>2020</v>
      </c>
    </row>
    <row r="1551" spans="1:9" x14ac:dyDescent="0.25">
      <c r="A1551">
        <v>1783</v>
      </c>
      <c r="B1551" t="s">
        <v>2835</v>
      </c>
      <c r="C1551" t="s">
        <v>299</v>
      </c>
      <c r="D1551">
        <v>27</v>
      </c>
      <c r="E1551" t="s">
        <v>4179</v>
      </c>
      <c r="F1551" t="s">
        <v>4177</v>
      </c>
      <c r="G1551" t="s">
        <v>656</v>
      </c>
      <c r="H1551">
        <v>2</v>
      </c>
      <c r="I1551">
        <v>2020</v>
      </c>
    </row>
    <row r="1552" spans="1:9" x14ac:dyDescent="0.25">
      <c r="A1552">
        <v>1784</v>
      </c>
      <c r="B1552" t="s">
        <v>4468</v>
      </c>
      <c r="C1552" t="s">
        <v>955</v>
      </c>
      <c r="D1552">
        <v>29</v>
      </c>
      <c r="E1552" t="s">
        <v>4179</v>
      </c>
      <c r="F1552" t="s">
        <v>4177</v>
      </c>
      <c r="G1552" t="s">
        <v>656</v>
      </c>
      <c r="H1552">
        <v>2</v>
      </c>
      <c r="I1552">
        <v>2020</v>
      </c>
    </row>
    <row r="1553" spans="1:9" x14ac:dyDescent="0.25">
      <c r="A1553">
        <v>1786</v>
      </c>
      <c r="B1553" t="s">
        <v>2833</v>
      </c>
      <c r="C1553" t="s">
        <v>955</v>
      </c>
      <c r="D1553">
        <v>29</v>
      </c>
      <c r="E1553" t="s">
        <v>4179</v>
      </c>
      <c r="F1553" t="s">
        <v>4177</v>
      </c>
      <c r="G1553" t="s">
        <v>656</v>
      </c>
      <c r="H1553">
        <v>2</v>
      </c>
      <c r="I1553">
        <v>2020</v>
      </c>
    </row>
    <row r="1554" spans="1:9" x14ac:dyDescent="0.25">
      <c r="A1554">
        <v>1787</v>
      </c>
      <c r="B1554" t="s">
        <v>2832</v>
      </c>
      <c r="C1554" t="s">
        <v>807</v>
      </c>
      <c r="D1554">
        <v>25</v>
      </c>
      <c r="E1554" t="s">
        <v>4179</v>
      </c>
      <c r="F1554" t="s">
        <v>4177</v>
      </c>
      <c r="G1554" t="s">
        <v>656</v>
      </c>
      <c r="H1554">
        <v>2</v>
      </c>
      <c r="I1554">
        <v>2020</v>
      </c>
    </row>
    <row r="1555" spans="1:9" x14ac:dyDescent="0.25">
      <c r="A1555">
        <v>1788</v>
      </c>
      <c r="B1555" t="s">
        <v>2831</v>
      </c>
      <c r="C1555" t="s">
        <v>807</v>
      </c>
      <c r="D1555">
        <v>25</v>
      </c>
      <c r="E1555" t="s">
        <v>4179</v>
      </c>
      <c r="F1555" t="s">
        <v>4177</v>
      </c>
      <c r="G1555" t="s">
        <v>656</v>
      </c>
      <c r="H1555">
        <v>2</v>
      </c>
      <c r="I1555">
        <v>2020</v>
      </c>
    </row>
    <row r="1556" spans="1:9" x14ac:dyDescent="0.25">
      <c r="A1556">
        <v>1789</v>
      </c>
      <c r="B1556" t="s">
        <v>4469</v>
      </c>
      <c r="C1556" t="s">
        <v>807</v>
      </c>
      <c r="D1556">
        <v>25</v>
      </c>
      <c r="E1556" t="s">
        <v>4179</v>
      </c>
      <c r="F1556" t="s">
        <v>4177</v>
      </c>
      <c r="G1556" t="s">
        <v>656</v>
      </c>
      <c r="H1556">
        <v>2</v>
      </c>
      <c r="I1556">
        <v>2020</v>
      </c>
    </row>
    <row r="1557" spans="1:9" x14ac:dyDescent="0.25">
      <c r="A1557">
        <v>1790</v>
      </c>
      <c r="B1557" t="s">
        <v>4470</v>
      </c>
      <c r="C1557" t="s">
        <v>807</v>
      </c>
      <c r="D1557">
        <v>25</v>
      </c>
      <c r="E1557" t="s">
        <v>4179</v>
      </c>
      <c r="F1557" t="s">
        <v>4177</v>
      </c>
      <c r="G1557" t="s">
        <v>656</v>
      </c>
      <c r="H1557">
        <v>2</v>
      </c>
      <c r="I1557">
        <v>2020</v>
      </c>
    </row>
    <row r="1558" spans="1:9" x14ac:dyDescent="0.25">
      <c r="A1558">
        <v>1791</v>
      </c>
      <c r="B1558" t="s">
        <v>1939</v>
      </c>
      <c r="C1558" t="s">
        <v>295</v>
      </c>
      <c r="D1558">
        <v>30</v>
      </c>
      <c r="E1558" t="s">
        <v>4179</v>
      </c>
      <c r="F1558" t="s">
        <v>4177</v>
      </c>
      <c r="G1558" t="s">
        <v>656</v>
      </c>
      <c r="H1558">
        <v>2</v>
      </c>
      <c r="I1558">
        <v>2020</v>
      </c>
    </row>
    <row r="1559" spans="1:9" x14ac:dyDescent="0.25">
      <c r="A1559">
        <v>1792</v>
      </c>
      <c r="B1559" t="s">
        <v>2830</v>
      </c>
      <c r="C1559" t="s">
        <v>295</v>
      </c>
      <c r="D1559">
        <v>30</v>
      </c>
      <c r="E1559" t="s">
        <v>4179</v>
      </c>
      <c r="F1559" t="s">
        <v>4177</v>
      </c>
      <c r="G1559" t="s">
        <v>656</v>
      </c>
      <c r="H1559">
        <v>2</v>
      </c>
      <c r="I1559">
        <v>2020</v>
      </c>
    </row>
    <row r="1560" spans="1:9" x14ac:dyDescent="0.25">
      <c r="A1560">
        <v>1793</v>
      </c>
      <c r="B1560" t="s">
        <v>4471</v>
      </c>
      <c r="C1560" t="s">
        <v>295</v>
      </c>
      <c r="D1560">
        <v>30</v>
      </c>
      <c r="E1560" t="s">
        <v>4179</v>
      </c>
      <c r="F1560" t="s">
        <v>4177</v>
      </c>
      <c r="G1560" t="s">
        <v>656</v>
      </c>
      <c r="H1560">
        <v>2</v>
      </c>
      <c r="I1560">
        <v>2020</v>
      </c>
    </row>
    <row r="1561" spans="1:9" x14ac:dyDescent="0.25">
      <c r="A1561">
        <v>1794</v>
      </c>
      <c r="B1561" t="s">
        <v>4472</v>
      </c>
      <c r="C1561" t="s">
        <v>301</v>
      </c>
      <c r="D1561">
        <v>26</v>
      </c>
      <c r="E1561" t="s">
        <v>4179</v>
      </c>
      <c r="F1561" t="s">
        <v>4177</v>
      </c>
      <c r="G1561" t="s">
        <v>656</v>
      </c>
      <c r="H1561">
        <v>2</v>
      </c>
      <c r="I1561">
        <v>2020</v>
      </c>
    </row>
    <row r="1562" spans="1:9" x14ac:dyDescent="0.25">
      <c r="A1562">
        <v>1796</v>
      </c>
      <c r="B1562" t="s">
        <v>2828</v>
      </c>
      <c r="C1562" t="s">
        <v>707</v>
      </c>
      <c r="D1562">
        <v>59</v>
      </c>
      <c r="E1562" t="s">
        <v>980</v>
      </c>
      <c r="F1562" t="s">
        <v>4189</v>
      </c>
      <c r="G1562" t="s">
        <v>656</v>
      </c>
      <c r="H1562">
        <v>2</v>
      </c>
      <c r="I1562">
        <v>2020</v>
      </c>
    </row>
    <row r="1563" spans="1:9" x14ac:dyDescent="0.25">
      <c r="A1563">
        <v>1798</v>
      </c>
      <c r="B1563" t="s">
        <v>2826</v>
      </c>
      <c r="C1563" t="s">
        <v>693</v>
      </c>
      <c r="D1563">
        <v>56</v>
      </c>
      <c r="E1563" t="s">
        <v>4193</v>
      </c>
      <c r="F1563" t="s">
        <v>4189</v>
      </c>
      <c r="G1563" t="s">
        <v>656</v>
      </c>
      <c r="H1563">
        <v>2</v>
      </c>
      <c r="I1563">
        <v>2020</v>
      </c>
    </row>
    <row r="1564" spans="1:9" x14ac:dyDescent="0.25">
      <c r="A1564">
        <v>1799</v>
      </c>
      <c r="B1564" t="s">
        <v>2825</v>
      </c>
      <c r="C1564" t="s">
        <v>738</v>
      </c>
      <c r="D1564">
        <v>61</v>
      </c>
      <c r="E1564" t="s">
        <v>4193</v>
      </c>
      <c r="F1564" t="s">
        <v>4189</v>
      </c>
      <c r="G1564" t="s">
        <v>656</v>
      </c>
      <c r="H1564">
        <v>2</v>
      </c>
      <c r="I1564">
        <v>2020</v>
      </c>
    </row>
    <row r="1565" spans="1:9" x14ac:dyDescent="0.25">
      <c r="A1565">
        <v>1800</v>
      </c>
      <c r="B1565" t="s">
        <v>2824</v>
      </c>
      <c r="C1565" t="s">
        <v>730</v>
      </c>
      <c r="D1565">
        <v>66</v>
      </c>
      <c r="E1565" t="s">
        <v>4193</v>
      </c>
      <c r="F1565" t="s">
        <v>4189</v>
      </c>
      <c r="G1565" t="s">
        <v>656</v>
      </c>
      <c r="H1565">
        <v>2</v>
      </c>
      <c r="I1565">
        <v>2020</v>
      </c>
    </row>
    <row r="1566" spans="1:9" x14ac:dyDescent="0.25">
      <c r="A1566">
        <v>1801</v>
      </c>
      <c r="B1566" t="s">
        <v>1876</v>
      </c>
      <c r="C1566" t="s">
        <v>730</v>
      </c>
      <c r="D1566">
        <v>66</v>
      </c>
      <c r="E1566" t="s">
        <v>4193</v>
      </c>
      <c r="F1566" t="s">
        <v>4189</v>
      </c>
      <c r="G1566" t="s">
        <v>656</v>
      </c>
      <c r="H1566">
        <v>2</v>
      </c>
      <c r="I1566">
        <v>2020</v>
      </c>
    </row>
    <row r="1567" spans="1:9" x14ac:dyDescent="0.25">
      <c r="A1567">
        <v>1802</v>
      </c>
      <c r="B1567" t="s">
        <v>2367</v>
      </c>
      <c r="C1567" t="s">
        <v>1236</v>
      </c>
      <c r="D1567">
        <v>60</v>
      </c>
      <c r="E1567" t="s">
        <v>4193</v>
      </c>
      <c r="F1567" t="s">
        <v>4189</v>
      </c>
      <c r="G1567" t="s">
        <v>656</v>
      </c>
      <c r="H1567">
        <v>2</v>
      </c>
      <c r="I1567">
        <v>2020</v>
      </c>
    </row>
    <row r="1568" spans="1:9" x14ac:dyDescent="0.25">
      <c r="A1568">
        <v>1803</v>
      </c>
      <c r="B1568" t="s">
        <v>2823</v>
      </c>
      <c r="C1568" t="s">
        <v>848</v>
      </c>
      <c r="D1568">
        <v>62</v>
      </c>
      <c r="E1568" t="s">
        <v>4193</v>
      </c>
      <c r="F1568" t="s">
        <v>4189</v>
      </c>
      <c r="G1568" t="s">
        <v>656</v>
      </c>
      <c r="H1568">
        <v>2</v>
      </c>
      <c r="I1568">
        <v>2020</v>
      </c>
    </row>
    <row r="1569" spans="1:9" x14ac:dyDescent="0.25">
      <c r="A1569">
        <v>1804</v>
      </c>
      <c r="B1569" t="s">
        <v>2822</v>
      </c>
      <c r="C1569" t="s">
        <v>848</v>
      </c>
      <c r="D1569">
        <v>62</v>
      </c>
      <c r="E1569" t="s">
        <v>4193</v>
      </c>
      <c r="F1569" t="s">
        <v>4189</v>
      </c>
      <c r="G1569" t="s">
        <v>656</v>
      </c>
      <c r="H1569">
        <v>2</v>
      </c>
      <c r="I1569">
        <v>2020</v>
      </c>
    </row>
    <row r="1570" spans="1:9" x14ac:dyDescent="0.25">
      <c r="A1570">
        <v>1805</v>
      </c>
      <c r="B1570" t="s">
        <v>4473</v>
      </c>
      <c r="C1570" t="s">
        <v>848</v>
      </c>
      <c r="D1570">
        <v>62</v>
      </c>
      <c r="E1570" t="s">
        <v>4193</v>
      </c>
      <c r="F1570" t="s">
        <v>4189</v>
      </c>
      <c r="G1570" t="s">
        <v>656</v>
      </c>
      <c r="H1570">
        <v>2</v>
      </c>
      <c r="I1570">
        <v>2020</v>
      </c>
    </row>
    <row r="1571" spans="1:9" x14ac:dyDescent="0.25">
      <c r="A1571">
        <v>1806</v>
      </c>
      <c r="B1571" t="s">
        <v>2821</v>
      </c>
      <c r="C1571" t="s">
        <v>1514</v>
      </c>
      <c r="D1571">
        <v>47</v>
      </c>
      <c r="E1571" t="s">
        <v>980</v>
      </c>
      <c r="F1571" t="s">
        <v>4189</v>
      </c>
      <c r="G1571" t="s">
        <v>656</v>
      </c>
      <c r="H1571">
        <v>2</v>
      </c>
      <c r="I1571">
        <v>2020</v>
      </c>
    </row>
    <row r="1572" spans="1:9" x14ac:dyDescent="0.25">
      <c r="A1572">
        <v>1807</v>
      </c>
      <c r="B1572" t="s">
        <v>2820</v>
      </c>
      <c r="C1572" t="s">
        <v>714</v>
      </c>
      <c r="D1572">
        <v>52</v>
      </c>
      <c r="E1572" t="s">
        <v>4198</v>
      </c>
      <c r="F1572" t="s">
        <v>4189</v>
      </c>
      <c r="G1572" t="s">
        <v>656</v>
      </c>
      <c r="H1572">
        <v>2</v>
      </c>
      <c r="I1572">
        <v>2020</v>
      </c>
    </row>
    <row r="1573" spans="1:9" x14ac:dyDescent="0.25">
      <c r="A1573">
        <v>1808</v>
      </c>
      <c r="B1573" t="s">
        <v>4474</v>
      </c>
      <c r="C1573" t="s">
        <v>714</v>
      </c>
      <c r="D1573">
        <v>52</v>
      </c>
      <c r="E1573" t="s">
        <v>4198</v>
      </c>
      <c r="F1573" t="s">
        <v>4189</v>
      </c>
      <c r="G1573" t="s">
        <v>656</v>
      </c>
      <c r="H1573">
        <v>2</v>
      </c>
      <c r="I1573">
        <v>2020</v>
      </c>
    </row>
    <row r="1574" spans="1:9" x14ac:dyDescent="0.25">
      <c r="A1574">
        <v>1809</v>
      </c>
      <c r="B1574" t="s">
        <v>4475</v>
      </c>
      <c r="C1574" t="s">
        <v>714</v>
      </c>
      <c r="D1574">
        <v>52</v>
      </c>
      <c r="E1574" t="s">
        <v>4198</v>
      </c>
      <c r="F1574" t="s">
        <v>4189</v>
      </c>
      <c r="G1574" t="s">
        <v>656</v>
      </c>
      <c r="H1574">
        <v>2</v>
      </c>
      <c r="I1574">
        <v>2020</v>
      </c>
    </row>
    <row r="1575" spans="1:9" x14ac:dyDescent="0.25">
      <c r="A1575">
        <v>1810</v>
      </c>
      <c r="B1575" t="s">
        <v>2819</v>
      </c>
      <c r="C1575" t="s">
        <v>714</v>
      </c>
      <c r="D1575">
        <v>52</v>
      </c>
      <c r="E1575" t="s">
        <v>4198</v>
      </c>
      <c r="F1575" t="s">
        <v>4189</v>
      </c>
      <c r="G1575" t="s">
        <v>656</v>
      </c>
      <c r="H1575">
        <v>2</v>
      </c>
      <c r="I1575">
        <v>2020</v>
      </c>
    </row>
    <row r="1576" spans="1:9" x14ac:dyDescent="0.25">
      <c r="A1576">
        <v>1811</v>
      </c>
      <c r="B1576" t="s">
        <v>2818</v>
      </c>
      <c r="C1576" t="s">
        <v>714</v>
      </c>
      <c r="D1576">
        <v>52</v>
      </c>
      <c r="E1576" t="s">
        <v>4198</v>
      </c>
      <c r="F1576" t="s">
        <v>4189</v>
      </c>
      <c r="G1576" t="s">
        <v>656</v>
      </c>
      <c r="H1576">
        <v>2</v>
      </c>
      <c r="I1576">
        <v>2020</v>
      </c>
    </row>
    <row r="1577" spans="1:9" x14ac:dyDescent="0.25">
      <c r="A1577">
        <v>1812</v>
      </c>
      <c r="B1577" t="s">
        <v>4476</v>
      </c>
      <c r="C1577" t="s">
        <v>695</v>
      </c>
      <c r="D1577">
        <v>54</v>
      </c>
      <c r="E1577" t="s">
        <v>4198</v>
      </c>
      <c r="F1577" t="s">
        <v>4189</v>
      </c>
      <c r="G1577" t="s">
        <v>656</v>
      </c>
      <c r="H1577">
        <v>2</v>
      </c>
      <c r="I1577">
        <v>2020</v>
      </c>
    </row>
    <row r="1578" spans="1:9" x14ac:dyDescent="0.25">
      <c r="A1578">
        <v>1813</v>
      </c>
      <c r="B1578" t="s">
        <v>2817</v>
      </c>
      <c r="C1578" t="s">
        <v>695</v>
      </c>
      <c r="D1578">
        <v>54</v>
      </c>
      <c r="E1578" t="s">
        <v>4198</v>
      </c>
      <c r="F1578" t="s">
        <v>4189</v>
      </c>
      <c r="G1578" t="s">
        <v>656</v>
      </c>
      <c r="H1578">
        <v>2</v>
      </c>
      <c r="I1578">
        <v>2020</v>
      </c>
    </row>
    <row r="1579" spans="1:9" x14ac:dyDescent="0.25">
      <c r="A1579">
        <v>1814</v>
      </c>
      <c r="B1579" t="s">
        <v>4477</v>
      </c>
      <c r="C1579" t="s">
        <v>797</v>
      </c>
      <c r="D1579">
        <v>65</v>
      </c>
      <c r="E1579" t="s">
        <v>4191</v>
      </c>
      <c r="F1579" t="s">
        <v>4189</v>
      </c>
      <c r="G1579" t="s">
        <v>656</v>
      </c>
      <c r="H1579">
        <v>2</v>
      </c>
      <c r="I1579">
        <v>2020</v>
      </c>
    </row>
    <row r="1580" spans="1:9" x14ac:dyDescent="0.25">
      <c r="A1580">
        <v>1815</v>
      </c>
      <c r="B1580" t="s">
        <v>2816</v>
      </c>
      <c r="C1580" t="s">
        <v>797</v>
      </c>
      <c r="D1580">
        <v>65</v>
      </c>
      <c r="E1580" t="s">
        <v>4191</v>
      </c>
      <c r="F1580" t="s">
        <v>4189</v>
      </c>
      <c r="G1580" t="s">
        <v>656</v>
      </c>
      <c r="H1580">
        <v>2</v>
      </c>
      <c r="I1580">
        <v>2020</v>
      </c>
    </row>
    <row r="1581" spans="1:9" x14ac:dyDescent="0.25">
      <c r="A1581">
        <v>1816</v>
      </c>
      <c r="B1581" t="s">
        <v>2794</v>
      </c>
      <c r="C1581" t="s">
        <v>710</v>
      </c>
      <c r="D1581">
        <v>53</v>
      </c>
      <c r="E1581" t="s">
        <v>4198</v>
      </c>
      <c r="F1581" t="s">
        <v>4189</v>
      </c>
      <c r="G1581" t="s">
        <v>656</v>
      </c>
      <c r="H1581">
        <v>2</v>
      </c>
      <c r="I1581">
        <v>2020</v>
      </c>
    </row>
    <row r="1582" spans="1:9" x14ac:dyDescent="0.25">
      <c r="A1582">
        <v>1817</v>
      </c>
      <c r="B1582" t="s">
        <v>2815</v>
      </c>
      <c r="C1582" t="s">
        <v>716</v>
      </c>
      <c r="D1582">
        <v>68</v>
      </c>
      <c r="E1582" t="s">
        <v>4193</v>
      </c>
      <c r="F1582" t="s">
        <v>4189</v>
      </c>
      <c r="G1582" t="s">
        <v>656</v>
      </c>
      <c r="H1582">
        <v>2</v>
      </c>
      <c r="I1582">
        <v>2020</v>
      </c>
    </row>
    <row r="1583" spans="1:9" x14ac:dyDescent="0.25">
      <c r="A1583">
        <v>1818</v>
      </c>
      <c r="B1583" t="s">
        <v>2814</v>
      </c>
      <c r="C1583" t="s">
        <v>767</v>
      </c>
      <c r="D1583">
        <v>44</v>
      </c>
      <c r="E1583" t="s">
        <v>4191</v>
      </c>
      <c r="F1583" t="s">
        <v>4189</v>
      </c>
      <c r="G1583" t="s">
        <v>656</v>
      </c>
      <c r="H1583">
        <v>2</v>
      </c>
      <c r="I1583">
        <v>2020</v>
      </c>
    </row>
    <row r="1584" spans="1:9" x14ac:dyDescent="0.25">
      <c r="A1584">
        <v>1819</v>
      </c>
      <c r="B1584" t="s">
        <v>2813</v>
      </c>
      <c r="C1584" t="s">
        <v>767</v>
      </c>
      <c r="D1584">
        <v>44</v>
      </c>
      <c r="E1584" t="s">
        <v>4191</v>
      </c>
      <c r="F1584" t="s">
        <v>4189</v>
      </c>
      <c r="G1584" t="s">
        <v>656</v>
      </c>
      <c r="H1584">
        <v>2</v>
      </c>
      <c r="I1584">
        <v>2020</v>
      </c>
    </row>
    <row r="1585" spans="1:9" x14ac:dyDescent="0.25">
      <c r="A1585">
        <v>1820</v>
      </c>
      <c r="B1585" t="s">
        <v>4478</v>
      </c>
      <c r="C1585" t="s">
        <v>767</v>
      </c>
      <c r="D1585">
        <v>44</v>
      </c>
      <c r="E1585" t="s">
        <v>4191</v>
      </c>
      <c r="F1585" t="s">
        <v>4189</v>
      </c>
      <c r="G1585" t="s">
        <v>656</v>
      </c>
      <c r="H1585">
        <v>2</v>
      </c>
      <c r="I1585">
        <v>2020</v>
      </c>
    </row>
    <row r="1586" spans="1:9" x14ac:dyDescent="0.25">
      <c r="A1586">
        <v>1821</v>
      </c>
      <c r="B1586" t="s">
        <v>4479</v>
      </c>
      <c r="C1586" t="s">
        <v>794</v>
      </c>
      <c r="D1586">
        <v>40</v>
      </c>
      <c r="E1586" t="s">
        <v>4188</v>
      </c>
      <c r="F1586" t="s">
        <v>4189</v>
      </c>
      <c r="G1586" t="s">
        <v>656</v>
      </c>
      <c r="H1586">
        <v>2</v>
      </c>
      <c r="I1586">
        <v>2020</v>
      </c>
    </row>
    <row r="1587" spans="1:9" x14ac:dyDescent="0.25">
      <c r="A1587">
        <v>1822</v>
      </c>
      <c r="B1587" t="s">
        <v>2812</v>
      </c>
      <c r="C1587" t="s">
        <v>794</v>
      </c>
      <c r="D1587">
        <v>40</v>
      </c>
      <c r="E1587" t="s">
        <v>4188</v>
      </c>
      <c r="F1587" t="s">
        <v>4189</v>
      </c>
      <c r="G1587" t="s">
        <v>656</v>
      </c>
      <c r="H1587">
        <v>2</v>
      </c>
      <c r="I1587">
        <v>2020</v>
      </c>
    </row>
    <row r="1588" spans="1:9" x14ac:dyDescent="0.25">
      <c r="A1588">
        <v>1823</v>
      </c>
      <c r="B1588" t="s">
        <v>1086</v>
      </c>
      <c r="C1588" t="s">
        <v>880</v>
      </c>
      <c r="D1588">
        <v>58</v>
      </c>
      <c r="E1588" t="s">
        <v>4188</v>
      </c>
      <c r="F1588" t="s">
        <v>4189</v>
      </c>
      <c r="G1588" t="s">
        <v>656</v>
      </c>
      <c r="H1588">
        <v>2</v>
      </c>
      <c r="I1588">
        <v>2020</v>
      </c>
    </row>
    <row r="1589" spans="1:9" x14ac:dyDescent="0.25">
      <c r="A1589">
        <v>1824</v>
      </c>
      <c r="B1589" t="s">
        <v>2811</v>
      </c>
      <c r="C1589" t="s">
        <v>831</v>
      </c>
      <c r="D1589">
        <v>5</v>
      </c>
      <c r="E1589" t="s">
        <v>831</v>
      </c>
      <c r="F1589" t="s">
        <v>4168</v>
      </c>
      <c r="G1589" t="s">
        <v>656</v>
      </c>
      <c r="H1589">
        <v>2</v>
      </c>
      <c r="I1589">
        <v>2020</v>
      </c>
    </row>
    <row r="1590" spans="1:9" x14ac:dyDescent="0.25">
      <c r="A1590">
        <v>1825</v>
      </c>
      <c r="B1590" t="s">
        <v>2810</v>
      </c>
      <c r="C1590" t="s">
        <v>909</v>
      </c>
      <c r="D1590">
        <v>39</v>
      </c>
      <c r="E1590" t="s">
        <v>4188</v>
      </c>
      <c r="F1590" t="s">
        <v>4189</v>
      </c>
      <c r="G1590" t="s">
        <v>656</v>
      </c>
      <c r="H1590">
        <v>2</v>
      </c>
      <c r="I1590">
        <v>2020</v>
      </c>
    </row>
    <row r="1591" spans="1:9" x14ac:dyDescent="0.25">
      <c r="A1591">
        <v>1826</v>
      </c>
      <c r="B1591" t="s">
        <v>2809</v>
      </c>
      <c r="C1591" t="s">
        <v>909</v>
      </c>
      <c r="D1591">
        <v>39</v>
      </c>
      <c r="E1591" t="s">
        <v>4188</v>
      </c>
      <c r="F1591" t="s">
        <v>4189</v>
      </c>
      <c r="G1591" t="s">
        <v>656</v>
      </c>
      <c r="H1591">
        <v>2</v>
      </c>
      <c r="I1591">
        <v>2020</v>
      </c>
    </row>
    <row r="1592" spans="1:9" x14ac:dyDescent="0.25">
      <c r="A1592">
        <v>1827</v>
      </c>
      <c r="B1592" t="s">
        <v>2808</v>
      </c>
      <c r="C1592" t="s">
        <v>909</v>
      </c>
      <c r="D1592">
        <v>39</v>
      </c>
      <c r="E1592" t="s">
        <v>4188</v>
      </c>
      <c r="F1592" t="s">
        <v>4189</v>
      </c>
      <c r="G1592" t="s">
        <v>656</v>
      </c>
      <c r="H1592">
        <v>2</v>
      </c>
      <c r="I1592">
        <v>2020</v>
      </c>
    </row>
    <row r="1593" spans="1:9" x14ac:dyDescent="0.25">
      <c r="A1593">
        <v>1828</v>
      </c>
      <c r="B1593" t="s">
        <v>2807</v>
      </c>
      <c r="C1593" t="s">
        <v>752</v>
      </c>
      <c r="D1593">
        <v>90</v>
      </c>
      <c r="E1593" t="s">
        <v>752</v>
      </c>
      <c r="F1593" t="s">
        <v>4168</v>
      </c>
      <c r="G1593" t="s">
        <v>656</v>
      </c>
      <c r="H1593">
        <v>2</v>
      </c>
      <c r="I1593">
        <v>2020</v>
      </c>
    </row>
    <row r="1594" spans="1:9" x14ac:dyDescent="0.25">
      <c r="A1594">
        <v>1829</v>
      </c>
      <c r="B1594" t="s">
        <v>2806</v>
      </c>
      <c r="C1594" t="s">
        <v>878</v>
      </c>
      <c r="D1594">
        <v>91</v>
      </c>
      <c r="E1594" t="s">
        <v>878</v>
      </c>
      <c r="F1594" t="s">
        <v>4168</v>
      </c>
      <c r="G1594" t="s">
        <v>656</v>
      </c>
      <c r="H1594">
        <v>2</v>
      </c>
      <c r="I1594">
        <v>2020</v>
      </c>
    </row>
    <row r="1595" spans="1:9" x14ac:dyDescent="0.25">
      <c r="A1595">
        <v>1830</v>
      </c>
      <c r="B1595" t="s">
        <v>2805</v>
      </c>
      <c r="C1595" t="s">
        <v>839</v>
      </c>
      <c r="D1595">
        <v>89</v>
      </c>
      <c r="E1595" t="s">
        <v>839</v>
      </c>
      <c r="F1595" t="s">
        <v>4168</v>
      </c>
      <c r="G1595" t="s">
        <v>656</v>
      </c>
      <c r="H1595">
        <v>2</v>
      </c>
      <c r="I1595">
        <v>2020</v>
      </c>
    </row>
    <row r="1596" spans="1:9" x14ac:dyDescent="0.25">
      <c r="A1596">
        <v>1831</v>
      </c>
      <c r="B1596" t="s">
        <v>2804</v>
      </c>
      <c r="C1596" t="s">
        <v>738</v>
      </c>
      <c r="D1596">
        <v>61</v>
      </c>
      <c r="E1596" t="s">
        <v>4193</v>
      </c>
      <c r="F1596" t="s">
        <v>4189</v>
      </c>
      <c r="G1596" t="s">
        <v>656</v>
      </c>
      <c r="H1596">
        <v>2</v>
      </c>
      <c r="I1596">
        <v>2020</v>
      </c>
    </row>
    <row r="1597" spans="1:9" x14ac:dyDescent="0.25">
      <c r="A1597">
        <v>1832</v>
      </c>
      <c r="B1597" t="s">
        <v>2803</v>
      </c>
      <c r="C1597" t="s">
        <v>738</v>
      </c>
      <c r="D1597">
        <v>61</v>
      </c>
      <c r="E1597" t="s">
        <v>4193</v>
      </c>
      <c r="F1597" t="s">
        <v>4189</v>
      </c>
      <c r="G1597" t="s">
        <v>656</v>
      </c>
      <c r="H1597">
        <v>2</v>
      </c>
      <c r="I1597">
        <v>2020</v>
      </c>
    </row>
    <row r="1598" spans="1:9" x14ac:dyDescent="0.25">
      <c r="A1598">
        <v>1834</v>
      </c>
      <c r="B1598" t="s">
        <v>4480</v>
      </c>
      <c r="C1598" t="s">
        <v>738</v>
      </c>
      <c r="D1598">
        <v>61</v>
      </c>
      <c r="E1598" t="s">
        <v>4193</v>
      </c>
      <c r="F1598" t="s">
        <v>4189</v>
      </c>
      <c r="G1598" t="s">
        <v>656</v>
      </c>
      <c r="H1598">
        <v>2</v>
      </c>
      <c r="I1598">
        <v>2020</v>
      </c>
    </row>
    <row r="1599" spans="1:9" x14ac:dyDescent="0.25">
      <c r="A1599">
        <v>1835</v>
      </c>
      <c r="B1599" t="s">
        <v>2801</v>
      </c>
      <c r="C1599" t="s">
        <v>693</v>
      </c>
      <c r="D1599">
        <v>56</v>
      </c>
      <c r="E1599" t="s">
        <v>4193</v>
      </c>
      <c r="F1599" t="s">
        <v>4189</v>
      </c>
      <c r="G1599" t="s">
        <v>656</v>
      </c>
      <c r="H1599">
        <v>2</v>
      </c>
      <c r="I1599">
        <v>2020</v>
      </c>
    </row>
    <row r="1600" spans="1:9" x14ac:dyDescent="0.25">
      <c r="A1600">
        <v>1836</v>
      </c>
      <c r="B1600" t="s">
        <v>2800</v>
      </c>
      <c r="C1600" t="s">
        <v>693</v>
      </c>
      <c r="D1600">
        <v>56</v>
      </c>
      <c r="E1600" t="s">
        <v>4193</v>
      </c>
      <c r="F1600" t="s">
        <v>4189</v>
      </c>
      <c r="G1600" t="s">
        <v>656</v>
      </c>
      <c r="H1600">
        <v>2</v>
      </c>
      <c r="I1600">
        <v>2020</v>
      </c>
    </row>
    <row r="1601" spans="1:9" x14ac:dyDescent="0.25">
      <c r="A1601">
        <v>1837</v>
      </c>
      <c r="B1601" t="s">
        <v>2799</v>
      </c>
      <c r="C1601" t="s">
        <v>693</v>
      </c>
      <c r="D1601">
        <v>56</v>
      </c>
      <c r="E1601" t="s">
        <v>4193</v>
      </c>
      <c r="F1601" t="s">
        <v>4189</v>
      </c>
      <c r="G1601" t="s">
        <v>656</v>
      </c>
      <c r="H1601">
        <v>2</v>
      </c>
      <c r="I1601">
        <v>2020</v>
      </c>
    </row>
    <row r="1602" spans="1:9" x14ac:dyDescent="0.25">
      <c r="A1602">
        <v>1839</v>
      </c>
      <c r="B1602" t="s">
        <v>4481</v>
      </c>
      <c r="C1602" t="s">
        <v>749</v>
      </c>
      <c r="D1602">
        <v>63</v>
      </c>
      <c r="E1602" t="s">
        <v>4193</v>
      </c>
      <c r="F1602" t="s">
        <v>4189</v>
      </c>
      <c r="G1602" t="s">
        <v>656</v>
      </c>
      <c r="H1602">
        <v>2</v>
      </c>
      <c r="I1602">
        <v>2020</v>
      </c>
    </row>
    <row r="1603" spans="1:9" x14ac:dyDescent="0.25">
      <c r="A1603">
        <v>1840</v>
      </c>
      <c r="B1603" t="s">
        <v>2797</v>
      </c>
      <c r="C1603" t="s">
        <v>714</v>
      </c>
      <c r="D1603">
        <v>52</v>
      </c>
      <c r="E1603" t="s">
        <v>4198</v>
      </c>
      <c r="F1603" t="s">
        <v>4189</v>
      </c>
      <c r="G1603" t="s">
        <v>656</v>
      </c>
      <c r="H1603">
        <v>2</v>
      </c>
      <c r="I1603">
        <v>2020</v>
      </c>
    </row>
    <row r="1604" spans="1:9" x14ac:dyDescent="0.25">
      <c r="A1604">
        <v>1841</v>
      </c>
      <c r="B1604" t="s">
        <v>2796</v>
      </c>
      <c r="C1604" t="s">
        <v>714</v>
      </c>
      <c r="D1604">
        <v>52</v>
      </c>
      <c r="E1604" t="s">
        <v>4198</v>
      </c>
      <c r="F1604" t="s">
        <v>4189</v>
      </c>
      <c r="G1604" t="s">
        <v>656</v>
      </c>
      <c r="H1604">
        <v>2</v>
      </c>
      <c r="I1604">
        <v>2020</v>
      </c>
    </row>
    <row r="1605" spans="1:9" x14ac:dyDescent="0.25">
      <c r="A1605">
        <v>1842</v>
      </c>
      <c r="B1605" t="s">
        <v>2795</v>
      </c>
      <c r="C1605" t="s">
        <v>710</v>
      </c>
      <c r="D1605">
        <v>53</v>
      </c>
      <c r="E1605" t="s">
        <v>4198</v>
      </c>
      <c r="F1605" t="s">
        <v>4189</v>
      </c>
      <c r="G1605" t="s">
        <v>656</v>
      </c>
      <c r="H1605">
        <v>2</v>
      </c>
      <c r="I1605">
        <v>2020</v>
      </c>
    </row>
    <row r="1606" spans="1:9" x14ac:dyDescent="0.25">
      <c r="A1606">
        <v>1843</v>
      </c>
      <c r="B1606" t="s">
        <v>2793</v>
      </c>
      <c r="C1606" t="s">
        <v>710</v>
      </c>
      <c r="D1606">
        <v>53</v>
      </c>
      <c r="E1606" t="s">
        <v>4198</v>
      </c>
      <c r="F1606" t="s">
        <v>4189</v>
      </c>
      <c r="G1606" t="s">
        <v>656</v>
      </c>
      <c r="H1606">
        <v>2</v>
      </c>
      <c r="I1606">
        <v>2020</v>
      </c>
    </row>
    <row r="1607" spans="1:9" x14ac:dyDescent="0.25">
      <c r="A1607">
        <v>1844</v>
      </c>
      <c r="B1607" t="s">
        <v>2792</v>
      </c>
      <c r="C1607" t="s">
        <v>797</v>
      </c>
      <c r="D1607">
        <v>65</v>
      </c>
      <c r="E1607" t="s">
        <v>4191</v>
      </c>
      <c r="F1607" t="s">
        <v>4189</v>
      </c>
      <c r="G1607" t="s">
        <v>656</v>
      </c>
      <c r="H1607">
        <v>2</v>
      </c>
      <c r="I1607">
        <v>2020</v>
      </c>
    </row>
    <row r="1608" spans="1:9" x14ac:dyDescent="0.25">
      <c r="A1608">
        <v>1845</v>
      </c>
      <c r="B1608" t="s">
        <v>2791</v>
      </c>
      <c r="C1608" t="s">
        <v>767</v>
      </c>
      <c r="D1608">
        <v>44</v>
      </c>
      <c r="E1608" t="s">
        <v>4191</v>
      </c>
      <c r="F1608" t="s">
        <v>4189</v>
      </c>
      <c r="G1608" t="s">
        <v>656</v>
      </c>
      <c r="H1608">
        <v>2</v>
      </c>
      <c r="I1608">
        <v>2020</v>
      </c>
    </row>
    <row r="1609" spans="1:9" x14ac:dyDescent="0.25">
      <c r="A1609">
        <v>1846</v>
      </c>
      <c r="B1609" t="s">
        <v>4482</v>
      </c>
      <c r="C1609" t="s">
        <v>1236</v>
      </c>
      <c r="D1609">
        <v>60</v>
      </c>
      <c r="E1609" t="s">
        <v>4193</v>
      </c>
      <c r="F1609" t="s">
        <v>4189</v>
      </c>
      <c r="G1609" t="s">
        <v>656</v>
      </c>
      <c r="H1609">
        <v>2</v>
      </c>
      <c r="I1609">
        <v>2020</v>
      </c>
    </row>
    <row r="1610" spans="1:9" x14ac:dyDescent="0.25">
      <c r="A1610">
        <v>1847</v>
      </c>
      <c r="B1610" t="s">
        <v>4483</v>
      </c>
      <c r="C1610" t="s">
        <v>1236</v>
      </c>
      <c r="D1610">
        <v>60</v>
      </c>
      <c r="E1610" t="s">
        <v>4193</v>
      </c>
      <c r="F1610" t="s">
        <v>4189</v>
      </c>
      <c r="G1610" t="s">
        <v>656</v>
      </c>
      <c r="H1610">
        <v>2</v>
      </c>
      <c r="I1610">
        <v>2020</v>
      </c>
    </row>
    <row r="1611" spans="1:9" x14ac:dyDescent="0.25">
      <c r="A1611">
        <v>1848</v>
      </c>
      <c r="B1611" t="s">
        <v>2790</v>
      </c>
      <c r="C1611" t="s">
        <v>1236</v>
      </c>
      <c r="D1611">
        <v>60</v>
      </c>
      <c r="E1611" t="s">
        <v>4193</v>
      </c>
      <c r="F1611" t="s">
        <v>4189</v>
      </c>
      <c r="G1611" t="s">
        <v>656</v>
      </c>
      <c r="H1611">
        <v>2</v>
      </c>
      <c r="I1611">
        <v>2020</v>
      </c>
    </row>
    <row r="1612" spans="1:9" x14ac:dyDescent="0.25">
      <c r="A1612">
        <v>1849</v>
      </c>
      <c r="B1612" t="s">
        <v>2789</v>
      </c>
      <c r="C1612" t="s">
        <v>1236</v>
      </c>
      <c r="D1612">
        <v>60</v>
      </c>
      <c r="E1612" t="s">
        <v>4193</v>
      </c>
      <c r="F1612" t="s">
        <v>4189</v>
      </c>
      <c r="G1612" t="s">
        <v>656</v>
      </c>
      <c r="H1612">
        <v>2</v>
      </c>
      <c r="I1612">
        <v>2020</v>
      </c>
    </row>
    <row r="1613" spans="1:9" x14ac:dyDescent="0.25">
      <c r="A1613">
        <v>1850</v>
      </c>
      <c r="B1613" t="s">
        <v>2788</v>
      </c>
      <c r="C1613" t="s">
        <v>848</v>
      </c>
      <c r="D1613">
        <v>62</v>
      </c>
      <c r="E1613" t="s">
        <v>4193</v>
      </c>
      <c r="F1613" t="s">
        <v>4189</v>
      </c>
      <c r="G1613" t="s">
        <v>656</v>
      </c>
      <c r="H1613">
        <v>2</v>
      </c>
      <c r="I1613">
        <v>2020</v>
      </c>
    </row>
    <row r="1614" spans="1:9" x14ac:dyDescent="0.25">
      <c r="A1614">
        <v>1851</v>
      </c>
      <c r="B1614" t="s">
        <v>2787</v>
      </c>
      <c r="C1614" t="s">
        <v>848</v>
      </c>
      <c r="D1614">
        <v>62</v>
      </c>
      <c r="E1614" t="s">
        <v>4193</v>
      </c>
      <c r="F1614" t="s">
        <v>4189</v>
      </c>
      <c r="G1614" t="s">
        <v>656</v>
      </c>
      <c r="H1614">
        <v>2</v>
      </c>
      <c r="I1614">
        <v>2020</v>
      </c>
    </row>
    <row r="1615" spans="1:9" x14ac:dyDescent="0.25">
      <c r="A1615">
        <v>1852</v>
      </c>
      <c r="B1615" t="s">
        <v>2786</v>
      </c>
      <c r="C1615" t="s">
        <v>848</v>
      </c>
      <c r="D1615">
        <v>62</v>
      </c>
      <c r="E1615" t="s">
        <v>4193</v>
      </c>
      <c r="F1615" t="s">
        <v>4189</v>
      </c>
      <c r="G1615" t="s">
        <v>656</v>
      </c>
      <c r="H1615">
        <v>2</v>
      </c>
      <c r="I1615">
        <v>2020</v>
      </c>
    </row>
    <row r="1616" spans="1:9" x14ac:dyDescent="0.25">
      <c r="A1616">
        <v>1853</v>
      </c>
      <c r="B1616" t="s">
        <v>2785</v>
      </c>
      <c r="C1616" t="s">
        <v>848</v>
      </c>
      <c r="D1616">
        <v>62</v>
      </c>
      <c r="E1616" t="s">
        <v>4193</v>
      </c>
      <c r="F1616" t="s">
        <v>4189</v>
      </c>
      <c r="G1616" t="s">
        <v>656</v>
      </c>
      <c r="H1616">
        <v>2</v>
      </c>
      <c r="I1616">
        <v>2020</v>
      </c>
    </row>
    <row r="1617" spans="1:9" x14ac:dyDescent="0.25">
      <c r="A1617">
        <v>1854</v>
      </c>
      <c r="B1617" t="s">
        <v>2781</v>
      </c>
      <c r="C1617" t="s">
        <v>880</v>
      </c>
      <c r="D1617">
        <v>58</v>
      </c>
      <c r="E1617" t="s">
        <v>4188</v>
      </c>
      <c r="F1617" t="s">
        <v>4189</v>
      </c>
      <c r="G1617" t="s">
        <v>656</v>
      </c>
      <c r="H1617">
        <v>2</v>
      </c>
      <c r="I1617">
        <v>2020</v>
      </c>
    </row>
    <row r="1618" spans="1:9" x14ac:dyDescent="0.25">
      <c r="A1618">
        <v>1855</v>
      </c>
      <c r="B1618" t="s">
        <v>2784</v>
      </c>
      <c r="C1618" t="s">
        <v>880</v>
      </c>
      <c r="D1618">
        <v>58</v>
      </c>
      <c r="E1618" t="s">
        <v>4188</v>
      </c>
      <c r="F1618" t="s">
        <v>4189</v>
      </c>
      <c r="G1618" t="s">
        <v>656</v>
      </c>
      <c r="H1618">
        <v>2</v>
      </c>
      <c r="I1618">
        <v>2020</v>
      </c>
    </row>
    <row r="1619" spans="1:9" x14ac:dyDescent="0.25">
      <c r="A1619">
        <v>1856</v>
      </c>
      <c r="B1619" t="s">
        <v>2783</v>
      </c>
      <c r="C1619" t="s">
        <v>880</v>
      </c>
      <c r="D1619">
        <v>58</v>
      </c>
      <c r="E1619" t="s">
        <v>4188</v>
      </c>
      <c r="F1619" t="s">
        <v>4189</v>
      </c>
      <c r="G1619" t="s">
        <v>656</v>
      </c>
      <c r="H1619">
        <v>2</v>
      </c>
      <c r="I1619">
        <v>2020</v>
      </c>
    </row>
    <row r="1620" spans="1:9" x14ac:dyDescent="0.25">
      <c r="A1620">
        <v>1857</v>
      </c>
      <c r="B1620" t="s">
        <v>2782</v>
      </c>
      <c r="C1620" t="s">
        <v>880</v>
      </c>
      <c r="D1620">
        <v>58</v>
      </c>
      <c r="E1620" t="s">
        <v>4188</v>
      </c>
      <c r="F1620" t="s">
        <v>4189</v>
      </c>
      <c r="G1620" t="s">
        <v>656</v>
      </c>
      <c r="H1620">
        <v>2</v>
      </c>
      <c r="I1620">
        <v>2020</v>
      </c>
    </row>
    <row r="1621" spans="1:9" x14ac:dyDescent="0.25">
      <c r="A1621">
        <v>1858</v>
      </c>
      <c r="B1621" t="s">
        <v>2780</v>
      </c>
      <c r="C1621" t="s">
        <v>730</v>
      </c>
      <c r="D1621">
        <v>66</v>
      </c>
      <c r="E1621" t="s">
        <v>4193</v>
      </c>
      <c r="F1621" t="s">
        <v>4189</v>
      </c>
      <c r="G1621" t="s">
        <v>656</v>
      </c>
      <c r="H1621">
        <v>2</v>
      </c>
      <c r="I1621">
        <v>2020</v>
      </c>
    </row>
    <row r="1622" spans="1:9" x14ac:dyDescent="0.25">
      <c r="A1622">
        <v>1859</v>
      </c>
      <c r="B1622" t="s">
        <v>1904</v>
      </c>
      <c r="C1622" t="s">
        <v>705</v>
      </c>
      <c r="D1622">
        <v>70</v>
      </c>
      <c r="E1622" t="s">
        <v>4193</v>
      </c>
      <c r="F1622" t="s">
        <v>4189</v>
      </c>
      <c r="G1622" t="s">
        <v>656</v>
      </c>
      <c r="H1622">
        <v>2</v>
      </c>
      <c r="I1622">
        <v>2020</v>
      </c>
    </row>
    <row r="1623" spans="1:9" x14ac:dyDescent="0.25">
      <c r="A1623">
        <v>1860</v>
      </c>
      <c r="B1623" t="s">
        <v>2779</v>
      </c>
      <c r="C1623" t="s">
        <v>736</v>
      </c>
      <c r="D1623">
        <v>8</v>
      </c>
      <c r="E1623" t="s">
        <v>4169</v>
      </c>
      <c r="F1623" t="s">
        <v>4164</v>
      </c>
      <c r="G1623" t="s">
        <v>656</v>
      </c>
      <c r="H1623">
        <v>2</v>
      </c>
      <c r="I1623">
        <v>2020</v>
      </c>
    </row>
    <row r="1624" spans="1:9" x14ac:dyDescent="0.25">
      <c r="A1624">
        <v>1861</v>
      </c>
      <c r="B1624" t="s">
        <v>2778</v>
      </c>
      <c r="C1624" t="s">
        <v>736</v>
      </c>
      <c r="D1624">
        <v>8</v>
      </c>
      <c r="E1624" t="s">
        <v>4169</v>
      </c>
      <c r="F1624" t="s">
        <v>4164</v>
      </c>
      <c r="G1624" t="s">
        <v>656</v>
      </c>
      <c r="H1624">
        <v>2</v>
      </c>
      <c r="I1624">
        <v>2020</v>
      </c>
    </row>
    <row r="1625" spans="1:9" x14ac:dyDescent="0.25">
      <c r="A1625">
        <v>1862</v>
      </c>
      <c r="B1625" t="s">
        <v>2777</v>
      </c>
      <c r="C1625" t="s">
        <v>726</v>
      </c>
      <c r="D1625">
        <v>2</v>
      </c>
      <c r="E1625" t="s">
        <v>726</v>
      </c>
      <c r="F1625" t="s">
        <v>4164</v>
      </c>
      <c r="G1625" t="s">
        <v>656</v>
      </c>
      <c r="H1625">
        <v>2</v>
      </c>
      <c r="I1625">
        <v>2020</v>
      </c>
    </row>
    <row r="1626" spans="1:9" x14ac:dyDescent="0.25">
      <c r="A1626">
        <v>1863</v>
      </c>
      <c r="B1626" t="s">
        <v>2776</v>
      </c>
      <c r="C1626" t="s">
        <v>897</v>
      </c>
      <c r="D1626">
        <v>3</v>
      </c>
      <c r="E1626" t="s">
        <v>4165</v>
      </c>
      <c r="F1626" t="s">
        <v>4164</v>
      </c>
      <c r="G1626" t="s">
        <v>656</v>
      </c>
      <c r="H1626">
        <v>2</v>
      </c>
      <c r="I1626">
        <v>2020</v>
      </c>
    </row>
    <row r="1627" spans="1:9" x14ac:dyDescent="0.25">
      <c r="A1627">
        <v>1864</v>
      </c>
      <c r="B1627" t="s">
        <v>2775</v>
      </c>
      <c r="C1627" t="s">
        <v>663</v>
      </c>
      <c r="D1627">
        <v>99</v>
      </c>
      <c r="E1627" t="s">
        <v>663</v>
      </c>
      <c r="F1627" t="s">
        <v>4171</v>
      </c>
      <c r="G1627" t="s">
        <v>656</v>
      </c>
      <c r="H1627">
        <v>2</v>
      </c>
      <c r="I1627">
        <v>2020</v>
      </c>
    </row>
    <row r="1628" spans="1:9" x14ac:dyDescent="0.25">
      <c r="A1628">
        <v>1865</v>
      </c>
      <c r="B1628" t="s">
        <v>2774</v>
      </c>
      <c r="C1628" t="s">
        <v>663</v>
      </c>
      <c r="D1628">
        <v>99</v>
      </c>
      <c r="E1628" t="s">
        <v>663</v>
      </c>
      <c r="F1628" t="s">
        <v>4171</v>
      </c>
      <c r="G1628" t="s">
        <v>656</v>
      </c>
      <c r="H1628">
        <v>2</v>
      </c>
      <c r="I1628">
        <v>2020</v>
      </c>
    </row>
    <row r="1629" spans="1:9" x14ac:dyDescent="0.25">
      <c r="A1629">
        <v>1866</v>
      </c>
      <c r="B1629" t="s">
        <v>2773</v>
      </c>
      <c r="C1629" t="s">
        <v>663</v>
      </c>
      <c r="D1629">
        <v>99</v>
      </c>
      <c r="E1629" t="s">
        <v>663</v>
      </c>
      <c r="F1629" t="s">
        <v>4171</v>
      </c>
      <c r="G1629" t="s">
        <v>656</v>
      </c>
      <c r="H1629">
        <v>2</v>
      </c>
      <c r="I1629">
        <v>2020</v>
      </c>
    </row>
    <row r="1630" spans="1:9" x14ac:dyDescent="0.25">
      <c r="A1630">
        <v>1867</v>
      </c>
      <c r="B1630" t="s">
        <v>664</v>
      </c>
      <c r="C1630" t="s">
        <v>663</v>
      </c>
      <c r="D1630">
        <v>99</v>
      </c>
      <c r="E1630" t="s">
        <v>663</v>
      </c>
      <c r="F1630" t="s">
        <v>4171</v>
      </c>
      <c r="G1630" t="s">
        <v>656</v>
      </c>
      <c r="H1630">
        <v>2</v>
      </c>
      <c r="I1630">
        <v>2020</v>
      </c>
    </row>
    <row r="1631" spans="1:9" x14ac:dyDescent="0.25">
      <c r="A1631">
        <v>1868</v>
      </c>
      <c r="B1631" t="s">
        <v>2772</v>
      </c>
      <c r="C1631" t="s">
        <v>663</v>
      </c>
      <c r="D1631">
        <v>99</v>
      </c>
      <c r="E1631" t="s">
        <v>663</v>
      </c>
      <c r="F1631" t="s">
        <v>4171</v>
      </c>
      <c r="G1631" t="s">
        <v>656</v>
      </c>
      <c r="H1631">
        <v>2</v>
      </c>
      <c r="I1631">
        <v>2020</v>
      </c>
    </row>
    <row r="1632" spans="1:9" x14ac:dyDescent="0.25">
      <c r="A1632">
        <v>1869</v>
      </c>
      <c r="B1632" t="s">
        <v>2771</v>
      </c>
      <c r="C1632" t="s">
        <v>663</v>
      </c>
      <c r="D1632">
        <v>99</v>
      </c>
      <c r="E1632" t="s">
        <v>663</v>
      </c>
      <c r="F1632" t="s">
        <v>4171</v>
      </c>
      <c r="G1632" t="s">
        <v>656</v>
      </c>
      <c r="H1632">
        <v>2</v>
      </c>
      <c r="I1632">
        <v>2020</v>
      </c>
    </row>
    <row r="1633" spans="1:9" x14ac:dyDescent="0.25">
      <c r="A1633">
        <v>1870</v>
      </c>
      <c r="B1633" t="s">
        <v>1568</v>
      </c>
      <c r="C1633" t="s">
        <v>663</v>
      </c>
      <c r="D1633">
        <v>99</v>
      </c>
      <c r="E1633" t="s">
        <v>663</v>
      </c>
      <c r="F1633" t="s">
        <v>4171</v>
      </c>
      <c r="G1633" t="s">
        <v>656</v>
      </c>
      <c r="H1633">
        <v>2</v>
      </c>
      <c r="I1633">
        <v>2020</v>
      </c>
    </row>
    <row r="1634" spans="1:9" x14ac:dyDescent="0.25">
      <c r="A1634">
        <v>1871</v>
      </c>
      <c r="B1634" t="s">
        <v>2770</v>
      </c>
      <c r="C1634" t="s">
        <v>691</v>
      </c>
      <c r="D1634">
        <v>21</v>
      </c>
      <c r="E1634" t="s">
        <v>691</v>
      </c>
      <c r="F1634" t="s">
        <v>4177</v>
      </c>
      <c r="G1634" t="s">
        <v>656</v>
      </c>
      <c r="H1634">
        <v>2</v>
      </c>
      <c r="I1634">
        <v>2020</v>
      </c>
    </row>
    <row r="1635" spans="1:9" x14ac:dyDescent="0.25">
      <c r="A1635">
        <v>1872</v>
      </c>
      <c r="B1635" t="s">
        <v>2769</v>
      </c>
      <c r="C1635" t="s">
        <v>691</v>
      </c>
      <c r="D1635">
        <v>21</v>
      </c>
      <c r="E1635" t="s">
        <v>691</v>
      </c>
      <c r="F1635" t="s">
        <v>4177</v>
      </c>
      <c r="G1635" t="s">
        <v>656</v>
      </c>
      <c r="H1635">
        <v>2</v>
      </c>
      <c r="I1635">
        <v>2020</v>
      </c>
    </row>
    <row r="1636" spans="1:9" x14ac:dyDescent="0.25">
      <c r="A1636">
        <v>1873</v>
      </c>
      <c r="B1636" t="s">
        <v>4484</v>
      </c>
      <c r="C1636" t="s">
        <v>802</v>
      </c>
      <c r="D1636">
        <v>12</v>
      </c>
      <c r="E1636" t="s">
        <v>802</v>
      </c>
      <c r="F1636" t="s">
        <v>4171</v>
      </c>
      <c r="G1636" t="s">
        <v>656</v>
      </c>
      <c r="H1636">
        <v>2</v>
      </c>
      <c r="I1636">
        <v>2020</v>
      </c>
    </row>
    <row r="1637" spans="1:9" x14ac:dyDescent="0.25">
      <c r="A1637">
        <v>1874</v>
      </c>
      <c r="B1637" t="s">
        <v>2767</v>
      </c>
      <c r="C1637" t="s">
        <v>802</v>
      </c>
      <c r="D1637">
        <v>12</v>
      </c>
      <c r="E1637" t="s">
        <v>802</v>
      </c>
      <c r="F1637" t="s">
        <v>4171</v>
      </c>
      <c r="G1637" t="s">
        <v>656</v>
      </c>
      <c r="H1637">
        <v>2</v>
      </c>
      <c r="I1637">
        <v>2020</v>
      </c>
    </row>
    <row r="1638" spans="1:9" x14ac:dyDescent="0.25">
      <c r="A1638">
        <v>1875</v>
      </c>
      <c r="B1638" t="s">
        <v>2766</v>
      </c>
      <c r="C1638" t="s">
        <v>866</v>
      </c>
      <c r="D1638">
        <v>9</v>
      </c>
      <c r="E1638" t="s">
        <v>866</v>
      </c>
      <c r="F1638" t="s">
        <v>4171</v>
      </c>
      <c r="G1638" t="s">
        <v>656</v>
      </c>
      <c r="H1638">
        <v>2</v>
      </c>
      <c r="I1638">
        <v>2020</v>
      </c>
    </row>
    <row r="1639" spans="1:9" x14ac:dyDescent="0.25">
      <c r="A1639">
        <v>1876</v>
      </c>
      <c r="B1639" t="s">
        <v>2765</v>
      </c>
      <c r="C1639" t="s">
        <v>864</v>
      </c>
      <c r="D1639">
        <v>14</v>
      </c>
      <c r="E1639" t="s">
        <v>864</v>
      </c>
      <c r="F1639" t="s">
        <v>4171</v>
      </c>
      <c r="G1639" t="s">
        <v>656</v>
      </c>
      <c r="H1639">
        <v>2</v>
      </c>
      <c r="I1639">
        <v>2020</v>
      </c>
    </row>
    <row r="1640" spans="1:9" x14ac:dyDescent="0.25">
      <c r="A1640">
        <v>1877</v>
      </c>
      <c r="B1640" t="s">
        <v>4485</v>
      </c>
      <c r="C1640" t="s">
        <v>864</v>
      </c>
      <c r="D1640">
        <v>14</v>
      </c>
      <c r="E1640" t="s">
        <v>864</v>
      </c>
      <c r="F1640" t="s">
        <v>4171</v>
      </c>
      <c r="G1640" t="s">
        <v>656</v>
      </c>
      <c r="H1640">
        <v>2</v>
      </c>
      <c r="I1640">
        <v>2020</v>
      </c>
    </row>
    <row r="1641" spans="1:9" x14ac:dyDescent="0.25">
      <c r="A1641">
        <v>1878</v>
      </c>
      <c r="B1641" t="s">
        <v>2764</v>
      </c>
      <c r="C1641" t="s">
        <v>807</v>
      </c>
      <c r="D1641">
        <v>25</v>
      </c>
      <c r="E1641" t="s">
        <v>4179</v>
      </c>
      <c r="F1641" t="s">
        <v>4177</v>
      </c>
      <c r="G1641" t="s">
        <v>656</v>
      </c>
      <c r="H1641">
        <v>2</v>
      </c>
      <c r="I1641">
        <v>2020</v>
      </c>
    </row>
    <row r="1642" spans="1:9" x14ac:dyDescent="0.25">
      <c r="A1642">
        <v>1879</v>
      </c>
      <c r="B1642" t="s">
        <v>2763</v>
      </c>
      <c r="C1642" t="s">
        <v>955</v>
      </c>
      <c r="D1642">
        <v>29</v>
      </c>
      <c r="E1642" t="s">
        <v>4179</v>
      </c>
      <c r="F1642" t="s">
        <v>4177</v>
      </c>
      <c r="G1642" t="s">
        <v>656</v>
      </c>
      <c r="H1642">
        <v>2</v>
      </c>
      <c r="I1642">
        <v>2020</v>
      </c>
    </row>
    <row r="1643" spans="1:9" x14ac:dyDescent="0.25">
      <c r="A1643">
        <v>1880</v>
      </c>
      <c r="B1643" t="s">
        <v>2762</v>
      </c>
      <c r="C1643" t="s">
        <v>295</v>
      </c>
      <c r="D1643">
        <v>30</v>
      </c>
      <c r="E1643" t="s">
        <v>4179</v>
      </c>
      <c r="F1643" t="s">
        <v>4177</v>
      </c>
      <c r="G1643" t="s">
        <v>656</v>
      </c>
      <c r="H1643">
        <v>2</v>
      </c>
      <c r="I1643">
        <v>2020</v>
      </c>
    </row>
    <row r="1644" spans="1:9" x14ac:dyDescent="0.25">
      <c r="A1644">
        <v>1881</v>
      </c>
      <c r="B1644" t="s">
        <v>2761</v>
      </c>
      <c r="C1644" t="s">
        <v>296</v>
      </c>
      <c r="D1644">
        <v>97</v>
      </c>
      <c r="E1644" t="s">
        <v>4179</v>
      </c>
      <c r="F1644" t="s">
        <v>4177</v>
      </c>
      <c r="G1644" t="s">
        <v>656</v>
      </c>
      <c r="H1644">
        <v>2</v>
      </c>
      <c r="I1644">
        <v>2020</v>
      </c>
    </row>
    <row r="1645" spans="1:9" x14ac:dyDescent="0.25">
      <c r="A1645">
        <v>1882</v>
      </c>
      <c r="B1645" t="s">
        <v>2346</v>
      </c>
      <c r="C1645" t="s">
        <v>299</v>
      </c>
      <c r="D1645">
        <v>27</v>
      </c>
      <c r="E1645" t="s">
        <v>4179</v>
      </c>
      <c r="F1645" t="s">
        <v>4177</v>
      </c>
      <c r="G1645" t="s">
        <v>656</v>
      </c>
      <c r="H1645">
        <v>2</v>
      </c>
      <c r="I1645">
        <v>2020</v>
      </c>
    </row>
    <row r="1646" spans="1:9" x14ac:dyDescent="0.25">
      <c r="A1646">
        <v>1883</v>
      </c>
      <c r="B1646" t="s">
        <v>2760</v>
      </c>
      <c r="C1646" t="s">
        <v>813</v>
      </c>
      <c r="D1646">
        <v>24</v>
      </c>
      <c r="E1646" t="s">
        <v>4179</v>
      </c>
      <c r="F1646" t="s">
        <v>4177</v>
      </c>
      <c r="G1646" t="s">
        <v>656</v>
      </c>
      <c r="H1646">
        <v>2</v>
      </c>
      <c r="I1646">
        <v>2020</v>
      </c>
    </row>
    <row r="1647" spans="1:9" x14ac:dyDescent="0.25">
      <c r="A1647">
        <v>1884</v>
      </c>
      <c r="B1647" t="s">
        <v>2759</v>
      </c>
      <c r="C1647" t="s">
        <v>813</v>
      </c>
      <c r="D1647">
        <v>24</v>
      </c>
      <c r="E1647" t="s">
        <v>4179</v>
      </c>
      <c r="F1647" t="s">
        <v>4177</v>
      </c>
      <c r="G1647" t="s">
        <v>656</v>
      </c>
      <c r="H1647">
        <v>2</v>
      </c>
      <c r="I1647">
        <v>2020</v>
      </c>
    </row>
    <row r="1648" spans="1:9" x14ac:dyDescent="0.25">
      <c r="A1648">
        <v>1886</v>
      </c>
      <c r="B1648" t="s">
        <v>2758</v>
      </c>
      <c r="C1648" t="s">
        <v>65</v>
      </c>
      <c r="D1648">
        <v>15</v>
      </c>
      <c r="E1648" t="s">
        <v>4176</v>
      </c>
      <c r="F1648" t="s">
        <v>4177</v>
      </c>
      <c r="G1648" t="s">
        <v>656</v>
      </c>
      <c r="H1648">
        <v>2</v>
      </c>
      <c r="I1648">
        <v>2020</v>
      </c>
    </row>
    <row r="1649" spans="1:9" x14ac:dyDescent="0.25">
      <c r="A1649">
        <v>1887</v>
      </c>
      <c r="B1649" t="s">
        <v>2757</v>
      </c>
      <c r="C1649" t="s">
        <v>65</v>
      </c>
      <c r="D1649">
        <v>15</v>
      </c>
      <c r="E1649" t="s">
        <v>4176</v>
      </c>
      <c r="F1649" t="s">
        <v>4177</v>
      </c>
      <c r="G1649" t="s">
        <v>656</v>
      </c>
      <c r="H1649">
        <v>2</v>
      </c>
      <c r="I1649">
        <v>2020</v>
      </c>
    </row>
    <row r="1650" spans="1:9" x14ac:dyDescent="0.25">
      <c r="A1650">
        <v>1888</v>
      </c>
      <c r="B1650" t="s">
        <v>2756</v>
      </c>
      <c r="C1650" t="s">
        <v>819</v>
      </c>
      <c r="D1650">
        <v>101</v>
      </c>
      <c r="E1650" t="s">
        <v>4187</v>
      </c>
      <c r="F1650" t="s">
        <v>4187</v>
      </c>
      <c r="G1650" t="s">
        <v>656</v>
      </c>
      <c r="H1650">
        <v>2</v>
      </c>
      <c r="I1650">
        <v>2020</v>
      </c>
    </row>
    <row r="1651" spans="1:9" x14ac:dyDescent="0.25">
      <c r="A1651">
        <v>1889</v>
      </c>
      <c r="B1651" t="s">
        <v>1902</v>
      </c>
      <c r="C1651" t="s">
        <v>819</v>
      </c>
      <c r="D1651">
        <v>101</v>
      </c>
      <c r="E1651" t="s">
        <v>4187</v>
      </c>
      <c r="F1651" t="s">
        <v>4187</v>
      </c>
      <c r="G1651" t="s">
        <v>656</v>
      </c>
      <c r="H1651">
        <v>2</v>
      </c>
      <c r="I1651">
        <v>2020</v>
      </c>
    </row>
    <row r="1652" spans="1:9" x14ac:dyDescent="0.25">
      <c r="A1652">
        <v>1890</v>
      </c>
      <c r="B1652" t="s">
        <v>2755</v>
      </c>
      <c r="C1652" t="s">
        <v>819</v>
      </c>
      <c r="D1652">
        <v>101</v>
      </c>
      <c r="E1652" t="s">
        <v>4187</v>
      </c>
      <c r="F1652" t="s">
        <v>4187</v>
      </c>
      <c r="G1652" t="s">
        <v>656</v>
      </c>
      <c r="H1652">
        <v>2</v>
      </c>
      <c r="I1652">
        <v>2020</v>
      </c>
    </row>
    <row r="1653" spans="1:9" x14ac:dyDescent="0.25">
      <c r="A1653">
        <v>1891</v>
      </c>
      <c r="B1653" t="s">
        <v>4486</v>
      </c>
      <c r="C1653" t="s">
        <v>679</v>
      </c>
      <c r="D1653">
        <v>32</v>
      </c>
      <c r="E1653" t="s">
        <v>4175</v>
      </c>
      <c r="F1653" t="s">
        <v>4171</v>
      </c>
      <c r="G1653" t="s">
        <v>656</v>
      </c>
      <c r="H1653">
        <v>2</v>
      </c>
      <c r="I1653">
        <v>2020</v>
      </c>
    </row>
    <row r="1654" spans="1:9" x14ac:dyDescent="0.25">
      <c r="A1654">
        <v>1892</v>
      </c>
      <c r="B1654" t="s">
        <v>2754</v>
      </c>
      <c r="C1654" t="s">
        <v>797</v>
      </c>
      <c r="D1654">
        <v>65</v>
      </c>
      <c r="E1654" t="s">
        <v>4191</v>
      </c>
      <c r="F1654" t="s">
        <v>4189</v>
      </c>
      <c r="G1654" t="s">
        <v>656</v>
      </c>
      <c r="H1654">
        <v>2</v>
      </c>
      <c r="I1654">
        <v>2020</v>
      </c>
    </row>
    <row r="1655" spans="1:9" x14ac:dyDescent="0.25">
      <c r="A1655">
        <v>1893</v>
      </c>
      <c r="B1655" t="s">
        <v>4487</v>
      </c>
      <c r="C1655" t="s">
        <v>797</v>
      </c>
      <c r="D1655">
        <v>65</v>
      </c>
      <c r="E1655" t="s">
        <v>4191</v>
      </c>
      <c r="F1655" t="s">
        <v>4189</v>
      </c>
      <c r="G1655" t="s">
        <v>656</v>
      </c>
      <c r="H1655">
        <v>2</v>
      </c>
      <c r="I1655">
        <v>2020</v>
      </c>
    </row>
    <row r="1656" spans="1:9" x14ac:dyDescent="0.25">
      <c r="A1656">
        <v>1894</v>
      </c>
      <c r="B1656" t="s">
        <v>2753</v>
      </c>
      <c r="C1656" t="s">
        <v>797</v>
      </c>
      <c r="D1656">
        <v>65</v>
      </c>
      <c r="E1656" t="s">
        <v>4191</v>
      </c>
      <c r="F1656" t="s">
        <v>4189</v>
      </c>
      <c r="G1656" t="s">
        <v>656</v>
      </c>
      <c r="H1656">
        <v>2</v>
      </c>
      <c r="I1656">
        <v>2020</v>
      </c>
    </row>
    <row r="1657" spans="1:9" x14ac:dyDescent="0.25">
      <c r="A1657">
        <v>1895</v>
      </c>
      <c r="B1657" t="s">
        <v>2752</v>
      </c>
      <c r="C1657" t="s">
        <v>767</v>
      </c>
      <c r="D1657">
        <v>44</v>
      </c>
      <c r="E1657" t="s">
        <v>4191</v>
      </c>
      <c r="F1657" t="s">
        <v>4189</v>
      </c>
      <c r="G1657" t="s">
        <v>656</v>
      </c>
      <c r="H1657">
        <v>2</v>
      </c>
      <c r="I1657">
        <v>2020</v>
      </c>
    </row>
    <row r="1658" spans="1:9" x14ac:dyDescent="0.25">
      <c r="A1658">
        <v>1896</v>
      </c>
      <c r="B1658" t="s">
        <v>2751</v>
      </c>
      <c r="C1658" t="s">
        <v>767</v>
      </c>
      <c r="D1658">
        <v>44</v>
      </c>
      <c r="E1658" t="s">
        <v>4191</v>
      </c>
      <c r="F1658" t="s">
        <v>4189</v>
      </c>
      <c r="G1658" t="s">
        <v>656</v>
      </c>
      <c r="H1658">
        <v>2</v>
      </c>
      <c r="I1658">
        <v>2020</v>
      </c>
    </row>
    <row r="1659" spans="1:9" x14ac:dyDescent="0.25">
      <c r="A1659">
        <v>1897</v>
      </c>
      <c r="B1659" t="s">
        <v>2750</v>
      </c>
      <c r="C1659" t="s">
        <v>767</v>
      </c>
      <c r="D1659">
        <v>44</v>
      </c>
      <c r="E1659" t="s">
        <v>4191</v>
      </c>
      <c r="F1659" t="s">
        <v>4189</v>
      </c>
      <c r="G1659" t="s">
        <v>656</v>
      </c>
      <c r="H1659">
        <v>2</v>
      </c>
      <c r="I1659">
        <v>2020</v>
      </c>
    </row>
    <row r="1660" spans="1:9" x14ac:dyDescent="0.25">
      <c r="A1660">
        <v>1898</v>
      </c>
      <c r="B1660" t="s">
        <v>4488</v>
      </c>
      <c r="C1660" t="s">
        <v>742</v>
      </c>
      <c r="D1660">
        <v>48</v>
      </c>
      <c r="E1660" t="s">
        <v>4165</v>
      </c>
      <c r="F1660" t="s">
        <v>4164</v>
      </c>
      <c r="G1660" t="s">
        <v>656</v>
      </c>
      <c r="H1660">
        <v>2</v>
      </c>
      <c r="I1660">
        <v>2020</v>
      </c>
    </row>
    <row r="1661" spans="1:9" x14ac:dyDescent="0.25">
      <c r="A1661">
        <v>1899</v>
      </c>
      <c r="B1661" t="s">
        <v>4489</v>
      </c>
      <c r="C1661" t="s">
        <v>742</v>
      </c>
      <c r="D1661">
        <v>48</v>
      </c>
      <c r="E1661" t="s">
        <v>4165</v>
      </c>
      <c r="F1661" t="s">
        <v>4164</v>
      </c>
      <c r="G1661" t="s">
        <v>656</v>
      </c>
      <c r="H1661">
        <v>2</v>
      </c>
      <c r="I1661">
        <v>2020</v>
      </c>
    </row>
    <row r="1662" spans="1:9" x14ac:dyDescent="0.25">
      <c r="A1662">
        <v>1900</v>
      </c>
      <c r="B1662" t="s">
        <v>4490</v>
      </c>
      <c r="C1662" t="s">
        <v>742</v>
      </c>
      <c r="D1662">
        <v>48</v>
      </c>
      <c r="E1662" t="s">
        <v>4165</v>
      </c>
      <c r="F1662" t="s">
        <v>4164</v>
      </c>
      <c r="G1662" t="s">
        <v>656</v>
      </c>
      <c r="H1662">
        <v>2</v>
      </c>
      <c r="I1662">
        <v>2020</v>
      </c>
    </row>
    <row r="1663" spans="1:9" x14ac:dyDescent="0.25">
      <c r="A1663">
        <v>1901</v>
      </c>
      <c r="B1663" t="s">
        <v>2748</v>
      </c>
      <c r="C1663" t="s">
        <v>742</v>
      </c>
      <c r="D1663">
        <v>48</v>
      </c>
      <c r="E1663" t="s">
        <v>4165</v>
      </c>
      <c r="F1663" t="s">
        <v>4164</v>
      </c>
      <c r="G1663" t="s">
        <v>656</v>
      </c>
      <c r="H1663">
        <v>2</v>
      </c>
      <c r="I1663">
        <v>2020</v>
      </c>
    </row>
    <row r="1664" spans="1:9" x14ac:dyDescent="0.25">
      <c r="A1664">
        <v>1902</v>
      </c>
      <c r="B1664" t="s">
        <v>4491</v>
      </c>
      <c r="C1664" t="s">
        <v>742</v>
      </c>
      <c r="D1664">
        <v>48</v>
      </c>
      <c r="E1664" t="s">
        <v>4165</v>
      </c>
      <c r="F1664" t="s">
        <v>4164</v>
      </c>
      <c r="G1664" t="s">
        <v>656</v>
      </c>
      <c r="H1664">
        <v>2</v>
      </c>
      <c r="I1664">
        <v>2020</v>
      </c>
    </row>
    <row r="1665" spans="1:9" x14ac:dyDescent="0.25">
      <c r="A1665">
        <v>1903</v>
      </c>
      <c r="B1665" t="s">
        <v>4492</v>
      </c>
      <c r="C1665" t="s">
        <v>742</v>
      </c>
      <c r="D1665">
        <v>48</v>
      </c>
      <c r="E1665" t="s">
        <v>4165</v>
      </c>
      <c r="F1665" t="s">
        <v>4164</v>
      </c>
      <c r="G1665" t="s">
        <v>656</v>
      </c>
      <c r="H1665">
        <v>2</v>
      </c>
      <c r="I1665">
        <v>2020</v>
      </c>
    </row>
    <row r="1666" spans="1:9" x14ac:dyDescent="0.25">
      <c r="A1666">
        <v>1904</v>
      </c>
      <c r="B1666" t="s">
        <v>2747</v>
      </c>
      <c r="C1666" t="s">
        <v>742</v>
      </c>
      <c r="D1666">
        <v>48</v>
      </c>
      <c r="E1666" t="s">
        <v>4165</v>
      </c>
      <c r="F1666" t="s">
        <v>4164</v>
      </c>
      <c r="G1666" t="s">
        <v>656</v>
      </c>
      <c r="H1666">
        <v>2</v>
      </c>
      <c r="I1666">
        <v>2020</v>
      </c>
    </row>
    <row r="1667" spans="1:9" x14ac:dyDescent="0.25">
      <c r="A1667">
        <v>1905</v>
      </c>
      <c r="B1667" t="s">
        <v>4493</v>
      </c>
      <c r="C1667" t="s">
        <v>742</v>
      </c>
      <c r="D1667">
        <v>48</v>
      </c>
      <c r="E1667" t="s">
        <v>4165</v>
      </c>
      <c r="F1667" t="s">
        <v>4164</v>
      </c>
      <c r="G1667" t="s">
        <v>656</v>
      </c>
      <c r="H1667">
        <v>2</v>
      </c>
      <c r="I1667">
        <v>2020</v>
      </c>
    </row>
    <row r="1668" spans="1:9" x14ac:dyDescent="0.25">
      <c r="A1668">
        <v>1906</v>
      </c>
      <c r="B1668" t="s">
        <v>2746</v>
      </c>
      <c r="C1668" t="s">
        <v>742</v>
      </c>
      <c r="D1668">
        <v>48</v>
      </c>
      <c r="E1668" t="s">
        <v>4165</v>
      </c>
      <c r="F1668" t="s">
        <v>4164</v>
      </c>
      <c r="G1668" t="s">
        <v>656</v>
      </c>
      <c r="H1668">
        <v>2</v>
      </c>
      <c r="I1668">
        <v>2020</v>
      </c>
    </row>
    <row r="1669" spans="1:9" x14ac:dyDescent="0.25">
      <c r="A1669">
        <v>1907</v>
      </c>
      <c r="B1669" t="s">
        <v>2745</v>
      </c>
      <c r="C1669" t="s">
        <v>742</v>
      </c>
      <c r="D1669">
        <v>48</v>
      </c>
      <c r="E1669" t="s">
        <v>4165</v>
      </c>
      <c r="F1669" t="s">
        <v>4164</v>
      </c>
      <c r="G1669" t="s">
        <v>656</v>
      </c>
      <c r="H1669">
        <v>2</v>
      </c>
      <c r="I1669">
        <v>2020</v>
      </c>
    </row>
    <row r="1670" spans="1:9" x14ac:dyDescent="0.25">
      <c r="A1670">
        <v>1908</v>
      </c>
      <c r="B1670" t="s">
        <v>2744</v>
      </c>
      <c r="C1670" t="s">
        <v>848</v>
      </c>
      <c r="D1670">
        <v>62</v>
      </c>
      <c r="E1670" t="s">
        <v>4193</v>
      </c>
      <c r="F1670" t="s">
        <v>4189</v>
      </c>
      <c r="G1670" t="s">
        <v>656</v>
      </c>
      <c r="H1670">
        <v>2</v>
      </c>
      <c r="I1670">
        <v>2020</v>
      </c>
    </row>
    <row r="1671" spans="1:9" x14ac:dyDescent="0.25">
      <c r="A1671">
        <v>1909</v>
      </c>
      <c r="B1671" t="s">
        <v>2743</v>
      </c>
      <c r="C1671" t="s">
        <v>848</v>
      </c>
      <c r="D1671">
        <v>62</v>
      </c>
      <c r="E1671" t="s">
        <v>4193</v>
      </c>
      <c r="F1671" t="s">
        <v>4189</v>
      </c>
      <c r="G1671" t="s">
        <v>656</v>
      </c>
      <c r="H1671">
        <v>2</v>
      </c>
      <c r="I1671">
        <v>2020</v>
      </c>
    </row>
    <row r="1672" spans="1:9" x14ac:dyDescent="0.25">
      <c r="A1672">
        <v>1910</v>
      </c>
      <c r="B1672" t="s">
        <v>4494</v>
      </c>
      <c r="C1672" t="s">
        <v>848</v>
      </c>
      <c r="D1672">
        <v>62</v>
      </c>
      <c r="E1672" t="s">
        <v>4193</v>
      </c>
      <c r="F1672" t="s">
        <v>4189</v>
      </c>
      <c r="G1672" t="s">
        <v>656</v>
      </c>
      <c r="H1672">
        <v>2</v>
      </c>
      <c r="I1672">
        <v>2020</v>
      </c>
    </row>
    <row r="1673" spans="1:9" x14ac:dyDescent="0.25">
      <c r="A1673">
        <v>1911</v>
      </c>
      <c r="B1673" t="s">
        <v>2742</v>
      </c>
      <c r="C1673" t="s">
        <v>848</v>
      </c>
      <c r="D1673">
        <v>62</v>
      </c>
      <c r="E1673" t="s">
        <v>4193</v>
      </c>
      <c r="F1673" t="s">
        <v>4189</v>
      </c>
      <c r="G1673" t="s">
        <v>656</v>
      </c>
      <c r="H1673">
        <v>2</v>
      </c>
      <c r="I1673">
        <v>2020</v>
      </c>
    </row>
    <row r="1674" spans="1:9" x14ac:dyDescent="0.25">
      <c r="A1674">
        <v>1912</v>
      </c>
      <c r="B1674" t="s">
        <v>2741</v>
      </c>
      <c r="C1674" t="s">
        <v>848</v>
      </c>
      <c r="D1674">
        <v>62</v>
      </c>
      <c r="E1674" t="s">
        <v>4193</v>
      </c>
      <c r="F1674" t="s">
        <v>4189</v>
      </c>
      <c r="G1674" t="s">
        <v>656</v>
      </c>
      <c r="H1674">
        <v>2</v>
      </c>
      <c r="I1674">
        <v>2020</v>
      </c>
    </row>
    <row r="1675" spans="1:9" x14ac:dyDescent="0.25">
      <c r="A1675">
        <v>1913</v>
      </c>
      <c r="B1675" t="s">
        <v>2740</v>
      </c>
      <c r="C1675" t="s">
        <v>1022</v>
      </c>
      <c r="D1675">
        <v>85</v>
      </c>
      <c r="E1675" t="s">
        <v>1080</v>
      </c>
      <c r="F1675" t="s">
        <v>4189</v>
      </c>
      <c r="G1675" t="s">
        <v>656</v>
      </c>
      <c r="H1675">
        <v>2</v>
      </c>
      <c r="I1675">
        <v>2020</v>
      </c>
    </row>
    <row r="1676" spans="1:9" x14ac:dyDescent="0.25">
      <c r="A1676">
        <v>1914</v>
      </c>
      <c r="B1676" t="s">
        <v>2736</v>
      </c>
      <c r="C1676" t="s">
        <v>1022</v>
      </c>
      <c r="D1676">
        <v>85</v>
      </c>
      <c r="E1676" t="s">
        <v>1080</v>
      </c>
      <c r="F1676" t="s">
        <v>4189</v>
      </c>
      <c r="G1676" t="s">
        <v>656</v>
      </c>
      <c r="H1676">
        <v>2</v>
      </c>
      <c r="I1676">
        <v>2020</v>
      </c>
    </row>
    <row r="1677" spans="1:9" x14ac:dyDescent="0.25">
      <c r="A1677">
        <v>1915</v>
      </c>
      <c r="B1677" t="s">
        <v>2735</v>
      </c>
      <c r="C1677" t="s">
        <v>1022</v>
      </c>
      <c r="D1677">
        <v>85</v>
      </c>
      <c r="E1677" t="s">
        <v>1080</v>
      </c>
      <c r="F1677" t="s">
        <v>4189</v>
      </c>
      <c r="G1677" t="s">
        <v>656</v>
      </c>
      <c r="H1677">
        <v>2</v>
      </c>
      <c r="I1677">
        <v>2020</v>
      </c>
    </row>
    <row r="1678" spans="1:9" x14ac:dyDescent="0.25">
      <c r="A1678">
        <v>1916</v>
      </c>
      <c r="B1678" t="s">
        <v>2734</v>
      </c>
      <c r="C1678" t="s">
        <v>1022</v>
      </c>
      <c r="D1678">
        <v>85</v>
      </c>
      <c r="E1678" t="s">
        <v>1080</v>
      </c>
      <c r="F1678" t="s">
        <v>4189</v>
      </c>
      <c r="G1678" t="s">
        <v>656</v>
      </c>
      <c r="H1678">
        <v>2</v>
      </c>
      <c r="I1678">
        <v>2020</v>
      </c>
    </row>
    <row r="1679" spans="1:9" x14ac:dyDescent="0.25">
      <c r="A1679">
        <v>1917</v>
      </c>
      <c r="B1679" t="s">
        <v>2733</v>
      </c>
      <c r="C1679" t="s">
        <v>1022</v>
      </c>
      <c r="D1679">
        <v>85</v>
      </c>
      <c r="E1679" t="s">
        <v>1080</v>
      </c>
      <c r="F1679" t="s">
        <v>4189</v>
      </c>
      <c r="G1679" t="s">
        <v>656</v>
      </c>
      <c r="H1679">
        <v>2</v>
      </c>
      <c r="I1679">
        <v>2020</v>
      </c>
    </row>
    <row r="1680" spans="1:9" x14ac:dyDescent="0.25">
      <c r="A1680">
        <v>1918</v>
      </c>
      <c r="B1680" t="s">
        <v>2731</v>
      </c>
      <c r="C1680" t="s">
        <v>1022</v>
      </c>
      <c r="D1680">
        <v>85</v>
      </c>
      <c r="E1680" t="s">
        <v>1080</v>
      </c>
      <c r="F1680" t="s">
        <v>4189</v>
      </c>
      <c r="G1680" t="s">
        <v>656</v>
      </c>
      <c r="H1680">
        <v>2</v>
      </c>
      <c r="I1680">
        <v>2020</v>
      </c>
    </row>
    <row r="1681" spans="1:9" x14ac:dyDescent="0.25">
      <c r="A1681">
        <v>1919</v>
      </c>
      <c r="B1681" t="s">
        <v>2730</v>
      </c>
      <c r="C1681" t="s">
        <v>1022</v>
      </c>
      <c r="D1681">
        <v>85</v>
      </c>
      <c r="E1681" t="s">
        <v>1080</v>
      </c>
      <c r="F1681" t="s">
        <v>4189</v>
      </c>
      <c r="G1681" t="s">
        <v>656</v>
      </c>
      <c r="H1681">
        <v>2</v>
      </c>
      <c r="I1681">
        <v>2020</v>
      </c>
    </row>
    <row r="1682" spans="1:9" x14ac:dyDescent="0.25">
      <c r="A1682">
        <v>1920</v>
      </c>
      <c r="B1682" t="s">
        <v>2729</v>
      </c>
      <c r="C1682" t="s">
        <v>1022</v>
      </c>
      <c r="D1682">
        <v>85</v>
      </c>
      <c r="E1682" t="s">
        <v>1080</v>
      </c>
      <c r="F1682" t="s">
        <v>4189</v>
      </c>
      <c r="G1682" t="s">
        <v>656</v>
      </c>
      <c r="H1682">
        <v>2</v>
      </c>
      <c r="I1682">
        <v>2020</v>
      </c>
    </row>
    <row r="1683" spans="1:9" x14ac:dyDescent="0.25">
      <c r="A1683">
        <v>1921</v>
      </c>
      <c r="B1683" t="s">
        <v>2728</v>
      </c>
      <c r="C1683" t="s">
        <v>1022</v>
      </c>
      <c r="D1683">
        <v>85</v>
      </c>
      <c r="E1683" t="s">
        <v>1080</v>
      </c>
      <c r="F1683" t="s">
        <v>4189</v>
      </c>
      <c r="G1683" t="s">
        <v>656</v>
      </c>
      <c r="H1683">
        <v>2</v>
      </c>
      <c r="I1683">
        <v>2020</v>
      </c>
    </row>
    <row r="1684" spans="1:9" x14ac:dyDescent="0.25">
      <c r="A1684">
        <v>1922</v>
      </c>
      <c r="B1684" t="s">
        <v>2727</v>
      </c>
      <c r="C1684" t="s">
        <v>693</v>
      </c>
      <c r="D1684">
        <v>56</v>
      </c>
      <c r="E1684" t="s">
        <v>4193</v>
      </c>
      <c r="F1684" t="s">
        <v>4189</v>
      </c>
      <c r="G1684" t="s">
        <v>656</v>
      </c>
      <c r="H1684">
        <v>2</v>
      </c>
      <c r="I1684">
        <v>2020</v>
      </c>
    </row>
    <row r="1685" spans="1:9" x14ac:dyDescent="0.25">
      <c r="A1685">
        <v>1923</v>
      </c>
      <c r="B1685" t="s">
        <v>1235</v>
      </c>
      <c r="C1685" t="s">
        <v>693</v>
      </c>
      <c r="D1685">
        <v>56</v>
      </c>
      <c r="E1685" t="s">
        <v>4193</v>
      </c>
      <c r="F1685" t="s">
        <v>4189</v>
      </c>
      <c r="G1685" t="s">
        <v>656</v>
      </c>
      <c r="H1685">
        <v>2</v>
      </c>
      <c r="I1685">
        <v>2020</v>
      </c>
    </row>
    <row r="1686" spans="1:9" x14ac:dyDescent="0.25">
      <c r="A1686">
        <v>1924</v>
      </c>
      <c r="B1686" t="s">
        <v>2726</v>
      </c>
      <c r="C1686" t="s">
        <v>693</v>
      </c>
      <c r="D1686">
        <v>56</v>
      </c>
      <c r="E1686" t="s">
        <v>4193</v>
      </c>
      <c r="F1686" t="s">
        <v>4189</v>
      </c>
      <c r="G1686" t="s">
        <v>656</v>
      </c>
      <c r="H1686">
        <v>2</v>
      </c>
      <c r="I1686">
        <v>2020</v>
      </c>
    </row>
    <row r="1687" spans="1:9" x14ac:dyDescent="0.25">
      <c r="A1687">
        <v>1925</v>
      </c>
      <c r="B1687" t="s">
        <v>2725</v>
      </c>
      <c r="C1687" t="s">
        <v>693</v>
      </c>
      <c r="D1687">
        <v>56</v>
      </c>
      <c r="E1687" t="s">
        <v>4193</v>
      </c>
      <c r="F1687" t="s">
        <v>4189</v>
      </c>
      <c r="G1687" t="s">
        <v>656</v>
      </c>
      <c r="H1687">
        <v>2</v>
      </c>
      <c r="I1687">
        <v>2020</v>
      </c>
    </row>
    <row r="1688" spans="1:9" x14ac:dyDescent="0.25">
      <c r="A1688">
        <v>1926</v>
      </c>
      <c r="B1688" t="s">
        <v>2724</v>
      </c>
      <c r="C1688" t="s">
        <v>693</v>
      </c>
      <c r="D1688">
        <v>56</v>
      </c>
      <c r="E1688" t="s">
        <v>4193</v>
      </c>
      <c r="F1688" t="s">
        <v>4189</v>
      </c>
      <c r="G1688" t="s">
        <v>656</v>
      </c>
      <c r="H1688">
        <v>2</v>
      </c>
      <c r="I1688">
        <v>2020</v>
      </c>
    </row>
    <row r="1689" spans="1:9" x14ac:dyDescent="0.25">
      <c r="A1689">
        <v>1927</v>
      </c>
      <c r="B1689" t="s">
        <v>4495</v>
      </c>
      <c r="C1689" t="s">
        <v>693</v>
      </c>
      <c r="D1689">
        <v>56</v>
      </c>
      <c r="E1689" t="s">
        <v>4193</v>
      </c>
      <c r="F1689" t="s">
        <v>4189</v>
      </c>
      <c r="G1689" t="s">
        <v>656</v>
      </c>
      <c r="H1689">
        <v>2</v>
      </c>
      <c r="I1689">
        <v>2020</v>
      </c>
    </row>
    <row r="1690" spans="1:9" x14ac:dyDescent="0.25">
      <c r="A1690">
        <v>1928</v>
      </c>
      <c r="B1690" t="s">
        <v>2723</v>
      </c>
      <c r="C1690" t="s">
        <v>693</v>
      </c>
      <c r="D1690">
        <v>56</v>
      </c>
      <c r="E1690" t="s">
        <v>4193</v>
      </c>
      <c r="F1690" t="s">
        <v>4189</v>
      </c>
      <c r="G1690" t="s">
        <v>656</v>
      </c>
      <c r="H1690">
        <v>2</v>
      </c>
      <c r="I1690">
        <v>2020</v>
      </c>
    </row>
    <row r="1691" spans="1:9" x14ac:dyDescent="0.25">
      <c r="A1691">
        <v>1929</v>
      </c>
      <c r="B1691" t="s">
        <v>2722</v>
      </c>
      <c r="C1691" t="s">
        <v>693</v>
      </c>
      <c r="D1691">
        <v>56</v>
      </c>
      <c r="E1691" t="s">
        <v>4193</v>
      </c>
      <c r="F1691" t="s">
        <v>4189</v>
      </c>
      <c r="G1691" t="s">
        <v>656</v>
      </c>
      <c r="H1691">
        <v>2</v>
      </c>
      <c r="I1691">
        <v>2020</v>
      </c>
    </row>
    <row r="1692" spans="1:9" x14ac:dyDescent="0.25">
      <c r="A1692">
        <v>1930</v>
      </c>
      <c r="B1692" t="s">
        <v>2721</v>
      </c>
      <c r="C1692" t="s">
        <v>693</v>
      </c>
      <c r="D1692">
        <v>56</v>
      </c>
      <c r="E1692" t="s">
        <v>4193</v>
      </c>
      <c r="F1692" t="s">
        <v>4189</v>
      </c>
      <c r="G1692" t="s">
        <v>656</v>
      </c>
      <c r="H1692">
        <v>2</v>
      </c>
      <c r="I1692">
        <v>2020</v>
      </c>
    </row>
    <row r="1693" spans="1:9" x14ac:dyDescent="0.25">
      <c r="A1693">
        <v>1931</v>
      </c>
      <c r="B1693" t="s">
        <v>4496</v>
      </c>
      <c r="C1693" t="s">
        <v>693</v>
      </c>
      <c r="D1693">
        <v>56</v>
      </c>
      <c r="E1693" t="s">
        <v>4193</v>
      </c>
      <c r="F1693" t="s">
        <v>4189</v>
      </c>
      <c r="G1693" t="s">
        <v>656</v>
      </c>
      <c r="H1693">
        <v>2</v>
      </c>
      <c r="I1693">
        <v>2020</v>
      </c>
    </row>
    <row r="1694" spans="1:9" x14ac:dyDescent="0.25">
      <c r="A1694">
        <v>1932</v>
      </c>
      <c r="B1694" t="s">
        <v>2720</v>
      </c>
      <c r="C1694" t="s">
        <v>693</v>
      </c>
      <c r="D1694">
        <v>56</v>
      </c>
      <c r="E1694" t="s">
        <v>4193</v>
      </c>
      <c r="F1694" t="s">
        <v>4189</v>
      </c>
      <c r="G1694" t="s">
        <v>656</v>
      </c>
      <c r="H1694">
        <v>2</v>
      </c>
      <c r="I1694">
        <v>2020</v>
      </c>
    </row>
    <row r="1695" spans="1:9" x14ac:dyDescent="0.25">
      <c r="A1695">
        <v>1933</v>
      </c>
      <c r="B1695" t="s">
        <v>2719</v>
      </c>
      <c r="C1695" t="s">
        <v>738</v>
      </c>
      <c r="D1695">
        <v>61</v>
      </c>
      <c r="E1695" t="s">
        <v>4193</v>
      </c>
      <c r="F1695" t="s">
        <v>4189</v>
      </c>
      <c r="G1695" t="s">
        <v>656</v>
      </c>
      <c r="H1695">
        <v>2</v>
      </c>
      <c r="I1695">
        <v>2020</v>
      </c>
    </row>
    <row r="1696" spans="1:9" x14ac:dyDescent="0.25">
      <c r="A1696">
        <v>1934</v>
      </c>
      <c r="B1696" t="s">
        <v>2718</v>
      </c>
      <c r="C1696" t="s">
        <v>738</v>
      </c>
      <c r="D1696">
        <v>61</v>
      </c>
      <c r="E1696" t="s">
        <v>4193</v>
      </c>
      <c r="F1696" t="s">
        <v>4189</v>
      </c>
      <c r="G1696" t="s">
        <v>656</v>
      </c>
      <c r="H1696">
        <v>2</v>
      </c>
      <c r="I1696">
        <v>2020</v>
      </c>
    </row>
    <row r="1697" spans="1:9" x14ac:dyDescent="0.25">
      <c r="A1697">
        <v>1935</v>
      </c>
      <c r="B1697" t="s">
        <v>2717</v>
      </c>
      <c r="C1697" t="s">
        <v>738</v>
      </c>
      <c r="D1697">
        <v>61</v>
      </c>
      <c r="E1697" t="s">
        <v>4193</v>
      </c>
      <c r="F1697" t="s">
        <v>4189</v>
      </c>
      <c r="G1697" t="s">
        <v>656</v>
      </c>
      <c r="H1697">
        <v>2</v>
      </c>
      <c r="I1697">
        <v>2020</v>
      </c>
    </row>
    <row r="1698" spans="1:9" x14ac:dyDescent="0.25">
      <c r="A1698">
        <v>1936</v>
      </c>
      <c r="B1698" t="s">
        <v>2716</v>
      </c>
      <c r="C1698" t="s">
        <v>738</v>
      </c>
      <c r="D1698">
        <v>61</v>
      </c>
      <c r="E1698" t="s">
        <v>4193</v>
      </c>
      <c r="F1698" t="s">
        <v>4189</v>
      </c>
      <c r="G1698" t="s">
        <v>656</v>
      </c>
      <c r="H1698">
        <v>2</v>
      </c>
      <c r="I1698">
        <v>2020</v>
      </c>
    </row>
    <row r="1699" spans="1:9" x14ac:dyDescent="0.25">
      <c r="A1699">
        <v>1937</v>
      </c>
      <c r="B1699" t="s">
        <v>2715</v>
      </c>
      <c r="C1699" t="s">
        <v>738</v>
      </c>
      <c r="D1699">
        <v>61</v>
      </c>
      <c r="E1699" t="s">
        <v>4193</v>
      </c>
      <c r="F1699" t="s">
        <v>4189</v>
      </c>
      <c r="G1699" t="s">
        <v>656</v>
      </c>
      <c r="H1699">
        <v>2</v>
      </c>
      <c r="I1699">
        <v>2020</v>
      </c>
    </row>
    <row r="1700" spans="1:9" x14ac:dyDescent="0.25">
      <c r="A1700">
        <v>1938</v>
      </c>
      <c r="B1700" t="s">
        <v>2714</v>
      </c>
      <c r="C1700" t="s">
        <v>738</v>
      </c>
      <c r="D1700">
        <v>61</v>
      </c>
      <c r="E1700" t="s">
        <v>4193</v>
      </c>
      <c r="F1700" t="s">
        <v>4189</v>
      </c>
      <c r="G1700" t="s">
        <v>656</v>
      </c>
      <c r="H1700">
        <v>2</v>
      </c>
      <c r="I1700">
        <v>2020</v>
      </c>
    </row>
    <row r="1701" spans="1:9" x14ac:dyDescent="0.25">
      <c r="A1701">
        <v>1939</v>
      </c>
      <c r="B1701" t="s">
        <v>2713</v>
      </c>
      <c r="C1701" t="s">
        <v>710</v>
      </c>
      <c r="D1701">
        <v>53</v>
      </c>
      <c r="E1701" t="s">
        <v>4198</v>
      </c>
      <c r="F1701" t="s">
        <v>4189</v>
      </c>
      <c r="G1701" t="s">
        <v>656</v>
      </c>
      <c r="H1701">
        <v>2</v>
      </c>
      <c r="I1701">
        <v>2020</v>
      </c>
    </row>
    <row r="1702" spans="1:9" x14ac:dyDescent="0.25">
      <c r="A1702">
        <v>1940</v>
      </c>
      <c r="B1702" t="s">
        <v>2712</v>
      </c>
      <c r="C1702" t="s">
        <v>710</v>
      </c>
      <c r="D1702">
        <v>53</v>
      </c>
      <c r="E1702" t="s">
        <v>4198</v>
      </c>
      <c r="F1702" t="s">
        <v>4189</v>
      </c>
      <c r="G1702" t="s">
        <v>656</v>
      </c>
      <c r="H1702">
        <v>2</v>
      </c>
      <c r="I1702">
        <v>2020</v>
      </c>
    </row>
    <row r="1703" spans="1:9" x14ac:dyDescent="0.25">
      <c r="A1703">
        <v>1941</v>
      </c>
      <c r="B1703" t="s">
        <v>4497</v>
      </c>
      <c r="C1703" t="s">
        <v>710</v>
      </c>
      <c r="D1703">
        <v>53</v>
      </c>
      <c r="E1703" t="s">
        <v>4198</v>
      </c>
      <c r="F1703" t="s">
        <v>4189</v>
      </c>
      <c r="G1703" t="s">
        <v>656</v>
      </c>
      <c r="H1703">
        <v>2</v>
      </c>
      <c r="I1703">
        <v>2020</v>
      </c>
    </row>
    <row r="1704" spans="1:9" x14ac:dyDescent="0.25">
      <c r="A1704">
        <v>1942</v>
      </c>
      <c r="B1704" t="s">
        <v>2711</v>
      </c>
      <c r="C1704" t="s">
        <v>710</v>
      </c>
      <c r="D1704">
        <v>53</v>
      </c>
      <c r="E1704" t="s">
        <v>4198</v>
      </c>
      <c r="F1704" t="s">
        <v>4189</v>
      </c>
      <c r="G1704" t="s">
        <v>656</v>
      </c>
      <c r="H1704">
        <v>2</v>
      </c>
      <c r="I1704">
        <v>2020</v>
      </c>
    </row>
    <row r="1705" spans="1:9" x14ac:dyDescent="0.25">
      <c r="A1705">
        <v>1943</v>
      </c>
      <c r="B1705" t="s">
        <v>2710</v>
      </c>
      <c r="C1705" t="s">
        <v>710</v>
      </c>
      <c r="D1705">
        <v>53</v>
      </c>
      <c r="E1705" t="s">
        <v>4198</v>
      </c>
      <c r="F1705" t="s">
        <v>4189</v>
      </c>
      <c r="G1705" t="s">
        <v>656</v>
      </c>
      <c r="H1705">
        <v>2</v>
      </c>
      <c r="I1705">
        <v>2020</v>
      </c>
    </row>
    <row r="1706" spans="1:9" x14ac:dyDescent="0.25">
      <c r="A1706">
        <v>1944</v>
      </c>
      <c r="B1706" t="s">
        <v>2709</v>
      </c>
      <c r="C1706" t="s">
        <v>710</v>
      </c>
      <c r="D1706">
        <v>53</v>
      </c>
      <c r="E1706" t="s">
        <v>4198</v>
      </c>
      <c r="F1706" t="s">
        <v>4189</v>
      </c>
      <c r="G1706" t="s">
        <v>656</v>
      </c>
      <c r="H1706">
        <v>2</v>
      </c>
      <c r="I1706">
        <v>2020</v>
      </c>
    </row>
    <row r="1707" spans="1:9" x14ac:dyDescent="0.25">
      <c r="A1707">
        <v>1945</v>
      </c>
      <c r="B1707" t="s">
        <v>2708</v>
      </c>
      <c r="C1707" t="s">
        <v>714</v>
      </c>
      <c r="D1707">
        <v>52</v>
      </c>
      <c r="E1707" t="s">
        <v>4198</v>
      </c>
      <c r="F1707" t="s">
        <v>4189</v>
      </c>
      <c r="G1707" t="s">
        <v>656</v>
      </c>
      <c r="H1707">
        <v>2</v>
      </c>
      <c r="I1707">
        <v>2020</v>
      </c>
    </row>
    <row r="1708" spans="1:9" x14ac:dyDescent="0.25">
      <c r="A1708">
        <v>1946</v>
      </c>
      <c r="B1708" t="s">
        <v>2706</v>
      </c>
      <c r="C1708" t="s">
        <v>714</v>
      </c>
      <c r="D1708">
        <v>52</v>
      </c>
      <c r="E1708" t="s">
        <v>4198</v>
      </c>
      <c r="F1708" t="s">
        <v>4189</v>
      </c>
      <c r="G1708" t="s">
        <v>656</v>
      </c>
      <c r="H1708">
        <v>2</v>
      </c>
      <c r="I1708">
        <v>2020</v>
      </c>
    </row>
    <row r="1709" spans="1:9" x14ac:dyDescent="0.25">
      <c r="A1709">
        <v>1947</v>
      </c>
      <c r="B1709" t="s">
        <v>2354</v>
      </c>
      <c r="C1709" t="s">
        <v>695</v>
      </c>
      <c r="D1709">
        <v>54</v>
      </c>
      <c r="E1709" t="s">
        <v>4198</v>
      </c>
      <c r="F1709" t="s">
        <v>4189</v>
      </c>
      <c r="G1709" t="s">
        <v>656</v>
      </c>
      <c r="H1709">
        <v>2</v>
      </c>
      <c r="I1709">
        <v>2020</v>
      </c>
    </row>
    <row r="1710" spans="1:9" x14ac:dyDescent="0.25">
      <c r="A1710">
        <v>1948</v>
      </c>
      <c r="B1710" t="s">
        <v>2705</v>
      </c>
      <c r="C1710" t="s">
        <v>695</v>
      </c>
      <c r="D1710">
        <v>54</v>
      </c>
      <c r="E1710" t="s">
        <v>4198</v>
      </c>
      <c r="F1710" t="s">
        <v>4189</v>
      </c>
      <c r="G1710" t="s">
        <v>656</v>
      </c>
      <c r="H1710">
        <v>2</v>
      </c>
      <c r="I1710">
        <v>2020</v>
      </c>
    </row>
    <row r="1711" spans="1:9" x14ac:dyDescent="0.25">
      <c r="A1711">
        <v>1949</v>
      </c>
      <c r="B1711" t="s">
        <v>2704</v>
      </c>
      <c r="C1711" t="s">
        <v>730</v>
      </c>
      <c r="D1711">
        <v>66</v>
      </c>
      <c r="E1711" t="s">
        <v>4193</v>
      </c>
      <c r="F1711" t="s">
        <v>4189</v>
      </c>
      <c r="G1711" t="s">
        <v>656</v>
      </c>
      <c r="H1711">
        <v>2</v>
      </c>
      <c r="I1711">
        <v>2020</v>
      </c>
    </row>
    <row r="1712" spans="1:9" x14ac:dyDescent="0.25">
      <c r="A1712">
        <v>1950</v>
      </c>
      <c r="B1712" t="s">
        <v>2703</v>
      </c>
      <c r="C1712" t="s">
        <v>730</v>
      </c>
      <c r="D1712">
        <v>66</v>
      </c>
      <c r="E1712" t="s">
        <v>4193</v>
      </c>
      <c r="F1712" t="s">
        <v>4189</v>
      </c>
      <c r="G1712" t="s">
        <v>656</v>
      </c>
      <c r="H1712">
        <v>2</v>
      </c>
      <c r="I1712">
        <v>2020</v>
      </c>
    </row>
    <row r="1713" spans="1:9" x14ac:dyDescent="0.25">
      <c r="A1713">
        <v>1951</v>
      </c>
      <c r="B1713" t="s">
        <v>2391</v>
      </c>
      <c r="C1713" t="s">
        <v>730</v>
      </c>
      <c r="D1713">
        <v>66</v>
      </c>
      <c r="E1713" t="s">
        <v>4193</v>
      </c>
      <c r="F1713" t="s">
        <v>4189</v>
      </c>
      <c r="G1713" t="s">
        <v>656</v>
      </c>
      <c r="H1713">
        <v>2</v>
      </c>
      <c r="I1713">
        <v>2020</v>
      </c>
    </row>
    <row r="1714" spans="1:9" x14ac:dyDescent="0.25">
      <c r="A1714">
        <v>1952</v>
      </c>
      <c r="B1714" t="s">
        <v>2702</v>
      </c>
      <c r="C1714" t="s">
        <v>730</v>
      </c>
      <c r="D1714">
        <v>66</v>
      </c>
      <c r="E1714" t="s">
        <v>4193</v>
      </c>
      <c r="F1714" t="s">
        <v>4189</v>
      </c>
      <c r="G1714" t="s">
        <v>656</v>
      </c>
      <c r="H1714">
        <v>2</v>
      </c>
      <c r="I1714">
        <v>2020</v>
      </c>
    </row>
    <row r="1715" spans="1:9" x14ac:dyDescent="0.25">
      <c r="A1715">
        <v>1953</v>
      </c>
      <c r="B1715" t="s">
        <v>2701</v>
      </c>
      <c r="C1715" t="s">
        <v>730</v>
      </c>
      <c r="D1715">
        <v>66</v>
      </c>
      <c r="E1715" t="s">
        <v>4193</v>
      </c>
      <c r="F1715" t="s">
        <v>4189</v>
      </c>
      <c r="G1715" t="s">
        <v>656</v>
      </c>
      <c r="H1715">
        <v>2</v>
      </c>
      <c r="I1715">
        <v>2020</v>
      </c>
    </row>
    <row r="1716" spans="1:9" x14ac:dyDescent="0.25">
      <c r="A1716">
        <v>1954</v>
      </c>
      <c r="B1716" t="s">
        <v>1891</v>
      </c>
      <c r="C1716" t="s">
        <v>730</v>
      </c>
      <c r="D1716">
        <v>66</v>
      </c>
      <c r="E1716" t="s">
        <v>4193</v>
      </c>
      <c r="F1716" t="s">
        <v>4189</v>
      </c>
      <c r="G1716" t="s">
        <v>656</v>
      </c>
      <c r="H1716">
        <v>2</v>
      </c>
      <c r="I1716">
        <v>2020</v>
      </c>
    </row>
    <row r="1717" spans="1:9" x14ac:dyDescent="0.25">
      <c r="A1717">
        <v>1955</v>
      </c>
      <c r="B1717" t="s">
        <v>2700</v>
      </c>
      <c r="C1717" t="s">
        <v>1182</v>
      </c>
      <c r="D1717">
        <v>46</v>
      </c>
      <c r="E1717" t="s">
        <v>4194</v>
      </c>
      <c r="F1717" t="s">
        <v>4189</v>
      </c>
      <c r="G1717" t="s">
        <v>656</v>
      </c>
      <c r="H1717">
        <v>2</v>
      </c>
      <c r="I1717">
        <v>2020</v>
      </c>
    </row>
    <row r="1718" spans="1:9" x14ac:dyDescent="0.25">
      <c r="A1718">
        <v>1956</v>
      </c>
      <c r="B1718" t="s">
        <v>2545</v>
      </c>
      <c r="C1718" t="s">
        <v>707</v>
      </c>
      <c r="D1718">
        <v>59</v>
      </c>
      <c r="E1718" t="s">
        <v>980</v>
      </c>
      <c r="F1718" t="s">
        <v>4189</v>
      </c>
      <c r="G1718" t="s">
        <v>656</v>
      </c>
      <c r="H1718">
        <v>2</v>
      </c>
      <c r="I1718">
        <v>2020</v>
      </c>
    </row>
    <row r="1719" spans="1:9" x14ac:dyDescent="0.25">
      <c r="A1719">
        <v>1957</v>
      </c>
      <c r="B1719" t="s">
        <v>2699</v>
      </c>
      <c r="C1719" t="s">
        <v>707</v>
      </c>
      <c r="D1719">
        <v>59</v>
      </c>
      <c r="E1719" t="s">
        <v>980</v>
      </c>
      <c r="F1719" t="s">
        <v>4189</v>
      </c>
      <c r="G1719" t="s">
        <v>656</v>
      </c>
      <c r="H1719">
        <v>2</v>
      </c>
      <c r="I1719">
        <v>2020</v>
      </c>
    </row>
    <row r="1720" spans="1:9" x14ac:dyDescent="0.25">
      <c r="A1720">
        <v>1958</v>
      </c>
      <c r="B1720" t="s">
        <v>4498</v>
      </c>
      <c r="C1720" t="s">
        <v>707</v>
      </c>
      <c r="D1720">
        <v>59</v>
      </c>
      <c r="E1720" t="s">
        <v>980</v>
      </c>
      <c r="F1720" t="s">
        <v>4189</v>
      </c>
      <c r="G1720" t="s">
        <v>656</v>
      </c>
      <c r="H1720">
        <v>2</v>
      </c>
      <c r="I1720">
        <v>2020</v>
      </c>
    </row>
    <row r="1721" spans="1:9" x14ac:dyDescent="0.25">
      <c r="A1721">
        <v>1959</v>
      </c>
      <c r="B1721" t="s">
        <v>2698</v>
      </c>
      <c r="C1721" t="s">
        <v>707</v>
      </c>
      <c r="D1721">
        <v>59</v>
      </c>
      <c r="E1721" t="s">
        <v>980</v>
      </c>
      <c r="F1721" t="s">
        <v>4189</v>
      </c>
      <c r="G1721" t="s">
        <v>656</v>
      </c>
      <c r="H1721">
        <v>2</v>
      </c>
      <c r="I1721">
        <v>2020</v>
      </c>
    </row>
    <row r="1722" spans="1:9" x14ac:dyDescent="0.25">
      <c r="A1722">
        <v>1960</v>
      </c>
      <c r="B1722" t="s">
        <v>2696</v>
      </c>
      <c r="C1722" t="s">
        <v>716</v>
      </c>
      <c r="D1722">
        <v>68</v>
      </c>
      <c r="E1722" t="s">
        <v>4193</v>
      </c>
      <c r="F1722" t="s">
        <v>4189</v>
      </c>
      <c r="G1722" t="s">
        <v>656</v>
      </c>
      <c r="H1722">
        <v>2</v>
      </c>
      <c r="I1722">
        <v>2020</v>
      </c>
    </row>
    <row r="1723" spans="1:9" x14ac:dyDescent="0.25">
      <c r="A1723">
        <v>1961</v>
      </c>
      <c r="B1723" t="s">
        <v>2695</v>
      </c>
      <c r="C1723" t="s">
        <v>1236</v>
      </c>
      <c r="D1723">
        <v>60</v>
      </c>
      <c r="E1723" t="s">
        <v>4193</v>
      </c>
      <c r="F1723" t="s">
        <v>4189</v>
      </c>
      <c r="G1723" t="s">
        <v>656</v>
      </c>
      <c r="H1723">
        <v>2</v>
      </c>
      <c r="I1723">
        <v>2020</v>
      </c>
    </row>
    <row r="1724" spans="1:9" x14ac:dyDescent="0.25">
      <c r="A1724">
        <v>1962</v>
      </c>
      <c r="B1724" t="s">
        <v>2694</v>
      </c>
      <c r="C1724" t="s">
        <v>1236</v>
      </c>
      <c r="D1724">
        <v>60</v>
      </c>
      <c r="E1724" t="s">
        <v>4193</v>
      </c>
      <c r="F1724" t="s">
        <v>4189</v>
      </c>
      <c r="G1724" t="s">
        <v>656</v>
      </c>
      <c r="H1724">
        <v>2</v>
      </c>
      <c r="I1724">
        <v>2020</v>
      </c>
    </row>
    <row r="1725" spans="1:9" x14ac:dyDescent="0.25">
      <c r="A1725">
        <v>1963</v>
      </c>
      <c r="B1725" t="s">
        <v>2693</v>
      </c>
      <c r="C1725" t="s">
        <v>909</v>
      </c>
      <c r="D1725">
        <v>39</v>
      </c>
      <c r="E1725" t="s">
        <v>4188</v>
      </c>
      <c r="F1725" t="s">
        <v>4189</v>
      </c>
      <c r="G1725" t="s">
        <v>656</v>
      </c>
      <c r="H1725">
        <v>2</v>
      </c>
      <c r="I1725">
        <v>2020</v>
      </c>
    </row>
    <row r="1726" spans="1:9" x14ac:dyDescent="0.25">
      <c r="A1726">
        <v>1964</v>
      </c>
      <c r="B1726" t="s">
        <v>4499</v>
      </c>
      <c r="C1726" t="s">
        <v>909</v>
      </c>
      <c r="D1726">
        <v>39</v>
      </c>
      <c r="E1726" t="s">
        <v>4188</v>
      </c>
      <c r="F1726" t="s">
        <v>4189</v>
      </c>
      <c r="G1726" t="s">
        <v>656</v>
      </c>
      <c r="H1726">
        <v>2</v>
      </c>
      <c r="I1726">
        <v>2020</v>
      </c>
    </row>
    <row r="1727" spans="1:9" x14ac:dyDescent="0.25">
      <c r="A1727">
        <v>1965</v>
      </c>
      <c r="B1727" t="s">
        <v>2692</v>
      </c>
      <c r="C1727" t="s">
        <v>909</v>
      </c>
      <c r="D1727">
        <v>39</v>
      </c>
      <c r="E1727" t="s">
        <v>4188</v>
      </c>
      <c r="F1727" t="s">
        <v>4189</v>
      </c>
      <c r="G1727" t="s">
        <v>656</v>
      </c>
      <c r="H1727">
        <v>2</v>
      </c>
      <c r="I1727">
        <v>2020</v>
      </c>
    </row>
    <row r="1728" spans="1:9" x14ac:dyDescent="0.25">
      <c r="A1728">
        <v>1966</v>
      </c>
      <c r="B1728" t="s">
        <v>2691</v>
      </c>
      <c r="C1728" t="s">
        <v>909</v>
      </c>
      <c r="D1728">
        <v>39</v>
      </c>
      <c r="E1728" t="s">
        <v>4188</v>
      </c>
      <c r="F1728" t="s">
        <v>4189</v>
      </c>
      <c r="G1728" t="s">
        <v>656</v>
      </c>
      <c r="H1728">
        <v>2</v>
      </c>
      <c r="I1728">
        <v>2020</v>
      </c>
    </row>
    <row r="1729" spans="1:9" x14ac:dyDescent="0.25">
      <c r="A1729">
        <v>1967</v>
      </c>
      <c r="B1729" t="s">
        <v>4500</v>
      </c>
      <c r="C1729" t="s">
        <v>909</v>
      </c>
      <c r="D1729">
        <v>39</v>
      </c>
      <c r="E1729" t="s">
        <v>4188</v>
      </c>
      <c r="F1729" t="s">
        <v>4189</v>
      </c>
      <c r="G1729" t="s">
        <v>656</v>
      </c>
      <c r="H1729">
        <v>2</v>
      </c>
      <c r="I1729">
        <v>2020</v>
      </c>
    </row>
    <row r="1730" spans="1:9" x14ac:dyDescent="0.25">
      <c r="A1730">
        <v>1968</v>
      </c>
      <c r="B1730" t="s">
        <v>4501</v>
      </c>
      <c r="C1730" t="s">
        <v>831</v>
      </c>
      <c r="D1730">
        <v>5</v>
      </c>
      <c r="E1730" t="s">
        <v>831</v>
      </c>
      <c r="F1730" t="s">
        <v>4168</v>
      </c>
      <c r="G1730" t="s">
        <v>656</v>
      </c>
      <c r="H1730">
        <v>2</v>
      </c>
      <c r="I1730">
        <v>2020</v>
      </c>
    </row>
    <row r="1731" spans="1:9" x14ac:dyDescent="0.25">
      <c r="A1731">
        <v>1969</v>
      </c>
      <c r="B1731" t="s">
        <v>2690</v>
      </c>
      <c r="C1731" t="s">
        <v>880</v>
      </c>
      <c r="D1731">
        <v>58</v>
      </c>
      <c r="E1731" t="s">
        <v>4188</v>
      </c>
      <c r="F1731" t="s">
        <v>4189</v>
      </c>
      <c r="G1731" t="s">
        <v>656</v>
      </c>
      <c r="H1731">
        <v>2</v>
      </c>
      <c r="I1731">
        <v>2020</v>
      </c>
    </row>
    <row r="1732" spans="1:9" x14ac:dyDescent="0.25">
      <c r="A1732">
        <v>1970</v>
      </c>
      <c r="B1732" t="s">
        <v>2689</v>
      </c>
      <c r="C1732" t="s">
        <v>917</v>
      </c>
      <c r="D1732">
        <v>83</v>
      </c>
      <c r="E1732" t="s">
        <v>4188</v>
      </c>
      <c r="F1732" t="s">
        <v>4189</v>
      </c>
      <c r="G1732" t="s">
        <v>656</v>
      </c>
      <c r="H1732">
        <v>2</v>
      </c>
      <c r="I1732">
        <v>2020</v>
      </c>
    </row>
    <row r="1733" spans="1:9" x14ac:dyDescent="0.25">
      <c r="A1733">
        <v>1971</v>
      </c>
      <c r="B1733" t="s">
        <v>2254</v>
      </c>
      <c r="C1733" t="s">
        <v>917</v>
      </c>
      <c r="D1733">
        <v>83</v>
      </c>
      <c r="E1733" t="s">
        <v>4188</v>
      </c>
      <c r="F1733" t="s">
        <v>4189</v>
      </c>
      <c r="G1733" t="s">
        <v>656</v>
      </c>
      <c r="H1733">
        <v>2</v>
      </c>
      <c r="I1733">
        <v>2020</v>
      </c>
    </row>
    <row r="1734" spans="1:9" x14ac:dyDescent="0.25">
      <c r="A1734">
        <v>1972</v>
      </c>
      <c r="B1734" t="s">
        <v>4502</v>
      </c>
      <c r="C1734" t="s">
        <v>917</v>
      </c>
      <c r="D1734">
        <v>83</v>
      </c>
      <c r="E1734" t="s">
        <v>4188</v>
      </c>
      <c r="F1734" t="s">
        <v>4189</v>
      </c>
      <c r="G1734" t="s">
        <v>656</v>
      </c>
      <c r="H1734">
        <v>2</v>
      </c>
      <c r="I1734">
        <v>2020</v>
      </c>
    </row>
    <row r="1735" spans="1:9" x14ac:dyDescent="0.25">
      <c r="A1735">
        <v>1973</v>
      </c>
      <c r="B1735" t="s">
        <v>2255</v>
      </c>
      <c r="C1735" t="s">
        <v>917</v>
      </c>
      <c r="D1735">
        <v>83</v>
      </c>
      <c r="E1735" t="s">
        <v>4188</v>
      </c>
      <c r="F1735" t="s">
        <v>4189</v>
      </c>
      <c r="G1735" t="s">
        <v>656</v>
      </c>
      <c r="H1735">
        <v>2</v>
      </c>
      <c r="I1735">
        <v>2020</v>
      </c>
    </row>
    <row r="1736" spans="1:9" x14ac:dyDescent="0.25">
      <c r="A1736">
        <v>1974</v>
      </c>
      <c r="B1736" t="s">
        <v>2688</v>
      </c>
      <c r="C1736" t="s">
        <v>794</v>
      </c>
      <c r="D1736">
        <v>40</v>
      </c>
      <c r="E1736" t="s">
        <v>4188</v>
      </c>
      <c r="F1736" t="s">
        <v>4189</v>
      </c>
      <c r="G1736" t="s">
        <v>656</v>
      </c>
      <c r="H1736">
        <v>2</v>
      </c>
      <c r="I1736">
        <v>2020</v>
      </c>
    </row>
    <row r="1737" spans="1:9" x14ac:dyDescent="0.25">
      <c r="A1737">
        <v>1975</v>
      </c>
      <c r="B1737" t="s">
        <v>2687</v>
      </c>
      <c r="C1737" t="s">
        <v>794</v>
      </c>
      <c r="D1737">
        <v>40</v>
      </c>
      <c r="E1737" t="s">
        <v>4188</v>
      </c>
      <c r="F1737" t="s">
        <v>4189</v>
      </c>
      <c r="G1737" t="s">
        <v>656</v>
      </c>
      <c r="H1737">
        <v>2</v>
      </c>
      <c r="I1737">
        <v>2020</v>
      </c>
    </row>
    <row r="1738" spans="1:9" x14ac:dyDescent="0.25">
      <c r="A1738">
        <v>1976</v>
      </c>
      <c r="B1738" t="s">
        <v>2686</v>
      </c>
      <c r="C1738" t="s">
        <v>794</v>
      </c>
      <c r="D1738">
        <v>40</v>
      </c>
      <c r="E1738" t="s">
        <v>4188</v>
      </c>
      <c r="F1738" t="s">
        <v>4189</v>
      </c>
      <c r="G1738" t="s">
        <v>656</v>
      </c>
      <c r="H1738">
        <v>2</v>
      </c>
      <c r="I1738">
        <v>2020</v>
      </c>
    </row>
    <row r="1739" spans="1:9" x14ac:dyDescent="0.25">
      <c r="A1739">
        <v>1977</v>
      </c>
      <c r="B1739" t="s">
        <v>2685</v>
      </c>
      <c r="C1739" t="s">
        <v>794</v>
      </c>
      <c r="D1739">
        <v>40</v>
      </c>
      <c r="E1739" t="s">
        <v>4188</v>
      </c>
      <c r="F1739" t="s">
        <v>4189</v>
      </c>
      <c r="G1739" t="s">
        <v>656</v>
      </c>
      <c r="H1739">
        <v>2</v>
      </c>
      <c r="I1739">
        <v>2020</v>
      </c>
    </row>
    <row r="1740" spans="1:9" x14ac:dyDescent="0.25">
      <c r="A1740">
        <v>1978</v>
      </c>
      <c r="B1740" t="s">
        <v>2684</v>
      </c>
      <c r="C1740" t="s">
        <v>1219</v>
      </c>
      <c r="D1740">
        <v>42</v>
      </c>
      <c r="E1740" t="s">
        <v>4188</v>
      </c>
      <c r="F1740" t="s">
        <v>4189</v>
      </c>
      <c r="G1740" t="s">
        <v>656</v>
      </c>
      <c r="H1740">
        <v>2</v>
      </c>
      <c r="I1740">
        <v>2020</v>
      </c>
    </row>
    <row r="1741" spans="1:9" x14ac:dyDescent="0.25">
      <c r="A1741">
        <v>1979</v>
      </c>
      <c r="B1741" t="s">
        <v>2683</v>
      </c>
      <c r="C1741" t="s">
        <v>1219</v>
      </c>
      <c r="D1741">
        <v>42</v>
      </c>
      <c r="E1741" t="s">
        <v>4188</v>
      </c>
      <c r="F1741" t="s">
        <v>4189</v>
      </c>
      <c r="G1741" t="s">
        <v>656</v>
      </c>
      <c r="H1741">
        <v>2</v>
      </c>
      <c r="I1741">
        <v>2020</v>
      </c>
    </row>
    <row r="1742" spans="1:9" x14ac:dyDescent="0.25">
      <c r="A1742">
        <v>1980</v>
      </c>
      <c r="B1742" t="s">
        <v>2682</v>
      </c>
      <c r="C1742" t="s">
        <v>1219</v>
      </c>
      <c r="D1742">
        <v>42</v>
      </c>
      <c r="E1742" t="s">
        <v>4188</v>
      </c>
      <c r="F1742" t="s">
        <v>4189</v>
      </c>
      <c r="G1742" t="s">
        <v>656</v>
      </c>
      <c r="H1742">
        <v>2</v>
      </c>
      <c r="I1742">
        <v>2020</v>
      </c>
    </row>
    <row r="1743" spans="1:9" x14ac:dyDescent="0.25">
      <c r="A1743">
        <v>1981</v>
      </c>
      <c r="B1743" t="s">
        <v>2681</v>
      </c>
      <c r="C1743" t="s">
        <v>1219</v>
      </c>
      <c r="D1743">
        <v>42</v>
      </c>
      <c r="E1743" t="s">
        <v>4188</v>
      </c>
      <c r="F1743" t="s">
        <v>4189</v>
      </c>
      <c r="G1743" t="s">
        <v>656</v>
      </c>
      <c r="H1743">
        <v>2</v>
      </c>
      <c r="I1743">
        <v>2020</v>
      </c>
    </row>
    <row r="1744" spans="1:9" x14ac:dyDescent="0.25">
      <c r="A1744">
        <v>1983</v>
      </c>
      <c r="B1744" t="s">
        <v>4503</v>
      </c>
      <c r="C1744" t="s">
        <v>831</v>
      </c>
      <c r="D1744">
        <v>5</v>
      </c>
      <c r="E1744" t="s">
        <v>831</v>
      </c>
      <c r="F1744" t="s">
        <v>4168</v>
      </c>
      <c r="G1744" t="s">
        <v>656</v>
      </c>
      <c r="H1744">
        <v>2</v>
      </c>
      <c r="I1744">
        <v>2020</v>
      </c>
    </row>
    <row r="1745" spans="1:9" x14ac:dyDescent="0.25">
      <c r="A1745">
        <v>1984</v>
      </c>
      <c r="B1745" t="s">
        <v>4504</v>
      </c>
      <c r="C1745" t="s">
        <v>831</v>
      </c>
      <c r="D1745">
        <v>5</v>
      </c>
      <c r="E1745" t="s">
        <v>831</v>
      </c>
      <c r="F1745" t="s">
        <v>4168</v>
      </c>
      <c r="G1745" t="s">
        <v>656</v>
      </c>
      <c r="H1745">
        <v>2</v>
      </c>
      <c r="I1745">
        <v>2020</v>
      </c>
    </row>
    <row r="1746" spans="1:9" x14ac:dyDescent="0.25">
      <c r="A1746">
        <v>1985</v>
      </c>
      <c r="B1746" t="s">
        <v>4505</v>
      </c>
      <c r="C1746" t="s">
        <v>831</v>
      </c>
      <c r="D1746">
        <v>5</v>
      </c>
      <c r="E1746" t="s">
        <v>831</v>
      </c>
      <c r="F1746" t="s">
        <v>4168</v>
      </c>
      <c r="G1746" t="s">
        <v>656</v>
      </c>
      <c r="H1746">
        <v>2</v>
      </c>
      <c r="I1746">
        <v>2020</v>
      </c>
    </row>
    <row r="1747" spans="1:9" x14ac:dyDescent="0.25">
      <c r="A1747">
        <v>1986</v>
      </c>
      <c r="B1747" t="s">
        <v>4506</v>
      </c>
      <c r="C1747" t="s">
        <v>831</v>
      </c>
      <c r="D1747">
        <v>5</v>
      </c>
      <c r="E1747" t="s">
        <v>831</v>
      </c>
      <c r="F1747" t="s">
        <v>4168</v>
      </c>
      <c r="G1747" t="s">
        <v>656</v>
      </c>
      <c r="H1747">
        <v>2</v>
      </c>
      <c r="I1747">
        <v>2020</v>
      </c>
    </row>
    <row r="1748" spans="1:9" x14ac:dyDescent="0.25">
      <c r="A1748">
        <v>1987</v>
      </c>
      <c r="B1748" t="s">
        <v>4507</v>
      </c>
      <c r="C1748" t="s">
        <v>831</v>
      </c>
      <c r="D1748">
        <v>5</v>
      </c>
      <c r="E1748" t="s">
        <v>831</v>
      </c>
      <c r="F1748" t="s">
        <v>4168</v>
      </c>
      <c r="G1748" t="s">
        <v>656</v>
      </c>
      <c r="H1748">
        <v>2</v>
      </c>
      <c r="I1748">
        <v>2020</v>
      </c>
    </row>
    <row r="1749" spans="1:9" x14ac:dyDescent="0.25">
      <c r="A1749">
        <v>1988</v>
      </c>
      <c r="B1749" t="s">
        <v>2679</v>
      </c>
      <c r="C1749" t="s">
        <v>831</v>
      </c>
      <c r="D1749">
        <v>5</v>
      </c>
      <c r="E1749" t="s">
        <v>831</v>
      </c>
      <c r="F1749" t="s">
        <v>4168</v>
      </c>
      <c r="G1749" t="s">
        <v>656</v>
      </c>
      <c r="H1749">
        <v>2</v>
      </c>
      <c r="I1749">
        <v>2020</v>
      </c>
    </row>
    <row r="1750" spans="1:9" x14ac:dyDescent="0.25">
      <c r="A1750">
        <v>1989</v>
      </c>
      <c r="B1750" t="s">
        <v>2677</v>
      </c>
      <c r="C1750" t="s">
        <v>831</v>
      </c>
      <c r="D1750">
        <v>5</v>
      </c>
      <c r="E1750" t="s">
        <v>831</v>
      </c>
      <c r="F1750" t="s">
        <v>4168</v>
      </c>
      <c r="G1750" t="s">
        <v>656</v>
      </c>
      <c r="H1750">
        <v>2</v>
      </c>
      <c r="I1750">
        <v>2020</v>
      </c>
    </row>
    <row r="1751" spans="1:9" x14ac:dyDescent="0.25">
      <c r="A1751">
        <v>1990</v>
      </c>
      <c r="B1751" t="s">
        <v>2676</v>
      </c>
      <c r="C1751" t="s">
        <v>736</v>
      </c>
      <c r="D1751">
        <v>8</v>
      </c>
      <c r="E1751" t="s">
        <v>4169</v>
      </c>
      <c r="F1751" t="s">
        <v>4164</v>
      </c>
      <c r="G1751" t="s">
        <v>656</v>
      </c>
      <c r="H1751">
        <v>2</v>
      </c>
      <c r="I1751">
        <v>2020</v>
      </c>
    </row>
    <row r="1752" spans="1:9" x14ac:dyDescent="0.25">
      <c r="A1752">
        <v>1991</v>
      </c>
      <c r="B1752" t="s">
        <v>4508</v>
      </c>
      <c r="C1752" t="s">
        <v>736</v>
      </c>
      <c r="D1752">
        <v>8</v>
      </c>
      <c r="E1752" t="s">
        <v>4169</v>
      </c>
      <c r="F1752" t="s">
        <v>4164</v>
      </c>
      <c r="G1752" t="s">
        <v>656</v>
      </c>
      <c r="H1752">
        <v>2</v>
      </c>
      <c r="I1752">
        <v>2020</v>
      </c>
    </row>
    <row r="1753" spans="1:9" x14ac:dyDescent="0.25">
      <c r="A1753">
        <v>1992</v>
      </c>
      <c r="B1753" t="s">
        <v>2675</v>
      </c>
      <c r="C1753" t="s">
        <v>736</v>
      </c>
      <c r="D1753">
        <v>8</v>
      </c>
      <c r="E1753" t="s">
        <v>4169</v>
      </c>
      <c r="F1753" t="s">
        <v>4164</v>
      </c>
      <c r="G1753" t="s">
        <v>656</v>
      </c>
      <c r="H1753">
        <v>2</v>
      </c>
      <c r="I1753">
        <v>2020</v>
      </c>
    </row>
    <row r="1754" spans="1:9" x14ac:dyDescent="0.25">
      <c r="A1754">
        <v>1993</v>
      </c>
      <c r="B1754" t="s">
        <v>4509</v>
      </c>
      <c r="C1754" t="s">
        <v>897</v>
      </c>
      <c r="D1754">
        <v>3</v>
      </c>
      <c r="E1754" t="s">
        <v>4165</v>
      </c>
      <c r="F1754" t="s">
        <v>4164</v>
      </c>
      <c r="G1754" t="s">
        <v>656</v>
      </c>
      <c r="H1754">
        <v>2</v>
      </c>
      <c r="I1754">
        <v>2020</v>
      </c>
    </row>
    <row r="1755" spans="1:9" x14ac:dyDescent="0.25">
      <c r="A1755">
        <v>1994</v>
      </c>
      <c r="B1755" t="s">
        <v>2674</v>
      </c>
      <c r="C1755" t="s">
        <v>897</v>
      </c>
      <c r="D1755">
        <v>3</v>
      </c>
      <c r="E1755" t="s">
        <v>4165</v>
      </c>
      <c r="F1755" t="s">
        <v>4164</v>
      </c>
      <c r="G1755" t="s">
        <v>656</v>
      </c>
      <c r="H1755">
        <v>2</v>
      </c>
      <c r="I1755">
        <v>2020</v>
      </c>
    </row>
    <row r="1756" spans="1:9" x14ac:dyDescent="0.25">
      <c r="A1756">
        <v>1995</v>
      </c>
      <c r="B1756" t="s">
        <v>2673</v>
      </c>
      <c r="C1756" t="s">
        <v>897</v>
      </c>
      <c r="D1756">
        <v>3</v>
      </c>
      <c r="E1756" t="s">
        <v>4165</v>
      </c>
      <c r="F1756" t="s">
        <v>4164</v>
      </c>
      <c r="G1756" t="s">
        <v>656</v>
      </c>
      <c r="H1756">
        <v>2</v>
      </c>
      <c r="I1756">
        <v>2020</v>
      </c>
    </row>
    <row r="1757" spans="1:9" x14ac:dyDescent="0.25">
      <c r="A1757">
        <v>1996</v>
      </c>
      <c r="B1757" t="s">
        <v>4510</v>
      </c>
      <c r="C1757" t="s">
        <v>897</v>
      </c>
      <c r="D1757">
        <v>3</v>
      </c>
      <c r="E1757" t="s">
        <v>4165</v>
      </c>
      <c r="F1757" t="s">
        <v>4164</v>
      </c>
      <c r="G1757" t="s">
        <v>656</v>
      </c>
      <c r="H1757">
        <v>2</v>
      </c>
      <c r="I1757">
        <v>2020</v>
      </c>
    </row>
    <row r="1758" spans="1:9" x14ac:dyDescent="0.25">
      <c r="A1758">
        <v>1997</v>
      </c>
      <c r="B1758" t="s">
        <v>4511</v>
      </c>
      <c r="C1758" t="s">
        <v>897</v>
      </c>
      <c r="D1758">
        <v>3</v>
      </c>
      <c r="E1758" t="s">
        <v>4165</v>
      </c>
      <c r="F1758" t="s">
        <v>4164</v>
      </c>
      <c r="G1758" t="s">
        <v>656</v>
      </c>
      <c r="H1758">
        <v>2</v>
      </c>
      <c r="I1758">
        <v>2020</v>
      </c>
    </row>
    <row r="1759" spans="1:9" x14ac:dyDescent="0.25">
      <c r="A1759">
        <v>1998</v>
      </c>
      <c r="B1759" t="s">
        <v>4512</v>
      </c>
      <c r="C1759" t="s">
        <v>897</v>
      </c>
      <c r="D1759">
        <v>3</v>
      </c>
      <c r="E1759" t="s">
        <v>4165</v>
      </c>
      <c r="F1759" t="s">
        <v>4164</v>
      </c>
      <c r="G1759" t="s">
        <v>656</v>
      </c>
      <c r="H1759">
        <v>2</v>
      </c>
      <c r="I1759">
        <v>2020</v>
      </c>
    </row>
    <row r="1760" spans="1:9" x14ac:dyDescent="0.25">
      <c r="A1760">
        <v>1999</v>
      </c>
      <c r="B1760" t="s">
        <v>4513</v>
      </c>
      <c r="C1760" t="s">
        <v>897</v>
      </c>
      <c r="D1760">
        <v>3</v>
      </c>
      <c r="E1760" t="s">
        <v>4165</v>
      </c>
      <c r="F1760" t="s">
        <v>4164</v>
      </c>
      <c r="G1760" t="s">
        <v>656</v>
      </c>
      <c r="H1760">
        <v>2</v>
      </c>
      <c r="I1760">
        <v>2020</v>
      </c>
    </row>
    <row r="1761" spans="1:9" x14ac:dyDescent="0.25">
      <c r="A1761">
        <v>2000</v>
      </c>
      <c r="B1761" t="s">
        <v>4514</v>
      </c>
      <c r="C1761" t="s">
        <v>897</v>
      </c>
      <c r="D1761">
        <v>3</v>
      </c>
      <c r="E1761" t="s">
        <v>4165</v>
      </c>
      <c r="F1761" t="s">
        <v>4164</v>
      </c>
      <c r="G1761" t="s">
        <v>656</v>
      </c>
      <c r="H1761">
        <v>2</v>
      </c>
      <c r="I1761">
        <v>2020</v>
      </c>
    </row>
    <row r="1762" spans="1:9" x14ac:dyDescent="0.25">
      <c r="A1762">
        <v>2001</v>
      </c>
      <c r="B1762" t="s">
        <v>4515</v>
      </c>
      <c r="C1762" t="s">
        <v>897</v>
      </c>
      <c r="D1762">
        <v>3</v>
      </c>
      <c r="E1762" t="s">
        <v>4165</v>
      </c>
      <c r="F1762" t="s">
        <v>4164</v>
      </c>
      <c r="G1762" t="s">
        <v>656</v>
      </c>
      <c r="H1762">
        <v>2</v>
      </c>
      <c r="I1762">
        <v>2020</v>
      </c>
    </row>
    <row r="1763" spans="1:9" x14ac:dyDescent="0.25">
      <c r="A1763">
        <v>2002</v>
      </c>
      <c r="B1763" t="s">
        <v>900</v>
      </c>
      <c r="C1763" t="s">
        <v>65</v>
      </c>
      <c r="D1763">
        <v>15</v>
      </c>
      <c r="E1763" t="s">
        <v>4176</v>
      </c>
      <c r="F1763" t="s">
        <v>4177</v>
      </c>
      <c r="G1763" t="s">
        <v>656</v>
      </c>
      <c r="H1763">
        <v>2</v>
      </c>
      <c r="I1763">
        <v>2020</v>
      </c>
    </row>
    <row r="1764" spans="1:9" x14ac:dyDescent="0.25">
      <c r="A1764">
        <v>2003</v>
      </c>
      <c r="B1764" t="s">
        <v>1127</v>
      </c>
      <c r="C1764" t="s">
        <v>65</v>
      </c>
      <c r="D1764">
        <v>15</v>
      </c>
      <c r="E1764" t="s">
        <v>4176</v>
      </c>
      <c r="F1764" t="s">
        <v>4177</v>
      </c>
      <c r="G1764" t="s">
        <v>656</v>
      </c>
      <c r="H1764">
        <v>2</v>
      </c>
      <c r="I1764">
        <v>2020</v>
      </c>
    </row>
    <row r="1765" spans="1:9" x14ac:dyDescent="0.25">
      <c r="A1765">
        <v>2004</v>
      </c>
      <c r="B1765" t="s">
        <v>4516</v>
      </c>
      <c r="C1765" t="s">
        <v>301</v>
      </c>
      <c r="D1765">
        <v>26</v>
      </c>
      <c r="E1765" t="s">
        <v>4179</v>
      </c>
      <c r="F1765" t="s">
        <v>4177</v>
      </c>
      <c r="G1765" t="s">
        <v>656</v>
      </c>
      <c r="H1765">
        <v>2</v>
      </c>
      <c r="I1765">
        <v>2020</v>
      </c>
    </row>
    <row r="1766" spans="1:9" x14ac:dyDescent="0.25">
      <c r="A1766">
        <v>2005</v>
      </c>
      <c r="B1766" t="s">
        <v>2672</v>
      </c>
      <c r="C1766" t="s">
        <v>301</v>
      </c>
      <c r="D1766">
        <v>26</v>
      </c>
      <c r="E1766" t="s">
        <v>4179</v>
      </c>
      <c r="F1766" t="s">
        <v>4177</v>
      </c>
      <c r="G1766" t="s">
        <v>656</v>
      </c>
      <c r="H1766">
        <v>2</v>
      </c>
      <c r="I1766">
        <v>2020</v>
      </c>
    </row>
    <row r="1767" spans="1:9" x14ac:dyDescent="0.25">
      <c r="A1767">
        <v>2006</v>
      </c>
      <c r="B1767" t="s">
        <v>2671</v>
      </c>
      <c r="C1767" t="s">
        <v>301</v>
      </c>
      <c r="D1767">
        <v>26</v>
      </c>
      <c r="E1767" t="s">
        <v>4179</v>
      </c>
      <c r="F1767" t="s">
        <v>4177</v>
      </c>
      <c r="G1767" t="s">
        <v>656</v>
      </c>
      <c r="H1767">
        <v>2</v>
      </c>
      <c r="I1767">
        <v>2020</v>
      </c>
    </row>
    <row r="1768" spans="1:9" x14ac:dyDescent="0.25">
      <c r="A1768">
        <v>2007</v>
      </c>
      <c r="B1768" t="s">
        <v>4517</v>
      </c>
      <c r="C1768" t="s">
        <v>301</v>
      </c>
      <c r="D1768">
        <v>26</v>
      </c>
      <c r="E1768" t="s">
        <v>4179</v>
      </c>
      <c r="F1768" t="s">
        <v>4177</v>
      </c>
      <c r="G1768" t="s">
        <v>656</v>
      </c>
      <c r="H1768">
        <v>2</v>
      </c>
      <c r="I1768">
        <v>2020</v>
      </c>
    </row>
    <row r="1769" spans="1:9" x14ac:dyDescent="0.25">
      <c r="A1769">
        <v>2009</v>
      </c>
      <c r="B1769" t="s">
        <v>2235</v>
      </c>
      <c r="C1769" t="s">
        <v>296</v>
      </c>
      <c r="D1769">
        <v>97</v>
      </c>
      <c r="E1769" t="s">
        <v>4179</v>
      </c>
      <c r="F1769" t="s">
        <v>4177</v>
      </c>
      <c r="G1769" t="s">
        <v>656</v>
      </c>
      <c r="H1769">
        <v>2</v>
      </c>
      <c r="I1769">
        <v>2020</v>
      </c>
    </row>
    <row r="1770" spans="1:9" x14ac:dyDescent="0.25">
      <c r="A1770">
        <v>2010</v>
      </c>
      <c r="B1770" t="s">
        <v>4518</v>
      </c>
      <c r="C1770" t="s">
        <v>1559</v>
      </c>
      <c r="D1770">
        <v>96</v>
      </c>
      <c r="E1770" t="s">
        <v>4179</v>
      </c>
      <c r="F1770" t="s">
        <v>4177</v>
      </c>
      <c r="G1770" t="s">
        <v>656</v>
      </c>
      <c r="H1770">
        <v>2</v>
      </c>
      <c r="I1770">
        <v>2020</v>
      </c>
    </row>
    <row r="1771" spans="1:9" x14ac:dyDescent="0.25">
      <c r="A1771">
        <v>2011</v>
      </c>
      <c r="B1771" t="s">
        <v>2668</v>
      </c>
      <c r="C1771" t="s">
        <v>1559</v>
      </c>
      <c r="D1771">
        <v>96</v>
      </c>
      <c r="E1771" t="s">
        <v>4179</v>
      </c>
      <c r="F1771" t="s">
        <v>4177</v>
      </c>
      <c r="G1771" t="s">
        <v>656</v>
      </c>
      <c r="H1771">
        <v>2</v>
      </c>
      <c r="I1771">
        <v>2020</v>
      </c>
    </row>
    <row r="1772" spans="1:9" x14ac:dyDescent="0.25">
      <c r="A1772">
        <v>2012</v>
      </c>
      <c r="B1772" t="s">
        <v>4519</v>
      </c>
      <c r="C1772" t="s">
        <v>1559</v>
      </c>
      <c r="D1772">
        <v>96</v>
      </c>
      <c r="E1772" t="s">
        <v>4179</v>
      </c>
      <c r="F1772" t="s">
        <v>4177</v>
      </c>
      <c r="G1772" t="s">
        <v>656</v>
      </c>
      <c r="H1772">
        <v>2</v>
      </c>
      <c r="I1772">
        <v>2020</v>
      </c>
    </row>
    <row r="1773" spans="1:9" x14ac:dyDescent="0.25">
      <c r="A1773">
        <v>2013</v>
      </c>
      <c r="B1773" t="s">
        <v>4520</v>
      </c>
      <c r="C1773" t="s">
        <v>299</v>
      </c>
      <c r="D1773">
        <v>27</v>
      </c>
      <c r="E1773" t="s">
        <v>4179</v>
      </c>
      <c r="F1773" t="s">
        <v>4177</v>
      </c>
      <c r="G1773" t="s">
        <v>656</v>
      </c>
      <c r="H1773">
        <v>2</v>
      </c>
      <c r="I1773">
        <v>2020</v>
      </c>
    </row>
    <row r="1774" spans="1:9" x14ac:dyDescent="0.25">
      <c r="A1774">
        <v>2014</v>
      </c>
      <c r="B1774" t="s">
        <v>2667</v>
      </c>
      <c r="C1774" t="s">
        <v>299</v>
      </c>
      <c r="D1774">
        <v>27</v>
      </c>
      <c r="E1774" t="s">
        <v>4179</v>
      </c>
      <c r="F1774" t="s">
        <v>4177</v>
      </c>
      <c r="G1774" t="s">
        <v>656</v>
      </c>
      <c r="H1774">
        <v>2</v>
      </c>
      <c r="I1774">
        <v>2020</v>
      </c>
    </row>
    <row r="1775" spans="1:9" x14ac:dyDescent="0.25">
      <c r="A1775">
        <v>2015</v>
      </c>
      <c r="B1775" t="s">
        <v>4521</v>
      </c>
      <c r="C1775" t="s">
        <v>299</v>
      </c>
      <c r="D1775">
        <v>27</v>
      </c>
      <c r="E1775" t="s">
        <v>4179</v>
      </c>
      <c r="F1775" t="s">
        <v>4177</v>
      </c>
      <c r="G1775" t="s">
        <v>656</v>
      </c>
      <c r="H1775">
        <v>2</v>
      </c>
      <c r="I1775">
        <v>2020</v>
      </c>
    </row>
    <row r="1776" spans="1:9" x14ac:dyDescent="0.25">
      <c r="A1776">
        <v>2016</v>
      </c>
      <c r="B1776" t="s">
        <v>2665</v>
      </c>
      <c r="C1776" t="s">
        <v>299</v>
      </c>
      <c r="D1776">
        <v>27</v>
      </c>
      <c r="E1776" t="s">
        <v>4179</v>
      </c>
      <c r="F1776" t="s">
        <v>4177</v>
      </c>
      <c r="G1776" t="s">
        <v>656</v>
      </c>
      <c r="H1776">
        <v>2</v>
      </c>
      <c r="I1776">
        <v>2020</v>
      </c>
    </row>
    <row r="1777" spans="1:9" x14ac:dyDescent="0.25">
      <c r="A1777">
        <v>2017</v>
      </c>
      <c r="B1777" t="s">
        <v>2664</v>
      </c>
      <c r="C1777" t="s">
        <v>813</v>
      </c>
      <c r="D1777">
        <v>24</v>
      </c>
      <c r="E1777" t="s">
        <v>4179</v>
      </c>
      <c r="F1777" t="s">
        <v>4177</v>
      </c>
      <c r="G1777" t="s">
        <v>656</v>
      </c>
      <c r="H1777">
        <v>2</v>
      </c>
      <c r="I1777">
        <v>2020</v>
      </c>
    </row>
    <row r="1778" spans="1:9" x14ac:dyDescent="0.25">
      <c r="A1778">
        <v>2018</v>
      </c>
      <c r="B1778" t="s">
        <v>4522</v>
      </c>
      <c r="C1778" t="s">
        <v>813</v>
      </c>
      <c r="D1778">
        <v>24</v>
      </c>
      <c r="E1778" t="s">
        <v>4179</v>
      </c>
      <c r="F1778" t="s">
        <v>4177</v>
      </c>
      <c r="G1778" t="s">
        <v>656</v>
      </c>
      <c r="H1778">
        <v>2</v>
      </c>
      <c r="I1778">
        <v>2020</v>
      </c>
    </row>
    <row r="1779" spans="1:9" x14ac:dyDescent="0.25">
      <c r="A1779">
        <v>2019</v>
      </c>
      <c r="B1779" t="s">
        <v>4523</v>
      </c>
      <c r="C1779" t="s">
        <v>813</v>
      </c>
      <c r="D1779">
        <v>24</v>
      </c>
      <c r="E1779" t="s">
        <v>4179</v>
      </c>
      <c r="F1779" t="s">
        <v>4177</v>
      </c>
      <c r="G1779" t="s">
        <v>656</v>
      </c>
      <c r="H1779">
        <v>2</v>
      </c>
      <c r="I1779">
        <v>2020</v>
      </c>
    </row>
    <row r="1780" spans="1:9" x14ac:dyDescent="0.25">
      <c r="A1780">
        <v>2020</v>
      </c>
      <c r="B1780" t="s">
        <v>2663</v>
      </c>
      <c r="C1780" t="s">
        <v>955</v>
      </c>
      <c r="D1780">
        <v>29</v>
      </c>
      <c r="E1780" t="s">
        <v>4179</v>
      </c>
      <c r="F1780" t="s">
        <v>4177</v>
      </c>
      <c r="G1780" t="s">
        <v>656</v>
      </c>
      <c r="H1780">
        <v>2</v>
      </c>
      <c r="I1780">
        <v>2020</v>
      </c>
    </row>
    <row r="1781" spans="1:9" x14ac:dyDescent="0.25">
      <c r="A1781">
        <v>2021</v>
      </c>
      <c r="B1781" t="s">
        <v>2662</v>
      </c>
      <c r="C1781" t="s">
        <v>955</v>
      </c>
      <c r="D1781">
        <v>29</v>
      </c>
      <c r="E1781" t="s">
        <v>4179</v>
      </c>
      <c r="F1781" t="s">
        <v>4177</v>
      </c>
      <c r="G1781" t="s">
        <v>656</v>
      </c>
      <c r="H1781">
        <v>2</v>
      </c>
      <c r="I1781">
        <v>2020</v>
      </c>
    </row>
    <row r="1782" spans="1:9" x14ac:dyDescent="0.25">
      <c r="A1782">
        <v>2022</v>
      </c>
      <c r="B1782" t="s">
        <v>2661</v>
      </c>
      <c r="C1782" t="s">
        <v>955</v>
      </c>
      <c r="D1782">
        <v>29</v>
      </c>
      <c r="E1782" t="s">
        <v>4179</v>
      </c>
      <c r="F1782" t="s">
        <v>4177</v>
      </c>
      <c r="G1782" t="s">
        <v>656</v>
      </c>
      <c r="H1782">
        <v>2</v>
      </c>
      <c r="I1782">
        <v>2020</v>
      </c>
    </row>
    <row r="1783" spans="1:9" x14ac:dyDescent="0.25">
      <c r="A1783">
        <v>2023</v>
      </c>
      <c r="B1783" t="s">
        <v>4524</v>
      </c>
      <c r="C1783" t="s">
        <v>807</v>
      </c>
      <c r="D1783">
        <v>25</v>
      </c>
      <c r="E1783" t="s">
        <v>4179</v>
      </c>
      <c r="F1783" t="s">
        <v>4177</v>
      </c>
      <c r="G1783" t="s">
        <v>656</v>
      </c>
      <c r="H1783">
        <v>2</v>
      </c>
      <c r="I1783">
        <v>2020</v>
      </c>
    </row>
    <row r="1784" spans="1:9" x14ac:dyDescent="0.25">
      <c r="A1784">
        <v>2024</v>
      </c>
      <c r="B1784" t="s">
        <v>2660</v>
      </c>
      <c r="C1784" t="s">
        <v>807</v>
      </c>
      <c r="D1784">
        <v>25</v>
      </c>
      <c r="E1784" t="s">
        <v>4179</v>
      </c>
      <c r="F1784" t="s">
        <v>4177</v>
      </c>
      <c r="G1784" t="s">
        <v>656</v>
      </c>
      <c r="H1784">
        <v>2</v>
      </c>
      <c r="I1784">
        <v>2020</v>
      </c>
    </row>
    <row r="1785" spans="1:9" x14ac:dyDescent="0.25">
      <c r="A1785">
        <v>2025</v>
      </c>
      <c r="B1785" t="s">
        <v>2659</v>
      </c>
      <c r="C1785" t="s">
        <v>807</v>
      </c>
      <c r="D1785">
        <v>25</v>
      </c>
      <c r="E1785" t="s">
        <v>4179</v>
      </c>
      <c r="F1785" t="s">
        <v>4177</v>
      </c>
      <c r="G1785" t="s">
        <v>656</v>
      </c>
      <c r="H1785">
        <v>2</v>
      </c>
      <c r="I1785">
        <v>2020</v>
      </c>
    </row>
    <row r="1786" spans="1:9" x14ac:dyDescent="0.25">
      <c r="A1786">
        <v>2026</v>
      </c>
      <c r="B1786" t="s">
        <v>2658</v>
      </c>
      <c r="C1786" t="s">
        <v>807</v>
      </c>
      <c r="D1786">
        <v>25</v>
      </c>
      <c r="E1786" t="s">
        <v>4179</v>
      </c>
      <c r="F1786" t="s">
        <v>4177</v>
      </c>
      <c r="G1786" t="s">
        <v>656</v>
      </c>
      <c r="H1786">
        <v>2</v>
      </c>
      <c r="I1786">
        <v>2020</v>
      </c>
    </row>
    <row r="1787" spans="1:9" x14ac:dyDescent="0.25">
      <c r="A1787">
        <v>2027</v>
      </c>
      <c r="B1787" t="s">
        <v>4525</v>
      </c>
      <c r="C1787" t="s">
        <v>807</v>
      </c>
      <c r="D1787">
        <v>25</v>
      </c>
      <c r="E1787" t="s">
        <v>4179</v>
      </c>
      <c r="F1787" t="s">
        <v>4177</v>
      </c>
      <c r="G1787" t="s">
        <v>656</v>
      </c>
      <c r="H1787">
        <v>2</v>
      </c>
      <c r="I1787">
        <v>2020</v>
      </c>
    </row>
    <row r="1788" spans="1:9" x14ac:dyDescent="0.25">
      <c r="A1788">
        <v>2028</v>
      </c>
      <c r="B1788" t="s">
        <v>2345</v>
      </c>
      <c r="C1788" t="s">
        <v>807</v>
      </c>
      <c r="D1788">
        <v>25</v>
      </c>
      <c r="E1788" t="s">
        <v>4179</v>
      </c>
      <c r="F1788" t="s">
        <v>4177</v>
      </c>
      <c r="G1788" t="s">
        <v>656</v>
      </c>
      <c r="H1788">
        <v>2</v>
      </c>
      <c r="I1788">
        <v>2020</v>
      </c>
    </row>
    <row r="1789" spans="1:9" x14ac:dyDescent="0.25">
      <c r="A1789">
        <v>2029</v>
      </c>
      <c r="B1789" t="s">
        <v>2657</v>
      </c>
      <c r="C1789" t="s">
        <v>295</v>
      </c>
      <c r="D1789">
        <v>30</v>
      </c>
      <c r="E1789" t="s">
        <v>4179</v>
      </c>
      <c r="F1789" t="s">
        <v>4177</v>
      </c>
      <c r="G1789" t="s">
        <v>656</v>
      </c>
      <c r="H1789">
        <v>2</v>
      </c>
      <c r="I1789">
        <v>2020</v>
      </c>
    </row>
    <row r="1790" spans="1:9" x14ac:dyDescent="0.25">
      <c r="A1790">
        <v>2030</v>
      </c>
      <c r="B1790" t="s">
        <v>2656</v>
      </c>
      <c r="C1790" t="s">
        <v>295</v>
      </c>
      <c r="D1790">
        <v>30</v>
      </c>
      <c r="E1790" t="s">
        <v>4179</v>
      </c>
      <c r="F1790" t="s">
        <v>4177</v>
      </c>
      <c r="G1790" t="s">
        <v>656</v>
      </c>
      <c r="H1790">
        <v>2</v>
      </c>
      <c r="I1790">
        <v>2020</v>
      </c>
    </row>
    <row r="1791" spans="1:9" x14ac:dyDescent="0.25">
      <c r="A1791">
        <v>2031</v>
      </c>
      <c r="B1791" t="s">
        <v>2655</v>
      </c>
      <c r="C1791" t="s">
        <v>295</v>
      </c>
      <c r="D1791">
        <v>30</v>
      </c>
      <c r="E1791" t="s">
        <v>4179</v>
      </c>
      <c r="F1791" t="s">
        <v>4177</v>
      </c>
      <c r="G1791" t="s">
        <v>656</v>
      </c>
      <c r="H1791">
        <v>2</v>
      </c>
      <c r="I1791">
        <v>2020</v>
      </c>
    </row>
    <row r="1792" spans="1:9" x14ac:dyDescent="0.25">
      <c r="A1792">
        <v>2032</v>
      </c>
      <c r="B1792" t="s">
        <v>2654</v>
      </c>
      <c r="C1792" t="s">
        <v>294</v>
      </c>
      <c r="D1792">
        <v>31</v>
      </c>
      <c r="E1792" t="s">
        <v>4179</v>
      </c>
      <c r="F1792" t="s">
        <v>4177</v>
      </c>
      <c r="G1792" t="s">
        <v>656</v>
      </c>
      <c r="H1792">
        <v>2</v>
      </c>
      <c r="I1792">
        <v>2020</v>
      </c>
    </row>
    <row r="1793" spans="1:9" x14ac:dyDescent="0.25">
      <c r="A1793">
        <v>2033</v>
      </c>
      <c r="B1793" t="s">
        <v>2653</v>
      </c>
      <c r="C1793" t="s">
        <v>294</v>
      </c>
      <c r="D1793">
        <v>31</v>
      </c>
      <c r="E1793" t="s">
        <v>4179</v>
      </c>
      <c r="F1793" t="s">
        <v>4177</v>
      </c>
      <c r="G1793" t="s">
        <v>656</v>
      </c>
      <c r="H1793">
        <v>2</v>
      </c>
      <c r="I1793">
        <v>2020</v>
      </c>
    </row>
    <row r="1794" spans="1:9" x14ac:dyDescent="0.25">
      <c r="A1794">
        <v>2034</v>
      </c>
      <c r="B1794" t="s">
        <v>4526</v>
      </c>
      <c r="C1794" t="s">
        <v>294</v>
      </c>
      <c r="D1794">
        <v>31</v>
      </c>
      <c r="E1794" t="s">
        <v>4179</v>
      </c>
      <c r="F1794" t="s">
        <v>4177</v>
      </c>
      <c r="G1794" t="s">
        <v>656</v>
      </c>
      <c r="H1794">
        <v>2</v>
      </c>
      <c r="I1794">
        <v>2020</v>
      </c>
    </row>
    <row r="1795" spans="1:9" x14ac:dyDescent="0.25">
      <c r="A1795">
        <v>2035</v>
      </c>
      <c r="B1795" t="s">
        <v>4527</v>
      </c>
      <c r="C1795" t="s">
        <v>682</v>
      </c>
      <c r="D1795">
        <v>20</v>
      </c>
      <c r="E1795" t="s">
        <v>682</v>
      </c>
      <c r="F1795" t="s">
        <v>4177</v>
      </c>
      <c r="G1795" t="s">
        <v>656</v>
      </c>
      <c r="H1795">
        <v>2</v>
      </c>
      <c r="I1795">
        <v>2020</v>
      </c>
    </row>
    <row r="1796" spans="1:9" x14ac:dyDescent="0.25">
      <c r="A1796">
        <v>2036</v>
      </c>
      <c r="B1796" t="s">
        <v>4528</v>
      </c>
      <c r="C1796" t="s">
        <v>682</v>
      </c>
      <c r="D1796">
        <v>20</v>
      </c>
      <c r="E1796" t="s">
        <v>682</v>
      </c>
      <c r="F1796" t="s">
        <v>4177</v>
      </c>
      <c r="G1796" t="s">
        <v>656</v>
      </c>
      <c r="H1796">
        <v>2</v>
      </c>
      <c r="I1796">
        <v>2020</v>
      </c>
    </row>
    <row r="1797" spans="1:9" x14ac:dyDescent="0.25">
      <c r="A1797">
        <v>2037</v>
      </c>
      <c r="B1797" t="s">
        <v>2652</v>
      </c>
      <c r="C1797" t="s">
        <v>819</v>
      </c>
      <c r="D1797">
        <v>101</v>
      </c>
      <c r="E1797" t="s">
        <v>4187</v>
      </c>
      <c r="F1797" t="s">
        <v>4187</v>
      </c>
      <c r="G1797" t="s">
        <v>656</v>
      </c>
      <c r="H1797">
        <v>2</v>
      </c>
      <c r="I1797">
        <v>2020</v>
      </c>
    </row>
    <row r="1798" spans="1:9" x14ac:dyDescent="0.25">
      <c r="A1798">
        <v>2038</v>
      </c>
      <c r="B1798" t="s">
        <v>2651</v>
      </c>
      <c r="C1798" t="s">
        <v>819</v>
      </c>
      <c r="D1798">
        <v>101</v>
      </c>
      <c r="E1798" t="s">
        <v>4187</v>
      </c>
      <c r="F1798" t="s">
        <v>4187</v>
      </c>
      <c r="G1798" t="s">
        <v>656</v>
      </c>
      <c r="H1798">
        <v>2</v>
      </c>
      <c r="I1798">
        <v>2020</v>
      </c>
    </row>
    <row r="1799" spans="1:9" x14ac:dyDescent="0.25">
      <c r="A1799">
        <v>2039</v>
      </c>
      <c r="B1799" t="s">
        <v>1557</v>
      </c>
      <c r="C1799" t="s">
        <v>819</v>
      </c>
      <c r="D1799">
        <v>101</v>
      </c>
      <c r="E1799" t="s">
        <v>4187</v>
      </c>
      <c r="F1799" t="s">
        <v>4187</v>
      </c>
      <c r="G1799" t="s">
        <v>656</v>
      </c>
      <c r="H1799">
        <v>2</v>
      </c>
      <c r="I1799">
        <v>2020</v>
      </c>
    </row>
    <row r="1800" spans="1:9" x14ac:dyDescent="0.25">
      <c r="A1800">
        <v>2044</v>
      </c>
      <c r="B1800" t="s">
        <v>2650</v>
      </c>
      <c r="C1800" t="s">
        <v>703</v>
      </c>
      <c r="D1800">
        <v>16</v>
      </c>
      <c r="E1800" t="s">
        <v>703</v>
      </c>
      <c r="F1800" t="s">
        <v>4177</v>
      </c>
      <c r="G1800" t="s">
        <v>656</v>
      </c>
      <c r="H1800">
        <v>2</v>
      </c>
      <c r="I1800">
        <v>2020</v>
      </c>
    </row>
    <row r="1801" spans="1:9" x14ac:dyDescent="0.25">
      <c r="A1801">
        <v>2045</v>
      </c>
      <c r="B1801" t="s">
        <v>2649</v>
      </c>
      <c r="C1801" t="s">
        <v>866</v>
      </c>
      <c r="D1801">
        <v>9</v>
      </c>
      <c r="E1801" t="s">
        <v>866</v>
      </c>
      <c r="F1801" t="s">
        <v>4171</v>
      </c>
      <c r="G1801" t="s">
        <v>656</v>
      </c>
      <c r="H1801">
        <v>2</v>
      </c>
      <c r="I1801">
        <v>2020</v>
      </c>
    </row>
    <row r="1802" spans="1:9" x14ac:dyDescent="0.25">
      <c r="A1802">
        <v>2046</v>
      </c>
      <c r="B1802" t="s">
        <v>4529</v>
      </c>
      <c r="C1802" t="s">
        <v>866</v>
      </c>
      <c r="D1802">
        <v>9</v>
      </c>
      <c r="E1802" t="s">
        <v>866</v>
      </c>
      <c r="F1802" t="s">
        <v>4171</v>
      </c>
      <c r="G1802" t="s">
        <v>656</v>
      </c>
      <c r="H1802">
        <v>2</v>
      </c>
      <c r="I1802">
        <v>2020</v>
      </c>
    </row>
    <row r="1803" spans="1:9" x14ac:dyDescent="0.25">
      <c r="A1803">
        <v>2047</v>
      </c>
      <c r="B1803" t="s">
        <v>4530</v>
      </c>
      <c r="C1803" t="s">
        <v>691</v>
      </c>
      <c r="D1803">
        <v>21</v>
      </c>
      <c r="E1803" t="s">
        <v>691</v>
      </c>
      <c r="F1803" t="s">
        <v>4177</v>
      </c>
      <c r="G1803" t="s">
        <v>656</v>
      </c>
      <c r="H1803">
        <v>2</v>
      </c>
      <c r="I1803">
        <v>2020</v>
      </c>
    </row>
    <row r="1804" spans="1:9" x14ac:dyDescent="0.25">
      <c r="A1804">
        <v>2048</v>
      </c>
      <c r="B1804" t="s">
        <v>2647</v>
      </c>
      <c r="C1804" t="s">
        <v>894</v>
      </c>
      <c r="D1804">
        <v>18</v>
      </c>
      <c r="E1804" t="s">
        <v>894</v>
      </c>
      <c r="F1804" t="s">
        <v>4177</v>
      </c>
      <c r="G1804" t="s">
        <v>656</v>
      </c>
      <c r="H1804">
        <v>2</v>
      </c>
      <c r="I1804">
        <v>2020</v>
      </c>
    </row>
    <row r="1805" spans="1:9" x14ac:dyDescent="0.25">
      <c r="A1805">
        <v>2049</v>
      </c>
      <c r="B1805" t="s">
        <v>2182</v>
      </c>
      <c r="C1805" t="s">
        <v>894</v>
      </c>
      <c r="D1805">
        <v>18</v>
      </c>
      <c r="E1805" t="s">
        <v>894</v>
      </c>
      <c r="F1805" t="s">
        <v>4177</v>
      </c>
      <c r="G1805" t="s">
        <v>656</v>
      </c>
      <c r="H1805">
        <v>2</v>
      </c>
      <c r="I1805">
        <v>2020</v>
      </c>
    </row>
    <row r="1806" spans="1:9" x14ac:dyDescent="0.25">
      <c r="A1806">
        <v>2050</v>
      </c>
      <c r="B1806" t="s">
        <v>4531</v>
      </c>
      <c r="C1806" t="s">
        <v>894</v>
      </c>
      <c r="D1806">
        <v>18</v>
      </c>
      <c r="E1806" t="s">
        <v>894</v>
      </c>
      <c r="F1806" t="s">
        <v>4177</v>
      </c>
      <c r="G1806" t="s">
        <v>656</v>
      </c>
      <c r="H1806">
        <v>2</v>
      </c>
      <c r="I1806">
        <v>2020</v>
      </c>
    </row>
    <row r="1807" spans="1:9" x14ac:dyDescent="0.25">
      <c r="A1807">
        <v>2051</v>
      </c>
      <c r="B1807" t="s">
        <v>4532</v>
      </c>
      <c r="C1807" t="s">
        <v>726</v>
      </c>
      <c r="D1807">
        <v>2</v>
      </c>
      <c r="E1807" t="s">
        <v>726</v>
      </c>
      <c r="F1807" t="s">
        <v>4164</v>
      </c>
      <c r="G1807" t="s">
        <v>656</v>
      </c>
      <c r="H1807">
        <v>2</v>
      </c>
      <c r="I1807">
        <v>2020</v>
      </c>
    </row>
    <row r="1808" spans="1:9" x14ac:dyDescent="0.25">
      <c r="A1808">
        <v>2052</v>
      </c>
      <c r="B1808" t="s">
        <v>4533</v>
      </c>
      <c r="C1808" t="s">
        <v>726</v>
      </c>
      <c r="D1808">
        <v>2</v>
      </c>
      <c r="E1808" t="s">
        <v>726</v>
      </c>
      <c r="F1808" t="s">
        <v>4164</v>
      </c>
      <c r="G1808" t="s">
        <v>656</v>
      </c>
      <c r="H1808">
        <v>2</v>
      </c>
      <c r="I1808">
        <v>2020</v>
      </c>
    </row>
    <row r="1809" spans="1:9" x14ac:dyDescent="0.25">
      <c r="A1809">
        <v>2053</v>
      </c>
      <c r="B1809" t="s">
        <v>4534</v>
      </c>
      <c r="C1809" t="s">
        <v>726</v>
      </c>
      <c r="D1809">
        <v>2</v>
      </c>
      <c r="E1809" t="s">
        <v>726</v>
      </c>
      <c r="F1809" t="s">
        <v>4164</v>
      </c>
      <c r="G1809" t="s">
        <v>656</v>
      </c>
      <c r="H1809">
        <v>2</v>
      </c>
      <c r="I1809">
        <v>2020</v>
      </c>
    </row>
    <row r="1810" spans="1:9" x14ac:dyDescent="0.25">
      <c r="A1810">
        <v>2054</v>
      </c>
      <c r="B1810" t="s">
        <v>4535</v>
      </c>
      <c r="C1810" t="s">
        <v>726</v>
      </c>
      <c r="D1810">
        <v>2</v>
      </c>
      <c r="E1810" t="s">
        <v>726</v>
      </c>
      <c r="F1810" t="s">
        <v>4164</v>
      </c>
      <c r="G1810" t="s">
        <v>656</v>
      </c>
      <c r="H1810">
        <v>2</v>
      </c>
      <c r="I1810">
        <v>2020</v>
      </c>
    </row>
    <row r="1811" spans="1:9" x14ac:dyDescent="0.25">
      <c r="A1811">
        <v>2055</v>
      </c>
      <c r="B1811" t="s">
        <v>2645</v>
      </c>
      <c r="C1811" t="s">
        <v>726</v>
      </c>
      <c r="D1811">
        <v>2</v>
      </c>
      <c r="E1811" t="s">
        <v>726</v>
      </c>
      <c r="F1811" t="s">
        <v>4164</v>
      </c>
      <c r="G1811" t="s">
        <v>656</v>
      </c>
      <c r="H1811">
        <v>2</v>
      </c>
      <c r="I1811">
        <v>2020</v>
      </c>
    </row>
    <row r="1812" spans="1:9" x14ac:dyDescent="0.25">
      <c r="A1812">
        <v>2056</v>
      </c>
      <c r="B1812" t="s">
        <v>2644</v>
      </c>
      <c r="C1812" t="s">
        <v>726</v>
      </c>
      <c r="D1812">
        <v>2</v>
      </c>
      <c r="E1812" t="s">
        <v>726</v>
      </c>
      <c r="F1812" t="s">
        <v>4164</v>
      </c>
      <c r="G1812" t="s">
        <v>656</v>
      </c>
      <c r="H1812">
        <v>2</v>
      </c>
      <c r="I1812">
        <v>2020</v>
      </c>
    </row>
    <row r="1813" spans="1:9" x14ac:dyDescent="0.25">
      <c r="A1813">
        <v>2057</v>
      </c>
      <c r="B1813" t="s">
        <v>2643</v>
      </c>
      <c r="C1813" t="s">
        <v>792</v>
      </c>
      <c r="D1813">
        <v>6</v>
      </c>
      <c r="E1813" t="s">
        <v>4169</v>
      </c>
      <c r="F1813" t="s">
        <v>4164</v>
      </c>
      <c r="G1813" t="s">
        <v>656</v>
      </c>
      <c r="H1813">
        <v>2</v>
      </c>
      <c r="I1813">
        <v>2020</v>
      </c>
    </row>
    <row r="1814" spans="1:9" x14ac:dyDescent="0.25">
      <c r="A1814">
        <v>2058</v>
      </c>
      <c r="B1814" t="s">
        <v>2400</v>
      </c>
      <c r="C1814" t="s">
        <v>792</v>
      </c>
      <c r="D1814">
        <v>6</v>
      </c>
      <c r="E1814" t="s">
        <v>4169</v>
      </c>
      <c r="F1814" t="s">
        <v>4164</v>
      </c>
      <c r="G1814" t="s">
        <v>656</v>
      </c>
      <c r="H1814">
        <v>2</v>
      </c>
      <c r="I1814">
        <v>2020</v>
      </c>
    </row>
    <row r="1815" spans="1:9" x14ac:dyDescent="0.25">
      <c r="A1815">
        <v>2059</v>
      </c>
      <c r="B1815" t="s">
        <v>2642</v>
      </c>
      <c r="C1815" t="s">
        <v>792</v>
      </c>
      <c r="D1815">
        <v>6</v>
      </c>
      <c r="E1815" t="s">
        <v>4169</v>
      </c>
      <c r="F1815" t="s">
        <v>4164</v>
      </c>
      <c r="G1815" t="s">
        <v>656</v>
      </c>
      <c r="H1815">
        <v>2</v>
      </c>
      <c r="I1815">
        <v>2020</v>
      </c>
    </row>
    <row r="1816" spans="1:9" x14ac:dyDescent="0.25">
      <c r="A1816">
        <v>2060</v>
      </c>
      <c r="B1816" t="s">
        <v>2640</v>
      </c>
      <c r="C1816" t="s">
        <v>896</v>
      </c>
      <c r="D1816">
        <v>7</v>
      </c>
      <c r="E1816" t="s">
        <v>4169</v>
      </c>
      <c r="F1816" t="s">
        <v>4164</v>
      </c>
      <c r="G1816" t="s">
        <v>656</v>
      </c>
      <c r="H1816">
        <v>2</v>
      </c>
      <c r="I1816">
        <v>2020</v>
      </c>
    </row>
    <row r="1817" spans="1:9" x14ac:dyDescent="0.25">
      <c r="A1817">
        <v>2061</v>
      </c>
      <c r="B1817" t="s">
        <v>4536</v>
      </c>
      <c r="C1817" t="s">
        <v>896</v>
      </c>
      <c r="D1817">
        <v>7</v>
      </c>
      <c r="E1817" t="s">
        <v>4169</v>
      </c>
      <c r="F1817" t="s">
        <v>4164</v>
      </c>
      <c r="G1817" t="s">
        <v>656</v>
      </c>
      <c r="H1817">
        <v>2</v>
      </c>
      <c r="I1817">
        <v>2020</v>
      </c>
    </row>
    <row r="1818" spans="1:9" x14ac:dyDescent="0.25">
      <c r="A1818">
        <v>2067</v>
      </c>
      <c r="B1818" t="s">
        <v>2633</v>
      </c>
      <c r="C1818" t="s">
        <v>802</v>
      </c>
      <c r="D1818">
        <v>12</v>
      </c>
      <c r="E1818" t="s">
        <v>802</v>
      </c>
      <c r="F1818" t="s">
        <v>4171</v>
      </c>
      <c r="G1818" t="s">
        <v>656</v>
      </c>
      <c r="H1818">
        <v>2</v>
      </c>
      <c r="I1818">
        <v>2020</v>
      </c>
    </row>
    <row r="1819" spans="1:9" x14ac:dyDescent="0.25">
      <c r="A1819">
        <v>2068</v>
      </c>
      <c r="B1819" t="s">
        <v>2632</v>
      </c>
      <c r="C1819" t="s">
        <v>802</v>
      </c>
      <c r="D1819">
        <v>12</v>
      </c>
      <c r="E1819" t="s">
        <v>802</v>
      </c>
      <c r="F1819" t="s">
        <v>4171</v>
      </c>
      <c r="G1819" t="s">
        <v>656</v>
      </c>
      <c r="H1819">
        <v>2</v>
      </c>
      <c r="I1819">
        <v>2020</v>
      </c>
    </row>
    <row r="1820" spans="1:9" x14ac:dyDescent="0.25">
      <c r="A1820">
        <v>2069</v>
      </c>
      <c r="B1820" t="s">
        <v>4537</v>
      </c>
      <c r="C1820" t="s">
        <v>802</v>
      </c>
      <c r="D1820">
        <v>12</v>
      </c>
      <c r="E1820" t="s">
        <v>802</v>
      </c>
      <c r="F1820" t="s">
        <v>4171</v>
      </c>
      <c r="G1820" t="s">
        <v>656</v>
      </c>
      <c r="H1820">
        <v>2</v>
      </c>
      <c r="I1820">
        <v>2020</v>
      </c>
    </row>
    <row r="1821" spans="1:9" x14ac:dyDescent="0.25">
      <c r="A1821">
        <v>2070</v>
      </c>
      <c r="B1821" t="s">
        <v>4538</v>
      </c>
      <c r="C1821" t="s">
        <v>802</v>
      </c>
      <c r="D1821">
        <v>12</v>
      </c>
      <c r="E1821" t="s">
        <v>802</v>
      </c>
      <c r="F1821" t="s">
        <v>4171</v>
      </c>
      <c r="G1821" t="s">
        <v>656</v>
      </c>
      <c r="H1821">
        <v>2</v>
      </c>
      <c r="I1821">
        <v>2020</v>
      </c>
    </row>
    <row r="1822" spans="1:9" x14ac:dyDescent="0.25">
      <c r="A1822">
        <v>2071</v>
      </c>
      <c r="B1822" t="s">
        <v>1746</v>
      </c>
      <c r="C1822" t="s">
        <v>802</v>
      </c>
      <c r="D1822">
        <v>12</v>
      </c>
      <c r="E1822" t="s">
        <v>802</v>
      </c>
      <c r="F1822" t="s">
        <v>4171</v>
      </c>
      <c r="G1822" t="s">
        <v>656</v>
      </c>
      <c r="H1822">
        <v>2</v>
      </c>
      <c r="I1822">
        <v>2020</v>
      </c>
    </row>
    <row r="1823" spans="1:9" x14ac:dyDescent="0.25">
      <c r="A1823">
        <v>2072</v>
      </c>
      <c r="B1823" t="s">
        <v>2631</v>
      </c>
      <c r="C1823" t="s">
        <v>802</v>
      </c>
      <c r="D1823">
        <v>12</v>
      </c>
      <c r="E1823" t="s">
        <v>802</v>
      </c>
      <c r="F1823" t="s">
        <v>4171</v>
      </c>
      <c r="G1823" t="s">
        <v>656</v>
      </c>
      <c r="H1823">
        <v>2</v>
      </c>
      <c r="I1823">
        <v>2020</v>
      </c>
    </row>
    <row r="1824" spans="1:9" x14ac:dyDescent="0.25">
      <c r="A1824">
        <v>2073</v>
      </c>
      <c r="B1824" t="s">
        <v>4539</v>
      </c>
      <c r="C1824" t="s">
        <v>802</v>
      </c>
      <c r="D1824">
        <v>12</v>
      </c>
      <c r="E1824" t="s">
        <v>802</v>
      </c>
      <c r="F1824" t="s">
        <v>4171</v>
      </c>
      <c r="G1824" t="s">
        <v>656</v>
      </c>
      <c r="H1824">
        <v>2</v>
      </c>
      <c r="I1824">
        <v>2020</v>
      </c>
    </row>
    <row r="1825" spans="1:9" x14ac:dyDescent="0.25">
      <c r="A1825">
        <v>2074</v>
      </c>
      <c r="B1825" t="s">
        <v>4540</v>
      </c>
      <c r="C1825" t="s">
        <v>802</v>
      </c>
      <c r="D1825">
        <v>12</v>
      </c>
      <c r="E1825" t="s">
        <v>802</v>
      </c>
      <c r="F1825" t="s">
        <v>4171</v>
      </c>
      <c r="G1825" t="s">
        <v>656</v>
      </c>
      <c r="H1825">
        <v>2</v>
      </c>
      <c r="I1825">
        <v>2020</v>
      </c>
    </row>
    <row r="1826" spans="1:9" x14ac:dyDescent="0.25">
      <c r="A1826">
        <v>2075</v>
      </c>
      <c r="B1826" t="s">
        <v>728</v>
      </c>
      <c r="C1826" t="s">
        <v>663</v>
      </c>
      <c r="D1826">
        <v>99</v>
      </c>
      <c r="E1826" t="s">
        <v>663</v>
      </c>
      <c r="F1826" t="s">
        <v>4171</v>
      </c>
      <c r="G1826" t="s">
        <v>656</v>
      </c>
      <c r="H1826">
        <v>2</v>
      </c>
      <c r="I1826">
        <v>2020</v>
      </c>
    </row>
    <row r="1827" spans="1:9" x14ac:dyDescent="0.25">
      <c r="A1827">
        <v>2076</v>
      </c>
      <c r="B1827" t="s">
        <v>4541</v>
      </c>
      <c r="C1827" t="s">
        <v>663</v>
      </c>
      <c r="D1827">
        <v>99</v>
      </c>
      <c r="E1827" t="s">
        <v>663</v>
      </c>
      <c r="F1827" t="s">
        <v>4171</v>
      </c>
      <c r="G1827" t="s">
        <v>656</v>
      </c>
      <c r="H1827">
        <v>2</v>
      </c>
      <c r="I1827">
        <v>2020</v>
      </c>
    </row>
    <row r="1828" spans="1:9" x14ac:dyDescent="0.25">
      <c r="A1828">
        <v>2077</v>
      </c>
      <c r="B1828" t="s">
        <v>4542</v>
      </c>
      <c r="C1828" t="s">
        <v>663</v>
      </c>
      <c r="D1828">
        <v>99</v>
      </c>
      <c r="E1828" t="s">
        <v>663</v>
      </c>
      <c r="F1828" t="s">
        <v>4171</v>
      </c>
      <c r="G1828" t="s">
        <v>656</v>
      </c>
      <c r="H1828">
        <v>2</v>
      </c>
      <c r="I1828">
        <v>2020</v>
      </c>
    </row>
    <row r="1829" spans="1:9" x14ac:dyDescent="0.25">
      <c r="A1829">
        <v>2078</v>
      </c>
      <c r="B1829" t="s">
        <v>2630</v>
      </c>
      <c r="C1829" t="s">
        <v>663</v>
      </c>
      <c r="D1829">
        <v>99</v>
      </c>
      <c r="E1829" t="s">
        <v>663</v>
      </c>
      <c r="F1829" t="s">
        <v>4171</v>
      </c>
      <c r="G1829" t="s">
        <v>656</v>
      </c>
      <c r="H1829">
        <v>2</v>
      </c>
      <c r="I1829">
        <v>2020</v>
      </c>
    </row>
    <row r="1830" spans="1:9" x14ac:dyDescent="0.25">
      <c r="A1830">
        <v>2079</v>
      </c>
      <c r="B1830" t="s">
        <v>4543</v>
      </c>
      <c r="C1830" t="s">
        <v>663</v>
      </c>
      <c r="D1830">
        <v>99</v>
      </c>
      <c r="E1830" t="s">
        <v>663</v>
      </c>
      <c r="F1830" t="s">
        <v>4171</v>
      </c>
      <c r="G1830" t="s">
        <v>656</v>
      </c>
      <c r="H1830">
        <v>2</v>
      </c>
      <c r="I1830">
        <v>2020</v>
      </c>
    </row>
    <row r="1831" spans="1:9" x14ac:dyDescent="0.25">
      <c r="A1831">
        <v>2080</v>
      </c>
      <c r="B1831" t="s">
        <v>2629</v>
      </c>
      <c r="C1831" t="s">
        <v>663</v>
      </c>
      <c r="D1831">
        <v>99</v>
      </c>
      <c r="E1831" t="s">
        <v>663</v>
      </c>
      <c r="F1831" t="s">
        <v>4171</v>
      </c>
      <c r="G1831" t="s">
        <v>656</v>
      </c>
      <c r="H1831">
        <v>2</v>
      </c>
      <c r="I1831">
        <v>2020</v>
      </c>
    </row>
    <row r="1832" spans="1:9" x14ac:dyDescent="0.25">
      <c r="A1832">
        <v>2081</v>
      </c>
      <c r="B1832" t="s">
        <v>2628</v>
      </c>
      <c r="C1832" t="s">
        <v>663</v>
      </c>
      <c r="D1832">
        <v>99</v>
      </c>
      <c r="E1832" t="s">
        <v>663</v>
      </c>
      <c r="F1832" t="s">
        <v>4171</v>
      </c>
      <c r="G1832" t="s">
        <v>656</v>
      </c>
      <c r="H1832">
        <v>2</v>
      </c>
      <c r="I1832">
        <v>2020</v>
      </c>
    </row>
    <row r="1833" spans="1:9" x14ac:dyDescent="0.25">
      <c r="A1833">
        <v>2082</v>
      </c>
      <c r="B1833" t="s">
        <v>2627</v>
      </c>
      <c r="C1833" t="s">
        <v>663</v>
      </c>
      <c r="D1833">
        <v>99</v>
      </c>
      <c r="E1833" t="s">
        <v>663</v>
      </c>
      <c r="F1833" t="s">
        <v>4171</v>
      </c>
      <c r="G1833" t="s">
        <v>656</v>
      </c>
      <c r="H1833">
        <v>2</v>
      </c>
      <c r="I1833">
        <v>2020</v>
      </c>
    </row>
    <row r="1834" spans="1:9" x14ac:dyDescent="0.25">
      <c r="A1834">
        <v>2083</v>
      </c>
      <c r="B1834" t="s">
        <v>2626</v>
      </c>
      <c r="C1834" t="s">
        <v>663</v>
      </c>
      <c r="D1834">
        <v>99</v>
      </c>
      <c r="E1834" t="s">
        <v>663</v>
      </c>
      <c r="F1834" t="s">
        <v>4171</v>
      </c>
      <c r="G1834" t="s">
        <v>656</v>
      </c>
      <c r="H1834">
        <v>2</v>
      </c>
      <c r="I1834">
        <v>2020</v>
      </c>
    </row>
    <row r="1835" spans="1:9" x14ac:dyDescent="0.25">
      <c r="A1835">
        <v>2084</v>
      </c>
      <c r="B1835" t="s">
        <v>939</v>
      </c>
      <c r="C1835" t="s">
        <v>663</v>
      </c>
      <c r="D1835">
        <v>99</v>
      </c>
      <c r="E1835" t="s">
        <v>663</v>
      </c>
      <c r="F1835" t="s">
        <v>4171</v>
      </c>
      <c r="G1835" t="s">
        <v>656</v>
      </c>
      <c r="H1835">
        <v>2</v>
      </c>
      <c r="I1835">
        <v>2020</v>
      </c>
    </row>
    <row r="1836" spans="1:9" x14ac:dyDescent="0.25">
      <c r="A1836">
        <v>2085</v>
      </c>
      <c r="B1836" t="s">
        <v>4544</v>
      </c>
      <c r="C1836" t="s">
        <v>885</v>
      </c>
      <c r="D1836">
        <v>1</v>
      </c>
      <c r="E1836" t="s">
        <v>885</v>
      </c>
      <c r="F1836" t="s">
        <v>4164</v>
      </c>
      <c r="G1836" t="s">
        <v>656</v>
      </c>
      <c r="H1836">
        <v>2</v>
      </c>
      <c r="I1836">
        <v>2020</v>
      </c>
    </row>
    <row r="1837" spans="1:9" x14ac:dyDescent="0.25">
      <c r="A1837">
        <v>2086</v>
      </c>
      <c r="B1837" t="s">
        <v>2625</v>
      </c>
      <c r="C1837" t="s">
        <v>885</v>
      </c>
      <c r="D1837">
        <v>1</v>
      </c>
      <c r="E1837" t="s">
        <v>885</v>
      </c>
      <c r="F1837" t="s">
        <v>4164</v>
      </c>
      <c r="G1837" t="s">
        <v>656</v>
      </c>
      <c r="H1837">
        <v>2</v>
      </c>
      <c r="I1837">
        <v>2020</v>
      </c>
    </row>
    <row r="1838" spans="1:9" x14ac:dyDescent="0.25">
      <c r="A1838">
        <v>2088</v>
      </c>
      <c r="B1838" t="s">
        <v>4545</v>
      </c>
      <c r="C1838" t="s">
        <v>885</v>
      </c>
      <c r="D1838">
        <v>1</v>
      </c>
      <c r="E1838" t="s">
        <v>885</v>
      </c>
      <c r="F1838" t="s">
        <v>4164</v>
      </c>
      <c r="G1838" t="s">
        <v>656</v>
      </c>
      <c r="H1838">
        <v>2</v>
      </c>
      <c r="I1838">
        <v>2020</v>
      </c>
    </row>
    <row r="1839" spans="1:9" x14ac:dyDescent="0.25">
      <c r="A1839">
        <v>2089</v>
      </c>
      <c r="B1839" t="s">
        <v>2196</v>
      </c>
      <c r="C1839" t="s">
        <v>885</v>
      </c>
      <c r="D1839">
        <v>1</v>
      </c>
      <c r="E1839" t="s">
        <v>885</v>
      </c>
      <c r="F1839" t="s">
        <v>4164</v>
      </c>
      <c r="G1839" t="s">
        <v>656</v>
      </c>
      <c r="H1839">
        <v>2</v>
      </c>
      <c r="I1839">
        <v>2020</v>
      </c>
    </row>
    <row r="1840" spans="1:9" x14ac:dyDescent="0.25">
      <c r="A1840">
        <v>2090</v>
      </c>
      <c r="B1840" t="s">
        <v>4546</v>
      </c>
      <c r="C1840" t="s">
        <v>885</v>
      </c>
      <c r="D1840">
        <v>1</v>
      </c>
      <c r="E1840" t="s">
        <v>885</v>
      </c>
      <c r="F1840" t="s">
        <v>4164</v>
      </c>
      <c r="G1840" t="s">
        <v>656</v>
      </c>
      <c r="H1840">
        <v>2</v>
      </c>
      <c r="I1840">
        <v>2020</v>
      </c>
    </row>
    <row r="1841" spans="1:9" x14ac:dyDescent="0.25">
      <c r="A1841">
        <v>2091</v>
      </c>
      <c r="B1841" t="s">
        <v>4547</v>
      </c>
      <c r="C1841" t="s">
        <v>885</v>
      </c>
      <c r="D1841">
        <v>1</v>
      </c>
      <c r="E1841" t="s">
        <v>885</v>
      </c>
      <c r="F1841" t="s">
        <v>4164</v>
      </c>
      <c r="G1841" t="s">
        <v>656</v>
      </c>
      <c r="H1841">
        <v>2</v>
      </c>
      <c r="I1841">
        <v>2020</v>
      </c>
    </row>
    <row r="1842" spans="1:9" x14ac:dyDescent="0.25">
      <c r="A1842">
        <v>2092</v>
      </c>
      <c r="B1842" t="s">
        <v>2623</v>
      </c>
      <c r="C1842" t="s">
        <v>868</v>
      </c>
      <c r="D1842">
        <v>23</v>
      </c>
      <c r="E1842" t="s">
        <v>4178</v>
      </c>
      <c r="F1842" t="s">
        <v>4177</v>
      </c>
      <c r="G1842" t="s">
        <v>656</v>
      </c>
      <c r="H1842">
        <v>2</v>
      </c>
      <c r="I1842">
        <v>2020</v>
      </c>
    </row>
    <row r="1843" spans="1:9" x14ac:dyDescent="0.25">
      <c r="A1843">
        <v>2093</v>
      </c>
      <c r="B1843" t="s">
        <v>4548</v>
      </c>
      <c r="C1843" t="s">
        <v>868</v>
      </c>
      <c r="D1843">
        <v>23</v>
      </c>
      <c r="E1843" t="s">
        <v>4178</v>
      </c>
      <c r="F1843" t="s">
        <v>4177</v>
      </c>
      <c r="G1843" t="s">
        <v>656</v>
      </c>
      <c r="H1843">
        <v>2</v>
      </c>
      <c r="I1843">
        <v>2020</v>
      </c>
    </row>
    <row r="1844" spans="1:9" x14ac:dyDescent="0.25">
      <c r="A1844">
        <v>2094</v>
      </c>
      <c r="B1844" t="s">
        <v>1129</v>
      </c>
      <c r="C1844" t="s">
        <v>868</v>
      </c>
      <c r="D1844">
        <v>23</v>
      </c>
      <c r="E1844" t="s">
        <v>4178</v>
      </c>
      <c r="F1844" t="s">
        <v>4177</v>
      </c>
      <c r="G1844" t="s">
        <v>656</v>
      </c>
      <c r="H1844">
        <v>2</v>
      </c>
      <c r="I1844">
        <v>2020</v>
      </c>
    </row>
    <row r="1845" spans="1:9" x14ac:dyDescent="0.25">
      <c r="A1845">
        <v>2095</v>
      </c>
      <c r="B1845" t="s">
        <v>2622</v>
      </c>
      <c r="C1845" t="s">
        <v>868</v>
      </c>
      <c r="D1845">
        <v>23</v>
      </c>
      <c r="E1845" t="s">
        <v>4178</v>
      </c>
      <c r="F1845" t="s">
        <v>4177</v>
      </c>
      <c r="G1845" t="s">
        <v>656</v>
      </c>
      <c r="H1845">
        <v>2</v>
      </c>
      <c r="I1845">
        <v>2020</v>
      </c>
    </row>
    <row r="1846" spans="1:9" x14ac:dyDescent="0.25">
      <c r="A1846">
        <v>2096</v>
      </c>
      <c r="B1846" t="s">
        <v>4549</v>
      </c>
      <c r="C1846" t="s">
        <v>868</v>
      </c>
      <c r="D1846">
        <v>23</v>
      </c>
      <c r="E1846" t="s">
        <v>4178</v>
      </c>
      <c r="F1846" t="s">
        <v>4177</v>
      </c>
      <c r="G1846" t="s">
        <v>656</v>
      </c>
      <c r="H1846">
        <v>2</v>
      </c>
      <c r="I1846">
        <v>2020</v>
      </c>
    </row>
    <row r="1847" spans="1:9" x14ac:dyDescent="0.25">
      <c r="A1847">
        <v>2097</v>
      </c>
      <c r="B1847" t="s">
        <v>4550</v>
      </c>
      <c r="C1847" t="s">
        <v>868</v>
      </c>
      <c r="D1847">
        <v>23</v>
      </c>
      <c r="E1847" t="s">
        <v>4178</v>
      </c>
      <c r="F1847" t="s">
        <v>4177</v>
      </c>
      <c r="G1847" t="s">
        <v>656</v>
      </c>
      <c r="H1847">
        <v>2</v>
      </c>
      <c r="I1847">
        <v>2020</v>
      </c>
    </row>
    <row r="1848" spans="1:9" x14ac:dyDescent="0.25">
      <c r="A1848">
        <v>2098</v>
      </c>
      <c r="B1848" t="s">
        <v>2621</v>
      </c>
      <c r="C1848" t="s">
        <v>684</v>
      </c>
      <c r="D1848">
        <v>22</v>
      </c>
      <c r="E1848" t="s">
        <v>4178</v>
      </c>
      <c r="F1848" t="s">
        <v>4177</v>
      </c>
      <c r="G1848" t="s">
        <v>656</v>
      </c>
      <c r="H1848">
        <v>2</v>
      </c>
      <c r="I1848">
        <v>2020</v>
      </c>
    </row>
    <row r="1849" spans="1:9" x14ac:dyDescent="0.25">
      <c r="A1849">
        <v>2099</v>
      </c>
      <c r="B1849" t="s">
        <v>2620</v>
      </c>
      <c r="C1849" t="s">
        <v>684</v>
      </c>
      <c r="D1849">
        <v>22</v>
      </c>
      <c r="E1849" t="s">
        <v>4178</v>
      </c>
      <c r="F1849" t="s">
        <v>4177</v>
      </c>
      <c r="G1849" t="s">
        <v>656</v>
      </c>
      <c r="H1849">
        <v>2</v>
      </c>
      <c r="I1849">
        <v>2020</v>
      </c>
    </row>
    <row r="1850" spans="1:9" x14ac:dyDescent="0.25">
      <c r="A1850">
        <v>2100</v>
      </c>
      <c r="B1850" t="s">
        <v>4551</v>
      </c>
      <c r="C1850" t="s">
        <v>684</v>
      </c>
      <c r="D1850">
        <v>22</v>
      </c>
      <c r="E1850" t="s">
        <v>4178</v>
      </c>
      <c r="F1850" t="s">
        <v>4177</v>
      </c>
      <c r="G1850" t="s">
        <v>656</v>
      </c>
      <c r="H1850">
        <v>2</v>
      </c>
      <c r="I1850">
        <v>2020</v>
      </c>
    </row>
    <row r="1851" spans="1:9" x14ac:dyDescent="0.25">
      <c r="A1851">
        <v>2101</v>
      </c>
      <c r="B1851" t="s">
        <v>2619</v>
      </c>
      <c r="C1851" t="s">
        <v>684</v>
      </c>
      <c r="D1851">
        <v>22</v>
      </c>
      <c r="E1851" t="s">
        <v>4178</v>
      </c>
      <c r="F1851" t="s">
        <v>4177</v>
      </c>
      <c r="G1851" t="s">
        <v>656</v>
      </c>
      <c r="H1851">
        <v>2</v>
      </c>
      <c r="I1851">
        <v>2020</v>
      </c>
    </row>
    <row r="1852" spans="1:9" x14ac:dyDescent="0.25">
      <c r="A1852">
        <v>2102</v>
      </c>
      <c r="B1852" t="s">
        <v>4552</v>
      </c>
      <c r="C1852" t="s">
        <v>684</v>
      </c>
      <c r="D1852">
        <v>22</v>
      </c>
      <c r="E1852" t="s">
        <v>4178</v>
      </c>
      <c r="F1852" t="s">
        <v>4177</v>
      </c>
      <c r="G1852" t="s">
        <v>656</v>
      </c>
      <c r="H1852">
        <v>2</v>
      </c>
      <c r="I1852">
        <v>2020</v>
      </c>
    </row>
    <row r="1853" spans="1:9" x14ac:dyDescent="0.25">
      <c r="A1853">
        <v>2103</v>
      </c>
      <c r="B1853" t="s">
        <v>4553</v>
      </c>
      <c r="C1853" t="s">
        <v>864</v>
      </c>
      <c r="D1853">
        <v>14</v>
      </c>
      <c r="E1853" t="s">
        <v>864</v>
      </c>
      <c r="F1853" t="s">
        <v>4171</v>
      </c>
      <c r="G1853" t="s">
        <v>656</v>
      </c>
      <c r="H1853">
        <v>2</v>
      </c>
      <c r="I1853">
        <v>2020</v>
      </c>
    </row>
    <row r="1854" spans="1:9" x14ac:dyDescent="0.25">
      <c r="A1854">
        <v>2104</v>
      </c>
      <c r="B1854" t="s">
        <v>4554</v>
      </c>
      <c r="C1854" t="s">
        <v>864</v>
      </c>
      <c r="D1854">
        <v>14</v>
      </c>
      <c r="E1854" t="s">
        <v>864</v>
      </c>
      <c r="F1854" t="s">
        <v>4171</v>
      </c>
      <c r="G1854" t="s">
        <v>656</v>
      </c>
      <c r="H1854">
        <v>2</v>
      </c>
      <c r="I1854">
        <v>2020</v>
      </c>
    </row>
    <row r="1855" spans="1:9" x14ac:dyDescent="0.25">
      <c r="A1855">
        <v>2105</v>
      </c>
      <c r="B1855" t="s">
        <v>4555</v>
      </c>
      <c r="C1855" t="s">
        <v>864</v>
      </c>
      <c r="D1855">
        <v>14</v>
      </c>
      <c r="E1855" t="s">
        <v>864</v>
      </c>
      <c r="F1855" t="s">
        <v>4171</v>
      </c>
      <c r="G1855" t="s">
        <v>656</v>
      </c>
      <c r="H1855">
        <v>2</v>
      </c>
      <c r="I1855">
        <v>2020</v>
      </c>
    </row>
    <row r="1856" spans="1:9" x14ac:dyDescent="0.25">
      <c r="A1856">
        <v>2106</v>
      </c>
      <c r="B1856" t="s">
        <v>4556</v>
      </c>
      <c r="C1856" t="s">
        <v>864</v>
      </c>
      <c r="D1856">
        <v>14</v>
      </c>
      <c r="E1856" t="s">
        <v>864</v>
      </c>
      <c r="F1856" t="s">
        <v>4171</v>
      </c>
      <c r="G1856" t="s">
        <v>656</v>
      </c>
      <c r="H1856">
        <v>2</v>
      </c>
      <c r="I1856">
        <v>2020</v>
      </c>
    </row>
    <row r="1857" spans="1:9" x14ac:dyDescent="0.25">
      <c r="A1857">
        <v>2107</v>
      </c>
      <c r="B1857" t="s">
        <v>2618</v>
      </c>
      <c r="C1857" t="s">
        <v>864</v>
      </c>
      <c r="D1857">
        <v>14</v>
      </c>
      <c r="E1857" t="s">
        <v>864</v>
      </c>
      <c r="F1857" t="s">
        <v>4171</v>
      </c>
      <c r="G1857" t="s">
        <v>656</v>
      </c>
      <c r="H1857">
        <v>2</v>
      </c>
      <c r="I1857">
        <v>2020</v>
      </c>
    </row>
    <row r="1858" spans="1:9" x14ac:dyDescent="0.25">
      <c r="A1858">
        <v>2108</v>
      </c>
      <c r="B1858" t="s">
        <v>4557</v>
      </c>
      <c r="C1858" t="s">
        <v>864</v>
      </c>
      <c r="D1858">
        <v>14</v>
      </c>
      <c r="E1858" t="s">
        <v>864</v>
      </c>
      <c r="F1858" t="s">
        <v>4171</v>
      </c>
      <c r="G1858" t="s">
        <v>656</v>
      </c>
      <c r="H1858">
        <v>2</v>
      </c>
      <c r="I1858">
        <v>2020</v>
      </c>
    </row>
    <row r="1859" spans="1:9" x14ac:dyDescent="0.25">
      <c r="A1859">
        <v>2109</v>
      </c>
      <c r="B1859" t="s">
        <v>4558</v>
      </c>
      <c r="C1859" t="s">
        <v>864</v>
      </c>
      <c r="D1859">
        <v>14</v>
      </c>
      <c r="E1859" t="s">
        <v>864</v>
      </c>
      <c r="F1859" t="s">
        <v>4171</v>
      </c>
      <c r="G1859" t="s">
        <v>656</v>
      </c>
      <c r="H1859">
        <v>2</v>
      </c>
      <c r="I1859">
        <v>2020</v>
      </c>
    </row>
    <row r="1860" spans="1:9" x14ac:dyDescent="0.25">
      <c r="A1860">
        <v>2110</v>
      </c>
      <c r="B1860" t="s">
        <v>4559</v>
      </c>
      <c r="C1860" t="s">
        <v>839</v>
      </c>
      <c r="D1860">
        <v>89</v>
      </c>
      <c r="E1860" t="s">
        <v>839</v>
      </c>
      <c r="F1860" t="s">
        <v>4168</v>
      </c>
      <c r="G1860" t="s">
        <v>656</v>
      </c>
      <c r="H1860">
        <v>2</v>
      </c>
      <c r="I1860">
        <v>2020</v>
      </c>
    </row>
    <row r="1861" spans="1:9" x14ac:dyDescent="0.25">
      <c r="A1861">
        <v>2111</v>
      </c>
      <c r="B1861" t="s">
        <v>2617</v>
      </c>
      <c r="C1861" t="s">
        <v>839</v>
      </c>
      <c r="D1861">
        <v>89</v>
      </c>
      <c r="E1861" t="s">
        <v>839</v>
      </c>
      <c r="F1861" t="s">
        <v>4168</v>
      </c>
      <c r="G1861" t="s">
        <v>656</v>
      </c>
      <c r="H1861">
        <v>2</v>
      </c>
      <c r="I1861">
        <v>2020</v>
      </c>
    </row>
    <row r="1862" spans="1:9" x14ac:dyDescent="0.25">
      <c r="A1862">
        <v>2112</v>
      </c>
      <c r="B1862" t="s">
        <v>2616</v>
      </c>
      <c r="C1862" t="s">
        <v>839</v>
      </c>
      <c r="D1862">
        <v>89</v>
      </c>
      <c r="E1862" t="s">
        <v>839</v>
      </c>
      <c r="F1862" t="s">
        <v>4168</v>
      </c>
      <c r="G1862" t="s">
        <v>656</v>
      </c>
      <c r="H1862">
        <v>2</v>
      </c>
      <c r="I1862">
        <v>2020</v>
      </c>
    </row>
    <row r="1863" spans="1:9" x14ac:dyDescent="0.25">
      <c r="A1863">
        <v>2113</v>
      </c>
      <c r="B1863" t="s">
        <v>2615</v>
      </c>
      <c r="C1863" t="s">
        <v>839</v>
      </c>
      <c r="D1863">
        <v>89</v>
      </c>
      <c r="E1863" t="s">
        <v>839</v>
      </c>
      <c r="F1863" t="s">
        <v>4168</v>
      </c>
      <c r="G1863" t="s">
        <v>656</v>
      </c>
      <c r="H1863">
        <v>2</v>
      </c>
      <c r="I1863">
        <v>2020</v>
      </c>
    </row>
    <row r="1864" spans="1:9" x14ac:dyDescent="0.25">
      <c r="A1864">
        <v>2114</v>
      </c>
      <c r="B1864" t="s">
        <v>4560</v>
      </c>
      <c r="C1864" t="s">
        <v>839</v>
      </c>
      <c r="D1864">
        <v>89</v>
      </c>
      <c r="E1864" t="s">
        <v>839</v>
      </c>
      <c r="F1864" t="s">
        <v>4168</v>
      </c>
      <c r="G1864" t="s">
        <v>656</v>
      </c>
      <c r="H1864">
        <v>2</v>
      </c>
      <c r="I1864">
        <v>2020</v>
      </c>
    </row>
    <row r="1865" spans="1:9" x14ac:dyDescent="0.25">
      <c r="A1865">
        <v>2115</v>
      </c>
      <c r="B1865" t="s">
        <v>4561</v>
      </c>
      <c r="C1865" t="s">
        <v>839</v>
      </c>
      <c r="D1865">
        <v>89</v>
      </c>
      <c r="E1865" t="s">
        <v>839</v>
      </c>
      <c r="F1865" t="s">
        <v>4168</v>
      </c>
      <c r="G1865" t="s">
        <v>656</v>
      </c>
      <c r="H1865">
        <v>2</v>
      </c>
      <c r="I1865">
        <v>2020</v>
      </c>
    </row>
    <row r="1866" spans="1:9" x14ac:dyDescent="0.25">
      <c r="A1866">
        <v>2116</v>
      </c>
      <c r="B1866" t="s">
        <v>4562</v>
      </c>
      <c r="C1866" t="s">
        <v>839</v>
      </c>
      <c r="D1866">
        <v>89</v>
      </c>
      <c r="E1866" t="s">
        <v>839</v>
      </c>
      <c r="F1866" t="s">
        <v>4168</v>
      </c>
      <c r="G1866" t="s">
        <v>656</v>
      </c>
      <c r="H1866">
        <v>2</v>
      </c>
      <c r="I1866">
        <v>2020</v>
      </c>
    </row>
    <row r="1867" spans="1:9" x14ac:dyDescent="0.25">
      <c r="A1867">
        <v>2117</v>
      </c>
      <c r="B1867" t="s">
        <v>4563</v>
      </c>
      <c r="C1867" t="s">
        <v>752</v>
      </c>
      <c r="D1867">
        <v>90</v>
      </c>
      <c r="E1867" t="s">
        <v>752</v>
      </c>
      <c r="F1867" t="s">
        <v>4168</v>
      </c>
      <c r="G1867" t="s">
        <v>656</v>
      </c>
      <c r="H1867">
        <v>2</v>
      </c>
      <c r="I1867">
        <v>2020</v>
      </c>
    </row>
    <row r="1868" spans="1:9" x14ac:dyDescent="0.25">
      <c r="A1868">
        <v>2118</v>
      </c>
      <c r="B1868" t="s">
        <v>4564</v>
      </c>
      <c r="C1868" t="s">
        <v>752</v>
      </c>
      <c r="D1868">
        <v>90</v>
      </c>
      <c r="E1868" t="s">
        <v>752</v>
      </c>
      <c r="F1868" t="s">
        <v>4168</v>
      </c>
      <c r="G1868" t="s">
        <v>656</v>
      </c>
      <c r="H1868">
        <v>2</v>
      </c>
      <c r="I1868">
        <v>2020</v>
      </c>
    </row>
    <row r="1869" spans="1:9" x14ac:dyDescent="0.25">
      <c r="A1869">
        <v>2119</v>
      </c>
      <c r="B1869" t="s">
        <v>2614</v>
      </c>
      <c r="C1869" t="s">
        <v>752</v>
      </c>
      <c r="D1869">
        <v>90</v>
      </c>
      <c r="E1869" t="s">
        <v>752</v>
      </c>
      <c r="F1869" t="s">
        <v>4168</v>
      </c>
      <c r="G1869" t="s">
        <v>656</v>
      </c>
      <c r="H1869">
        <v>2</v>
      </c>
      <c r="I1869">
        <v>2020</v>
      </c>
    </row>
    <row r="1870" spans="1:9" x14ac:dyDescent="0.25">
      <c r="A1870">
        <v>2120</v>
      </c>
      <c r="B1870" t="s">
        <v>2613</v>
      </c>
      <c r="C1870" t="s">
        <v>752</v>
      </c>
      <c r="D1870">
        <v>90</v>
      </c>
      <c r="E1870" t="s">
        <v>752</v>
      </c>
      <c r="F1870" t="s">
        <v>4168</v>
      </c>
      <c r="G1870" t="s">
        <v>656</v>
      </c>
      <c r="H1870">
        <v>2</v>
      </c>
      <c r="I1870">
        <v>2020</v>
      </c>
    </row>
    <row r="1871" spans="1:9" x14ac:dyDescent="0.25">
      <c r="A1871">
        <v>2121</v>
      </c>
      <c r="B1871" t="s">
        <v>4565</v>
      </c>
      <c r="C1871" t="s">
        <v>752</v>
      </c>
      <c r="D1871">
        <v>90</v>
      </c>
      <c r="E1871" t="s">
        <v>752</v>
      </c>
      <c r="F1871" t="s">
        <v>4168</v>
      </c>
      <c r="G1871" t="s">
        <v>656</v>
      </c>
      <c r="H1871">
        <v>2</v>
      </c>
      <c r="I1871">
        <v>2020</v>
      </c>
    </row>
    <row r="1872" spans="1:9" x14ac:dyDescent="0.25">
      <c r="A1872">
        <v>2122</v>
      </c>
      <c r="B1872" t="s">
        <v>2612</v>
      </c>
      <c r="C1872" t="s">
        <v>705</v>
      </c>
      <c r="D1872">
        <v>70</v>
      </c>
      <c r="E1872" t="s">
        <v>4193</v>
      </c>
      <c r="F1872" t="s">
        <v>4189</v>
      </c>
      <c r="G1872" t="s">
        <v>656</v>
      </c>
      <c r="H1872">
        <v>2</v>
      </c>
      <c r="I1872">
        <v>2020</v>
      </c>
    </row>
    <row r="1873" spans="1:9" x14ac:dyDescent="0.25">
      <c r="A1873">
        <v>2123</v>
      </c>
      <c r="B1873" t="s">
        <v>4566</v>
      </c>
      <c r="C1873" t="s">
        <v>705</v>
      </c>
      <c r="D1873">
        <v>70</v>
      </c>
      <c r="E1873" t="s">
        <v>4193</v>
      </c>
      <c r="F1873" t="s">
        <v>4189</v>
      </c>
      <c r="G1873" t="s">
        <v>656</v>
      </c>
      <c r="H1873">
        <v>2</v>
      </c>
      <c r="I1873">
        <v>2020</v>
      </c>
    </row>
    <row r="1874" spans="1:9" x14ac:dyDescent="0.25">
      <c r="A1874">
        <v>2124</v>
      </c>
      <c r="B1874" t="s">
        <v>4567</v>
      </c>
      <c r="C1874" t="s">
        <v>705</v>
      </c>
      <c r="D1874">
        <v>70</v>
      </c>
      <c r="E1874" t="s">
        <v>4193</v>
      </c>
      <c r="F1874" t="s">
        <v>4189</v>
      </c>
      <c r="G1874" t="s">
        <v>656</v>
      </c>
      <c r="H1874">
        <v>2</v>
      </c>
      <c r="I1874">
        <v>2020</v>
      </c>
    </row>
    <row r="1875" spans="1:9" x14ac:dyDescent="0.25">
      <c r="A1875">
        <v>2125</v>
      </c>
      <c r="B1875" t="s">
        <v>2611</v>
      </c>
      <c r="C1875" t="s">
        <v>705</v>
      </c>
      <c r="D1875">
        <v>70</v>
      </c>
      <c r="E1875" t="s">
        <v>4193</v>
      </c>
      <c r="F1875" t="s">
        <v>4189</v>
      </c>
      <c r="G1875" t="s">
        <v>656</v>
      </c>
      <c r="H1875">
        <v>2</v>
      </c>
      <c r="I1875">
        <v>2020</v>
      </c>
    </row>
    <row r="1876" spans="1:9" x14ac:dyDescent="0.25">
      <c r="A1876">
        <v>2126</v>
      </c>
      <c r="B1876" t="s">
        <v>4568</v>
      </c>
      <c r="C1876" t="s">
        <v>659</v>
      </c>
      <c r="D1876">
        <v>35</v>
      </c>
      <c r="E1876" t="s">
        <v>4175</v>
      </c>
      <c r="F1876" t="s">
        <v>4171</v>
      </c>
      <c r="G1876" t="s">
        <v>656</v>
      </c>
      <c r="H1876">
        <v>2</v>
      </c>
      <c r="I1876">
        <v>2020</v>
      </c>
    </row>
    <row r="1877" spans="1:9" x14ac:dyDescent="0.25">
      <c r="A1877">
        <v>2128</v>
      </c>
      <c r="B1877" t="s">
        <v>4569</v>
      </c>
      <c r="C1877" t="s">
        <v>659</v>
      </c>
      <c r="D1877">
        <v>35</v>
      </c>
      <c r="E1877" t="s">
        <v>4175</v>
      </c>
      <c r="F1877" t="s">
        <v>4171</v>
      </c>
      <c r="G1877" t="s">
        <v>656</v>
      </c>
      <c r="H1877">
        <v>2</v>
      </c>
      <c r="I1877">
        <v>2020</v>
      </c>
    </row>
    <row r="1878" spans="1:9" x14ac:dyDescent="0.25">
      <c r="A1878">
        <v>2129</v>
      </c>
      <c r="B1878" t="s">
        <v>2609</v>
      </c>
      <c r="C1878" t="s">
        <v>659</v>
      </c>
      <c r="D1878">
        <v>35</v>
      </c>
      <c r="E1878" t="s">
        <v>4175</v>
      </c>
      <c r="F1878" t="s">
        <v>4171</v>
      </c>
      <c r="G1878" t="s">
        <v>656</v>
      </c>
      <c r="H1878">
        <v>2</v>
      </c>
      <c r="I1878">
        <v>2020</v>
      </c>
    </row>
    <row r="1879" spans="1:9" x14ac:dyDescent="0.25">
      <c r="A1879">
        <v>2130</v>
      </c>
      <c r="B1879" t="s">
        <v>2608</v>
      </c>
      <c r="C1879" t="s">
        <v>659</v>
      </c>
      <c r="D1879">
        <v>35</v>
      </c>
      <c r="E1879" t="s">
        <v>4175</v>
      </c>
      <c r="F1879" t="s">
        <v>4171</v>
      </c>
      <c r="G1879" t="s">
        <v>656</v>
      </c>
      <c r="H1879">
        <v>2</v>
      </c>
      <c r="I1879">
        <v>2020</v>
      </c>
    </row>
    <row r="1880" spans="1:9" x14ac:dyDescent="0.25">
      <c r="A1880">
        <v>2131</v>
      </c>
      <c r="B1880" t="s">
        <v>2371</v>
      </c>
      <c r="C1880" t="s">
        <v>673</v>
      </c>
      <c r="D1880">
        <v>34</v>
      </c>
      <c r="E1880" t="s">
        <v>4175</v>
      </c>
      <c r="F1880" t="s">
        <v>4171</v>
      </c>
      <c r="G1880" t="s">
        <v>656</v>
      </c>
      <c r="H1880">
        <v>2</v>
      </c>
      <c r="I1880">
        <v>2020</v>
      </c>
    </row>
    <row r="1881" spans="1:9" x14ac:dyDescent="0.25">
      <c r="A1881">
        <v>2132</v>
      </c>
      <c r="B1881" t="s">
        <v>2607</v>
      </c>
      <c r="C1881" t="s">
        <v>673</v>
      </c>
      <c r="D1881">
        <v>34</v>
      </c>
      <c r="E1881" t="s">
        <v>4175</v>
      </c>
      <c r="F1881" t="s">
        <v>4171</v>
      </c>
      <c r="G1881" t="s">
        <v>656</v>
      </c>
      <c r="H1881">
        <v>2</v>
      </c>
      <c r="I1881">
        <v>2020</v>
      </c>
    </row>
    <row r="1882" spans="1:9" x14ac:dyDescent="0.25">
      <c r="A1882">
        <v>2133</v>
      </c>
      <c r="B1882" t="s">
        <v>2606</v>
      </c>
      <c r="C1882" t="s">
        <v>679</v>
      </c>
      <c r="D1882">
        <v>32</v>
      </c>
      <c r="E1882" t="s">
        <v>4175</v>
      </c>
      <c r="F1882" t="s">
        <v>4171</v>
      </c>
      <c r="G1882" t="s">
        <v>656</v>
      </c>
      <c r="H1882">
        <v>2</v>
      </c>
      <c r="I1882">
        <v>2020</v>
      </c>
    </row>
    <row r="1883" spans="1:9" x14ac:dyDescent="0.25">
      <c r="A1883">
        <v>2134</v>
      </c>
      <c r="B1883" t="s">
        <v>2605</v>
      </c>
      <c r="C1883" t="s">
        <v>679</v>
      </c>
      <c r="D1883">
        <v>32</v>
      </c>
      <c r="E1883" t="s">
        <v>4175</v>
      </c>
      <c r="F1883" t="s">
        <v>4171</v>
      </c>
      <c r="G1883" t="s">
        <v>656</v>
      </c>
      <c r="H1883">
        <v>2</v>
      </c>
      <c r="I1883">
        <v>2020</v>
      </c>
    </row>
    <row r="1884" spans="1:9" x14ac:dyDescent="0.25">
      <c r="A1884">
        <v>2135</v>
      </c>
      <c r="B1884" t="s">
        <v>4570</v>
      </c>
      <c r="C1884" t="s">
        <v>659</v>
      </c>
      <c r="D1884">
        <v>35</v>
      </c>
      <c r="E1884" t="s">
        <v>4175</v>
      </c>
      <c r="F1884" t="s">
        <v>4171</v>
      </c>
      <c r="G1884" t="s">
        <v>656</v>
      </c>
      <c r="H1884">
        <v>2</v>
      </c>
      <c r="I1884">
        <v>2020</v>
      </c>
    </row>
    <row r="1885" spans="1:9" x14ac:dyDescent="0.25">
      <c r="A1885">
        <v>2136</v>
      </c>
      <c r="B1885" t="s">
        <v>4571</v>
      </c>
      <c r="C1885" t="s">
        <v>659</v>
      </c>
      <c r="D1885">
        <v>35</v>
      </c>
      <c r="E1885" t="s">
        <v>4175</v>
      </c>
      <c r="F1885" t="s">
        <v>4171</v>
      </c>
      <c r="G1885" t="s">
        <v>656</v>
      </c>
      <c r="H1885">
        <v>2</v>
      </c>
      <c r="I1885">
        <v>2020</v>
      </c>
    </row>
    <row r="1886" spans="1:9" x14ac:dyDescent="0.25">
      <c r="A1886">
        <v>2138</v>
      </c>
      <c r="B1886" t="s">
        <v>2604</v>
      </c>
      <c r="C1886" t="s">
        <v>673</v>
      </c>
      <c r="D1886">
        <v>34</v>
      </c>
      <c r="E1886" t="s">
        <v>4175</v>
      </c>
      <c r="F1886" t="s">
        <v>4171</v>
      </c>
      <c r="G1886" t="s">
        <v>656</v>
      </c>
      <c r="H1886">
        <v>2</v>
      </c>
      <c r="I1886">
        <v>2020</v>
      </c>
    </row>
    <row r="1887" spans="1:9" x14ac:dyDescent="0.25">
      <c r="A1887">
        <v>2139</v>
      </c>
      <c r="B1887" t="s">
        <v>2603</v>
      </c>
      <c r="C1887" t="s">
        <v>673</v>
      </c>
      <c r="D1887">
        <v>34</v>
      </c>
      <c r="E1887" t="s">
        <v>4175</v>
      </c>
      <c r="F1887" t="s">
        <v>4171</v>
      </c>
      <c r="G1887" t="s">
        <v>656</v>
      </c>
      <c r="H1887">
        <v>2</v>
      </c>
      <c r="I1887">
        <v>2020</v>
      </c>
    </row>
    <row r="1888" spans="1:9" x14ac:dyDescent="0.25">
      <c r="A1888">
        <v>2140</v>
      </c>
      <c r="B1888" t="s">
        <v>2602</v>
      </c>
      <c r="C1888" t="s">
        <v>65</v>
      </c>
      <c r="D1888">
        <v>15</v>
      </c>
      <c r="E1888" t="s">
        <v>4176</v>
      </c>
      <c r="F1888" t="s">
        <v>4177</v>
      </c>
      <c r="G1888" t="s">
        <v>656</v>
      </c>
      <c r="H1888">
        <v>2</v>
      </c>
      <c r="I1888">
        <v>2020</v>
      </c>
    </row>
    <row r="1889" spans="1:9" x14ac:dyDescent="0.25">
      <c r="A1889">
        <v>2141</v>
      </c>
      <c r="B1889" t="s">
        <v>2601</v>
      </c>
      <c r="C1889" t="s">
        <v>65</v>
      </c>
      <c r="D1889">
        <v>15</v>
      </c>
      <c r="E1889" t="s">
        <v>4176</v>
      </c>
      <c r="F1889" t="s">
        <v>4177</v>
      </c>
      <c r="G1889" t="s">
        <v>656</v>
      </c>
      <c r="H1889">
        <v>2</v>
      </c>
      <c r="I1889">
        <v>2020</v>
      </c>
    </row>
    <row r="1890" spans="1:9" x14ac:dyDescent="0.25">
      <c r="A1890">
        <v>2142</v>
      </c>
      <c r="B1890" t="s">
        <v>2063</v>
      </c>
      <c r="C1890" t="s">
        <v>819</v>
      </c>
      <c r="D1890">
        <v>101</v>
      </c>
      <c r="E1890" t="s">
        <v>4187</v>
      </c>
      <c r="F1890" t="s">
        <v>4187</v>
      </c>
      <c r="G1890" t="s">
        <v>656</v>
      </c>
      <c r="H1890">
        <v>2</v>
      </c>
      <c r="I1890">
        <v>2020</v>
      </c>
    </row>
    <row r="1891" spans="1:9" x14ac:dyDescent="0.25">
      <c r="A1891">
        <v>2143</v>
      </c>
      <c r="B1891" t="s">
        <v>2600</v>
      </c>
      <c r="C1891" t="s">
        <v>819</v>
      </c>
      <c r="D1891">
        <v>101</v>
      </c>
      <c r="E1891" t="s">
        <v>4187</v>
      </c>
      <c r="F1891" t="s">
        <v>4187</v>
      </c>
      <c r="G1891" t="s">
        <v>656</v>
      </c>
      <c r="H1891">
        <v>2</v>
      </c>
      <c r="I1891">
        <v>2020</v>
      </c>
    </row>
    <row r="1892" spans="1:9" x14ac:dyDescent="0.25">
      <c r="A1892">
        <v>2145</v>
      </c>
      <c r="B1892" t="s">
        <v>2599</v>
      </c>
      <c r="C1892" t="s">
        <v>792</v>
      </c>
      <c r="D1892">
        <v>6</v>
      </c>
      <c r="E1892" t="s">
        <v>4169</v>
      </c>
      <c r="F1892" t="s">
        <v>4164</v>
      </c>
      <c r="G1892" t="s">
        <v>656</v>
      </c>
      <c r="H1892">
        <v>2</v>
      </c>
      <c r="I1892">
        <v>2020</v>
      </c>
    </row>
    <row r="1893" spans="1:9" x14ac:dyDescent="0.25">
      <c r="A1893">
        <v>2146</v>
      </c>
      <c r="B1893" t="s">
        <v>2598</v>
      </c>
      <c r="C1893" t="s">
        <v>792</v>
      </c>
      <c r="D1893">
        <v>6</v>
      </c>
      <c r="E1893" t="s">
        <v>4169</v>
      </c>
      <c r="F1893" t="s">
        <v>4164</v>
      </c>
      <c r="G1893" t="s">
        <v>656</v>
      </c>
      <c r="H1893">
        <v>2</v>
      </c>
      <c r="I1893">
        <v>2020</v>
      </c>
    </row>
    <row r="1894" spans="1:9" x14ac:dyDescent="0.25">
      <c r="A1894">
        <v>2147</v>
      </c>
      <c r="B1894" t="s">
        <v>2597</v>
      </c>
      <c r="C1894" t="s">
        <v>792</v>
      </c>
      <c r="D1894">
        <v>6</v>
      </c>
      <c r="E1894" t="s">
        <v>4169</v>
      </c>
      <c r="F1894" t="s">
        <v>4164</v>
      </c>
      <c r="G1894" t="s">
        <v>656</v>
      </c>
      <c r="H1894">
        <v>2</v>
      </c>
      <c r="I1894">
        <v>2020</v>
      </c>
    </row>
    <row r="1895" spans="1:9" x14ac:dyDescent="0.25">
      <c r="A1895">
        <v>2148</v>
      </c>
      <c r="B1895" t="s">
        <v>4572</v>
      </c>
      <c r="C1895" t="s">
        <v>736</v>
      </c>
      <c r="D1895">
        <v>8</v>
      </c>
      <c r="E1895" t="s">
        <v>4169</v>
      </c>
      <c r="F1895" t="s">
        <v>4164</v>
      </c>
      <c r="G1895" t="s">
        <v>656</v>
      </c>
      <c r="H1895">
        <v>2</v>
      </c>
      <c r="I1895">
        <v>2020</v>
      </c>
    </row>
    <row r="1896" spans="1:9" x14ac:dyDescent="0.25">
      <c r="A1896">
        <v>2150</v>
      </c>
      <c r="B1896" t="s">
        <v>4573</v>
      </c>
      <c r="C1896" t="s">
        <v>767</v>
      </c>
      <c r="D1896">
        <v>44</v>
      </c>
      <c r="E1896" t="s">
        <v>4191</v>
      </c>
      <c r="F1896" t="s">
        <v>4189</v>
      </c>
      <c r="G1896" t="s">
        <v>656</v>
      </c>
      <c r="H1896">
        <v>2</v>
      </c>
      <c r="I1896">
        <v>2020</v>
      </c>
    </row>
    <row r="1897" spans="1:9" x14ac:dyDescent="0.25">
      <c r="A1897">
        <v>2151</v>
      </c>
      <c r="B1897" t="s">
        <v>4574</v>
      </c>
      <c r="C1897" t="s">
        <v>797</v>
      </c>
      <c r="D1897">
        <v>65</v>
      </c>
      <c r="E1897" t="s">
        <v>4191</v>
      </c>
      <c r="F1897" t="s">
        <v>4189</v>
      </c>
      <c r="G1897" t="s">
        <v>656</v>
      </c>
      <c r="H1897">
        <v>2</v>
      </c>
      <c r="I1897">
        <v>2020</v>
      </c>
    </row>
    <row r="1898" spans="1:9" x14ac:dyDescent="0.25">
      <c r="A1898">
        <v>2152</v>
      </c>
      <c r="B1898" t="s">
        <v>2596</v>
      </c>
      <c r="C1898" t="s">
        <v>797</v>
      </c>
      <c r="D1898">
        <v>65</v>
      </c>
      <c r="E1898" t="s">
        <v>4191</v>
      </c>
      <c r="F1898" t="s">
        <v>4189</v>
      </c>
      <c r="G1898" t="s">
        <v>656</v>
      </c>
      <c r="H1898">
        <v>2</v>
      </c>
      <c r="I1898">
        <v>2020</v>
      </c>
    </row>
    <row r="1899" spans="1:9" x14ac:dyDescent="0.25">
      <c r="A1899">
        <v>2153</v>
      </c>
      <c r="B1899" t="s">
        <v>2595</v>
      </c>
      <c r="C1899" t="s">
        <v>710</v>
      </c>
      <c r="D1899">
        <v>53</v>
      </c>
      <c r="E1899" t="s">
        <v>4198</v>
      </c>
      <c r="F1899" t="s">
        <v>4189</v>
      </c>
      <c r="G1899" t="s">
        <v>656</v>
      </c>
      <c r="H1899">
        <v>2</v>
      </c>
      <c r="I1899">
        <v>2020</v>
      </c>
    </row>
    <row r="1900" spans="1:9" x14ac:dyDescent="0.25">
      <c r="A1900">
        <v>2154</v>
      </c>
      <c r="B1900" t="s">
        <v>4575</v>
      </c>
      <c r="C1900" t="s">
        <v>710</v>
      </c>
      <c r="D1900">
        <v>53</v>
      </c>
      <c r="E1900" t="s">
        <v>4198</v>
      </c>
      <c r="F1900" t="s">
        <v>4189</v>
      </c>
      <c r="G1900" t="s">
        <v>656</v>
      </c>
      <c r="H1900">
        <v>2</v>
      </c>
      <c r="I1900">
        <v>2020</v>
      </c>
    </row>
    <row r="1901" spans="1:9" x14ac:dyDescent="0.25">
      <c r="A1901">
        <v>2155</v>
      </c>
      <c r="B1901" t="s">
        <v>2301</v>
      </c>
      <c r="C1901" t="s">
        <v>714</v>
      </c>
      <c r="D1901">
        <v>52</v>
      </c>
      <c r="E1901" t="s">
        <v>4198</v>
      </c>
      <c r="F1901" t="s">
        <v>4189</v>
      </c>
      <c r="G1901" t="s">
        <v>656</v>
      </c>
      <c r="H1901">
        <v>2</v>
      </c>
      <c r="I1901">
        <v>2020</v>
      </c>
    </row>
    <row r="1902" spans="1:9" x14ac:dyDescent="0.25">
      <c r="A1902">
        <v>2156</v>
      </c>
      <c r="B1902" t="s">
        <v>2594</v>
      </c>
      <c r="C1902" t="s">
        <v>714</v>
      </c>
      <c r="D1902">
        <v>52</v>
      </c>
      <c r="E1902" t="s">
        <v>4198</v>
      </c>
      <c r="F1902" t="s">
        <v>4189</v>
      </c>
      <c r="G1902" t="s">
        <v>656</v>
      </c>
      <c r="H1902">
        <v>2</v>
      </c>
      <c r="I1902">
        <v>2020</v>
      </c>
    </row>
    <row r="1903" spans="1:9" x14ac:dyDescent="0.25">
      <c r="A1903">
        <v>2158</v>
      </c>
      <c r="B1903" t="s">
        <v>2592</v>
      </c>
      <c r="C1903" t="s">
        <v>693</v>
      </c>
      <c r="D1903">
        <v>56</v>
      </c>
      <c r="E1903" t="s">
        <v>4193</v>
      </c>
      <c r="F1903" t="s">
        <v>4189</v>
      </c>
      <c r="G1903" t="s">
        <v>656</v>
      </c>
      <c r="H1903">
        <v>2</v>
      </c>
      <c r="I1903">
        <v>2020</v>
      </c>
    </row>
    <row r="1904" spans="1:9" x14ac:dyDescent="0.25">
      <c r="A1904">
        <v>2160</v>
      </c>
      <c r="B1904" t="s">
        <v>2591</v>
      </c>
      <c r="C1904" t="s">
        <v>730</v>
      </c>
      <c r="D1904">
        <v>66</v>
      </c>
      <c r="E1904" t="s">
        <v>4193</v>
      </c>
      <c r="F1904" t="s">
        <v>4189</v>
      </c>
      <c r="G1904" t="s">
        <v>656</v>
      </c>
      <c r="H1904">
        <v>2</v>
      </c>
      <c r="I1904">
        <v>2020</v>
      </c>
    </row>
    <row r="1905" spans="1:9" x14ac:dyDescent="0.25">
      <c r="A1905">
        <v>2161</v>
      </c>
      <c r="B1905" t="s">
        <v>2590</v>
      </c>
      <c r="C1905" t="s">
        <v>730</v>
      </c>
      <c r="D1905">
        <v>66</v>
      </c>
      <c r="E1905" t="s">
        <v>4193</v>
      </c>
      <c r="F1905" t="s">
        <v>4189</v>
      </c>
      <c r="G1905" t="s">
        <v>656</v>
      </c>
      <c r="H1905">
        <v>2</v>
      </c>
      <c r="I1905">
        <v>2020</v>
      </c>
    </row>
    <row r="1906" spans="1:9" x14ac:dyDescent="0.25">
      <c r="A1906">
        <v>2162</v>
      </c>
      <c r="B1906" t="s">
        <v>2589</v>
      </c>
      <c r="C1906" t="s">
        <v>730</v>
      </c>
      <c r="D1906">
        <v>66</v>
      </c>
      <c r="E1906" t="s">
        <v>4193</v>
      </c>
      <c r="F1906" t="s">
        <v>4189</v>
      </c>
      <c r="G1906" t="s">
        <v>656</v>
      </c>
      <c r="H1906">
        <v>2</v>
      </c>
      <c r="I1906">
        <v>2020</v>
      </c>
    </row>
    <row r="1907" spans="1:9" x14ac:dyDescent="0.25">
      <c r="A1907">
        <v>2163</v>
      </c>
      <c r="B1907" t="s">
        <v>4576</v>
      </c>
      <c r="C1907" t="s">
        <v>730</v>
      </c>
      <c r="D1907">
        <v>66</v>
      </c>
      <c r="E1907" t="s">
        <v>4193</v>
      </c>
      <c r="F1907" t="s">
        <v>4189</v>
      </c>
      <c r="G1907" t="s">
        <v>656</v>
      </c>
      <c r="H1907">
        <v>2</v>
      </c>
      <c r="I1907">
        <v>2020</v>
      </c>
    </row>
    <row r="1908" spans="1:9" x14ac:dyDescent="0.25">
      <c r="A1908">
        <v>2164</v>
      </c>
      <c r="B1908" t="s">
        <v>4577</v>
      </c>
      <c r="C1908" t="s">
        <v>730</v>
      </c>
      <c r="D1908">
        <v>66</v>
      </c>
      <c r="E1908" t="s">
        <v>4193</v>
      </c>
      <c r="F1908" t="s">
        <v>4189</v>
      </c>
      <c r="G1908" t="s">
        <v>656</v>
      </c>
      <c r="H1908">
        <v>2</v>
      </c>
      <c r="I1908">
        <v>2020</v>
      </c>
    </row>
    <row r="1909" spans="1:9" x14ac:dyDescent="0.25">
      <c r="A1909">
        <v>2165</v>
      </c>
      <c r="B1909" t="s">
        <v>2588</v>
      </c>
      <c r="C1909" t="s">
        <v>730</v>
      </c>
      <c r="D1909">
        <v>66</v>
      </c>
      <c r="E1909" t="s">
        <v>4193</v>
      </c>
      <c r="F1909" t="s">
        <v>4189</v>
      </c>
      <c r="G1909" t="s">
        <v>656</v>
      </c>
      <c r="H1909">
        <v>2</v>
      </c>
      <c r="I1909">
        <v>2020</v>
      </c>
    </row>
    <row r="1910" spans="1:9" x14ac:dyDescent="0.25">
      <c r="A1910">
        <v>2166</v>
      </c>
      <c r="B1910" t="s">
        <v>1549</v>
      </c>
      <c r="C1910" t="s">
        <v>716</v>
      </c>
      <c r="D1910">
        <v>68</v>
      </c>
      <c r="E1910" t="s">
        <v>4193</v>
      </c>
      <c r="F1910" t="s">
        <v>4189</v>
      </c>
      <c r="G1910" t="s">
        <v>656</v>
      </c>
      <c r="H1910">
        <v>2</v>
      </c>
      <c r="I1910">
        <v>2020</v>
      </c>
    </row>
    <row r="1911" spans="1:9" x14ac:dyDescent="0.25">
      <c r="A1911">
        <v>2167</v>
      </c>
      <c r="B1911" t="s">
        <v>818</v>
      </c>
      <c r="C1911" t="s">
        <v>716</v>
      </c>
      <c r="D1911">
        <v>68</v>
      </c>
      <c r="E1911" t="s">
        <v>4193</v>
      </c>
      <c r="F1911" t="s">
        <v>4189</v>
      </c>
      <c r="G1911" t="s">
        <v>656</v>
      </c>
      <c r="H1911">
        <v>2</v>
      </c>
      <c r="I1911">
        <v>2020</v>
      </c>
    </row>
    <row r="1912" spans="1:9" x14ac:dyDescent="0.25">
      <c r="A1912">
        <v>2171</v>
      </c>
      <c r="B1912" t="s">
        <v>2587</v>
      </c>
      <c r="C1912" t="s">
        <v>802</v>
      </c>
      <c r="D1912">
        <v>12</v>
      </c>
      <c r="E1912" t="s">
        <v>802</v>
      </c>
      <c r="F1912" t="s">
        <v>4171</v>
      </c>
      <c r="G1912" t="s">
        <v>656</v>
      </c>
      <c r="H1912">
        <v>2</v>
      </c>
      <c r="I1912">
        <v>2020</v>
      </c>
    </row>
    <row r="1913" spans="1:9" x14ac:dyDescent="0.25">
      <c r="A1913">
        <v>2172</v>
      </c>
      <c r="B1913" t="s">
        <v>2586</v>
      </c>
      <c r="C1913" t="s">
        <v>756</v>
      </c>
      <c r="D1913">
        <v>19</v>
      </c>
      <c r="E1913" t="s">
        <v>894</v>
      </c>
      <c r="F1913" t="s">
        <v>4177</v>
      </c>
      <c r="G1913" t="s">
        <v>656</v>
      </c>
      <c r="H1913">
        <v>2</v>
      </c>
      <c r="I1913">
        <v>2020</v>
      </c>
    </row>
    <row r="1914" spans="1:9" x14ac:dyDescent="0.25">
      <c r="A1914">
        <v>2174</v>
      </c>
      <c r="B1914" t="s">
        <v>2583</v>
      </c>
      <c r="C1914" t="s">
        <v>894</v>
      </c>
      <c r="D1914">
        <v>18</v>
      </c>
      <c r="E1914" t="s">
        <v>894</v>
      </c>
      <c r="F1914" t="s">
        <v>4177</v>
      </c>
      <c r="G1914" t="s">
        <v>656</v>
      </c>
      <c r="H1914">
        <v>2</v>
      </c>
      <c r="I1914">
        <v>2020</v>
      </c>
    </row>
    <row r="1915" spans="1:9" x14ac:dyDescent="0.25">
      <c r="A1915">
        <v>2175</v>
      </c>
      <c r="B1915" t="s">
        <v>2582</v>
      </c>
      <c r="C1915" t="s">
        <v>663</v>
      </c>
      <c r="D1915">
        <v>99</v>
      </c>
      <c r="E1915" t="s">
        <v>663</v>
      </c>
      <c r="F1915" t="s">
        <v>4171</v>
      </c>
      <c r="G1915" t="s">
        <v>656</v>
      </c>
      <c r="H1915">
        <v>2</v>
      </c>
      <c r="I1915">
        <v>2020</v>
      </c>
    </row>
    <row r="1916" spans="1:9" x14ac:dyDescent="0.25">
      <c r="A1916">
        <v>2176</v>
      </c>
      <c r="B1916" t="s">
        <v>2581</v>
      </c>
      <c r="C1916" t="s">
        <v>663</v>
      </c>
      <c r="D1916">
        <v>99</v>
      </c>
      <c r="E1916" t="s">
        <v>663</v>
      </c>
      <c r="F1916" t="s">
        <v>4171</v>
      </c>
      <c r="G1916" t="s">
        <v>656</v>
      </c>
      <c r="H1916">
        <v>2</v>
      </c>
      <c r="I1916">
        <v>2020</v>
      </c>
    </row>
    <row r="1917" spans="1:9" x14ac:dyDescent="0.25">
      <c r="A1917">
        <v>2177</v>
      </c>
      <c r="B1917" t="s">
        <v>2580</v>
      </c>
      <c r="C1917" t="s">
        <v>663</v>
      </c>
      <c r="D1917">
        <v>99</v>
      </c>
      <c r="E1917" t="s">
        <v>663</v>
      </c>
      <c r="F1917" t="s">
        <v>4171</v>
      </c>
      <c r="G1917" t="s">
        <v>656</v>
      </c>
      <c r="H1917">
        <v>2</v>
      </c>
      <c r="I1917">
        <v>2020</v>
      </c>
    </row>
    <row r="1918" spans="1:9" x14ac:dyDescent="0.25">
      <c r="A1918">
        <v>2178</v>
      </c>
      <c r="B1918" t="s">
        <v>2579</v>
      </c>
      <c r="C1918" t="s">
        <v>839</v>
      </c>
      <c r="D1918">
        <v>89</v>
      </c>
      <c r="E1918" t="s">
        <v>839</v>
      </c>
      <c r="F1918" t="s">
        <v>4168</v>
      </c>
      <c r="G1918" t="s">
        <v>656</v>
      </c>
      <c r="H1918">
        <v>2</v>
      </c>
      <c r="I1918">
        <v>2020</v>
      </c>
    </row>
    <row r="1919" spans="1:9" x14ac:dyDescent="0.25">
      <c r="A1919">
        <v>2179</v>
      </c>
      <c r="B1919" t="s">
        <v>2578</v>
      </c>
      <c r="C1919" t="s">
        <v>909</v>
      </c>
      <c r="D1919">
        <v>39</v>
      </c>
      <c r="E1919" t="s">
        <v>4188</v>
      </c>
      <c r="F1919" t="s">
        <v>4189</v>
      </c>
      <c r="G1919" t="s">
        <v>656</v>
      </c>
      <c r="H1919">
        <v>2</v>
      </c>
      <c r="I1919">
        <v>2020</v>
      </c>
    </row>
    <row r="1920" spans="1:9" x14ac:dyDescent="0.25">
      <c r="A1920">
        <v>2180</v>
      </c>
      <c r="B1920" t="s">
        <v>2577</v>
      </c>
      <c r="C1920" t="s">
        <v>794</v>
      </c>
      <c r="D1920">
        <v>40</v>
      </c>
      <c r="E1920" t="s">
        <v>4188</v>
      </c>
      <c r="F1920" t="s">
        <v>4189</v>
      </c>
      <c r="G1920" t="s">
        <v>656</v>
      </c>
      <c r="H1920">
        <v>2</v>
      </c>
      <c r="I1920">
        <v>2020</v>
      </c>
    </row>
    <row r="1921" spans="1:9" x14ac:dyDescent="0.25">
      <c r="A1921">
        <v>2181</v>
      </c>
      <c r="B1921" t="s">
        <v>2576</v>
      </c>
      <c r="C1921" t="s">
        <v>678</v>
      </c>
      <c r="D1921">
        <v>41</v>
      </c>
      <c r="E1921" t="s">
        <v>4188</v>
      </c>
      <c r="F1921" t="s">
        <v>4189</v>
      </c>
      <c r="G1921" t="s">
        <v>656</v>
      </c>
      <c r="H1921">
        <v>2</v>
      </c>
      <c r="I1921">
        <v>2020</v>
      </c>
    </row>
    <row r="1922" spans="1:9" x14ac:dyDescent="0.25">
      <c r="A1922">
        <v>2182</v>
      </c>
      <c r="B1922" t="s">
        <v>4578</v>
      </c>
      <c r="C1922" t="s">
        <v>848</v>
      </c>
      <c r="D1922">
        <v>62</v>
      </c>
      <c r="E1922" t="s">
        <v>4193</v>
      </c>
      <c r="F1922" t="s">
        <v>4189</v>
      </c>
      <c r="G1922" t="s">
        <v>656</v>
      </c>
      <c r="H1922">
        <v>2</v>
      </c>
      <c r="I1922">
        <v>2020</v>
      </c>
    </row>
    <row r="1923" spans="1:9" x14ac:dyDescent="0.25">
      <c r="A1923">
        <v>2183</v>
      </c>
      <c r="B1923" t="s">
        <v>4579</v>
      </c>
      <c r="C1923" t="s">
        <v>848</v>
      </c>
      <c r="D1923">
        <v>62</v>
      </c>
      <c r="E1923" t="s">
        <v>4193</v>
      </c>
      <c r="F1923" t="s">
        <v>4189</v>
      </c>
      <c r="G1923" t="s">
        <v>656</v>
      </c>
      <c r="H1923">
        <v>2</v>
      </c>
      <c r="I1923">
        <v>2020</v>
      </c>
    </row>
    <row r="1924" spans="1:9" x14ac:dyDescent="0.25">
      <c r="A1924">
        <v>2184</v>
      </c>
      <c r="B1924" t="s">
        <v>4580</v>
      </c>
      <c r="C1924" t="s">
        <v>848</v>
      </c>
      <c r="D1924">
        <v>62</v>
      </c>
      <c r="E1924" t="s">
        <v>4193</v>
      </c>
      <c r="F1924" t="s">
        <v>4189</v>
      </c>
      <c r="G1924" t="s">
        <v>656</v>
      </c>
      <c r="H1924">
        <v>2</v>
      </c>
      <c r="I1924">
        <v>2020</v>
      </c>
    </row>
    <row r="1925" spans="1:9" x14ac:dyDescent="0.25">
      <c r="A1925">
        <v>2185</v>
      </c>
      <c r="B1925" t="s">
        <v>2575</v>
      </c>
      <c r="C1925" t="s">
        <v>848</v>
      </c>
      <c r="D1925">
        <v>62</v>
      </c>
      <c r="E1925" t="s">
        <v>4193</v>
      </c>
      <c r="F1925" t="s">
        <v>4189</v>
      </c>
      <c r="G1925" t="s">
        <v>656</v>
      </c>
      <c r="H1925">
        <v>2</v>
      </c>
      <c r="I1925">
        <v>2020</v>
      </c>
    </row>
    <row r="1926" spans="1:9" x14ac:dyDescent="0.25">
      <c r="A1926">
        <v>2186</v>
      </c>
      <c r="B1926" t="s">
        <v>2574</v>
      </c>
      <c r="C1926" t="s">
        <v>848</v>
      </c>
      <c r="D1926">
        <v>62</v>
      </c>
      <c r="E1926" t="s">
        <v>4193</v>
      </c>
      <c r="F1926" t="s">
        <v>4189</v>
      </c>
      <c r="G1926" t="s">
        <v>656</v>
      </c>
      <c r="H1926">
        <v>2</v>
      </c>
      <c r="I1926">
        <v>2020</v>
      </c>
    </row>
    <row r="1927" spans="1:9" x14ac:dyDescent="0.25">
      <c r="A1927">
        <v>2187</v>
      </c>
      <c r="B1927" t="s">
        <v>2573</v>
      </c>
      <c r="C1927" t="s">
        <v>880</v>
      </c>
      <c r="D1927">
        <v>58</v>
      </c>
      <c r="E1927" t="s">
        <v>4188</v>
      </c>
      <c r="F1927" t="s">
        <v>4189</v>
      </c>
      <c r="G1927" t="s">
        <v>656</v>
      </c>
      <c r="H1927">
        <v>2</v>
      </c>
      <c r="I1927">
        <v>2020</v>
      </c>
    </row>
    <row r="1928" spans="1:9" x14ac:dyDescent="0.25">
      <c r="A1928">
        <v>2189</v>
      </c>
      <c r="B1928" t="s">
        <v>2572</v>
      </c>
      <c r="C1928" t="s">
        <v>831</v>
      </c>
      <c r="D1928">
        <v>5</v>
      </c>
      <c r="E1928" t="s">
        <v>831</v>
      </c>
      <c r="F1928" t="s">
        <v>4168</v>
      </c>
      <c r="G1928" t="s">
        <v>656</v>
      </c>
      <c r="H1928">
        <v>2</v>
      </c>
      <c r="I1928">
        <v>2020</v>
      </c>
    </row>
    <row r="1929" spans="1:9" x14ac:dyDescent="0.25">
      <c r="A1929">
        <v>2190</v>
      </c>
      <c r="B1929" t="s">
        <v>2571</v>
      </c>
      <c r="C1929" t="s">
        <v>897</v>
      </c>
      <c r="D1929">
        <v>3</v>
      </c>
      <c r="E1929" t="s">
        <v>4165</v>
      </c>
      <c r="F1929" t="s">
        <v>4164</v>
      </c>
      <c r="G1929" t="s">
        <v>656</v>
      </c>
      <c r="H1929">
        <v>2</v>
      </c>
      <c r="I1929">
        <v>2020</v>
      </c>
    </row>
    <row r="1930" spans="1:9" x14ac:dyDescent="0.25">
      <c r="A1930">
        <v>2191</v>
      </c>
      <c r="B1930" t="s">
        <v>2570</v>
      </c>
      <c r="C1930" t="s">
        <v>726</v>
      </c>
      <c r="D1930">
        <v>2</v>
      </c>
      <c r="E1930" t="s">
        <v>726</v>
      </c>
      <c r="F1930" t="s">
        <v>4164</v>
      </c>
      <c r="G1930" t="s">
        <v>656</v>
      </c>
      <c r="H1930">
        <v>2</v>
      </c>
      <c r="I1930">
        <v>2020</v>
      </c>
    </row>
    <row r="1931" spans="1:9" x14ac:dyDescent="0.25">
      <c r="A1931">
        <v>2195</v>
      </c>
      <c r="B1931" t="s">
        <v>2568</v>
      </c>
      <c r="C1931" t="s">
        <v>301</v>
      </c>
      <c r="D1931">
        <v>26</v>
      </c>
      <c r="E1931" t="s">
        <v>4179</v>
      </c>
      <c r="F1931" t="s">
        <v>4177</v>
      </c>
      <c r="G1931" t="s">
        <v>656</v>
      </c>
      <c r="H1931">
        <v>2</v>
      </c>
      <c r="I1931">
        <v>2020</v>
      </c>
    </row>
    <row r="1932" spans="1:9" x14ac:dyDescent="0.25">
      <c r="A1932">
        <v>2196</v>
      </c>
      <c r="B1932" t="s">
        <v>2567</v>
      </c>
      <c r="C1932" t="s">
        <v>301</v>
      </c>
      <c r="D1932">
        <v>26</v>
      </c>
      <c r="E1932" t="s">
        <v>4179</v>
      </c>
      <c r="F1932" t="s">
        <v>4177</v>
      </c>
      <c r="G1932" t="s">
        <v>656</v>
      </c>
      <c r="H1932">
        <v>2</v>
      </c>
      <c r="I1932">
        <v>2020</v>
      </c>
    </row>
    <row r="1933" spans="1:9" x14ac:dyDescent="0.25">
      <c r="A1933">
        <v>2197</v>
      </c>
      <c r="B1933" t="s">
        <v>2566</v>
      </c>
      <c r="C1933" t="s">
        <v>299</v>
      </c>
      <c r="D1933">
        <v>27</v>
      </c>
      <c r="E1933" t="s">
        <v>4179</v>
      </c>
      <c r="F1933" t="s">
        <v>4177</v>
      </c>
      <c r="G1933" t="s">
        <v>656</v>
      </c>
      <c r="H1933">
        <v>2</v>
      </c>
      <c r="I1933">
        <v>2020</v>
      </c>
    </row>
    <row r="1934" spans="1:9" x14ac:dyDescent="0.25">
      <c r="A1934">
        <v>2198</v>
      </c>
      <c r="B1934" t="s">
        <v>2088</v>
      </c>
      <c r="C1934" t="s">
        <v>955</v>
      </c>
      <c r="D1934">
        <v>29</v>
      </c>
      <c r="E1934" t="s">
        <v>4179</v>
      </c>
      <c r="F1934" t="s">
        <v>4177</v>
      </c>
      <c r="G1934" t="s">
        <v>656</v>
      </c>
      <c r="H1934">
        <v>2</v>
      </c>
      <c r="I1934">
        <v>2020</v>
      </c>
    </row>
    <row r="1935" spans="1:9" x14ac:dyDescent="0.25">
      <c r="A1935">
        <v>2199</v>
      </c>
      <c r="B1935" t="s">
        <v>2565</v>
      </c>
      <c r="C1935" t="s">
        <v>955</v>
      </c>
      <c r="D1935">
        <v>29</v>
      </c>
      <c r="E1935" t="s">
        <v>4179</v>
      </c>
      <c r="F1935" t="s">
        <v>4177</v>
      </c>
      <c r="G1935" t="s">
        <v>656</v>
      </c>
      <c r="H1935">
        <v>2</v>
      </c>
      <c r="I1935">
        <v>2020</v>
      </c>
    </row>
    <row r="1936" spans="1:9" x14ac:dyDescent="0.25">
      <c r="A1936">
        <v>2200</v>
      </c>
      <c r="B1936" t="s">
        <v>2086</v>
      </c>
      <c r="C1936" t="s">
        <v>807</v>
      </c>
      <c r="D1936">
        <v>25</v>
      </c>
      <c r="E1936" t="s">
        <v>4179</v>
      </c>
      <c r="F1936" t="s">
        <v>4177</v>
      </c>
      <c r="G1936" t="s">
        <v>656</v>
      </c>
      <c r="H1936">
        <v>2</v>
      </c>
      <c r="I1936">
        <v>2020</v>
      </c>
    </row>
    <row r="1937" spans="1:9" x14ac:dyDescent="0.25">
      <c r="A1937">
        <v>2201</v>
      </c>
      <c r="B1937" t="s">
        <v>4581</v>
      </c>
      <c r="C1937" t="s">
        <v>295</v>
      </c>
      <c r="D1937">
        <v>30</v>
      </c>
      <c r="E1937" t="s">
        <v>4179</v>
      </c>
      <c r="F1937" t="s">
        <v>4177</v>
      </c>
      <c r="G1937" t="s">
        <v>656</v>
      </c>
      <c r="H1937">
        <v>2</v>
      </c>
      <c r="I1937">
        <v>2020</v>
      </c>
    </row>
    <row r="1938" spans="1:9" x14ac:dyDescent="0.25">
      <c r="A1938">
        <v>2202</v>
      </c>
      <c r="B1938" t="s">
        <v>4582</v>
      </c>
      <c r="C1938" t="s">
        <v>703</v>
      </c>
      <c r="D1938">
        <v>16</v>
      </c>
      <c r="E1938" t="s">
        <v>703</v>
      </c>
      <c r="F1938" t="s">
        <v>4177</v>
      </c>
      <c r="G1938" t="s">
        <v>656</v>
      </c>
      <c r="H1938">
        <v>2</v>
      </c>
      <c r="I1938">
        <v>2020</v>
      </c>
    </row>
    <row r="1939" spans="1:9" x14ac:dyDescent="0.25">
      <c r="A1939">
        <v>2203</v>
      </c>
      <c r="B1939" t="s">
        <v>2191</v>
      </c>
      <c r="C1939" t="s">
        <v>703</v>
      </c>
      <c r="D1939">
        <v>16</v>
      </c>
      <c r="E1939" t="s">
        <v>703</v>
      </c>
      <c r="F1939" t="s">
        <v>4177</v>
      </c>
      <c r="G1939" t="s">
        <v>656</v>
      </c>
      <c r="H1939">
        <v>2</v>
      </c>
      <c r="I1939">
        <v>2020</v>
      </c>
    </row>
    <row r="1940" spans="1:9" x14ac:dyDescent="0.25">
      <c r="A1940">
        <v>2204</v>
      </c>
      <c r="B1940" t="s">
        <v>2564</v>
      </c>
      <c r="C1940" t="s">
        <v>703</v>
      </c>
      <c r="D1940">
        <v>16</v>
      </c>
      <c r="E1940" t="s">
        <v>703</v>
      </c>
      <c r="F1940" t="s">
        <v>4177</v>
      </c>
      <c r="G1940" t="s">
        <v>656</v>
      </c>
      <c r="H1940">
        <v>2</v>
      </c>
      <c r="I1940">
        <v>2020</v>
      </c>
    </row>
    <row r="1941" spans="1:9" x14ac:dyDescent="0.25">
      <c r="A1941">
        <v>2205</v>
      </c>
      <c r="B1941" t="s">
        <v>4583</v>
      </c>
      <c r="C1941" t="s">
        <v>703</v>
      </c>
      <c r="D1941">
        <v>16</v>
      </c>
      <c r="E1941" t="s">
        <v>703</v>
      </c>
      <c r="F1941" t="s">
        <v>4177</v>
      </c>
      <c r="G1941" t="s">
        <v>656</v>
      </c>
      <c r="H1941">
        <v>2</v>
      </c>
      <c r="I1941">
        <v>2020</v>
      </c>
    </row>
    <row r="1942" spans="1:9" x14ac:dyDescent="0.25">
      <c r="A1942">
        <v>2206</v>
      </c>
      <c r="B1942" t="s">
        <v>2562</v>
      </c>
      <c r="C1942" t="s">
        <v>684</v>
      </c>
      <c r="D1942">
        <v>22</v>
      </c>
      <c r="E1942" t="s">
        <v>4178</v>
      </c>
      <c r="F1942" t="s">
        <v>4177</v>
      </c>
      <c r="G1942" t="s">
        <v>656</v>
      </c>
      <c r="H1942">
        <v>2</v>
      </c>
      <c r="I1942">
        <v>2020</v>
      </c>
    </row>
    <row r="1943" spans="1:9" x14ac:dyDescent="0.25">
      <c r="A1943">
        <v>2207</v>
      </c>
      <c r="B1943" t="s">
        <v>4584</v>
      </c>
      <c r="C1943" t="s">
        <v>864</v>
      </c>
      <c r="D1943">
        <v>14</v>
      </c>
      <c r="E1943" t="s">
        <v>864</v>
      </c>
      <c r="F1943" t="s">
        <v>4171</v>
      </c>
      <c r="G1943" t="s">
        <v>656</v>
      </c>
      <c r="H1943">
        <v>2</v>
      </c>
      <c r="I1943">
        <v>2020</v>
      </c>
    </row>
    <row r="1944" spans="1:9" x14ac:dyDescent="0.25">
      <c r="A1944">
        <v>2208</v>
      </c>
      <c r="B1944" t="s">
        <v>2561</v>
      </c>
      <c r="C1944" t="s">
        <v>864</v>
      </c>
      <c r="D1944">
        <v>14</v>
      </c>
      <c r="E1944" t="s">
        <v>864</v>
      </c>
      <c r="F1944" t="s">
        <v>4171</v>
      </c>
      <c r="G1944" t="s">
        <v>656</v>
      </c>
      <c r="H1944">
        <v>2</v>
      </c>
      <c r="I1944">
        <v>2020</v>
      </c>
    </row>
    <row r="1945" spans="1:9" x14ac:dyDescent="0.25">
      <c r="A1945">
        <v>2209</v>
      </c>
      <c r="B1945" t="s">
        <v>2560</v>
      </c>
      <c r="C1945" t="s">
        <v>864</v>
      </c>
      <c r="D1945">
        <v>14</v>
      </c>
      <c r="E1945" t="s">
        <v>864</v>
      </c>
      <c r="F1945" t="s">
        <v>4171</v>
      </c>
      <c r="G1945" t="s">
        <v>656</v>
      </c>
      <c r="H1945">
        <v>2</v>
      </c>
      <c r="I1945">
        <v>2020</v>
      </c>
    </row>
    <row r="1946" spans="1:9" x14ac:dyDescent="0.25">
      <c r="A1946">
        <v>2210</v>
      </c>
      <c r="B1946" t="s">
        <v>2559</v>
      </c>
      <c r="C1946" t="s">
        <v>1022</v>
      </c>
      <c r="D1946">
        <v>85</v>
      </c>
      <c r="E1946" t="s">
        <v>1080</v>
      </c>
      <c r="F1946" t="s">
        <v>4189</v>
      </c>
      <c r="G1946" t="s">
        <v>656</v>
      </c>
      <c r="H1946">
        <v>2</v>
      </c>
      <c r="I1946">
        <v>2020</v>
      </c>
    </row>
    <row r="1947" spans="1:9" x14ac:dyDescent="0.25">
      <c r="A1947">
        <v>2211</v>
      </c>
      <c r="B1947" t="s">
        <v>2558</v>
      </c>
      <c r="C1947" t="s">
        <v>707</v>
      </c>
      <c r="D1947">
        <v>59</v>
      </c>
      <c r="E1947" t="s">
        <v>980</v>
      </c>
      <c r="F1947" t="s">
        <v>4189</v>
      </c>
      <c r="G1947" t="s">
        <v>656</v>
      </c>
      <c r="H1947">
        <v>2</v>
      </c>
      <c r="I1947">
        <v>2020</v>
      </c>
    </row>
    <row r="1948" spans="1:9" x14ac:dyDescent="0.25">
      <c r="A1948">
        <v>2213</v>
      </c>
      <c r="B1948" t="s">
        <v>2556</v>
      </c>
      <c r="C1948" t="s">
        <v>1055</v>
      </c>
      <c r="D1948">
        <v>69</v>
      </c>
      <c r="E1948" t="s">
        <v>4194</v>
      </c>
      <c r="F1948" t="s">
        <v>4189</v>
      </c>
      <c r="G1948" t="s">
        <v>656</v>
      </c>
      <c r="H1948">
        <v>2</v>
      </c>
      <c r="I1948">
        <v>2020</v>
      </c>
    </row>
    <row r="1949" spans="1:9" x14ac:dyDescent="0.25">
      <c r="A1949">
        <v>2214</v>
      </c>
      <c r="B1949" t="s">
        <v>1056</v>
      </c>
      <c r="C1949" t="s">
        <v>1022</v>
      </c>
      <c r="D1949">
        <v>85</v>
      </c>
      <c r="E1949" t="s">
        <v>1080</v>
      </c>
      <c r="F1949" t="s">
        <v>4189</v>
      </c>
      <c r="G1949" t="s">
        <v>656</v>
      </c>
      <c r="H1949">
        <v>2</v>
      </c>
      <c r="I1949">
        <v>2020</v>
      </c>
    </row>
    <row r="1950" spans="1:9" x14ac:dyDescent="0.25">
      <c r="A1950">
        <v>2215</v>
      </c>
      <c r="B1950" t="s">
        <v>4585</v>
      </c>
      <c r="C1950" t="s">
        <v>848</v>
      </c>
      <c r="D1950">
        <v>62</v>
      </c>
      <c r="E1950" t="s">
        <v>4193</v>
      </c>
      <c r="F1950" t="s">
        <v>4189</v>
      </c>
      <c r="G1950" t="s">
        <v>656</v>
      </c>
      <c r="H1950">
        <v>2</v>
      </c>
      <c r="I1950">
        <v>2020</v>
      </c>
    </row>
    <row r="1951" spans="1:9" x14ac:dyDescent="0.25">
      <c r="A1951">
        <v>2216</v>
      </c>
      <c r="B1951" t="s">
        <v>2554</v>
      </c>
      <c r="C1951" t="s">
        <v>730</v>
      </c>
      <c r="D1951">
        <v>66</v>
      </c>
      <c r="E1951" t="s">
        <v>4193</v>
      </c>
      <c r="F1951" t="s">
        <v>4189</v>
      </c>
      <c r="G1951" t="s">
        <v>656</v>
      </c>
      <c r="H1951">
        <v>2</v>
      </c>
      <c r="I1951">
        <v>2020</v>
      </c>
    </row>
    <row r="1952" spans="1:9" x14ac:dyDescent="0.25">
      <c r="A1952">
        <v>2217</v>
      </c>
      <c r="B1952" t="s">
        <v>2553</v>
      </c>
      <c r="C1952" t="s">
        <v>767</v>
      </c>
      <c r="D1952">
        <v>44</v>
      </c>
      <c r="E1952" t="s">
        <v>4191</v>
      </c>
      <c r="F1952" t="s">
        <v>4189</v>
      </c>
      <c r="G1952" t="s">
        <v>656</v>
      </c>
      <c r="H1952">
        <v>2</v>
      </c>
      <c r="I1952">
        <v>2020</v>
      </c>
    </row>
    <row r="1953" spans="1:9" x14ac:dyDescent="0.25">
      <c r="A1953">
        <v>2218</v>
      </c>
      <c r="B1953" t="s">
        <v>2552</v>
      </c>
      <c r="C1953" t="s">
        <v>797</v>
      </c>
      <c r="D1953">
        <v>65</v>
      </c>
      <c r="E1953" t="s">
        <v>4191</v>
      </c>
      <c r="F1953" t="s">
        <v>4189</v>
      </c>
      <c r="G1953" t="s">
        <v>656</v>
      </c>
      <c r="H1953">
        <v>2</v>
      </c>
      <c r="I1953">
        <v>2020</v>
      </c>
    </row>
    <row r="1954" spans="1:9" x14ac:dyDescent="0.25">
      <c r="A1954">
        <v>2219</v>
      </c>
      <c r="B1954" t="s">
        <v>2551</v>
      </c>
      <c r="C1954" t="s">
        <v>714</v>
      </c>
      <c r="D1954">
        <v>52</v>
      </c>
      <c r="E1954" t="s">
        <v>4198</v>
      </c>
      <c r="F1954" t="s">
        <v>4189</v>
      </c>
      <c r="G1954" t="s">
        <v>656</v>
      </c>
      <c r="H1954">
        <v>2</v>
      </c>
      <c r="I1954">
        <v>2020</v>
      </c>
    </row>
    <row r="1955" spans="1:9" x14ac:dyDescent="0.25">
      <c r="A1955">
        <v>2220</v>
      </c>
      <c r="B1955" t="s">
        <v>2550</v>
      </c>
      <c r="C1955" t="s">
        <v>714</v>
      </c>
      <c r="D1955">
        <v>52</v>
      </c>
      <c r="E1955" t="s">
        <v>4198</v>
      </c>
      <c r="F1955" t="s">
        <v>4189</v>
      </c>
      <c r="G1955" t="s">
        <v>656</v>
      </c>
      <c r="H1955">
        <v>2</v>
      </c>
      <c r="I1955">
        <v>2020</v>
      </c>
    </row>
    <row r="1956" spans="1:9" x14ac:dyDescent="0.25">
      <c r="A1956">
        <v>2221</v>
      </c>
      <c r="B1956" t="s">
        <v>2549</v>
      </c>
      <c r="C1956" t="s">
        <v>738</v>
      </c>
      <c r="D1956">
        <v>61</v>
      </c>
      <c r="E1956" t="s">
        <v>4193</v>
      </c>
      <c r="F1956" t="s">
        <v>4189</v>
      </c>
      <c r="G1956" t="s">
        <v>656</v>
      </c>
      <c r="H1956">
        <v>2</v>
      </c>
      <c r="I1956">
        <v>2020</v>
      </c>
    </row>
    <row r="1957" spans="1:9" x14ac:dyDescent="0.25">
      <c r="A1957">
        <v>2222</v>
      </c>
      <c r="B1957" t="s">
        <v>2548</v>
      </c>
      <c r="C1957" t="s">
        <v>738</v>
      </c>
      <c r="D1957">
        <v>61</v>
      </c>
      <c r="E1957" t="s">
        <v>4193</v>
      </c>
      <c r="F1957" t="s">
        <v>4189</v>
      </c>
      <c r="G1957" t="s">
        <v>656</v>
      </c>
      <c r="H1957">
        <v>2</v>
      </c>
      <c r="I1957">
        <v>2020</v>
      </c>
    </row>
    <row r="1958" spans="1:9" x14ac:dyDescent="0.25">
      <c r="A1958">
        <v>2223</v>
      </c>
      <c r="B1958" t="s">
        <v>2547</v>
      </c>
      <c r="C1958" t="s">
        <v>295</v>
      </c>
      <c r="D1958">
        <v>30</v>
      </c>
      <c r="E1958" t="s">
        <v>4179</v>
      </c>
      <c r="F1958" t="s">
        <v>4177</v>
      </c>
      <c r="G1958" t="s">
        <v>656</v>
      </c>
      <c r="H1958">
        <v>2</v>
      </c>
      <c r="I1958">
        <v>2020</v>
      </c>
    </row>
    <row r="1959" spans="1:9" x14ac:dyDescent="0.25">
      <c r="A1959">
        <v>2224</v>
      </c>
      <c r="B1959" t="s">
        <v>1986</v>
      </c>
      <c r="C1959" t="s">
        <v>807</v>
      </c>
      <c r="D1959">
        <v>25</v>
      </c>
      <c r="E1959" t="s">
        <v>4179</v>
      </c>
      <c r="F1959" t="s">
        <v>4177</v>
      </c>
      <c r="G1959" t="s">
        <v>656</v>
      </c>
      <c r="H1959">
        <v>2</v>
      </c>
      <c r="I1959">
        <v>2020</v>
      </c>
    </row>
    <row r="1960" spans="1:9" x14ac:dyDescent="0.25">
      <c r="A1960">
        <v>2226</v>
      </c>
      <c r="B1960" t="s">
        <v>4586</v>
      </c>
      <c r="C1960" t="s">
        <v>831</v>
      </c>
      <c r="D1960">
        <v>5</v>
      </c>
      <c r="E1960" t="s">
        <v>831</v>
      </c>
      <c r="F1960" t="s">
        <v>4168</v>
      </c>
      <c r="G1960" t="s">
        <v>656</v>
      </c>
      <c r="H1960">
        <v>2</v>
      </c>
      <c r="I1960">
        <v>2020</v>
      </c>
    </row>
    <row r="1961" spans="1:9" x14ac:dyDescent="0.25">
      <c r="A1961">
        <v>2227</v>
      </c>
      <c r="B1961" t="s">
        <v>4587</v>
      </c>
      <c r="C1961" t="s">
        <v>736</v>
      </c>
      <c r="D1961">
        <v>8</v>
      </c>
      <c r="E1961" t="s">
        <v>4169</v>
      </c>
      <c r="F1961" t="s">
        <v>4164</v>
      </c>
      <c r="G1961" t="s">
        <v>656</v>
      </c>
      <c r="H1961">
        <v>2</v>
      </c>
      <c r="I1961">
        <v>2020</v>
      </c>
    </row>
    <row r="1962" spans="1:9" x14ac:dyDescent="0.25">
      <c r="A1962">
        <v>2228</v>
      </c>
      <c r="B1962" t="s">
        <v>4588</v>
      </c>
      <c r="C1962" t="s">
        <v>794</v>
      </c>
      <c r="D1962">
        <v>40</v>
      </c>
      <c r="E1962" t="s">
        <v>4188</v>
      </c>
      <c r="F1962" t="s">
        <v>4189</v>
      </c>
      <c r="G1962" t="s">
        <v>656</v>
      </c>
      <c r="H1962">
        <v>2</v>
      </c>
      <c r="I1962">
        <v>2020</v>
      </c>
    </row>
    <row r="1963" spans="1:9" x14ac:dyDescent="0.25">
      <c r="A1963">
        <v>2229</v>
      </c>
      <c r="B1963" t="s">
        <v>4589</v>
      </c>
      <c r="C1963" t="s">
        <v>897</v>
      </c>
      <c r="D1963">
        <v>3</v>
      </c>
      <c r="E1963" t="s">
        <v>4165</v>
      </c>
      <c r="F1963" t="s">
        <v>4164</v>
      </c>
      <c r="G1963" t="s">
        <v>656</v>
      </c>
      <c r="H1963">
        <v>2</v>
      </c>
      <c r="I1963">
        <v>2020</v>
      </c>
    </row>
    <row r="1964" spans="1:9" x14ac:dyDescent="0.25">
      <c r="A1964">
        <v>2230</v>
      </c>
      <c r="B1964" t="s">
        <v>1635</v>
      </c>
      <c r="C1964" t="s">
        <v>705</v>
      </c>
      <c r="D1964">
        <v>70</v>
      </c>
      <c r="E1964" t="s">
        <v>4193</v>
      </c>
      <c r="F1964" t="s">
        <v>4189</v>
      </c>
      <c r="G1964" t="s">
        <v>656</v>
      </c>
      <c r="H1964">
        <v>2</v>
      </c>
      <c r="I1964">
        <v>2020</v>
      </c>
    </row>
    <row r="1965" spans="1:9" x14ac:dyDescent="0.25">
      <c r="A1965">
        <v>2231</v>
      </c>
      <c r="B1965" t="s">
        <v>4590</v>
      </c>
      <c r="C1965" t="s">
        <v>848</v>
      </c>
      <c r="D1965">
        <v>62</v>
      </c>
      <c r="E1965" t="s">
        <v>4193</v>
      </c>
      <c r="F1965" t="s">
        <v>4189</v>
      </c>
      <c r="G1965" t="s">
        <v>656</v>
      </c>
      <c r="H1965">
        <v>2</v>
      </c>
      <c r="I1965">
        <v>2020</v>
      </c>
    </row>
    <row r="1966" spans="1:9" x14ac:dyDescent="0.25">
      <c r="A1966">
        <v>2233</v>
      </c>
      <c r="B1966" t="s">
        <v>4591</v>
      </c>
      <c r="C1966" t="s">
        <v>663</v>
      </c>
      <c r="D1966">
        <v>99</v>
      </c>
      <c r="E1966" t="s">
        <v>663</v>
      </c>
      <c r="F1966" t="s">
        <v>4171</v>
      </c>
      <c r="G1966" t="s">
        <v>656</v>
      </c>
      <c r="H1966">
        <v>2</v>
      </c>
      <c r="I1966">
        <v>2020</v>
      </c>
    </row>
    <row r="1967" spans="1:9" x14ac:dyDescent="0.25">
      <c r="A1967">
        <v>2234</v>
      </c>
      <c r="B1967" t="s">
        <v>4592</v>
      </c>
      <c r="C1967" t="s">
        <v>663</v>
      </c>
      <c r="D1967">
        <v>99</v>
      </c>
      <c r="E1967" t="s">
        <v>663</v>
      </c>
      <c r="F1967" t="s">
        <v>4171</v>
      </c>
      <c r="G1967" t="s">
        <v>656</v>
      </c>
      <c r="H1967">
        <v>2</v>
      </c>
      <c r="I1967">
        <v>2020</v>
      </c>
    </row>
    <row r="1968" spans="1:9" x14ac:dyDescent="0.25">
      <c r="A1968">
        <v>2235</v>
      </c>
      <c r="B1968" t="s">
        <v>4593</v>
      </c>
      <c r="C1968" t="s">
        <v>663</v>
      </c>
      <c r="D1968">
        <v>99</v>
      </c>
      <c r="E1968" t="s">
        <v>663</v>
      </c>
      <c r="F1968" t="s">
        <v>4171</v>
      </c>
      <c r="G1968" t="s">
        <v>656</v>
      </c>
      <c r="H1968">
        <v>2</v>
      </c>
      <c r="I1968">
        <v>2020</v>
      </c>
    </row>
    <row r="1969" spans="1:9" x14ac:dyDescent="0.25">
      <c r="A1969">
        <v>2236</v>
      </c>
      <c r="B1969" t="s">
        <v>4594</v>
      </c>
      <c r="C1969" t="s">
        <v>663</v>
      </c>
      <c r="D1969">
        <v>99</v>
      </c>
      <c r="E1969" t="s">
        <v>663</v>
      </c>
      <c r="F1969" t="s">
        <v>4171</v>
      </c>
      <c r="G1969" t="s">
        <v>656</v>
      </c>
      <c r="H1969">
        <v>2</v>
      </c>
      <c r="I1969">
        <v>2020</v>
      </c>
    </row>
    <row r="1970" spans="1:9" x14ac:dyDescent="0.25">
      <c r="A1970">
        <v>2237</v>
      </c>
      <c r="B1970" t="s">
        <v>4595</v>
      </c>
      <c r="C1970" t="s">
        <v>663</v>
      </c>
      <c r="D1970">
        <v>99</v>
      </c>
      <c r="E1970" t="s">
        <v>663</v>
      </c>
      <c r="F1970" t="s">
        <v>4171</v>
      </c>
      <c r="G1970" t="s">
        <v>656</v>
      </c>
      <c r="H1970">
        <v>2</v>
      </c>
      <c r="I1970">
        <v>2020</v>
      </c>
    </row>
    <row r="1971" spans="1:9" x14ac:dyDescent="0.25">
      <c r="A1971">
        <v>2238</v>
      </c>
      <c r="B1971" t="s">
        <v>1623</v>
      </c>
      <c r="C1971" t="s">
        <v>663</v>
      </c>
      <c r="D1971">
        <v>99</v>
      </c>
      <c r="E1971" t="s">
        <v>663</v>
      </c>
      <c r="F1971" t="s">
        <v>4171</v>
      </c>
      <c r="G1971" t="s">
        <v>656</v>
      </c>
      <c r="H1971">
        <v>2</v>
      </c>
      <c r="I1971">
        <v>2020</v>
      </c>
    </row>
    <row r="1972" spans="1:9" x14ac:dyDescent="0.25">
      <c r="A1972">
        <v>2239</v>
      </c>
      <c r="B1972" t="s">
        <v>4596</v>
      </c>
      <c r="C1972" t="s">
        <v>663</v>
      </c>
      <c r="D1972">
        <v>99</v>
      </c>
      <c r="E1972" t="s">
        <v>663</v>
      </c>
      <c r="F1972" t="s">
        <v>4171</v>
      </c>
      <c r="G1972" t="s">
        <v>656</v>
      </c>
      <c r="H1972">
        <v>2</v>
      </c>
      <c r="I1972">
        <v>2020</v>
      </c>
    </row>
    <row r="1973" spans="1:9" x14ac:dyDescent="0.25">
      <c r="A1973">
        <v>2240</v>
      </c>
      <c r="B1973" t="s">
        <v>2544</v>
      </c>
      <c r="C1973" t="s">
        <v>707</v>
      </c>
      <c r="D1973">
        <v>59</v>
      </c>
      <c r="E1973" t="s">
        <v>980</v>
      </c>
      <c r="F1973" t="s">
        <v>4189</v>
      </c>
      <c r="G1973" t="s">
        <v>656</v>
      </c>
      <c r="H1973">
        <v>2</v>
      </c>
      <c r="I1973">
        <v>2020</v>
      </c>
    </row>
    <row r="1974" spans="1:9" x14ac:dyDescent="0.25">
      <c r="A1974">
        <v>2241</v>
      </c>
      <c r="B1974" t="s">
        <v>4597</v>
      </c>
      <c r="C1974" t="s">
        <v>707</v>
      </c>
      <c r="D1974">
        <v>59</v>
      </c>
      <c r="E1974" t="s">
        <v>980</v>
      </c>
      <c r="F1974" t="s">
        <v>4189</v>
      </c>
      <c r="G1974" t="s">
        <v>656</v>
      </c>
      <c r="H1974">
        <v>2</v>
      </c>
      <c r="I1974">
        <v>2020</v>
      </c>
    </row>
    <row r="1975" spans="1:9" x14ac:dyDescent="0.25">
      <c r="A1975">
        <v>2242</v>
      </c>
      <c r="B1975" t="s">
        <v>4598</v>
      </c>
      <c r="C1975" t="s">
        <v>707</v>
      </c>
      <c r="D1975">
        <v>59</v>
      </c>
      <c r="E1975" t="s">
        <v>980</v>
      </c>
      <c r="F1975" t="s">
        <v>4189</v>
      </c>
      <c r="G1975" t="s">
        <v>656</v>
      </c>
      <c r="H1975">
        <v>2</v>
      </c>
      <c r="I1975">
        <v>2020</v>
      </c>
    </row>
    <row r="1976" spans="1:9" x14ac:dyDescent="0.25">
      <c r="A1976">
        <v>2243</v>
      </c>
      <c r="B1976" t="s">
        <v>4599</v>
      </c>
      <c r="C1976" t="s">
        <v>693</v>
      </c>
      <c r="D1976">
        <v>56</v>
      </c>
      <c r="E1976" t="s">
        <v>4193</v>
      </c>
      <c r="F1976" t="s">
        <v>4189</v>
      </c>
      <c r="G1976" t="s">
        <v>656</v>
      </c>
      <c r="H1976">
        <v>2</v>
      </c>
      <c r="I1976">
        <v>2020</v>
      </c>
    </row>
    <row r="1977" spans="1:9" x14ac:dyDescent="0.25">
      <c r="A1977">
        <v>2244</v>
      </c>
      <c r="B1977" t="s">
        <v>2543</v>
      </c>
      <c r="C1977" t="s">
        <v>693</v>
      </c>
      <c r="D1977">
        <v>56</v>
      </c>
      <c r="E1977" t="s">
        <v>4193</v>
      </c>
      <c r="F1977" t="s">
        <v>4189</v>
      </c>
      <c r="G1977" t="s">
        <v>656</v>
      </c>
      <c r="H1977">
        <v>2</v>
      </c>
      <c r="I1977">
        <v>2020</v>
      </c>
    </row>
    <row r="1978" spans="1:9" x14ac:dyDescent="0.25">
      <c r="A1978">
        <v>2245</v>
      </c>
      <c r="B1978" t="s">
        <v>2542</v>
      </c>
      <c r="C1978" t="s">
        <v>693</v>
      </c>
      <c r="D1978">
        <v>56</v>
      </c>
      <c r="E1978" t="s">
        <v>4193</v>
      </c>
      <c r="F1978" t="s">
        <v>4189</v>
      </c>
      <c r="G1978" t="s">
        <v>656</v>
      </c>
      <c r="H1978">
        <v>2</v>
      </c>
      <c r="I1978">
        <v>2020</v>
      </c>
    </row>
    <row r="1979" spans="1:9" x14ac:dyDescent="0.25">
      <c r="A1979">
        <v>2246</v>
      </c>
      <c r="B1979" t="s">
        <v>733</v>
      </c>
      <c r="C1979" t="s">
        <v>730</v>
      </c>
      <c r="D1979">
        <v>66</v>
      </c>
      <c r="E1979" t="s">
        <v>4193</v>
      </c>
      <c r="F1979" t="s">
        <v>4189</v>
      </c>
      <c r="G1979" t="s">
        <v>656</v>
      </c>
      <c r="H1979">
        <v>2</v>
      </c>
      <c r="I1979">
        <v>2020</v>
      </c>
    </row>
    <row r="1980" spans="1:9" x14ac:dyDescent="0.25">
      <c r="A1980">
        <v>2247</v>
      </c>
      <c r="B1980" t="s">
        <v>4600</v>
      </c>
      <c r="C1980" t="s">
        <v>714</v>
      </c>
      <c r="D1980">
        <v>52</v>
      </c>
      <c r="E1980" t="s">
        <v>4198</v>
      </c>
      <c r="F1980" t="s">
        <v>4189</v>
      </c>
      <c r="G1980" t="s">
        <v>656</v>
      </c>
      <c r="H1980">
        <v>2</v>
      </c>
      <c r="I1980">
        <v>2020</v>
      </c>
    </row>
    <row r="1981" spans="1:9" x14ac:dyDescent="0.25">
      <c r="A1981">
        <v>2248</v>
      </c>
      <c r="B1981" t="s">
        <v>1554</v>
      </c>
      <c r="C1981" t="s">
        <v>714</v>
      </c>
      <c r="D1981">
        <v>52</v>
      </c>
      <c r="E1981" t="s">
        <v>4198</v>
      </c>
      <c r="F1981" t="s">
        <v>4189</v>
      </c>
      <c r="G1981" t="s">
        <v>656</v>
      </c>
      <c r="H1981">
        <v>2</v>
      </c>
      <c r="I1981">
        <v>2020</v>
      </c>
    </row>
    <row r="1982" spans="1:9" x14ac:dyDescent="0.25">
      <c r="A1982">
        <v>2249</v>
      </c>
      <c r="B1982" t="s">
        <v>4601</v>
      </c>
      <c r="C1982" t="s">
        <v>710</v>
      </c>
      <c r="D1982">
        <v>53</v>
      </c>
      <c r="E1982" t="s">
        <v>4198</v>
      </c>
      <c r="F1982" t="s">
        <v>4189</v>
      </c>
      <c r="G1982" t="s">
        <v>656</v>
      </c>
      <c r="H1982">
        <v>2</v>
      </c>
      <c r="I1982">
        <v>2020</v>
      </c>
    </row>
    <row r="1983" spans="1:9" x14ac:dyDescent="0.25">
      <c r="A1983">
        <v>2250</v>
      </c>
      <c r="B1983" t="s">
        <v>1553</v>
      </c>
      <c r="C1983" t="s">
        <v>710</v>
      </c>
      <c r="D1983">
        <v>53</v>
      </c>
      <c r="E1983" t="s">
        <v>4198</v>
      </c>
      <c r="F1983" t="s">
        <v>4189</v>
      </c>
      <c r="G1983" t="s">
        <v>656</v>
      </c>
      <c r="H1983">
        <v>2</v>
      </c>
      <c r="I1983">
        <v>2020</v>
      </c>
    </row>
    <row r="1984" spans="1:9" x14ac:dyDescent="0.25">
      <c r="A1984">
        <v>2251</v>
      </c>
      <c r="B1984" t="s">
        <v>4602</v>
      </c>
      <c r="C1984" t="s">
        <v>710</v>
      </c>
      <c r="D1984">
        <v>53</v>
      </c>
      <c r="E1984" t="s">
        <v>4198</v>
      </c>
      <c r="F1984" t="s">
        <v>4189</v>
      </c>
      <c r="G1984" t="s">
        <v>656</v>
      </c>
      <c r="H1984">
        <v>2</v>
      </c>
      <c r="I1984">
        <v>2020</v>
      </c>
    </row>
    <row r="1985" spans="1:9" x14ac:dyDescent="0.25">
      <c r="A1985">
        <v>2252</v>
      </c>
      <c r="B1985" t="s">
        <v>1552</v>
      </c>
      <c r="C1985" t="s">
        <v>710</v>
      </c>
      <c r="D1985">
        <v>53</v>
      </c>
      <c r="E1985" t="s">
        <v>4198</v>
      </c>
      <c r="F1985" t="s">
        <v>4189</v>
      </c>
      <c r="G1985" t="s">
        <v>656</v>
      </c>
      <c r="H1985">
        <v>2</v>
      </c>
      <c r="I1985">
        <v>2020</v>
      </c>
    </row>
    <row r="1986" spans="1:9" x14ac:dyDescent="0.25">
      <c r="A1986">
        <v>2253</v>
      </c>
      <c r="B1986" t="s">
        <v>4603</v>
      </c>
      <c r="C1986" t="s">
        <v>710</v>
      </c>
      <c r="D1986">
        <v>53</v>
      </c>
      <c r="E1986" t="s">
        <v>4198</v>
      </c>
      <c r="F1986" t="s">
        <v>4189</v>
      </c>
      <c r="G1986" t="s">
        <v>656</v>
      </c>
      <c r="H1986">
        <v>2</v>
      </c>
      <c r="I1986">
        <v>2020</v>
      </c>
    </row>
    <row r="1987" spans="1:9" x14ac:dyDescent="0.25">
      <c r="A1987">
        <v>2255</v>
      </c>
      <c r="B1987" t="s">
        <v>1627</v>
      </c>
      <c r="C1987" t="s">
        <v>673</v>
      </c>
      <c r="D1987">
        <v>34</v>
      </c>
      <c r="E1987" t="s">
        <v>4175</v>
      </c>
      <c r="F1987" t="s">
        <v>4171</v>
      </c>
      <c r="G1987" t="s">
        <v>656</v>
      </c>
      <c r="H1987">
        <v>2</v>
      </c>
      <c r="I1987">
        <v>2020</v>
      </c>
    </row>
    <row r="1988" spans="1:9" x14ac:dyDescent="0.25">
      <c r="A1988">
        <v>2256</v>
      </c>
      <c r="B1988" t="s">
        <v>4604</v>
      </c>
      <c r="C1988" t="s">
        <v>864</v>
      </c>
      <c r="D1988">
        <v>14</v>
      </c>
      <c r="E1988" t="s">
        <v>864</v>
      </c>
      <c r="F1988" t="s">
        <v>4171</v>
      </c>
      <c r="G1988" t="s">
        <v>656</v>
      </c>
      <c r="H1988">
        <v>2</v>
      </c>
      <c r="I1988">
        <v>2020</v>
      </c>
    </row>
    <row r="1989" spans="1:9" x14ac:dyDescent="0.25">
      <c r="A1989">
        <v>2257</v>
      </c>
      <c r="B1989" t="s">
        <v>1629</v>
      </c>
      <c r="C1989" t="s">
        <v>864</v>
      </c>
      <c r="D1989">
        <v>14</v>
      </c>
      <c r="E1989" t="s">
        <v>864</v>
      </c>
      <c r="F1989" t="s">
        <v>4171</v>
      </c>
      <c r="G1989" t="s">
        <v>656</v>
      </c>
      <c r="H1989">
        <v>2</v>
      </c>
      <c r="I1989">
        <v>2020</v>
      </c>
    </row>
    <row r="1990" spans="1:9" x14ac:dyDescent="0.25">
      <c r="A1990">
        <v>2258</v>
      </c>
      <c r="B1990" t="s">
        <v>1628</v>
      </c>
      <c r="C1990" t="s">
        <v>864</v>
      </c>
      <c r="D1990">
        <v>14</v>
      </c>
      <c r="E1990" t="s">
        <v>864</v>
      </c>
      <c r="F1990" t="s">
        <v>4171</v>
      </c>
      <c r="G1990" t="s">
        <v>656</v>
      </c>
      <c r="H1990">
        <v>2</v>
      </c>
      <c r="I1990">
        <v>2020</v>
      </c>
    </row>
    <row r="1991" spans="1:9" x14ac:dyDescent="0.25">
      <c r="A1991">
        <v>2259</v>
      </c>
      <c r="B1991" t="s">
        <v>1626</v>
      </c>
      <c r="C1991" t="s">
        <v>864</v>
      </c>
      <c r="D1991">
        <v>14</v>
      </c>
      <c r="E1991" t="s">
        <v>864</v>
      </c>
      <c r="F1991" t="s">
        <v>4171</v>
      </c>
      <c r="G1991" t="s">
        <v>656</v>
      </c>
      <c r="H1991">
        <v>2</v>
      </c>
      <c r="I1991">
        <v>2020</v>
      </c>
    </row>
    <row r="1992" spans="1:9" x14ac:dyDescent="0.25">
      <c r="A1992">
        <v>2260</v>
      </c>
      <c r="B1992" t="s">
        <v>1624</v>
      </c>
      <c r="C1992" t="s">
        <v>864</v>
      </c>
      <c r="D1992">
        <v>14</v>
      </c>
      <c r="E1992" t="s">
        <v>864</v>
      </c>
      <c r="F1992" t="s">
        <v>4171</v>
      </c>
      <c r="G1992" t="s">
        <v>656</v>
      </c>
      <c r="H1992">
        <v>2</v>
      </c>
      <c r="I1992">
        <v>2020</v>
      </c>
    </row>
    <row r="1993" spans="1:9" x14ac:dyDescent="0.25">
      <c r="A1993">
        <v>2261</v>
      </c>
      <c r="B1993" t="s">
        <v>1625</v>
      </c>
      <c r="C1993" t="s">
        <v>864</v>
      </c>
      <c r="D1993">
        <v>14</v>
      </c>
      <c r="E1993" t="s">
        <v>864</v>
      </c>
      <c r="F1993" t="s">
        <v>4171</v>
      </c>
      <c r="G1993" t="s">
        <v>656</v>
      </c>
      <c r="H1993">
        <v>2</v>
      </c>
      <c r="I1993">
        <v>2020</v>
      </c>
    </row>
    <row r="1994" spans="1:9" x14ac:dyDescent="0.25">
      <c r="A1994">
        <v>2262</v>
      </c>
      <c r="B1994" t="s">
        <v>1653</v>
      </c>
      <c r="C1994" t="s">
        <v>301</v>
      </c>
      <c r="D1994">
        <v>26</v>
      </c>
      <c r="E1994" t="s">
        <v>4179</v>
      </c>
      <c r="F1994" t="s">
        <v>4177</v>
      </c>
      <c r="G1994" t="s">
        <v>656</v>
      </c>
      <c r="H1994">
        <v>2</v>
      </c>
      <c r="I1994">
        <v>2020</v>
      </c>
    </row>
    <row r="1995" spans="1:9" x14ac:dyDescent="0.25">
      <c r="A1995">
        <v>2263</v>
      </c>
      <c r="B1995" t="s">
        <v>1650</v>
      </c>
      <c r="C1995" t="s">
        <v>299</v>
      </c>
      <c r="D1995">
        <v>27</v>
      </c>
      <c r="E1995" t="s">
        <v>4179</v>
      </c>
      <c r="F1995" t="s">
        <v>4177</v>
      </c>
      <c r="G1995" t="s">
        <v>656</v>
      </c>
      <c r="H1995">
        <v>2</v>
      </c>
      <c r="I1995">
        <v>2020</v>
      </c>
    </row>
    <row r="1996" spans="1:9" x14ac:dyDescent="0.25">
      <c r="A1996">
        <v>2264</v>
      </c>
      <c r="B1996" t="s">
        <v>1648</v>
      </c>
      <c r="C1996" t="s">
        <v>299</v>
      </c>
      <c r="D1996">
        <v>27</v>
      </c>
      <c r="E1996" t="s">
        <v>4179</v>
      </c>
      <c r="F1996" t="s">
        <v>4177</v>
      </c>
      <c r="G1996" t="s">
        <v>656</v>
      </c>
      <c r="H1996">
        <v>2</v>
      </c>
      <c r="I1996">
        <v>2020</v>
      </c>
    </row>
    <row r="1997" spans="1:9" x14ac:dyDescent="0.25">
      <c r="A1997">
        <v>2265</v>
      </c>
      <c r="B1997" t="s">
        <v>1649</v>
      </c>
      <c r="C1997" t="s">
        <v>807</v>
      </c>
      <c r="D1997">
        <v>25</v>
      </c>
      <c r="E1997" t="s">
        <v>4179</v>
      </c>
      <c r="F1997" t="s">
        <v>4177</v>
      </c>
      <c r="G1997" t="s">
        <v>656</v>
      </c>
      <c r="H1997">
        <v>2</v>
      </c>
      <c r="I1997">
        <v>2020</v>
      </c>
    </row>
    <row r="1998" spans="1:9" x14ac:dyDescent="0.25">
      <c r="A1998">
        <v>2266</v>
      </c>
      <c r="B1998" t="s">
        <v>4605</v>
      </c>
      <c r="C1998" t="s">
        <v>807</v>
      </c>
      <c r="D1998">
        <v>25</v>
      </c>
      <c r="E1998" t="s">
        <v>4179</v>
      </c>
      <c r="F1998" t="s">
        <v>4177</v>
      </c>
      <c r="G1998" t="s">
        <v>656</v>
      </c>
      <c r="H1998">
        <v>2</v>
      </c>
      <c r="I1998">
        <v>2020</v>
      </c>
    </row>
    <row r="1999" spans="1:9" x14ac:dyDescent="0.25">
      <c r="A1999">
        <v>2267</v>
      </c>
      <c r="B1999" t="s">
        <v>4606</v>
      </c>
      <c r="C1999" t="s">
        <v>295</v>
      </c>
      <c r="D1999">
        <v>30</v>
      </c>
      <c r="E1999" t="s">
        <v>4179</v>
      </c>
      <c r="F1999" t="s">
        <v>4177</v>
      </c>
      <c r="G1999" t="s">
        <v>656</v>
      </c>
      <c r="H1999">
        <v>2</v>
      </c>
      <c r="I1999">
        <v>2020</v>
      </c>
    </row>
    <row r="2000" spans="1:9" x14ac:dyDescent="0.25">
      <c r="A2000">
        <v>2268</v>
      </c>
      <c r="B2000" t="s">
        <v>1656</v>
      </c>
      <c r="C2000" t="s">
        <v>65</v>
      </c>
      <c r="D2000">
        <v>15</v>
      </c>
      <c r="E2000" t="s">
        <v>4176</v>
      </c>
      <c r="F2000" t="s">
        <v>4177</v>
      </c>
      <c r="G2000" t="s">
        <v>656</v>
      </c>
      <c r="H2000">
        <v>2</v>
      </c>
      <c r="I2000">
        <v>2020</v>
      </c>
    </row>
    <row r="2001" spans="1:9" x14ac:dyDescent="0.25">
      <c r="A2001">
        <v>2269</v>
      </c>
      <c r="B2001" t="s">
        <v>4607</v>
      </c>
      <c r="C2001" t="s">
        <v>65</v>
      </c>
      <c r="D2001">
        <v>15</v>
      </c>
      <c r="E2001" t="s">
        <v>4176</v>
      </c>
      <c r="F2001" t="s">
        <v>4177</v>
      </c>
      <c r="G2001" t="s">
        <v>656</v>
      </c>
      <c r="H2001">
        <v>2</v>
      </c>
      <c r="I2001">
        <v>2020</v>
      </c>
    </row>
    <row r="2002" spans="1:9" x14ac:dyDescent="0.25">
      <c r="A2002">
        <v>2270</v>
      </c>
      <c r="B2002" t="s">
        <v>4608</v>
      </c>
      <c r="C2002" t="s">
        <v>65</v>
      </c>
      <c r="D2002">
        <v>15</v>
      </c>
      <c r="E2002" t="s">
        <v>4176</v>
      </c>
      <c r="F2002" t="s">
        <v>4177</v>
      </c>
      <c r="G2002" t="s">
        <v>656</v>
      </c>
      <c r="H2002">
        <v>2</v>
      </c>
      <c r="I2002">
        <v>2020</v>
      </c>
    </row>
    <row r="2003" spans="1:9" x14ac:dyDescent="0.25">
      <c r="A2003">
        <v>2271</v>
      </c>
      <c r="B2003" t="s">
        <v>4609</v>
      </c>
      <c r="C2003" t="s">
        <v>65</v>
      </c>
      <c r="D2003">
        <v>15</v>
      </c>
      <c r="E2003" t="s">
        <v>4176</v>
      </c>
      <c r="F2003" t="s">
        <v>4177</v>
      </c>
      <c r="G2003" t="s">
        <v>656</v>
      </c>
      <c r="H2003">
        <v>2</v>
      </c>
      <c r="I2003">
        <v>2020</v>
      </c>
    </row>
    <row r="2004" spans="1:9" x14ac:dyDescent="0.25">
      <c r="A2004">
        <v>2273</v>
      </c>
      <c r="B2004" t="s">
        <v>1636</v>
      </c>
      <c r="C2004" t="s">
        <v>819</v>
      </c>
      <c r="D2004">
        <v>101</v>
      </c>
      <c r="E2004" t="s">
        <v>4187</v>
      </c>
      <c r="F2004" t="s">
        <v>4187</v>
      </c>
      <c r="G2004" t="s">
        <v>656</v>
      </c>
      <c r="H2004">
        <v>2</v>
      </c>
      <c r="I2004">
        <v>2020</v>
      </c>
    </row>
    <row r="2005" spans="1:9" x14ac:dyDescent="0.25">
      <c r="A2005">
        <v>2275</v>
      </c>
      <c r="B2005" t="s">
        <v>4610</v>
      </c>
      <c r="C2005" t="s">
        <v>819</v>
      </c>
      <c r="D2005">
        <v>101</v>
      </c>
      <c r="E2005" t="s">
        <v>4187</v>
      </c>
      <c r="F2005" t="s">
        <v>4187</v>
      </c>
      <c r="G2005" t="s">
        <v>656</v>
      </c>
      <c r="H2005">
        <v>2</v>
      </c>
      <c r="I2005">
        <v>2020</v>
      </c>
    </row>
    <row r="2006" spans="1:9" x14ac:dyDescent="0.25">
      <c r="A2006">
        <v>2276</v>
      </c>
      <c r="B2006" t="s">
        <v>1642</v>
      </c>
      <c r="C2006" t="s">
        <v>819</v>
      </c>
      <c r="D2006">
        <v>101</v>
      </c>
      <c r="E2006" t="s">
        <v>4187</v>
      </c>
      <c r="F2006" t="s">
        <v>4187</v>
      </c>
      <c r="G2006" t="s">
        <v>656</v>
      </c>
      <c r="H2006">
        <v>2</v>
      </c>
      <c r="I2006">
        <v>2020</v>
      </c>
    </row>
    <row r="2007" spans="1:9" x14ac:dyDescent="0.25">
      <c r="A2007">
        <v>2277</v>
      </c>
      <c r="B2007" t="s">
        <v>4611</v>
      </c>
      <c r="C2007" t="s">
        <v>819</v>
      </c>
      <c r="D2007">
        <v>101</v>
      </c>
      <c r="E2007" t="s">
        <v>4187</v>
      </c>
      <c r="F2007" t="s">
        <v>4187</v>
      </c>
      <c r="G2007" t="s">
        <v>656</v>
      </c>
      <c r="H2007">
        <v>2</v>
      </c>
      <c r="I2007">
        <v>2020</v>
      </c>
    </row>
    <row r="2008" spans="1:9" x14ac:dyDescent="0.25">
      <c r="A2008">
        <v>2281</v>
      </c>
      <c r="B2008" t="s">
        <v>1651</v>
      </c>
      <c r="C2008" t="s">
        <v>691</v>
      </c>
      <c r="D2008">
        <v>21</v>
      </c>
      <c r="E2008" t="s">
        <v>691</v>
      </c>
      <c r="F2008" t="s">
        <v>4177</v>
      </c>
      <c r="G2008" t="s">
        <v>656</v>
      </c>
      <c r="H2008">
        <v>2</v>
      </c>
      <c r="I2008">
        <v>2020</v>
      </c>
    </row>
    <row r="2009" spans="1:9" x14ac:dyDescent="0.25">
      <c r="A2009">
        <v>2282</v>
      </c>
      <c r="B2009" t="s">
        <v>4612</v>
      </c>
      <c r="C2009" t="s">
        <v>866</v>
      </c>
      <c r="D2009">
        <v>9</v>
      </c>
      <c r="E2009" t="s">
        <v>866</v>
      </c>
      <c r="F2009" t="s">
        <v>4171</v>
      </c>
      <c r="G2009" t="s">
        <v>656</v>
      </c>
      <c r="H2009">
        <v>2</v>
      </c>
      <c r="I2009">
        <v>2020</v>
      </c>
    </row>
    <row r="2010" spans="1:9" x14ac:dyDescent="0.25">
      <c r="A2010">
        <v>2283</v>
      </c>
      <c r="B2010" t="s">
        <v>1654</v>
      </c>
      <c r="C2010" t="s">
        <v>802</v>
      </c>
      <c r="D2010">
        <v>12</v>
      </c>
      <c r="E2010" t="s">
        <v>802</v>
      </c>
      <c r="F2010" t="s">
        <v>4171</v>
      </c>
      <c r="G2010" t="s">
        <v>656</v>
      </c>
      <c r="H2010">
        <v>2</v>
      </c>
      <c r="I2010">
        <v>2020</v>
      </c>
    </row>
    <row r="2011" spans="1:9" x14ac:dyDescent="0.25">
      <c r="A2011">
        <v>2284</v>
      </c>
      <c r="B2011" t="s">
        <v>1655</v>
      </c>
      <c r="C2011" t="s">
        <v>868</v>
      </c>
      <c r="D2011">
        <v>23</v>
      </c>
      <c r="E2011" t="s">
        <v>4178</v>
      </c>
      <c r="F2011" t="s">
        <v>4177</v>
      </c>
      <c r="G2011" t="s">
        <v>656</v>
      </c>
      <c r="H2011">
        <v>2</v>
      </c>
      <c r="I2011">
        <v>2020</v>
      </c>
    </row>
    <row r="2012" spans="1:9" x14ac:dyDescent="0.25">
      <c r="A2012">
        <v>2285</v>
      </c>
      <c r="B2012" t="s">
        <v>4613</v>
      </c>
      <c r="C2012" t="s">
        <v>684</v>
      </c>
      <c r="D2012">
        <v>22</v>
      </c>
      <c r="E2012" t="s">
        <v>4178</v>
      </c>
      <c r="F2012" t="s">
        <v>4177</v>
      </c>
      <c r="G2012" t="s">
        <v>656</v>
      </c>
      <c r="H2012">
        <v>2</v>
      </c>
      <c r="I2012">
        <v>2020</v>
      </c>
    </row>
    <row r="2013" spans="1:9" x14ac:dyDescent="0.25">
      <c r="A2013">
        <v>2286</v>
      </c>
      <c r="B2013" t="s">
        <v>4614</v>
      </c>
      <c r="C2013" t="s">
        <v>684</v>
      </c>
      <c r="D2013">
        <v>22</v>
      </c>
      <c r="E2013" t="s">
        <v>4178</v>
      </c>
      <c r="F2013" t="s">
        <v>4177</v>
      </c>
      <c r="G2013" t="s">
        <v>656</v>
      </c>
      <c r="H2013">
        <v>2</v>
      </c>
      <c r="I2013">
        <v>2020</v>
      </c>
    </row>
    <row r="2014" spans="1:9" x14ac:dyDescent="0.25">
      <c r="A2014">
        <v>2287</v>
      </c>
      <c r="B2014" t="s">
        <v>2541</v>
      </c>
      <c r="C2014" t="s">
        <v>738</v>
      </c>
      <c r="D2014">
        <v>61</v>
      </c>
      <c r="E2014" t="s">
        <v>4193</v>
      </c>
      <c r="F2014" t="s">
        <v>4189</v>
      </c>
      <c r="G2014" t="s">
        <v>656</v>
      </c>
      <c r="H2014">
        <v>2</v>
      </c>
      <c r="I2014">
        <v>2020</v>
      </c>
    </row>
    <row r="2015" spans="1:9" x14ac:dyDescent="0.25">
      <c r="A2015">
        <v>2288</v>
      </c>
      <c r="B2015" t="s">
        <v>2540</v>
      </c>
      <c r="C2015" t="s">
        <v>738</v>
      </c>
      <c r="D2015">
        <v>61</v>
      </c>
      <c r="E2015" t="s">
        <v>4193</v>
      </c>
      <c r="F2015" t="s">
        <v>4189</v>
      </c>
      <c r="G2015" t="s">
        <v>656</v>
      </c>
      <c r="H2015">
        <v>2</v>
      </c>
      <c r="I2015">
        <v>2020</v>
      </c>
    </row>
    <row r="2016" spans="1:9" x14ac:dyDescent="0.25">
      <c r="A2016">
        <v>2289</v>
      </c>
      <c r="B2016" t="s">
        <v>2539</v>
      </c>
      <c r="C2016" t="s">
        <v>738</v>
      </c>
      <c r="D2016">
        <v>61</v>
      </c>
      <c r="E2016" t="s">
        <v>4193</v>
      </c>
      <c r="F2016" t="s">
        <v>4189</v>
      </c>
      <c r="G2016" t="s">
        <v>656</v>
      </c>
      <c r="H2016">
        <v>2</v>
      </c>
      <c r="I2016">
        <v>2020</v>
      </c>
    </row>
    <row r="2017" spans="1:9" x14ac:dyDescent="0.25">
      <c r="A2017">
        <v>2290</v>
      </c>
      <c r="B2017" t="s">
        <v>2538</v>
      </c>
      <c r="C2017" t="s">
        <v>738</v>
      </c>
      <c r="D2017">
        <v>61</v>
      </c>
      <c r="E2017" t="s">
        <v>4193</v>
      </c>
      <c r="F2017" t="s">
        <v>4189</v>
      </c>
      <c r="G2017" t="s">
        <v>656</v>
      </c>
      <c r="H2017">
        <v>2</v>
      </c>
      <c r="I2017">
        <v>2020</v>
      </c>
    </row>
    <row r="2018" spans="1:9" x14ac:dyDescent="0.25">
      <c r="A2018">
        <v>2291</v>
      </c>
      <c r="B2018" t="s">
        <v>2537</v>
      </c>
      <c r="C2018" t="s">
        <v>730</v>
      </c>
      <c r="D2018">
        <v>66</v>
      </c>
      <c r="E2018" t="s">
        <v>4193</v>
      </c>
      <c r="F2018" t="s">
        <v>4189</v>
      </c>
      <c r="G2018" t="s">
        <v>656</v>
      </c>
      <c r="H2018">
        <v>2</v>
      </c>
      <c r="I2018">
        <v>2020</v>
      </c>
    </row>
    <row r="2019" spans="1:9" x14ac:dyDescent="0.25">
      <c r="A2019">
        <v>2292</v>
      </c>
      <c r="B2019" t="s">
        <v>2536</v>
      </c>
      <c r="C2019" t="s">
        <v>730</v>
      </c>
      <c r="D2019">
        <v>66</v>
      </c>
      <c r="E2019" t="s">
        <v>4193</v>
      </c>
      <c r="F2019" t="s">
        <v>4189</v>
      </c>
      <c r="G2019" t="s">
        <v>656</v>
      </c>
      <c r="H2019">
        <v>2</v>
      </c>
      <c r="I2019">
        <v>2020</v>
      </c>
    </row>
    <row r="2020" spans="1:9" x14ac:dyDescent="0.25">
      <c r="A2020">
        <v>2293</v>
      </c>
      <c r="B2020" t="s">
        <v>2535</v>
      </c>
      <c r="C2020" t="s">
        <v>797</v>
      </c>
      <c r="D2020">
        <v>65</v>
      </c>
      <c r="E2020" t="s">
        <v>4191</v>
      </c>
      <c r="F2020" t="s">
        <v>4189</v>
      </c>
      <c r="G2020" t="s">
        <v>656</v>
      </c>
      <c r="H2020">
        <v>2</v>
      </c>
      <c r="I2020">
        <v>2020</v>
      </c>
    </row>
    <row r="2021" spans="1:9" x14ac:dyDescent="0.25">
      <c r="A2021">
        <v>2294</v>
      </c>
      <c r="B2021" t="s">
        <v>2534</v>
      </c>
      <c r="C2021" t="s">
        <v>1055</v>
      </c>
      <c r="D2021">
        <v>69</v>
      </c>
      <c r="E2021" t="s">
        <v>4194</v>
      </c>
      <c r="F2021" t="s">
        <v>4189</v>
      </c>
      <c r="G2021" t="s">
        <v>656</v>
      </c>
      <c r="H2021">
        <v>2</v>
      </c>
      <c r="I2021">
        <v>2020</v>
      </c>
    </row>
    <row r="2022" spans="1:9" x14ac:dyDescent="0.25">
      <c r="A2022">
        <v>2295</v>
      </c>
      <c r="B2022" t="s">
        <v>2533</v>
      </c>
      <c r="C2022" t="s">
        <v>1055</v>
      </c>
      <c r="D2022">
        <v>69</v>
      </c>
      <c r="E2022" t="s">
        <v>4194</v>
      </c>
      <c r="F2022" t="s">
        <v>4189</v>
      </c>
      <c r="G2022" t="s">
        <v>656</v>
      </c>
      <c r="H2022">
        <v>2</v>
      </c>
      <c r="I2022">
        <v>2020</v>
      </c>
    </row>
    <row r="2023" spans="1:9" x14ac:dyDescent="0.25">
      <c r="A2023">
        <v>2296</v>
      </c>
      <c r="B2023" t="s">
        <v>2532</v>
      </c>
      <c r="C2023" t="s">
        <v>1055</v>
      </c>
      <c r="D2023">
        <v>69</v>
      </c>
      <c r="E2023" t="s">
        <v>4194</v>
      </c>
      <c r="F2023" t="s">
        <v>4189</v>
      </c>
      <c r="G2023" t="s">
        <v>656</v>
      </c>
      <c r="H2023">
        <v>2</v>
      </c>
      <c r="I2023">
        <v>2020</v>
      </c>
    </row>
    <row r="2024" spans="1:9" x14ac:dyDescent="0.25">
      <c r="A2024">
        <v>2297</v>
      </c>
      <c r="B2024" t="s">
        <v>2531</v>
      </c>
      <c r="C2024" t="s">
        <v>1055</v>
      </c>
      <c r="D2024">
        <v>69</v>
      </c>
      <c r="E2024" t="s">
        <v>4194</v>
      </c>
      <c r="F2024" t="s">
        <v>4189</v>
      </c>
      <c r="G2024" t="s">
        <v>656</v>
      </c>
      <c r="H2024">
        <v>2</v>
      </c>
      <c r="I2024">
        <v>2020</v>
      </c>
    </row>
    <row r="2025" spans="1:9" x14ac:dyDescent="0.25">
      <c r="A2025">
        <v>2299</v>
      </c>
      <c r="B2025" t="s">
        <v>2529</v>
      </c>
      <c r="C2025" t="s">
        <v>1055</v>
      </c>
      <c r="D2025">
        <v>69</v>
      </c>
      <c r="E2025" t="s">
        <v>4194</v>
      </c>
      <c r="F2025" t="s">
        <v>4189</v>
      </c>
      <c r="G2025" t="s">
        <v>656</v>
      </c>
      <c r="H2025">
        <v>2</v>
      </c>
      <c r="I2025">
        <v>2020</v>
      </c>
    </row>
    <row r="2026" spans="1:9" x14ac:dyDescent="0.25">
      <c r="A2026">
        <v>2300</v>
      </c>
      <c r="B2026" t="s">
        <v>2528</v>
      </c>
      <c r="C2026" t="s">
        <v>1738</v>
      </c>
      <c r="D2026">
        <v>55</v>
      </c>
      <c r="E2026" t="s">
        <v>4194</v>
      </c>
      <c r="F2026" t="s">
        <v>4189</v>
      </c>
      <c r="G2026" t="s">
        <v>656</v>
      </c>
      <c r="H2026">
        <v>2</v>
      </c>
      <c r="I2026">
        <v>2020</v>
      </c>
    </row>
    <row r="2027" spans="1:9" x14ac:dyDescent="0.25">
      <c r="A2027">
        <v>2301</v>
      </c>
      <c r="B2027" t="s">
        <v>2527</v>
      </c>
      <c r="C2027" t="s">
        <v>742</v>
      </c>
      <c r="D2027">
        <v>48</v>
      </c>
      <c r="E2027" t="s">
        <v>4165</v>
      </c>
      <c r="F2027" t="s">
        <v>4164</v>
      </c>
      <c r="G2027" t="s">
        <v>656</v>
      </c>
      <c r="H2027">
        <v>2</v>
      </c>
      <c r="I2027">
        <v>2020</v>
      </c>
    </row>
    <row r="2028" spans="1:9" x14ac:dyDescent="0.25">
      <c r="A2028">
        <v>2302</v>
      </c>
      <c r="B2028" t="s">
        <v>2526</v>
      </c>
      <c r="C2028" t="s">
        <v>742</v>
      </c>
      <c r="D2028">
        <v>48</v>
      </c>
      <c r="E2028" t="s">
        <v>4165</v>
      </c>
      <c r="F2028" t="s">
        <v>4164</v>
      </c>
      <c r="G2028" t="s">
        <v>656</v>
      </c>
      <c r="H2028">
        <v>2</v>
      </c>
      <c r="I2028">
        <v>2020</v>
      </c>
    </row>
    <row r="2029" spans="1:9" x14ac:dyDescent="0.25">
      <c r="A2029">
        <v>2303</v>
      </c>
      <c r="B2029" t="s">
        <v>2525</v>
      </c>
      <c r="C2029" t="s">
        <v>848</v>
      </c>
      <c r="D2029">
        <v>62</v>
      </c>
      <c r="E2029" t="s">
        <v>4193</v>
      </c>
      <c r="F2029" t="s">
        <v>4189</v>
      </c>
      <c r="G2029" t="s">
        <v>656</v>
      </c>
      <c r="H2029">
        <v>2</v>
      </c>
      <c r="I2029">
        <v>2020</v>
      </c>
    </row>
    <row r="2030" spans="1:9" x14ac:dyDescent="0.25">
      <c r="A2030">
        <v>2304</v>
      </c>
      <c r="B2030" t="s">
        <v>2524</v>
      </c>
      <c r="C2030" t="s">
        <v>848</v>
      </c>
      <c r="D2030">
        <v>62</v>
      </c>
      <c r="E2030" t="s">
        <v>4193</v>
      </c>
      <c r="F2030" t="s">
        <v>4189</v>
      </c>
      <c r="G2030" t="s">
        <v>656</v>
      </c>
      <c r="H2030">
        <v>2</v>
      </c>
      <c r="I2030">
        <v>2020</v>
      </c>
    </row>
    <row r="2031" spans="1:9" x14ac:dyDescent="0.25">
      <c r="A2031">
        <v>2305</v>
      </c>
      <c r="B2031" t="s">
        <v>2523</v>
      </c>
      <c r="C2031" t="s">
        <v>663</v>
      </c>
      <c r="D2031">
        <v>99</v>
      </c>
      <c r="E2031" t="s">
        <v>663</v>
      </c>
      <c r="F2031" t="s">
        <v>4171</v>
      </c>
      <c r="G2031" t="s">
        <v>656</v>
      </c>
      <c r="H2031">
        <v>2</v>
      </c>
      <c r="I2031">
        <v>2020</v>
      </c>
    </row>
    <row r="2032" spans="1:9" x14ac:dyDescent="0.25">
      <c r="A2032">
        <v>2306</v>
      </c>
      <c r="B2032" t="s">
        <v>2522</v>
      </c>
      <c r="C2032" t="s">
        <v>663</v>
      </c>
      <c r="D2032">
        <v>99</v>
      </c>
      <c r="E2032" t="s">
        <v>663</v>
      </c>
      <c r="F2032" t="s">
        <v>4171</v>
      </c>
      <c r="G2032" t="s">
        <v>656</v>
      </c>
      <c r="H2032">
        <v>2</v>
      </c>
      <c r="I2032">
        <v>2020</v>
      </c>
    </row>
    <row r="2033" spans="1:9" x14ac:dyDescent="0.25">
      <c r="A2033">
        <v>2307</v>
      </c>
      <c r="B2033" t="s">
        <v>2519</v>
      </c>
      <c r="C2033" t="s">
        <v>684</v>
      </c>
      <c r="D2033">
        <v>22</v>
      </c>
      <c r="E2033" t="s">
        <v>4178</v>
      </c>
      <c r="F2033" t="s">
        <v>4177</v>
      </c>
      <c r="G2033" t="s">
        <v>656</v>
      </c>
      <c r="H2033">
        <v>2</v>
      </c>
      <c r="I2033">
        <v>2020</v>
      </c>
    </row>
    <row r="2034" spans="1:9" x14ac:dyDescent="0.25">
      <c r="A2034">
        <v>2308</v>
      </c>
      <c r="B2034" t="s">
        <v>4615</v>
      </c>
      <c r="C2034" t="s">
        <v>684</v>
      </c>
      <c r="D2034">
        <v>22</v>
      </c>
      <c r="E2034" t="s">
        <v>4178</v>
      </c>
      <c r="F2034" t="s">
        <v>4177</v>
      </c>
      <c r="G2034" t="s">
        <v>656</v>
      </c>
      <c r="H2034">
        <v>2</v>
      </c>
      <c r="I2034">
        <v>2020</v>
      </c>
    </row>
    <row r="2035" spans="1:9" x14ac:dyDescent="0.25">
      <c r="A2035">
        <v>2310</v>
      </c>
      <c r="B2035" t="s">
        <v>2516</v>
      </c>
      <c r="C2035" t="s">
        <v>295</v>
      </c>
      <c r="D2035">
        <v>30</v>
      </c>
      <c r="E2035" t="s">
        <v>4179</v>
      </c>
      <c r="F2035" t="s">
        <v>4177</v>
      </c>
      <c r="G2035" t="s">
        <v>656</v>
      </c>
      <c r="H2035">
        <v>2</v>
      </c>
      <c r="I2035">
        <v>2020</v>
      </c>
    </row>
    <row r="2036" spans="1:9" x14ac:dyDescent="0.25">
      <c r="A2036">
        <v>2311</v>
      </c>
      <c r="B2036" t="s">
        <v>2515</v>
      </c>
      <c r="C2036" t="s">
        <v>295</v>
      </c>
      <c r="D2036">
        <v>30</v>
      </c>
      <c r="E2036" t="s">
        <v>4179</v>
      </c>
      <c r="F2036" t="s">
        <v>4177</v>
      </c>
      <c r="G2036" t="s">
        <v>656</v>
      </c>
      <c r="H2036">
        <v>2</v>
      </c>
      <c r="I2036">
        <v>2020</v>
      </c>
    </row>
    <row r="2037" spans="1:9" x14ac:dyDescent="0.25">
      <c r="A2037">
        <v>2312</v>
      </c>
      <c r="B2037" t="s">
        <v>2514</v>
      </c>
      <c r="C2037" t="s">
        <v>301</v>
      </c>
      <c r="D2037">
        <v>26</v>
      </c>
      <c r="E2037" t="s">
        <v>4179</v>
      </c>
      <c r="F2037" t="s">
        <v>4177</v>
      </c>
      <c r="G2037" t="s">
        <v>656</v>
      </c>
      <c r="H2037">
        <v>2</v>
      </c>
      <c r="I2037">
        <v>2020</v>
      </c>
    </row>
    <row r="2038" spans="1:9" x14ac:dyDescent="0.25">
      <c r="A2038">
        <v>2313</v>
      </c>
      <c r="B2038" t="s">
        <v>2513</v>
      </c>
      <c r="C2038" t="s">
        <v>301</v>
      </c>
      <c r="D2038">
        <v>26</v>
      </c>
      <c r="E2038" t="s">
        <v>4179</v>
      </c>
      <c r="F2038" t="s">
        <v>4177</v>
      </c>
      <c r="G2038" t="s">
        <v>656</v>
      </c>
      <c r="H2038">
        <v>2</v>
      </c>
      <c r="I2038">
        <v>2020</v>
      </c>
    </row>
    <row r="2039" spans="1:9" x14ac:dyDescent="0.25">
      <c r="A2039">
        <v>2314</v>
      </c>
      <c r="B2039" t="s">
        <v>2512</v>
      </c>
      <c r="C2039" t="s">
        <v>301</v>
      </c>
      <c r="D2039">
        <v>26</v>
      </c>
      <c r="E2039" t="s">
        <v>4179</v>
      </c>
      <c r="F2039" t="s">
        <v>4177</v>
      </c>
      <c r="G2039" t="s">
        <v>656</v>
      </c>
      <c r="H2039">
        <v>2</v>
      </c>
      <c r="I2039">
        <v>2020</v>
      </c>
    </row>
    <row r="2040" spans="1:9" x14ac:dyDescent="0.25">
      <c r="A2040">
        <v>2315</v>
      </c>
      <c r="B2040" t="s">
        <v>2511</v>
      </c>
      <c r="C2040" t="s">
        <v>296</v>
      </c>
      <c r="D2040">
        <v>97</v>
      </c>
      <c r="E2040" t="s">
        <v>4179</v>
      </c>
      <c r="F2040" t="s">
        <v>4177</v>
      </c>
      <c r="G2040" t="s">
        <v>656</v>
      </c>
      <c r="H2040">
        <v>2</v>
      </c>
      <c r="I2040">
        <v>2020</v>
      </c>
    </row>
    <row r="2041" spans="1:9" x14ac:dyDescent="0.25">
      <c r="A2041">
        <v>2317</v>
      </c>
      <c r="B2041" t="s">
        <v>2510</v>
      </c>
      <c r="C2041" t="s">
        <v>693</v>
      </c>
      <c r="D2041">
        <v>56</v>
      </c>
      <c r="E2041" t="s">
        <v>4193</v>
      </c>
      <c r="F2041" t="s">
        <v>4189</v>
      </c>
      <c r="G2041" t="s">
        <v>656</v>
      </c>
      <c r="H2041">
        <v>2</v>
      </c>
      <c r="I2041">
        <v>2020</v>
      </c>
    </row>
    <row r="2042" spans="1:9" x14ac:dyDescent="0.25">
      <c r="A2042">
        <v>2319</v>
      </c>
      <c r="B2042" t="s">
        <v>2509</v>
      </c>
      <c r="C2042" t="s">
        <v>1236</v>
      </c>
      <c r="D2042">
        <v>60</v>
      </c>
      <c r="E2042" t="s">
        <v>4193</v>
      </c>
      <c r="F2042" t="s">
        <v>4189</v>
      </c>
      <c r="G2042" t="s">
        <v>656</v>
      </c>
      <c r="H2042">
        <v>2</v>
      </c>
      <c r="I2042">
        <v>2020</v>
      </c>
    </row>
    <row r="2043" spans="1:9" x14ac:dyDescent="0.25">
      <c r="A2043">
        <v>2321</v>
      </c>
      <c r="B2043" t="s">
        <v>2508</v>
      </c>
      <c r="C2043" t="s">
        <v>714</v>
      </c>
      <c r="D2043">
        <v>52</v>
      </c>
      <c r="E2043" t="s">
        <v>4198</v>
      </c>
      <c r="F2043" t="s">
        <v>4189</v>
      </c>
      <c r="G2043" t="s">
        <v>656</v>
      </c>
      <c r="H2043">
        <v>2</v>
      </c>
      <c r="I2043">
        <v>2020</v>
      </c>
    </row>
    <row r="2044" spans="1:9" x14ac:dyDescent="0.25">
      <c r="A2044">
        <v>2322</v>
      </c>
      <c r="B2044" t="s">
        <v>2507</v>
      </c>
      <c r="C2044" t="s">
        <v>299</v>
      </c>
      <c r="D2044">
        <v>27</v>
      </c>
      <c r="E2044" t="s">
        <v>4179</v>
      </c>
      <c r="F2044" t="s">
        <v>4177</v>
      </c>
      <c r="G2044" t="s">
        <v>656</v>
      </c>
      <c r="H2044">
        <v>2</v>
      </c>
      <c r="I2044">
        <v>2020</v>
      </c>
    </row>
    <row r="2045" spans="1:9" x14ac:dyDescent="0.25">
      <c r="A2045">
        <v>2324</v>
      </c>
      <c r="B2045" t="s">
        <v>2506</v>
      </c>
      <c r="C2045" t="s">
        <v>864</v>
      </c>
      <c r="D2045">
        <v>14</v>
      </c>
      <c r="E2045" t="s">
        <v>864</v>
      </c>
      <c r="F2045" t="s">
        <v>4171</v>
      </c>
      <c r="G2045" t="s">
        <v>656</v>
      </c>
      <c r="H2045">
        <v>2</v>
      </c>
      <c r="I2045">
        <v>2020</v>
      </c>
    </row>
    <row r="2046" spans="1:9" x14ac:dyDescent="0.25">
      <c r="A2046">
        <v>2325</v>
      </c>
      <c r="B2046" t="s">
        <v>2501</v>
      </c>
      <c r="C2046" t="s">
        <v>864</v>
      </c>
      <c r="D2046">
        <v>14</v>
      </c>
      <c r="E2046" t="s">
        <v>864</v>
      </c>
      <c r="F2046" t="s">
        <v>4171</v>
      </c>
      <c r="G2046" t="s">
        <v>656</v>
      </c>
      <c r="H2046">
        <v>2</v>
      </c>
      <c r="I2046">
        <v>2020</v>
      </c>
    </row>
    <row r="2047" spans="1:9" x14ac:dyDescent="0.25">
      <c r="A2047">
        <v>2326</v>
      </c>
      <c r="B2047" t="s">
        <v>2500</v>
      </c>
      <c r="C2047" t="s">
        <v>864</v>
      </c>
      <c r="D2047">
        <v>14</v>
      </c>
      <c r="E2047" t="s">
        <v>864</v>
      </c>
      <c r="F2047" t="s">
        <v>4171</v>
      </c>
      <c r="G2047" t="s">
        <v>656</v>
      </c>
      <c r="H2047">
        <v>2</v>
      </c>
      <c r="I2047">
        <v>2020</v>
      </c>
    </row>
    <row r="2048" spans="1:9" x14ac:dyDescent="0.25">
      <c r="A2048">
        <v>2327</v>
      </c>
      <c r="B2048" t="s">
        <v>2499</v>
      </c>
      <c r="C2048" t="s">
        <v>864</v>
      </c>
      <c r="D2048">
        <v>14</v>
      </c>
      <c r="E2048" t="s">
        <v>864</v>
      </c>
      <c r="F2048" t="s">
        <v>4171</v>
      </c>
      <c r="G2048" t="s">
        <v>656</v>
      </c>
      <c r="H2048">
        <v>2</v>
      </c>
      <c r="I2048">
        <v>2020</v>
      </c>
    </row>
    <row r="2049" spans="1:9" x14ac:dyDescent="0.25">
      <c r="A2049">
        <v>2328</v>
      </c>
      <c r="B2049" t="s">
        <v>2498</v>
      </c>
      <c r="C2049" t="s">
        <v>864</v>
      </c>
      <c r="D2049">
        <v>14</v>
      </c>
      <c r="E2049" t="s">
        <v>864</v>
      </c>
      <c r="F2049" t="s">
        <v>4171</v>
      </c>
      <c r="G2049" t="s">
        <v>656</v>
      </c>
      <c r="H2049">
        <v>2</v>
      </c>
      <c r="I2049">
        <v>2020</v>
      </c>
    </row>
    <row r="2050" spans="1:9" x14ac:dyDescent="0.25">
      <c r="A2050">
        <v>2329</v>
      </c>
      <c r="B2050" t="s">
        <v>2497</v>
      </c>
      <c r="C2050" t="s">
        <v>864</v>
      </c>
      <c r="D2050">
        <v>14</v>
      </c>
      <c r="E2050" t="s">
        <v>864</v>
      </c>
      <c r="F2050" t="s">
        <v>4171</v>
      </c>
      <c r="G2050" t="s">
        <v>656</v>
      </c>
      <c r="H2050">
        <v>2</v>
      </c>
      <c r="I2050">
        <v>2020</v>
      </c>
    </row>
    <row r="2051" spans="1:9" x14ac:dyDescent="0.25">
      <c r="A2051">
        <v>2330</v>
      </c>
      <c r="B2051" t="s">
        <v>2496</v>
      </c>
      <c r="C2051" t="s">
        <v>864</v>
      </c>
      <c r="D2051">
        <v>14</v>
      </c>
      <c r="E2051" t="s">
        <v>864</v>
      </c>
      <c r="F2051" t="s">
        <v>4171</v>
      </c>
      <c r="G2051" t="s">
        <v>656</v>
      </c>
      <c r="H2051">
        <v>2</v>
      </c>
      <c r="I2051">
        <v>2020</v>
      </c>
    </row>
    <row r="2052" spans="1:9" x14ac:dyDescent="0.25">
      <c r="A2052">
        <v>2331</v>
      </c>
      <c r="B2052" t="s">
        <v>2494</v>
      </c>
      <c r="C2052" t="s">
        <v>65</v>
      </c>
      <c r="D2052">
        <v>15</v>
      </c>
      <c r="E2052" t="s">
        <v>4176</v>
      </c>
      <c r="F2052" t="s">
        <v>4177</v>
      </c>
      <c r="G2052" t="s">
        <v>656</v>
      </c>
      <c r="H2052">
        <v>2</v>
      </c>
      <c r="I2052">
        <v>2020</v>
      </c>
    </row>
    <row r="2053" spans="1:9" x14ac:dyDescent="0.25">
      <c r="A2053">
        <v>2332</v>
      </c>
      <c r="B2053" t="s">
        <v>2493</v>
      </c>
      <c r="C2053" t="s">
        <v>65</v>
      </c>
      <c r="D2053">
        <v>15</v>
      </c>
      <c r="E2053" t="s">
        <v>4176</v>
      </c>
      <c r="F2053" t="s">
        <v>4177</v>
      </c>
      <c r="G2053" t="s">
        <v>656</v>
      </c>
      <c r="H2053">
        <v>2</v>
      </c>
      <c r="I2053">
        <v>2020</v>
      </c>
    </row>
    <row r="2054" spans="1:9" x14ac:dyDescent="0.25">
      <c r="A2054">
        <v>2333</v>
      </c>
      <c r="B2054" t="s">
        <v>1061</v>
      </c>
      <c r="C2054" t="s">
        <v>682</v>
      </c>
      <c r="D2054">
        <v>20</v>
      </c>
      <c r="E2054" t="s">
        <v>682</v>
      </c>
      <c r="F2054" t="s">
        <v>4177</v>
      </c>
      <c r="G2054" t="s">
        <v>656</v>
      </c>
      <c r="H2054">
        <v>2</v>
      </c>
      <c r="I2054">
        <v>2020</v>
      </c>
    </row>
    <row r="2055" spans="1:9" x14ac:dyDescent="0.25">
      <c r="A2055">
        <v>2334</v>
      </c>
      <c r="B2055" t="s">
        <v>2492</v>
      </c>
      <c r="C2055" t="s">
        <v>679</v>
      </c>
      <c r="D2055">
        <v>32</v>
      </c>
      <c r="E2055" t="s">
        <v>4175</v>
      </c>
      <c r="F2055" t="s">
        <v>4171</v>
      </c>
      <c r="G2055" t="s">
        <v>656</v>
      </c>
      <c r="H2055">
        <v>2</v>
      </c>
      <c r="I2055">
        <v>2020</v>
      </c>
    </row>
    <row r="2056" spans="1:9" x14ac:dyDescent="0.25">
      <c r="A2056">
        <v>2335</v>
      </c>
      <c r="B2056" t="s">
        <v>2491</v>
      </c>
      <c r="C2056" t="s">
        <v>679</v>
      </c>
      <c r="D2056">
        <v>32</v>
      </c>
      <c r="E2056" t="s">
        <v>4175</v>
      </c>
      <c r="F2056" t="s">
        <v>4171</v>
      </c>
      <c r="G2056" t="s">
        <v>656</v>
      </c>
      <c r="H2056">
        <v>2</v>
      </c>
      <c r="I2056">
        <v>2020</v>
      </c>
    </row>
    <row r="2057" spans="1:9" x14ac:dyDescent="0.25">
      <c r="A2057">
        <v>2336</v>
      </c>
      <c r="B2057" t="s">
        <v>2490</v>
      </c>
      <c r="C2057" t="s">
        <v>691</v>
      </c>
      <c r="D2057">
        <v>21</v>
      </c>
      <c r="E2057" t="s">
        <v>691</v>
      </c>
      <c r="F2057" t="s">
        <v>4177</v>
      </c>
      <c r="G2057" t="s">
        <v>656</v>
      </c>
      <c r="H2057">
        <v>2</v>
      </c>
      <c r="I2057">
        <v>2020</v>
      </c>
    </row>
    <row r="2058" spans="1:9" x14ac:dyDescent="0.25">
      <c r="A2058">
        <v>2337</v>
      </c>
      <c r="B2058" t="s">
        <v>2489</v>
      </c>
      <c r="C2058" t="s">
        <v>691</v>
      </c>
      <c r="D2058">
        <v>21</v>
      </c>
      <c r="E2058" t="s">
        <v>691</v>
      </c>
      <c r="F2058" t="s">
        <v>4177</v>
      </c>
      <c r="G2058" t="s">
        <v>656</v>
      </c>
      <c r="H2058">
        <v>2</v>
      </c>
      <c r="I2058">
        <v>2020</v>
      </c>
    </row>
    <row r="2059" spans="1:9" x14ac:dyDescent="0.25">
      <c r="A2059">
        <v>2338</v>
      </c>
      <c r="B2059" t="s">
        <v>2488</v>
      </c>
      <c r="C2059" t="s">
        <v>691</v>
      </c>
      <c r="D2059">
        <v>21</v>
      </c>
      <c r="E2059" t="s">
        <v>691</v>
      </c>
      <c r="F2059" t="s">
        <v>4177</v>
      </c>
      <c r="G2059" t="s">
        <v>656</v>
      </c>
      <c r="H2059">
        <v>2</v>
      </c>
      <c r="I2059">
        <v>2020</v>
      </c>
    </row>
    <row r="2060" spans="1:9" x14ac:dyDescent="0.25">
      <c r="A2060">
        <v>2339</v>
      </c>
      <c r="B2060" t="s">
        <v>2487</v>
      </c>
      <c r="C2060" t="s">
        <v>663</v>
      </c>
      <c r="D2060">
        <v>99</v>
      </c>
      <c r="E2060" t="s">
        <v>663</v>
      </c>
      <c r="F2060" t="s">
        <v>4171</v>
      </c>
      <c r="G2060" t="s">
        <v>656</v>
      </c>
      <c r="H2060">
        <v>2</v>
      </c>
      <c r="I2060">
        <v>2020</v>
      </c>
    </row>
    <row r="2061" spans="1:9" x14ac:dyDescent="0.25">
      <c r="A2061">
        <v>2340</v>
      </c>
      <c r="B2061" t="s">
        <v>2486</v>
      </c>
      <c r="C2061" t="s">
        <v>663</v>
      </c>
      <c r="D2061">
        <v>99</v>
      </c>
      <c r="E2061" t="s">
        <v>663</v>
      </c>
      <c r="F2061" t="s">
        <v>4171</v>
      </c>
      <c r="G2061" t="s">
        <v>656</v>
      </c>
      <c r="H2061">
        <v>2</v>
      </c>
      <c r="I2061">
        <v>2020</v>
      </c>
    </row>
    <row r="2062" spans="1:9" x14ac:dyDescent="0.25">
      <c r="A2062">
        <v>2341</v>
      </c>
      <c r="B2062" t="s">
        <v>2485</v>
      </c>
      <c r="C2062" t="s">
        <v>663</v>
      </c>
      <c r="D2062">
        <v>99</v>
      </c>
      <c r="E2062" t="s">
        <v>663</v>
      </c>
      <c r="F2062" t="s">
        <v>4171</v>
      </c>
      <c r="G2062" t="s">
        <v>656</v>
      </c>
      <c r="H2062">
        <v>2</v>
      </c>
      <c r="I2062">
        <v>2020</v>
      </c>
    </row>
    <row r="2063" spans="1:9" x14ac:dyDescent="0.25">
      <c r="A2063">
        <v>2342</v>
      </c>
      <c r="B2063" t="s">
        <v>2484</v>
      </c>
      <c r="C2063" t="s">
        <v>663</v>
      </c>
      <c r="D2063">
        <v>99</v>
      </c>
      <c r="E2063" t="s">
        <v>663</v>
      </c>
      <c r="F2063" t="s">
        <v>4171</v>
      </c>
      <c r="G2063" t="s">
        <v>656</v>
      </c>
      <c r="H2063">
        <v>2</v>
      </c>
      <c r="I2063">
        <v>2020</v>
      </c>
    </row>
    <row r="2064" spans="1:9" x14ac:dyDescent="0.25">
      <c r="A2064">
        <v>2343</v>
      </c>
      <c r="B2064" t="s">
        <v>2483</v>
      </c>
      <c r="C2064" t="s">
        <v>663</v>
      </c>
      <c r="D2064">
        <v>99</v>
      </c>
      <c r="E2064" t="s">
        <v>663</v>
      </c>
      <c r="F2064" t="s">
        <v>4171</v>
      </c>
      <c r="G2064" t="s">
        <v>656</v>
      </c>
      <c r="H2064">
        <v>2</v>
      </c>
      <c r="I2064">
        <v>2020</v>
      </c>
    </row>
    <row r="2065" spans="1:9" x14ac:dyDescent="0.25">
      <c r="A2065">
        <v>2344</v>
      </c>
      <c r="B2065" t="s">
        <v>2482</v>
      </c>
      <c r="C2065" t="s">
        <v>663</v>
      </c>
      <c r="D2065">
        <v>99</v>
      </c>
      <c r="E2065" t="s">
        <v>663</v>
      </c>
      <c r="F2065" t="s">
        <v>4171</v>
      </c>
      <c r="G2065" t="s">
        <v>656</v>
      </c>
      <c r="H2065">
        <v>2</v>
      </c>
      <c r="I2065">
        <v>2020</v>
      </c>
    </row>
    <row r="2066" spans="1:9" x14ac:dyDescent="0.25">
      <c r="A2066">
        <v>2345</v>
      </c>
      <c r="B2066" t="s">
        <v>2481</v>
      </c>
      <c r="C2066" t="s">
        <v>663</v>
      </c>
      <c r="D2066">
        <v>99</v>
      </c>
      <c r="E2066" t="s">
        <v>663</v>
      </c>
      <c r="F2066" t="s">
        <v>4171</v>
      </c>
      <c r="G2066" t="s">
        <v>656</v>
      </c>
      <c r="H2066">
        <v>2</v>
      </c>
      <c r="I2066">
        <v>2020</v>
      </c>
    </row>
    <row r="2067" spans="1:9" x14ac:dyDescent="0.25">
      <c r="A2067">
        <v>2346</v>
      </c>
      <c r="B2067" t="s">
        <v>2480</v>
      </c>
      <c r="C2067" t="s">
        <v>663</v>
      </c>
      <c r="D2067">
        <v>99</v>
      </c>
      <c r="E2067" t="s">
        <v>663</v>
      </c>
      <c r="F2067" t="s">
        <v>4171</v>
      </c>
      <c r="G2067" t="s">
        <v>656</v>
      </c>
      <c r="H2067">
        <v>2</v>
      </c>
      <c r="I2067">
        <v>2020</v>
      </c>
    </row>
    <row r="2068" spans="1:9" x14ac:dyDescent="0.25">
      <c r="A2068">
        <v>2347</v>
      </c>
      <c r="B2068" t="s">
        <v>2479</v>
      </c>
      <c r="C2068" t="s">
        <v>663</v>
      </c>
      <c r="D2068">
        <v>99</v>
      </c>
      <c r="E2068" t="s">
        <v>663</v>
      </c>
      <c r="F2068" t="s">
        <v>4171</v>
      </c>
      <c r="G2068" t="s">
        <v>656</v>
      </c>
      <c r="H2068">
        <v>2</v>
      </c>
      <c r="I2068">
        <v>2020</v>
      </c>
    </row>
    <row r="2069" spans="1:9" x14ac:dyDescent="0.25">
      <c r="A2069">
        <v>2348</v>
      </c>
      <c r="B2069" t="s">
        <v>2478</v>
      </c>
      <c r="C2069" t="s">
        <v>663</v>
      </c>
      <c r="D2069">
        <v>99</v>
      </c>
      <c r="E2069" t="s">
        <v>663</v>
      </c>
      <c r="F2069" t="s">
        <v>4171</v>
      </c>
      <c r="G2069" t="s">
        <v>656</v>
      </c>
      <c r="H2069">
        <v>2</v>
      </c>
      <c r="I2069">
        <v>2020</v>
      </c>
    </row>
    <row r="2070" spans="1:9" x14ac:dyDescent="0.25">
      <c r="A2070">
        <v>2349</v>
      </c>
      <c r="B2070" t="s">
        <v>2477</v>
      </c>
      <c r="C2070" t="s">
        <v>663</v>
      </c>
      <c r="D2070">
        <v>99</v>
      </c>
      <c r="E2070" t="s">
        <v>663</v>
      </c>
      <c r="F2070" t="s">
        <v>4171</v>
      </c>
      <c r="G2070" t="s">
        <v>656</v>
      </c>
      <c r="H2070">
        <v>2</v>
      </c>
      <c r="I2070">
        <v>2020</v>
      </c>
    </row>
    <row r="2071" spans="1:9" x14ac:dyDescent="0.25">
      <c r="A2071">
        <v>2350</v>
      </c>
      <c r="B2071" t="s">
        <v>2476</v>
      </c>
      <c r="C2071" t="s">
        <v>663</v>
      </c>
      <c r="D2071">
        <v>99</v>
      </c>
      <c r="E2071" t="s">
        <v>663</v>
      </c>
      <c r="F2071" t="s">
        <v>4171</v>
      </c>
      <c r="G2071" t="s">
        <v>656</v>
      </c>
      <c r="H2071">
        <v>2</v>
      </c>
      <c r="I2071">
        <v>2020</v>
      </c>
    </row>
    <row r="2072" spans="1:9" x14ac:dyDescent="0.25">
      <c r="A2072">
        <v>2351</v>
      </c>
      <c r="B2072" t="s">
        <v>2475</v>
      </c>
      <c r="C2072" t="s">
        <v>663</v>
      </c>
      <c r="D2072">
        <v>99</v>
      </c>
      <c r="E2072" t="s">
        <v>663</v>
      </c>
      <c r="F2072" t="s">
        <v>4171</v>
      </c>
      <c r="G2072" t="s">
        <v>656</v>
      </c>
      <c r="H2072">
        <v>2</v>
      </c>
      <c r="I2072">
        <v>2020</v>
      </c>
    </row>
    <row r="2073" spans="1:9" x14ac:dyDescent="0.25">
      <c r="A2073">
        <v>2352</v>
      </c>
      <c r="B2073" t="s">
        <v>2474</v>
      </c>
      <c r="C2073" t="s">
        <v>714</v>
      </c>
      <c r="D2073">
        <v>52</v>
      </c>
      <c r="E2073" t="s">
        <v>4198</v>
      </c>
      <c r="F2073" t="s">
        <v>4189</v>
      </c>
      <c r="G2073" t="s">
        <v>656</v>
      </c>
      <c r="H2073">
        <v>2</v>
      </c>
      <c r="I2073">
        <v>2020</v>
      </c>
    </row>
    <row r="2074" spans="1:9" x14ac:dyDescent="0.25">
      <c r="A2074">
        <v>2353</v>
      </c>
      <c r="B2074" t="s">
        <v>2473</v>
      </c>
      <c r="C2074" t="s">
        <v>1055</v>
      </c>
      <c r="D2074">
        <v>69</v>
      </c>
      <c r="E2074" t="s">
        <v>4194</v>
      </c>
      <c r="F2074" t="s">
        <v>4189</v>
      </c>
      <c r="G2074" t="s">
        <v>656</v>
      </c>
      <c r="H2074">
        <v>2</v>
      </c>
      <c r="I2074">
        <v>2020</v>
      </c>
    </row>
    <row r="2075" spans="1:9" x14ac:dyDescent="0.25">
      <c r="A2075">
        <v>2354</v>
      </c>
      <c r="B2075" t="s">
        <v>2471</v>
      </c>
      <c r="C2075" t="s">
        <v>693</v>
      </c>
      <c r="D2075">
        <v>56</v>
      </c>
      <c r="E2075" t="s">
        <v>4193</v>
      </c>
      <c r="F2075" t="s">
        <v>4189</v>
      </c>
      <c r="G2075" t="s">
        <v>656</v>
      </c>
      <c r="H2075">
        <v>2</v>
      </c>
      <c r="I2075">
        <v>2020</v>
      </c>
    </row>
    <row r="2076" spans="1:9" x14ac:dyDescent="0.25">
      <c r="A2076">
        <v>2355</v>
      </c>
      <c r="B2076" t="s">
        <v>2470</v>
      </c>
      <c r="C2076" t="s">
        <v>693</v>
      </c>
      <c r="D2076">
        <v>56</v>
      </c>
      <c r="E2076" t="s">
        <v>4193</v>
      </c>
      <c r="F2076" t="s">
        <v>4189</v>
      </c>
      <c r="G2076" t="s">
        <v>656</v>
      </c>
      <c r="H2076">
        <v>2</v>
      </c>
      <c r="I2076">
        <v>2020</v>
      </c>
    </row>
    <row r="2077" spans="1:9" x14ac:dyDescent="0.25">
      <c r="A2077">
        <v>2356</v>
      </c>
      <c r="B2077" t="s">
        <v>2469</v>
      </c>
      <c r="C2077" t="s">
        <v>693</v>
      </c>
      <c r="D2077">
        <v>56</v>
      </c>
      <c r="E2077" t="s">
        <v>4193</v>
      </c>
      <c r="F2077" t="s">
        <v>4189</v>
      </c>
      <c r="G2077" t="s">
        <v>656</v>
      </c>
      <c r="H2077">
        <v>2</v>
      </c>
      <c r="I2077">
        <v>2020</v>
      </c>
    </row>
    <row r="2078" spans="1:9" x14ac:dyDescent="0.25">
      <c r="A2078">
        <v>2357</v>
      </c>
      <c r="B2078" t="s">
        <v>2467</v>
      </c>
      <c r="C2078" t="s">
        <v>693</v>
      </c>
      <c r="D2078">
        <v>56</v>
      </c>
      <c r="E2078" t="s">
        <v>4193</v>
      </c>
      <c r="F2078" t="s">
        <v>4189</v>
      </c>
      <c r="G2078" t="s">
        <v>656</v>
      </c>
      <c r="H2078">
        <v>2</v>
      </c>
      <c r="I2078">
        <v>2020</v>
      </c>
    </row>
    <row r="2079" spans="1:9" x14ac:dyDescent="0.25">
      <c r="A2079">
        <v>2358</v>
      </c>
      <c r="B2079" t="s">
        <v>2466</v>
      </c>
      <c r="C2079" t="s">
        <v>693</v>
      </c>
      <c r="D2079">
        <v>56</v>
      </c>
      <c r="E2079" t="s">
        <v>4193</v>
      </c>
      <c r="F2079" t="s">
        <v>4189</v>
      </c>
      <c r="G2079" t="s">
        <v>656</v>
      </c>
      <c r="H2079">
        <v>2</v>
      </c>
      <c r="I2079">
        <v>2020</v>
      </c>
    </row>
    <row r="2080" spans="1:9" x14ac:dyDescent="0.25">
      <c r="A2080">
        <v>2359</v>
      </c>
      <c r="B2080" t="s">
        <v>2465</v>
      </c>
      <c r="C2080" t="s">
        <v>693</v>
      </c>
      <c r="D2080">
        <v>56</v>
      </c>
      <c r="E2080" t="s">
        <v>4193</v>
      </c>
      <c r="F2080" t="s">
        <v>4189</v>
      </c>
      <c r="G2080" t="s">
        <v>656</v>
      </c>
      <c r="H2080">
        <v>2</v>
      </c>
      <c r="I2080">
        <v>2020</v>
      </c>
    </row>
    <row r="2081" spans="1:9" x14ac:dyDescent="0.25">
      <c r="A2081">
        <v>2360</v>
      </c>
      <c r="B2081" t="s">
        <v>2464</v>
      </c>
      <c r="C2081" t="s">
        <v>693</v>
      </c>
      <c r="D2081">
        <v>56</v>
      </c>
      <c r="E2081" t="s">
        <v>4193</v>
      </c>
      <c r="F2081" t="s">
        <v>4189</v>
      </c>
      <c r="G2081" t="s">
        <v>656</v>
      </c>
      <c r="H2081">
        <v>2</v>
      </c>
      <c r="I2081">
        <v>2020</v>
      </c>
    </row>
    <row r="2082" spans="1:9" x14ac:dyDescent="0.25">
      <c r="A2082">
        <v>2361</v>
      </c>
      <c r="B2082" t="s">
        <v>2463</v>
      </c>
      <c r="C2082" t="s">
        <v>693</v>
      </c>
      <c r="D2082">
        <v>56</v>
      </c>
      <c r="E2082" t="s">
        <v>4193</v>
      </c>
      <c r="F2082" t="s">
        <v>4189</v>
      </c>
      <c r="G2082" t="s">
        <v>656</v>
      </c>
      <c r="H2082">
        <v>2</v>
      </c>
      <c r="I2082">
        <v>2020</v>
      </c>
    </row>
    <row r="2083" spans="1:9" x14ac:dyDescent="0.25">
      <c r="A2083">
        <v>2362</v>
      </c>
      <c r="B2083" t="s">
        <v>2462</v>
      </c>
      <c r="C2083" t="s">
        <v>693</v>
      </c>
      <c r="D2083">
        <v>56</v>
      </c>
      <c r="E2083" t="s">
        <v>4193</v>
      </c>
      <c r="F2083" t="s">
        <v>4189</v>
      </c>
      <c r="G2083" t="s">
        <v>656</v>
      </c>
      <c r="H2083">
        <v>2</v>
      </c>
      <c r="I2083">
        <v>2020</v>
      </c>
    </row>
    <row r="2084" spans="1:9" x14ac:dyDescent="0.25">
      <c r="A2084">
        <v>2363</v>
      </c>
      <c r="B2084" t="s">
        <v>2461</v>
      </c>
      <c r="C2084" t="s">
        <v>730</v>
      </c>
      <c r="D2084">
        <v>66</v>
      </c>
      <c r="E2084" t="s">
        <v>4193</v>
      </c>
      <c r="F2084" t="s">
        <v>4189</v>
      </c>
      <c r="G2084" t="s">
        <v>656</v>
      </c>
      <c r="H2084">
        <v>2</v>
      </c>
      <c r="I2084">
        <v>2020</v>
      </c>
    </row>
    <row r="2085" spans="1:9" x14ac:dyDescent="0.25">
      <c r="A2085">
        <v>2364</v>
      </c>
      <c r="B2085" t="s">
        <v>2460</v>
      </c>
      <c r="C2085" t="s">
        <v>730</v>
      </c>
      <c r="D2085">
        <v>66</v>
      </c>
      <c r="E2085" t="s">
        <v>4193</v>
      </c>
      <c r="F2085" t="s">
        <v>4189</v>
      </c>
      <c r="G2085" t="s">
        <v>656</v>
      </c>
      <c r="H2085">
        <v>2</v>
      </c>
      <c r="I2085">
        <v>2020</v>
      </c>
    </row>
    <row r="2086" spans="1:9" x14ac:dyDescent="0.25">
      <c r="A2086">
        <v>2365</v>
      </c>
      <c r="B2086" t="s">
        <v>2458</v>
      </c>
      <c r="C2086" t="s">
        <v>730</v>
      </c>
      <c r="D2086">
        <v>66</v>
      </c>
      <c r="E2086" t="s">
        <v>4193</v>
      </c>
      <c r="F2086" t="s">
        <v>4189</v>
      </c>
      <c r="G2086" t="s">
        <v>656</v>
      </c>
      <c r="H2086">
        <v>2</v>
      </c>
      <c r="I2086">
        <v>2020</v>
      </c>
    </row>
    <row r="2087" spans="1:9" x14ac:dyDescent="0.25">
      <c r="A2087">
        <v>2366</v>
      </c>
      <c r="B2087" t="s">
        <v>2457</v>
      </c>
      <c r="C2087" t="s">
        <v>730</v>
      </c>
      <c r="D2087">
        <v>66</v>
      </c>
      <c r="E2087" t="s">
        <v>4193</v>
      </c>
      <c r="F2087" t="s">
        <v>4189</v>
      </c>
      <c r="G2087" t="s">
        <v>656</v>
      </c>
      <c r="H2087">
        <v>2</v>
      </c>
      <c r="I2087">
        <v>2020</v>
      </c>
    </row>
    <row r="2088" spans="1:9" x14ac:dyDescent="0.25">
      <c r="A2088">
        <v>2367</v>
      </c>
      <c r="B2088" t="s">
        <v>2455</v>
      </c>
      <c r="C2088" t="s">
        <v>730</v>
      </c>
      <c r="D2088">
        <v>66</v>
      </c>
      <c r="E2088" t="s">
        <v>4193</v>
      </c>
      <c r="F2088" t="s">
        <v>4189</v>
      </c>
      <c r="G2088" t="s">
        <v>656</v>
      </c>
      <c r="H2088">
        <v>2</v>
      </c>
      <c r="I2088">
        <v>2020</v>
      </c>
    </row>
    <row r="2089" spans="1:9" x14ac:dyDescent="0.25">
      <c r="A2089">
        <v>2368</v>
      </c>
      <c r="B2089" t="s">
        <v>2454</v>
      </c>
      <c r="C2089" t="s">
        <v>730</v>
      </c>
      <c r="D2089">
        <v>66</v>
      </c>
      <c r="E2089" t="s">
        <v>4193</v>
      </c>
      <c r="F2089" t="s">
        <v>4189</v>
      </c>
      <c r="G2089" t="s">
        <v>656</v>
      </c>
      <c r="H2089">
        <v>2</v>
      </c>
      <c r="I2089">
        <v>2020</v>
      </c>
    </row>
    <row r="2090" spans="1:9" x14ac:dyDescent="0.25">
      <c r="A2090">
        <v>2369</v>
      </c>
      <c r="B2090" t="s">
        <v>2453</v>
      </c>
      <c r="C2090" t="s">
        <v>730</v>
      </c>
      <c r="D2090">
        <v>66</v>
      </c>
      <c r="E2090" t="s">
        <v>4193</v>
      </c>
      <c r="F2090" t="s">
        <v>4189</v>
      </c>
      <c r="G2090" t="s">
        <v>656</v>
      </c>
      <c r="H2090">
        <v>2</v>
      </c>
      <c r="I2090">
        <v>2020</v>
      </c>
    </row>
    <row r="2091" spans="1:9" x14ac:dyDescent="0.25">
      <c r="A2091">
        <v>2370</v>
      </c>
      <c r="B2091" t="s">
        <v>2452</v>
      </c>
      <c r="C2091" t="s">
        <v>767</v>
      </c>
      <c r="D2091">
        <v>44</v>
      </c>
      <c r="E2091" t="s">
        <v>4191</v>
      </c>
      <c r="F2091" t="s">
        <v>4189</v>
      </c>
      <c r="G2091" t="s">
        <v>656</v>
      </c>
      <c r="H2091">
        <v>2</v>
      </c>
      <c r="I2091">
        <v>2020</v>
      </c>
    </row>
    <row r="2092" spans="1:9" x14ac:dyDescent="0.25">
      <c r="A2092">
        <v>2371</v>
      </c>
      <c r="B2092" t="s">
        <v>2451</v>
      </c>
      <c r="C2092" t="s">
        <v>767</v>
      </c>
      <c r="D2092">
        <v>44</v>
      </c>
      <c r="E2092" t="s">
        <v>4191</v>
      </c>
      <c r="F2092" t="s">
        <v>4189</v>
      </c>
      <c r="G2092" t="s">
        <v>656</v>
      </c>
      <c r="H2092">
        <v>2</v>
      </c>
      <c r="I2092">
        <v>2020</v>
      </c>
    </row>
    <row r="2093" spans="1:9" x14ac:dyDescent="0.25">
      <c r="A2093">
        <v>2372</v>
      </c>
      <c r="B2093" t="s">
        <v>2450</v>
      </c>
      <c r="C2093" t="s">
        <v>767</v>
      </c>
      <c r="D2093">
        <v>44</v>
      </c>
      <c r="E2093" t="s">
        <v>4191</v>
      </c>
      <c r="F2093" t="s">
        <v>4189</v>
      </c>
      <c r="G2093" t="s">
        <v>656</v>
      </c>
      <c r="H2093">
        <v>2</v>
      </c>
      <c r="I2093">
        <v>2020</v>
      </c>
    </row>
    <row r="2094" spans="1:9" x14ac:dyDescent="0.25">
      <c r="A2094">
        <v>2373</v>
      </c>
      <c r="B2094" t="s">
        <v>2449</v>
      </c>
      <c r="C2094" t="s">
        <v>885</v>
      </c>
      <c r="D2094">
        <v>1</v>
      </c>
      <c r="E2094" t="s">
        <v>885</v>
      </c>
      <c r="F2094" t="s">
        <v>4164</v>
      </c>
      <c r="G2094" t="s">
        <v>656</v>
      </c>
      <c r="H2094">
        <v>2</v>
      </c>
      <c r="I2094">
        <v>2020</v>
      </c>
    </row>
    <row r="2095" spans="1:9" x14ac:dyDescent="0.25">
      <c r="A2095">
        <v>2374</v>
      </c>
      <c r="B2095" t="s">
        <v>2448</v>
      </c>
      <c r="C2095" t="s">
        <v>296</v>
      </c>
      <c r="D2095">
        <v>97</v>
      </c>
      <c r="E2095" t="s">
        <v>4179</v>
      </c>
      <c r="F2095" t="s">
        <v>4177</v>
      </c>
      <c r="G2095" t="s">
        <v>656</v>
      </c>
      <c r="H2095">
        <v>2</v>
      </c>
      <c r="I2095">
        <v>2020</v>
      </c>
    </row>
    <row r="2096" spans="1:9" x14ac:dyDescent="0.25">
      <c r="A2096">
        <v>2375</v>
      </c>
      <c r="B2096" t="s">
        <v>2447</v>
      </c>
      <c r="C2096" t="s">
        <v>819</v>
      </c>
      <c r="D2096">
        <v>101</v>
      </c>
      <c r="E2096" t="s">
        <v>4187</v>
      </c>
      <c r="F2096" t="s">
        <v>4187</v>
      </c>
      <c r="G2096" t="s">
        <v>656</v>
      </c>
      <c r="H2096">
        <v>2</v>
      </c>
      <c r="I2096">
        <v>2020</v>
      </c>
    </row>
    <row r="2097" spans="1:9" x14ac:dyDescent="0.25">
      <c r="A2097">
        <v>2376</v>
      </c>
      <c r="B2097" t="s">
        <v>1200</v>
      </c>
      <c r="C2097" t="s">
        <v>819</v>
      </c>
      <c r="D2097">
        <v>101</v>
      </c>
      <c r="E2097" t="s">
        <v>4187</v>
      </c>
      <c r="F2097" t="s">
        <v>4187</v>
      </c>
      <c r="G2097" t="s">
        <v>656</v>
      </c>
      <c r="H2097">
        <v>2</v>
      </c>
      <c r="I2097">
        <v>2020</v>
      </c>
    </row>
    <row r="2098" spans="1:9" x14ac:dyDescent="0.25">
      <c r="A2098">
        <v>2379</v>
      </c>
      <c r="B2098" t="s">
        <v>902</v>
      </c>
      <c r="C2098" t="s">
        <v>831</v>
      </c>
      <c r="D2098">
        <v>5</v>
      </c>
      <c r="E2098" t="s">
        <v>831</v>
      </c>
      <c r="F2098" t="s">
        <v>4168</v>
      </c>
      <c r="G2098" t="s">
        <v>656</v>
      </c>
      <c r="H2098">
        <v>2</v>
      </c>
      <c r="I2098">
        <v>2020</v>
      </c>
    </row>
    <row r="2099" spans="1:9" x14ac:dyDescent="0.25">
      <c r="A2099">
        <v>2380</v>
      </c>
      <c r="B2099" t="s">
        <v>4616</v>
      </c>
      <c r="C2099" t="s">
        <v>831</v>
      </c>
      <c r="D2099">
        <v>5</v>
      </c>
      <c r="E2099" t="s">
        <v>831</v>
      </c>
      <c r="F2099" t="s">
        <v>4168</v>
      </c>
      <c r="G2099" t="s">
        <v>656</v>
      </c>
      <c r="H2099">
        <v>2</v>
      </c>
      <c r="I2099">
        <v>2020</v>
      </c>
    </row>
    <row r="2100" spans="1:9" x14ac:dyDescent="0.25">
      <c r="A2100">
        <v>2381</v>
      </c>
      <c r="B2100" t="s">
        <v>4617</v>
      </c>
      <c r="C2100" t="s">
        <v>736</v>
      </c>
      <c r="D2100">
        <v>8</v>
      </c>
      <c r="E2100" t="s">
        <v>4169</v>
      </c>
      <c r="F2100" t="s">
        <v>4164</v>
      </c>
      <c r="G2100" t="s">
        <v>656</v>
      </c>
      <c r="H2100">
        <v>2</v>
      </c>
      <c r="I2100">
        <v>2020</v>
      </c>
    </row>
    <row r="2101" spans="1:9" x14ac:dyDescent="0.25">
      <c r="A2101">
        <v>2382</v>
      </c>
      <c r="B2101" t="s">
        <v>2444</v>
      </c>
      <c r="C2101" t="s">
        <v>736</v>
      </c>
      <c r="D2101">
        <v>8</v>
      </c>
      <c r="E2101" t="s">
        <v>4169</v>
      </c>
      <c r="F2101" t="s">
        <v>4164</v>
      </c>
      <c r="G2101" t="s">
        <v>656</v>
      </c>
      <c r="H2101">
        <v>2</v>
      </c>
      <c r="I2101">
        <v>2020</v>
      </c>
    </row>
    <row r="2102" spans="1:9" x14ac:dyDescent="0.25">
      <c r="A2102">
        <v>2383</v>
      </c>
      <c r="B2102" t="s">
        <v>3996</v>
      </c>
      <c r="C2102" t="s">
        <v>802</v>
      </c>
      <c r="D2102">
        <v>12</v>
      </c>
      <c r="E2102" t="s">
        <v>802</v>
      </c>
      <c r="F2102" t="s">
        <v>4171</v>
      </c>
      <c r="G2102" t="s">
        <v>656</v>
      </c>
      <c r="H2102">
        <v>2</v>
      </c>
      <c r="I2102">
        <v>2020</v>
      </c>
    </row>
    <row r="2103" spans="1:9" x14ac:dyDescent="0.25">
      <c r="A2103">
        <v>2384</v>
      </c>
      <c r="B2103" t="s">
        <v>2443</v>
      </c>
      <c r="C2103" t="s">
        <v>802</v>
      </c>
      <c r="D2103">
        <v>12</v>
      </c>
      <c r="E2103" t="s">
        <v>802</v>
      </c>
      <c r="F2103" t="s">
        <v>4171</v>
      </c>
      <c r="G2103" t="s">
        <v>656</v>
      </c>
      <c r="H2103">
        <v>2</v>
      </c>
      <c r="I2103">
        <v>2020</v>
      </c>
    </row>
    <row r="2104" spans="1:9" x14ac:dyDescent="0.25">
      <c r="A2104">
        <v>2385</v>
      </c>
      <c r="B2104" t="s">
        <v>4618</v>
      </c>
      <c r="C2104" t="s">
        <v>802</v>
      </c>
      <c r="D2104">
        <v>12</v>
      </c>
      <c r="E2104" t="s">
        <v>802</v>
      </c>
      <c r="F2104" t="s">
        <v>4171</v>
      </c>
      <c r="G2104" t="s">
        <v>656</v>
      </c>
      <c r="H2104">
        <v>2</v>
      </c>
      <c r="I2104">
        <v>2020</v>
      </c>
    </row>
    <row r="2105" spans="1:9" x14ac:dyDescent="0.25">
      <c r="A2105">
        <v>2386</v>
      </c>
      <c r="B2105" t="s">
        <v>2442</v>
      </c>
      <c r="C2105" t="s">
        <v>802</v>
      </c>
      <c r="D2105">
        <v>12</v>
      </c>
      <c r="E2105" t="s">
        <v>802</v>
      </c>
      <c r="F2105" t="s">
        <v>4171</v>
      </c>
      <c r="G2105" t="s">
        <v>656</v>
      </c>
      <c r="H2105">
        <v>2</v>
      </c>
      <c r="I2105">
        <v>2020</v>
      </c>
    </row>
    <row r="2106" spans="1:9" x14ac:dyDescent="0.25">
      <c r="A2106">
        <v>2387</v>
      </c>
      <c r="B2106" t="s">
        <v>4619</v>
      </c>
      <c r="C2106" t="s">
        <v>802</v>
      </c>
      <c r="D2106">
        <v>12</v>
      </c>
      <c r="E2106" t="s">
        <v>802</v>
      </c>
      <c r="F2106" t="s">
        <v>4171</v>
      </c>
      <c r="G2106" t="s">
        <v>656</v>
      </c>
      <c r="H2106">
        <v>2</v>
      </c>
      <c r="I2106">
        <v>2020</v>
      </c>
    </row>
    <row r="2107" spans="1:9" x14ac:dyDescent="0.25">
      <c r="A2107">
        <v>2388</v>
      </c>
      <c r="B2107" t="s">
        <v>4620</v>
      </c>
      <c r="C2107" t="s">
        <v>802</v>
      </c>
      <c r="D2107">
        <v>12</v>
      </c>
      <c r="E2107" t="s">
        <v>802</v>
      </c>
      <c r="F2107" t="s">
        <v>4171</v>
      </c>
      <c r="G2107" t="s">
        <v>656</v>
      </c>
      <c r="H2107">
        <v>2</v>
      </c>
      <c r="I2107">
        <v>2020</v>
      </c>
    </row>
    <row r="2108" spans="1:9" x14ac:dyDescent="0.25">
      <c r="A2108">
        <v>2389</v>
      </c>
      <c r="B2108" t="s">
        <v>2441</v>
      </c>
      <c r="C2108" t="s">
        <v>659</v>
      </c>
      <c r="D2108">
        <v>35</v>
      </c>
      <c r="E2108" t="s">
        <v>4175</v>
      </c>
      <c r="F2108" t="s">
        <v>4171</v>
      </c>
      <c r="G2108" t="s">
        <v>656</v>
      </c>
      <c r="H2108">
        <v>2</v>
      </c>
      <c r="I2108">
        <v>2020</v>
      </c>
    </row>
    <row r="2109" spans="1:9" x14ac:dyDescent="0.25">
      <c r="A2109">
        <v>2390</v>
      </c>
      <c r="B2109" t="s">
        <v>2440</v>
      </c>
      <c r="C2109" t="s">
        <v>703</v>
      </c>
      <c r="D2109">
        <v>16</v>
      </c>
      <c r="E2109" t="s">
        <v>703</v>
      </c>
      <c r="F2109" t="s">
        <v>4177</v>
      </c>
      <c r="G2109" t="s">
        <v>656</v>
      </c>
      <c r="H2109">
        <v>2</v>
      </c>
      <c r="I2109">
        <v>2020</v>
      </c>
    </row>
    <row r="2110" spans="1:9" x14ac:dyDescent="0.25">
      <c r="A2110">
        <v>2391</v>
      </c>
      <c r="B2110" t="s">
        <v>2439</v>
      </c>
      <c r="C2110" t="s">
        <v>703</v>
      </c>
      <c r="D2110">
        <v>16</v>
      </c>
      <c r="E2110" t="s">
        <v>703</v>
      </c>
      <c r="F2110" t="s">
        <v>4177</v>
      </c>
      <c r="G2110" t="s">
        <v>656</v>
      </c>
      <c r="H2110">
        <v>2</v>
      </c>
      <c r="I2110">
        <v>2020</v>
      </c>
    </row>
    <row r="2111" spans="1:9" x14ac:dyDescent="0.25">
      <c r="A2111">
        <v>2392</v>
      </c>
      <c r="B2111" t="s">
        <v>2438</v>
      </c>
      <c r="C2111" t="s">
        <v>703</v>
      </c>
      <c r="D2111">
        <v>16</v>
      </c>
      <c r="E2111" t="s">
        <v>703</v>
      </c>
      <c r="F2111" t="s">
        <v>4177</v>
      </c>
      <c r="G2111" t="s">
        <v>656</v>
      </c>
      <c r="H2111">
        <v>2</v>
      </c>
      <c r="I2111">
        <v>2020</v>
      </c>
    </row>
    <row r="2112" spans="1:9" x14ac:dyDescent="0.25">
      <c r="A2112">
        <v>2393</v>
      </c>
      <c r="B2112" t="s">
        <v>2437</v>
      </c>
      <c r="C2112" t="s">
        <v>703</v>
      </c>
      <c r="D2112">
        <v>16</v>
      </c>
      <c r="E2112" t="s">
        <v>703</v>
      </c>
      <c r="F2112" t="s">
        <v>4177</v>
      </c>
      <c r="G2112" t="s">
        <v>656</v>
      </c>
      <c r="H2112">
        <v>2</v>
      </c>
      <c r="I2112">
        <v>2020</v>
      </c>
    </row>
    <row r="2113" spans="1:9" x14ac:dyDescent="0.25">
      <c r="A2113">
        <v>2395</v>
      </c>
      <c r="B2113" t="s">
        <v>2436</v>
      </c>
      <c r="C2113" t="s">
        <v>868</v>
      </c>
      <c r="D2113">
        <v>23</v>
      </c>
      <c r="E2113" t="s">
        <v>4178</v>
      </c>
      <c r="F2113" t="s">
        <v>4177</v>
      </c>
      <c r="G2113" t="s">
        <v>656</v>
      </c>
      <c r="H2113">
        <v>2</v>
      </c>
      <c r="I2113">
        <v>2020</v>
      </c>
    </row>
    <row r="2114" spans="1:9" x14ac:dyDescent="0.25">
      <c r="A2114">
        <v>2396</v>
      </c>
      <c r="B2114" t="s">
        <v>2435</v>
      </c>
      <c r="C2114" t="s">
        <v>868</v>
      </c>
      <c r="D2114">
        <v>23</v>
      </c>
      <c r="E2114" t="s">
        <v>4178</v>
      </c>
      <c r="F2114" t="s">
        <v>4177</v>
      </c>
      <c r="G2114" t="s">
        <v>656</v>
      </c>
      <c r="H2114">
        <v>2</v>
      </c>
      <c r="I2114">
        <v>2020</v>
      </c>
    </row>
    <row r="2115" spans="1:9" x14ac:dyDescent="0.25">
      <c r="A2115">
        <v>2397</v>
      </c>
      <c r="B2115" t="s">
        <v>2433</v>
      </c>
      <c r="C2115" t="s">
        <v>868</v>
      </c>
      <c r="D2115">
        <v>23</v>
      </c>
      <c r="E2115" t="s">
        <v>4178</v>
      </c>
      <c r="F2115" t="s">
        <v>4177</v>
      </c>
      <c r="G2115" t="s">
        <v>656</v>
      </c>
      <c r="H2115">
        <v>2</v>
      </c>
      <c r="I2115">
        <v>2020</v>
      </c>
    </row>
    <row r="2116" spans="1:9" x14ac:dyDescent="0.25">
      <c r="A2116">
        <v>2399</v>
      </c>
      <c r="B2116" t="s">
        <v>2431</v>
      </c>
      <c r="C2116" t="s">
        <v>894</v>
      </c>
      <c r="D2116">
        <v>18</v>
      </c>
      <c r="E2116" t="s">
        <v>894</v>
      </c>
      <c r="F2116" t="s">
        <v>4177</v>
      </c>
      <c r="G2116" t="s">
        <v>656</v>
      </c>
      <c r="H2116">
        <v>2</v>
      </c>
      <c r="I2116">
        <v>2020</v>
      </c>
    </row>
    <row r="2117" spans="1:9" x14ac:dyDescent="0.25">
      <c r="A2117">
        <v>2400</v>
      </c>
      <c r="B2117" t="s">
        <v>2430</v>
      </c>
      <c r="C2117" t="s">
        <v>894</v>
      </c>
      <c r="D2117">
        <v>18</v>
      </c>
      <c r="E2117" t="s">
        <v>894</v>
      </c>
      <c r="F2117" t="s">
        <v>4177</v>
      </c>
      <c r="G2117" t="s">
        <v>656</v>
      </c>
      <c r="H2117">
        <v>2</v>
      </c>
      <c r="I2117">
        <v>2020</v>
      </c>
    </row>
    <row r="2118" spans="1:9" x14ac:dyDescent="0.25">
      <c r="A2118">
        <v>2402</v>
      </c>
      <c r="B2118" t="s">
        <v>2428</v>
      </c>
      <c r="C2118" t="s">
        <v>894</v>
      </c>
      <c r="D2118">
        <v>18</v>
      </c>
      <c r="E2118" t="s">
        <v>894</v>
      </c>
      <c r="F2118" t="s">
        <v>4177</v>
      </c>
      <c r="G2118" t="s">
        <v>656</v>
      </c>
      <c r="H2118">
        <v>2</v>
      </c>
      <c r="I2118">
        <v>2020</v>
      </c>
    </row>
    <row r="2119" spans="1:9" x14ac:dyDescent="0.25">
      <c r="A2119">
        <v>2403</v>
      </c>
      <c r="B2119" t="s">
        <v>2427</v>
      </c>
      <c r="C2119" t="s">
        <v>894</v>
      </c>
      <c r="D2119">
        <v>18</v>
      </c>
      <c r="E2119" t="s">
        <v>894</v>
      </c>
      <c r="F2119" t="s">
        <v>4177</v>
      </c>
      <c r="G2119" t="s">
        <v>656</v>
      </c>
      <c r="H2119">
        <v>2</v>
      </c>
      <c r="I2119">
        <v>2020</v>
      </c>
    </row>
    <row r="2120" spans="1:9" x14ac:dyDescent="0.25">
      <c r="A2120">
        <v>2404</v>
      </c>
      <c r="B2120" t="s">
        <v>2426</v>
      </c>
      <c r="C2120" t="s">
        <v>839</v>
      </c>
      <c r="D2120">
        <v>89</v>
      </c>
      <c r="E2120" t="s">
        <v>839</v>
      </c>
      <c r="F2120" t="s">
        <v>4168</v>
      </c>
      <c r="G2120" t="s">
        <v>656</v>
      </c>
      <c r="H2120">
        <v>2</v>
      </c>
      <c r="I2120">
        <v>2020</v>
      </c>
    </row>
    <row r="2121" spans="1:9" x14ac:dyDescent="0.25">
      <c r="A2121">
        <v>2405</v>
      </c>
      <c r="B2121" t="s">
        <v>2425</v>
      </c>
      <c r="C2121" t="s">
        <v>839</v>
      </c>
      <c r="D2121">
        <v>89</v>
      </c>
      <c r="E2121" t="s">
        <v>839</v>
      </c>
      <c r="F2121" t="s">
        <v>4168</v>
      </c>
      <c r="G2121" t="s">
        <v>656</v>
      </c>
      <c r="H2121">
        <v>2</v>
      </c>
      <c r="I2121">
        <v>2020</v>
      </c>
    </row>
    <row r="2122" spans="1:9" x14ac:dyDescent="0.25">
      <c r="A2122">
        <v>2406</v>
      </c>
      <c r="B2122" t="s">
        <v>2424</v>
      </c>
      <c r="C2122" t="s">
        <v>880</v>
      </c>
      <c r="D2122">
        <v>58</v>
      </c>
      <c r="E2122" t="s">
        <v>4188</v>
      </c>
      <c r="F2122" t="s">
        <v>4189</v>
      </c>
      <c r="G2122" t="s">
        <v>656</v>
      </c>
      <c r="H2122">
        <v>2</v>
      </c>
      <c r="I2122">
        <v>2020</v>
      </c>
    </row>
    <row r="2123" spans="1:9" x14ac:dyDescent="0.25">
      <c r="A2123">
        <v>2407</v>
      </c>
      <c r="B2123" t="s">
        <v>2423</v>
      </c>
      <c r="C2123" t="s">
        <v>880</v>
      </c>
      <c r="D2123">
        <v>58</v>
      </c>
      <c r="E2123" t="s">
        <v>4188</v>
      </c>
      <c r="F2123" t="s">
        <v>4189</v>
      </c>
      <c r="G2123" t="s">
        <v>656</v>
      </c>
      <c r="H2123">
        <v>2</v>
      </c>
      <c r="I2123">
        <v>2020</v>
      </c>
    </row>
    <row r="2124" spans="1:9" x14ac:dyDescent="0.25">
      <c r="A2124">
        <v>2408</v>
      </c>
      <c r="B2124" t="s">
        <v>2422</v>
      </c>
      <c r="C2124" t="s">
        <v>909</v>
      </c>
      <c r="D2124">
        <v>39</v>
      </c>
      <c r="E2124" t="s">
        <v>4188</v>
      </c>
      <c r="F2124" t="s">
        <v>4189</v>
      </c>
      <c r="G2124" t="s">
        <v>656</v>
      </c>
      <c r="H2124">
        <v>2</v>
      </c>
      <c r="I2124">
        <v>2020</v>
      </c>
    </row>
    <row r="2125" spans="1:9" x14ac:dyDescent="0.25">
      <c r="A2125">
        <v>2409</v>
      </c>
      <c r="B2125" t="s">
        <v>2421</v>
      </c>
      <c r="C2125" t="s">
        <v>909</v>
      </c>
      <c r="D2125">
        <v>39</v>
      </c>
      <c r="E2125" t="s">
        <v>4188</v>
      </c>
      <c r="F2125" t="s">
        <v>4189</v>
      </c>
      <c r="G2125" t="s">
        <v>656</v>
      </c>
      <c r="H2125">
        <v>2</v>
      </c>
      <c r="I2125">
        <v>2020</v>
      </c>
    </row>
    <row r="2126" spans="1:9" x14ac:dyDescent="0.25">
      <c r="A2126">
        <v>2410</v>
      </c>
      <c r="B2126" t="s">
        <v>2420</v>
      </c>
      <c r="C2126" t="s">
        <v>295</v>
      </c>
      <c r="D2126">
        <v>30</v>
      </c>
      <c r="E2126" t="s">
        <v>4179</v>
      </c>
      <c r="F2126" t="s">
        <v>4177</v>
      </c>
      <c r="G2126" t="s">
        <v>656</v>
      </c>
      <c r="H2126">
        <v>2</v>
      </c>
      <c r="I2126">
        <v>2020</v>
      </c>
    </row>
    <row r="2127" spans="1:9" x14ac:dyDescent="0.25">
      <c r="A2127">
        <v>2411</v>
      </c>
      <c r="B2127" t="s">
        <v>4621</v>
      </c>
      <c r="C2127" t="s">
        <v>807</v>
      </c>
      <c r="D2127">
        <v>25</v>
      </c>
      <c r="E2127" t="s">
        <v>4179</v>
      </c>
      <c r="F2127" t="s">
        <v>4177</v>
      </c>
      <c r="G2127" t="s">
        <v>656</v>
      </c>
      <c r="H2127">
        <v>2</v>
      </c>
      <c r="I2127">
        <v>2020</v>
      </c>
    </row>
    <row r="2128" spans="1:9" x14ac:dyDescent="0.25">
      <c r="A2128">
        <v>2412</v>
      </c>
      <c r="B2128" t="s">
        <v>807</v>
      </c>
      <c r="C2128" t="s">
        <v>807</v>
      </c>
      <c r="D2128">
        <v>25</v>
      </c>
      <c r="E2128" t="s">
        <v>4179</v>
      </c>
      <c r="F2128" t="s">
        <v>4177</v>
      </c>
      <c r="G2128" t="s">
        <v>656</v>
      </c>
      <c r="H2128">
        <v>2</v>
      </c>
      <c r="I2128">
        <v>2020</v>
      </c>
    </row>
    <row r="2129" spans="1:9" x14ac:dyDescent="0.25">
      <c r="A2129">
        <v>2413</v>
      </c>
      <c r="B2129" t="s">
        <v>2419</v>
      </c>
      <c r="C2129" t="s">
        <v>807</v>
      </c>
      <c r="D2129">
        <v>25</v>
      </c>
      <c r="E2129" t="s">
        <v>4179</v>
      </c>
      <c r="F2129" t="s">
        <v>4177</v>
      </c>
      <c r="G2129" t="s">
        <v>656</v>
      </c>
      <c r="H2129">
        <v>2</v>
      </c>
      <c r="I2129">
        <v>2020</v>
      </c>
    </row>
    <row r="2130" spans="1:9" x14ac:dyDescent="0.25">
      <c r="A2130">
        <v>2414</v>
      </c>
      <c r="B2130" t="s">
        <v>4622</v>
      </c>
      <c r="C2130" t="s">
        <v>807</v>
      </c>
      <c r="D2130">
        <v>25</v>
      </c>
      <c r="E2130" t="s">
        <v>4179</v>
      </c>
      <c r="F2130" t="s">
        <v>4177</v>
      </c>
      <c r="G2130" t="s">
        <v>656</v>
      </c>
      <c r="H2130">
        <v>2</v>
      </c>
      <c r="I2130">
        <v>2020</v>
      </c>
    </row>
    <row r="2131" spans="1:9" x14ac:dyDescent="0.25">
      <c r="A2131">
        <v>2415</v>
      </c>
      <c r="B2131" t="s">
        <v>2007</v>
      </c>
      <c r="C2131" t="s">
        <v>301</v>
      </c>
      <c r="D2131">
        <v>26</v>
      </c>
      <c r="E2131" t="s">
        <v>4179</v>
      </c>
      <c r="F2131" t="s">
        <v>4177</v>
      </c>
      <c r="G2131" t="s">
        <v>656</v>
      </c>
      <c r="H2131">
        <v>2</v>
      </c>
      <c r="I2131">
        <v>2020</v>
      </c>
    </row>
    <row r="2132" spans="1:9" x14ac:dyDescent="0.25">
      <c r="A2132">
        <v>2416</v>
      </c>
      <c r="B2132" t="s">
        <v>2418</v>
      </c>
      <c r="C2132" t="s">
        <v>301</v>
      </c>
      <c r="D2132">
        <v>26</v>
      </c>
      <c r="E2132" t="s">
        <v>4179</v>
      </c>
      <c r="F2132" t="s">
        <v>4177</v>
      </c>
      <c r="G2132" t="s">
        <v>656</v>
      </c>
      <c r="H2132">
        <v>2</v>
      </c>
      <c r="I2132">
        <v>2020</v>
      </c>
    </row>
    <row r="2133" spans="1:9" x14ac:dyDescent="0.25">
      <c r="A2133">
        <v>2417</v>
      </c>
      <c r="B2133" t="s">
        <v>2416</v>
      </c>
      <c r="C2133" t="s">
        <v>301</v>
      </c>
      <c r="D2133">
        <v>26</v>
      </c>
      <c r="E2133" t="s">
        <v>4179</v>
      </c>
      <c r="F2133" t="s">
        <v>4177</v>
      </c>
      <c r="G2133" t="s">
        <v>656</v>
      </c>
      <c r="H2133">
        <v>2</v>
      </c>
      <c r="I2133">
        <v>2020</v>
      </c>
    </row>
    <row r="2134" spans="1:9" x14ac:dyDescent="0.25">
      <c r="A2134">
        <v>2418</v>
      </c>
      <c r="B2134" t="s">
        <v>2415</v>
      </c>
      <c r="C2134" t="s">
        <v>848</v>
      </c>
      <c r="D2134">
        <v>62</v>
      </c>
      <c r="E2134" t="s">
        <v>4193</v>
      </c>
      <c r="F2134" t="s">
        <v>4189</v>
      </c>
      <c r="G2134" t="s">
        <v>656</v>
      </c>
      <c r="H2134">
        <v>2</v>
      </c>
      <c r="I2134">
        <v>2020</v>
      </c>
    </row>
    <row r="2135" spans="1:9" x14ac:dyDescent="0.25">
      <c r="A2135">
        <v>2419</v>
      </c>
      <c r="B2135" t="s">
        <v>820</v>
      </c>
      <c r="C2135" t="s">
        <v>819</v>
      </c>
      <c r="D2135">
        <v>101</v>
      </c>
      <c r="E2135" t="s">
        <v>4187</v>
      </c>
      <c r="F2135" t="s">
        <v>4187</v>
      </c>
      <c r="G2135" t="s">
        <v>656</v>
      </c>
      <c r="H2135">
        <v>2</v>
      </c>
      <c r="I2135">
        <v>2020</v>
      </c>
    </row>
    <row r="2136" spans="1:9" x14ac:dyDescent="0.25">
      <c r="A2136">
        <v>2420</v>
      </c>
      <c r="B2136" t="s">
        <v>2414</v>
      </c>
      <c r="C2136" t="s">
        <v>880</v>
      </c>
      <c r="D2136">
        <v>58</v>
      </c>
      <c r="E2136" t="s">
        <v>4188</v>
      </c>
      <c r="F2136" t="s">
        <v>4189</v>
      </c>
      <c r="G2136" t="s">
        <v>656</v>
      </c>
      <c r="H2136">
        <v>2</v>
      </c>
      <c r="I2136">
        <v>2020</v>
      </c>
    </row>
    <row r="2137" spans="1:9" x14ac:dyDescent="0.25">
      <c r="A2137">
        <v>2421</v>
      </c>
      <c r="B2137" t="s">
        <v>2413</v>
      </c>
      <c r="C2137" t="s">
        <v>880</v>
      </c>
      <c r="D2137">
        <v>58</v>
      </c>
      <c r="E2137" t="s">
        <v>4188</v>
      </c>
      <c r="F2137" t="s">
        <v>4189</v>
      </c>
      <c r="G2137" t="s">
        <v>656</v>
      </c>
      <c r="H2137">
        <v>2</v>
      </c>
      <c r="I2137">
        <v>2020</v>
      </c>
    </row>
    <row r="2138" spans="1:9" x14ac:dyDescent="0.25">
      <c r="A2138">
        <v>2422</v>
      </c>
      <c r="B2138" t="s">
        <v>4623</v>
      </c>
      <c r="C2138" t="s">
        <v>880</v>
      </c>
      <c r="D2138">
        <v>58</v>
      </c>
      <c r="E2138" t="s">
        <v>4188</v>
      </c>
      <c r="F2138" t="s">
        <v>4189</v>
      </c>
      <c r="G2138" t="s">
        <v>656</v>
      </c>
      <c r="H2138">
        <v>2</v>
      </c>
      <c r="I2138">
        <v>2020</v>
      </c>
    </row>
    <row r="2139" spans="1:9" x14ac:dyDescent="0.25">
      <c r="A2139">
        <v>2423</v>
      </c>
      <c r="B2139" t="s">
        <v>4624</v>
      </c>
      <c r="C2139" t="s">
        <v>880</v>
      </c>
      <c r="D2139">
        <v>58</v>
      </c>
      <c r="E2139" t="s">
        <v>4188</v>
      </c>
      <c r="F2139" t="s">
        <v>4189</v>
      </c>
      <c r="G2139" t="s">
        <v>656</v>
      </c>
      <c r="H2139">
        <v>2</v>
      </c>
      <c r="I2139">
        <v>2020</v>
      </c>
    </row>
    <row r="2140" spans="1:9" x14ac:dyDescent="0.25">
      <c r="A2140">
        <v>2424</v>
      </c>
      <c r="B2140" t="s">
        <v>2412</v>
      </c>
      <c r="C2140" t="s">
        <v>767</v>
      </c>
      <c r="D2140">
        <v>44</v>
      </c>
      <c r="E2140" t="s">
        <v>4191</v>
      </c>
      <c r="F2140" t="s">
        <v>4189</v>
      </c>
      <c r="G2140" t="s">
        <v>656</v>
      </c>
      <c r="H2140">
        <v>2</v>
      </c>
      <c r="I2140">
        <v>2020</v>
      </c>
    </row>
    <row r="2141" spans="1:9" x14ac:dyDescent="0.25">
      <c r="A2141">
        <v>2425</v>
      </c>
      <c r="B2141" t="s">
        <v>2411</v>
      </c>
      <c r="C2141" t="s">
        <v>797</v>
      </c>
      <c r="D2141">
        <v>65</v>
      </c>
      <c r="E2141" t="s">
        <v>4191</v>
      </c>
      <c r="F2141" t="s">
        <v>4189</v>
      </c>
      <c r="G2141" t="s">
        <v>656</v>
      </c>
      <c r="H2141">
        <v>2</v>
      </c>
      <c r="I2141">
        <v>2020</v>
      </c>
    </row>
    <row r="2142" spans="1:9" x14ac:dyDescent="0.25">
      <c r="A2142">
        <v>2426</v>
      </c>
      <c r="B2142" t="s">
        <v>2410</v>
      </c>
      <c r="C2142" t="s">
        <v>730</v>
      </c>
      <c r="D2142">
        <v>66</v>
      </c>
      <c r="E2142" t="s">
        <v>4193</v>
      </c>
      <c r="F2142" t="s">
        <v>4189</v>
      </c>
      <c r="G2142" t="s">
        <v>656</v>
      </c>
      <c r="H2142">
        <v>2</v>
      </c>
      <c r="I2142">
        <v>2020</v>
      </c>
    </row>
    <row r="2143" spans="1:9" x14ac:dyDescent="0.25">
      <c r="A2143">
        <v>2427</v>
      </c>
      <c r="B2143" t="s">
        <v>1548</v>
      </c>
      <c r="C2143" t="s">
        <v>730</v>
      </c>
      <c r="D2143">
        <v>66</v>
      </c>
      <c r="E2143" t="s">
        <v>4193</v>
      </c>
      <c r="F2143" t="s">
        <v>4189</v>
      </c>
      <c r="G2143" t="s">
        <v>656</v>
      </c>
      <c r="H2143">
        <v>2</v>
      </c>
      <c r="I2143">
        <v>2020</v>
      </c>
    </row>
    <row r="2144" spans="1:9" x14ac:dyDescent="0.25">
      <c r="A2144">
        <v>2428</v>
      </c>
      <c r="B2144" t="s">
        <v>2409</v>
      </c>
      <c r="C2144" t="s">
        <v>695</v>
      </c>
      <c r="D2144">
        <v>54</v>
      </c>
      <c r="E2144" t="s">
        <v>4198</v>
      </c>
      <c r="F2144" t="s">
        <v>4189</v>
      </c>
      <c r="G2144" t="s">
        <v>656</v>
      </c>
      <c r="H2144">
        <v>2</v>
      </c>
      <c r="I2144">
        <v>2020</v>
      </c>
    </row>
    <row r="2145" spans="1:9" x14ac:dyDescent="0.25">
      <c r="A2145">
        <v>2429</v>
      </c>
      <c r="B2145" t="s">
        <v>2408</v>
      </c>
      <c r="C2145" t="s">
        <v>714</v>
      </c>
      <c r="D2145">
        <v>52</v>
      </c>
      <c r="E2145" t="s">
        <v>4198</v>
      </c>
      <c r="F2145" t="s">
        <v>4189</v>
      </c>
      <c r="G2145" t="s">
        <v>656</v>
      </c>
      <c r="H2145">
        <v>2</v>
      </c>
      <c r="I2145">
        <v>2020</v>
      </c>
    </row>
    <row r="2146" spans="1:9" x14ac:dyDescent="0.25">
      <c r="A2146">
        <v>2430</v>
      </c>
      <c r="B2146" t="s">
        <v>4625</v>
      </c>
      <c r="C2146" t="s">
        <v>693</v>
      </c>
      <c r="D2146">
        <v>56</v>
      </c>
      <c r="E2146" t="s">
        <v>4193</v>
      </c>
      <c r="F2146" t="s">
        <v>4189</v>
      </c>
      <c r="G2146" t="s">
        <v>656</v>
      </c>
      <c r="H2146">
        <v>2</v>
      </c>
      <c r="I2146">
        <v>2020</v>
      </c>
    </row>
    <row r="2147" spans="1:9" x14ac:dyDescent="0.25">
      <c r="A2147">
        <v>2431</v>
      </c>
      <c r="B2147" t="s">
        <v>4626</v>
      </c>
      <c r="C2147" t="s">
        <v>693</v>
      </c>
      <c r="D2147">
        <v>56</v>
      </c>
      <c r="E2147" t="s">
        <v>4193</v>
      </c>
      <c r="F2147" t="s">
        <v>4189</v>
      </c>
      <c r="G2147" t="s">
        <v>656</v>
      </c>
      <c r="H2147">
        <v>2</v>
      </c>
      <c r="I2147">
        <v>2020</v>
      </c>
    </row>
    <row r="2148" spans="1:9" x14ac:dyDescent="0.25">
      <c r="A2148">
        <v>2432</v>
      </c>
      <c r="B2148" t="s">
        <v>2407</v>
      </c>
      <c r="C2148" t="s">
        <v>693</v>
      </c>
      <c r="D2148">
        <v>56</v>
      </c>
      <c r="E2148" t="s">
        <v>4193</v>
      </c>
      <c r="F2148" t="s">
        <v>4189</v>
      </c>
      <c r="G2148" t="s">
        <v>656</v>
      </c>
      <c r="H2148">
        <v>2</v>
      </c>
      <c r="I2148">
        <v>2020</v>
      </c>
    </row>
    <row r="2149" spans="1:9" x14ac:dyDescent="0.25">
      <c r="A2149">
        <v>2433</v>
      </c>
      <c r="B2149" t="s">
        <v>2406</v>
      </c>
      <c r="C2149" t="s">
        <v>738</v>
      </c>
      <c r="D2149">
        <v>61</v>
      </c>
      <c r="E2149" t="s">
        <v>4193</v>
      </c>
      <c r="F2149" t="s">
        <v>4189</v>
      </c>
      <c r="G2149" t="s">
        <v>656</v>
      </c>
      <c r="H2149">
        <v>2</v>
      </c>
      <c r="I2149">
        <v>2020</v>
      </c>
    </row>
    <row r="2150" spans="1:9" x14ac:dyDescent="0.25">
      <c r="A2150">
        <v>2434</v>
      </c>
      <c r="B2150" t="s">
        <v>2405</v>
      </c>
      <c r="C2150" t="s">
        <v>756</v>
      </c>
      <c r="D2150">
        <v>19</v>
      </c>
      <c r="E2150" t="s">
        <v>894</v>
      </c>
      <c r="F2150" t="s">
        <v>4177</v>
      </c>
      <c r="G2150" t="s">
        <v>656</v>
      </c>
      <c r="H2150">
        <v>2</v>
      </c>
      <c r="I2150">
        <v>2020</v>
      </c>
    </row>
    <row r="2151" spans="1:9" x14ac:dyDescent="0.25">
      <c r="A2151">
        <v>2435</v>
      </c>
      <c r="B2151" t="s">
        <v>2404</v>
      </c>
      <c r="C2151" t="s">
        <v>802</v>
      </c>
      <c r="D2151">
        <v>12</v>
      </c>
      <c r="E2151" t="s">
        <v>802</v>
      </c>
      <c r="F2151" t="s">
        <v>4171</v>
      </c>
      <c r="G2151" t="s">
        <v>656</v>
      </c>
      <c r="H2151">
        <v>2</v>
      </c>
      <c r="I2151">
        <v>2020</v>
      </c>
    </row>
    <row r="2152" spans="1:9" x14ac:dyDescent="0.25">
      <c r="A2152">
        <v>2436</v>
      </c>
      <c r="B2152" t="s">
        <v>2402</v>
      </c>
      <c r="C2152" t="s">
        <v>802</v>
      </c>
      <c r="D2152">
        <v>12</v>
      </c>
      <c r="E2152" t="s">
        <v>802</v>
      </c>
      <c r="F2152" t="s">
        <v>4171</v>
      </c>
      <c r="G2152" t="s">
        <v>656</v>
      </c>
      <c r="H2152">
        <v>2</v>
      </c>
      <c r="I2152">
        <v>2020</v>
      </c>
    </row>
    <row r="2153" spans="1:9" x14ac:dyDescent="0.25">
      <c r="A2153">
        <v>2437</v>
      </c>
      <c r="B2153" t="s">
        <v>2401</v>
      </c>
      <c r="C2153" t="s">
        <v>792</v>
      </c>
      <c r="D2153">
        <v>6</v>
      </c>
      <c r="E2153" t="s">
        <v>4169</v>
      </c>
      <c r="F2153" t="s">
        <v>4164</v>
      </c>
      <c r="G2153" t="s">
        <v>656</v>
      </c>
      <c r="H2153">
        <v>2</v>
      </c>
      <c r="I2153">
        <v>2020</v>
      </c>
    </row>
    <row r="2154" spans="1:9" x14ac:dyDescent="0.25">
      <c r="A2154">
        <v>2438</v>
      </c>
      <c r="B2154" t="s">
        <v>2399</v>
      </c>
      <c r="C2154" t="s">
        <v>866</v>
      </c>
      <c r="D2154">
        <v>9</v>
      </c>
      <c r="E2154" t="s">
        <v>866</v>
      </c>
      <c r="F2154" t="s">
        <v>4171</v>
      </c>
      <c r="G2154" t="s">
        <v>656</v>
      </c>
      <c r="H2154">
        <v>2</v>
      </c>
      <c r="I2154">
        <v>2020</v>
      </c>
    </row>
    <row r="2155" spans="1:9" x14ac:dyDescent="0.25">
      <c r="A2155">
        <v>2439</v>
      </c>
      <c r="B2155" t="s">
        <v>4627</v>
      </c>
      <c r="C2155" t="s">
        <v>866</v>
      </c>
      <c r="D2155">
        <v>9</v>
      </c>
      <c r="E2155" t="s">
        <v>866</v>
      </c>
      <c r="F2155" t="s">
        <v>4171</v>
      </c>
      <c r="G2155" t="s">
        <v>656</v>
      </c>
      <c r="H2155">
        <v>2</v>
      </c>
      <c r="I2155">
        <v>2020</v>
      </c>
    </row>
    <row r="2156" spans="1:9" x14ac:dyDescent="0.25">
      <c r="A2156">
        <v>2440</v>
      </c>
      <c r="B2156" t="s">
        <v>4628</v>
      </c>
      <c r="C2156" t="s">
        <v>866</v>
      </c>
      <c r="D2156">
        <v>9</v>
      </c>
      <c r="E2156" t="s">
        <v>866</v>
      </c>
      <c r="F2156" t="s">
        <v>4171</v>
      </c>
      <c r="G2156" t="s">
        <v>656</v>
      </c>
      <c r="H2156">
        <v>2</v>
      </c>
      <c r="I2156">
        <v>2020</v>
      </c>
    </row>
    <row r="2157" spans="1:9" x14ac:dyDescent="0.25">
      <c r="A2157">
        <v>2441</v>
      </c>
      <c r="B2157" t="s">
        <v>2398</v>
      </c>
      <c r="C2157" t="s">
        <v>663</v>
      </c>
      <c r="D2157">
        <v>99</v>
      </c>
      <c r="E2157" t="s">
        <v>663</v>
      </c>
      <c r="F2157" t="s">
        <v>4171</v>
      </c>
      <c r="G2157" t="s">
        <v>656</v>
      </c>
      <c r="H2157">
        <v>2</v>
      </c>
      <c r="I2157">
        <v>2020</v>
      </c>
    </row>
    <row r="2158" spans="1:9" x14ac:dyDescent="0.25">
      <c r="A2158">
        <v>2443</v>
      </c>
      <c r="B2158" t="s">
        <v>2397</v>
      </c>
      <c r="C2158" t="s">
        <v>663</v>
      </c>
      <c r="D2158">
        <v>99</v>
      </c>
      <c r="E2158" t="s">
        <v>663</v>
      </c>
      <c r="F2158" t="s">
        <v>4171</v>
      </c>
      <c r="G2158" t="s">
        <v>656</v>
      </c>
      <c r="H2158">
        <v>2</v>
      </c>
      <c r="I2158">
        <v>2020</v>
      </c>
    </row>
    <row r="2159" spans="1:9" x14ac:dyDescent="0.25">
      <c r="A2159">
        <v>2444</v>
      </c>
      <c r="B2159" t="s">
        <v>2396</v>
      </c>
      <c r="C2159" t="s">
        <v>663</v>
      </c>
      <c r="D2159">
        <v>99</v>
      </c>
      <c r="E2159" t="s">
        <v>663</v>
      </c>
      <c r="F2159" t="s">
        <v>4171</v>
      </c>
      <c r="G2159" t="s">
        <v>656</v>
      </c>
      <c r="H2159">
        <v>2</v>
      </c>
      <c r="I2159">
        <v>2020</v>
      </c>
    </row>
    <row r="2160" spans="1:9" x14ac:dyDescent="0.25">
      <c r="A2160">
        <v>2445</v>
      </c>
      <c r="B2160" t="s">
        <v>2395</v>
      </c>
      <c r="C2160" t="s">
        <v>663</v>
      </c>
      <c r="D2160">
        <v>99</v>
      </c>
      <c r="E2160" t="s">
        <v>663</v>
      </c>
      <c r="F2160" t="s">
        <v>4171</v>
      </c>
      <c r="G2160" t="s">
        <v>656</v>
      </c>
      <c r="H2160">
        <v>2</v>
      </c>
      <c r="I2160">
        <v>2020</v>
      </c>
    </row>
    <row r="2161" spans="1:9" x14ac:dyDescent="0.25">
      <c r="A2161">
        <v>2449</v>
      </c>
      <c r="B2161" t="s">
        <v>4629</v>
      </c>
      <c r="C2161" t="s">
        <v>678</v>
      </c>
      <c r="D2161">
        <v>41</v>
      </c>
      <c r="E2161" t="s">
        <v>4188</v>
      </c>
      <c r="F2161" t="s">
        <v>4189</v>
      </c>
      <c r="G2161" t="s">
        <v>656</v>
      </c>
      <c r="H2161">
        <v>2</v>
      </c>
      <c r="I2161">
        <v>2020</v>
      </c>
    </row>
    <row r="2162" spans="1:9" x14ac:dyDescent="0.25">
      <c r="A2162">
        <v>2450</v>
      </c>
      <c r="B2162" t="s">
        <v>4630</v>
      </c>
      <c r="C2162" t="s">
        <v>678</v>
      </c>
      <c r="D2162">
        <v>41</v>
      </c>
      <c r="E2162" t="s">
        <v>4188</v>
      </c>
      <c r="F2162" t="s">
        <v>4189</v>
      </c>
      <c r="G2162" t="s">
        <v>656</v>
      </c>
      <c r="H2162">
        <v>2</v>
      </c>
      <c r="I2162">
        <v>2020</v>
      </c>
    </row>
    <row r="2163" spans="1:9" x14ac:dyDescent="0.25">
      <c r="A2163">
        <v>2451</v>
      </c>
      <c r="B2163" t="s">
        <v>2394</v>
      </c>
      <c r="C2163" t="s">
        <v>678</v>
      </c>
      <c r="D2163">
        <v>41</v>
      </c>
      <c r="E2163" t="s">
        <v>4188</v>
      </c>
      <c r="F2163" t="s">
        <v>4189</v>
      </c>
      <c r="G2163" t="s">
        <v>656</v>
      </c>
      <c r="H2163">
        <v>2</v>
      </c>
      <c r="I2163">
        <v>2020</v>
      </c>
    </row>
    <row r="2164" spans="1:9" x14ac:dyDescent="0.25">
      <c r="A2164">
        <v>2452</v>
      </c>
      <c r="B2164" t="s">
        <v>2393</v>
      </c>
      <c r="C2164" t="s">
        <v>678</v>
      </c>
      <c r="D2164">
        <v>41</v>
      </c>
      <c r="E2164" t="s">
        <v>4188</v>
      </c>
      <c r="F2164" t="s">
        <v>4189</v>
      </c>
      <c r="G2164" t="s">
        <v>656</v>
      </c>
      <c r="H2164">
        <v>2</v>
      </c>
      <c r="I2164">
        <v>2020</v>
      </c>
    </row>
    <row r="2165" spans="1:9" x14ac:dyDescent="0.25">
      <c r="A2165">
        <v>2453</v>
      </c>
      <c r="B2165" t="s">
        <v>2392</v>
      </c>
      <c r="C2165" t="s">
        <v>301</v>
      </c>
      <c r="D2165">
        <v>26</v>
      </c>
      <c r="E2165" t="s">
        <v>4179</v>
      </c>
      <c r="F2165" t="s">
        <v>4177</v>
      </c>
      <c r="G2165" t="s">
        <v>656</v>
      </c>
      <c r="H2165">
        <v>2</v>
      </c>
      <c r="I2165">
        <v>2020</v>
      </c>
    </row>
    <row r="2166" spans="1:9" x14ac:dyDescent="0.25">
      <c r="A2166">
        <v>2454</v>
      </c>
      <c r="B2166" t="s">
        <v>4631</v>
      </c>
      <c r="C2166" t="s">
        <v>301</v>
      </c>
      <c r="D2166">
        <v>26</v>
      </c>
      <c r="E2166" t="s">
        <v>4179</v>
      </c>
      <c r="F2166" t="s">
        <v>4177</v>
      </c>
      <c r="G2166" t="s">
        <v>656</v>
      </c>
      <c r="H2166">
        <v>2</v>
      </c>
      <c r="I2166">
        <v>2020</v>
      </c>
    </row>
    <row r="2167" spans="1:9" x14ac:dyDescent="0.25">
      <c r="A2167">
        <v>2455</v>
      </c>
      <c r="B2167" t="s">
        <v>4632</v>
      </c>
      <c r="C2167" t="s">
        <v>301</v>
      </c>
      <c r="D2167">
        <v>26</v>
      </c>
      <c r="E2167" t="s">
        <v>4179</v>
      </c>
      <c r="F2167" t="s">
        <v>4177</v>
      </c>
      <c r="G2167" t="s">
        <v>656</v>
      </c>
      <c r="H2167">
        <v>2</v>
      </c>
      <c r="I2167">
        <v>2020</v>
      </c>
    </row>
    <row r="2168" spans="1:9" x14ac:dyDescent="0.25">
      <c r="A2168">
        <v>2456</v>
      </c>
      <c r="B2168" t="s">
        <v>2390</v>
      </c>
      <c r="C2168" t="s">
        <v>301</v>
      </c>
      <c r="D2168">
        <v>26</v>
      </c>
      <c r="E2168" t="s">
        <v>4179</v>
      </c>
      <c r="F2168" t="s">
        <v>4177</v>
      </c>
      <c r="G2168" t="s">
        <v>656</v>
      </c>
      <c r="H2168">
        <v>2</v>
      </c>
      <c r="I2168">
        <v>2020</v>
      </c>
    </row>
    <row r="2169" spans="1:9" x14ac:dyDescent="0.25">
      <c r="A2169">
        <v>2457</v>
      </c>
      <c r="B2169" t="s">
        <v>2389</v>
      </c>
      <c r="C2169" t="s">
        <v>682</v>
      </c>
      <c r="D2169">
        <v>20</v>
      </c>
      <c r="E2169" t="s">
        <v>682</v>
      </c>
      <c r="F2169" t="s">
        <v>4177</v>
      </c>
      <c r="G2169" t="s">
        <v>656</v>
      </c>
      <c r="H2169">
        <v>2</v>
      </c>
      <c r="I2169">
        <v>2020</v>
      </c>
    </row>
    <row r="2170" spans="1:9" x14ac:dyDescent="0.25">
      <c r="A2170">
        <v>2458</v>
      </c>
      <c r="B2170" t="s">
        <v>2388</v>
      </c>
      <c r="C2170" t="s">
        <v>682</v>
      </c>
      <c r="D2170">
        <v>20</v>
      </c>
      <c r="E2170" t="s">
        <v>682</v>
      </c>
      <c r="F2170" t="s">
        <v>4177</v>
      </c>
      <c r="G2170" t="s">
        <v>656</v>
      </c>
      <c r="H2170">
        <v>2</v>
      </c>
      <c r="I2170">
        <v>2020</v>
      </c>
    </row>
    <row r="2171" spans="1:9" x14ac:dyDescent="0.25">
      <c r="A2171">
        <v>2459</v>
      </c>
      <c r="B2171" t="s">
        <v>2387</v>
      </c>
      <c r="C2171" t="s">
        <v>299</v>
      </c>
      <c r="D2171">
        <v>27</v>
      </c>
      <c r="E2171" t="s">
        <v>4179</v>
      </c>
      <c r="F2171" t="s">
        <v>4177</v>
      </c>
      <c r="G2171" t="s">
        <v>656</v>
      </c>
      <c r="H2171">
        <v>2</v>
      </c>
      <c r="I2171">
        <v>2020</v>
      </c>
    </row>
    <row r="2172" spans="1:9" x14ac:dyDescent="0.25">
      <c r="A2172">
        <v>2460</v>
      </c>
      <c r="B2172" t="s">
        <v>2386</v>
      </c>
      <c r="C2172" t="s">
        <v>299</v>
      </c>
      <c r="D2172">
        <v>27</v>
      </c>
      <c r="E2172" t="s">
        <v>4179</v>
      </c>
      <c r="F2172" t="s">
        <v>4177</v>
      </c>
      <c r="G2172" t="s">
        <v>656</v>
      </c>
      <c r="H2172">
        <v>2</v>
      </c>
      <c r="I2172">
        <v>2020</v>
      </c>
    </row>
    <row r="2173" spans="1:9" x14ac:dyDescent="0.25">
      <c r="A2173">
        <v>2461</v>
      </c>
      <c r="B2173" t="s">
        <v>4633</v>
      </c>
      <c r="C2173" t="s">
        <v>299</v>
      </c>
      <c r="D2173">
        <v>27</v>
      </c>
      <c r="E2173" t="s">
        <v>4179</v>
      </c>
      <c r="F2173" t="s">
        <v>4177</v>
      </c>
      <c r="G2173" t="s">
        <v>656</v>
      </c>
      <c r="H2173">
        <v>2</v>
      </c>
      <c r="I2173">
        <v>2020</v>
      </c>
    </row>
    <row r="2174" spans="1:9" x14ac:dyDescent="0.25">
      <c r="A2174">
        <v>2462</v>
      </c>
      <c r="B2174" t="s">
        <v>2385</v>
      </c>
      <c r="C2174" t="s">
        <v>684</v>
      </c>
      <c r="D2174">
        <v>22</v>
      </c>
      <c r="E2174" t="s">
        <v>4178</v>
      </c>
      <c r="F2174" t="s">
        <v>4177</v>
      </c>
      <c r="G2174" t="s">
        <v>656</v>
      </c>
      <c r="H2174">
        <v>2</v>
      </c>
      <c r="I2174">
        <v>2020</v>
      </c>
    </row>
    <row r="2175" spans="1:9" x14ac:dyDescent="0.25">
      <c r="A2175">
        <v>2463</v>
      </c>
      <c r="B2175" t="s">
        <v>2384</v>
      </c>
      <c r="C2175" t="s">
        <v>684</v>
      </c>
      <c r="D2175">
        <v>22</v>
      </c>
      <c r="E2175" t="s">
        <v>4178</v>
      </c>
      <c r="F2175" t="s">
        <v>4177</v>
      </c>
      <c r="G2175" t="s">
        <v>656</v>
      </c>
      <c r="H2175">
        <v>2</v>
      </c>
      <c r="I2175">
        <v>2020</v>
      </c>
    </row>
    <row r="2176" spans="1:9" x14ac:dyDescent="0.25">
      <c r="A2176">
        <v>2464</v>
      </c>
      <c r="B2176" t="s">
        <v>2383</v>
      </c>
      <c r="C2176" t="s">
        <v>684</v>
      </c>
      <c r="D2176">
        <v>22</v>
      </c>
      <c r="E2176" t="s">
        <v>4178</v>
      </c>
      <c r="F2176" t="s">
        <v>4177</v>
      </c>
      <c r="G2176" t="s">
        <v>656</v>
      </c>
      <c r="H2176">
        <v>2</v>
      </c>
      <c r="I2176">
        <v>2020</v>
      </c>
    </row>
    <row r="2177" spans="1:9" x14ac:dyDescent="0.25">
      <c r="A2177">
        <v>2465</v>
      </c>
      <c r="B2177" t="s">
        <v>2382</v>
      </c>
      <c r="C2177" t="s">
        <v>710</v>
      </c>
      <c r="D2177">
        <v>53</v>
      </c>
      <c r="E2177" t="s">
        <v>4198</v>
      </c>
      <c r="F2177" t="s">
        <v>4189</v>
      </c>
      <c r="G2177" t="s">
        <v>656</v>
      </c>
      <c r="H2177">
        <v>2</v>
      </c>
      <c r="I2177">
        <v>2020</v>
      </c>
    </row>
    <row r="2178" spans="1:9" x14ac:dyDescent="0.25">
      <c r="A2178">
        <v>2466</v>
      </c>
      <c r="B2178" t="s">
        <v>2381</v>
      </c>
      <c r="C2178" t="s">
        <v>299</v>
      </c>
      <c r="D2178">
        <v>27</v>
      </c>
      <c r="E2178" t="s">
        <v>4179</v>
      </c>
      <c r="F2178" t="s">
        <v>4177</v>
      </c>
      <c r="G2178" t="s">
        <v>656</v>
      </c>
      <c r="H2178">
        <v>2</v>
      </c>
      <c r="I2178">
        <v>2020</v>
      </c>
    </row>
    <row r="2179" spans="1:9" x14ac:dyDescent="0.25">
      <c r="A2179">
        <v>2467</v>
      </c>
      <c r="B2179" t="s">
        <v>299</v>
      </c>
      <c r="C2179" t="s">
        <v>299</v>
      </c>
      <c r="D2179">
        <v>27</v>
      </c>
      <c r="E2179" t="s">
        <v>4179</v>
      </c>
      <c r="F2179" t="s">
        <v>4177</v>
      </c>
      <c r="G2179" t="s">
        <v>656</v>
      </c>
      <c r="H2179">
        <v>2</v>
      </c>
      <c r="I2179">
        <v>2020</v>
      </c>
    </row>
    <row r="2180" spans="1:9" x14ac:dyDescent="0.25">
      <c r="A2180">
        <v>2468</v>
      </c>
      <c r="B2180" t="s">
        <v>4634</v>
      </c>
      <c r="C2180" t="s">
        <v>299</v>
      </c>
      <c r="D2180">
        <v>27</v>
      </c>
      <c r="E2180" t="s">
        <v>4179</v>
      </c>
      <c r="F2180" t="s">
        <v>4177</v>
      </c>
      <c r="G2180" t="s">
        <v>656</v>
      </c>
      <c r="H2180">
        <v>2</v>
      </c>
      <c r="I2180">
        <v>2020</v>
      </c>
    </row>
    <row r="2181" spans="1:9" x14ac:dyDescent="0.25">
      <c r="A2181">
        <v>2469</v>
      </c>
      <c r="B2181" t="s">
        <v>2380</v>
      </c>
      <c r="C2181" t="s">
        <v>295</v>
      </c>
      <c r="D2181">
        <v>30</v>
      </c>
      <c r="E2181" t="s">
        <v>4179</v>
      </c>
      <c r="F2181" t="s">
        <v>4177</v>
      </c>
      <c r="G2181" t="s">
        <v>656</v>
      </c>
      <c r="H2181">
        <v>2</v>
      </c>
      <c r="I2181">
        <v>2020</v>
      </c>
    </row>
    <row r="2182" spans="1:9" x14ac:dyDescent="0.25">
      <c r="A2182">
        <v>2470</v>
      </c>
      <c r="B2182" t="s">
        <v>4635</v>
      </c>
      <c r="C2182" t="s">
        <v>295</v>
      </c>
      <c r="D2182">
        <v>30</v>
      </c>
      <c r="E2182" t="s">
        <v>4179</v>
      </c>
      <c r="F2182" t="s">
        <v>4177</v>
      </c>
      <c r="G2182" t="s">
        <v>656</v>
      </c>
      <c r="H2182">
        <v>2</v>
      </c>
      <c r="I2182">
        <v>2020</v>
      </c>
    </row>
    <row r="2183" spans="1:9" x14ac:dyDescent="0.25">
      <c r="A2183">
        <v>2471</v>
      </c>
      <c r="B2183" t="s">
        <v>4636</v>
      </c>
      <c r="C2183" t="s">
        <v>295</v>
      </c>
      <c r="D2183">
        <v>30</v>
      </c>
      <c r="E2183" t="s">
        <v>4179</v>
      </c>
      <c r="F2183" t="s">
        <v>4177</v>
      </c>
      <c r="G2183" t="s">
        <v>656</v>
      </c>
      <c r="H2183">
        <v>2</v>
      </c>
      <c r="I2183">
        <v>2020</v>
      </c>
    </row>
    <row r="2184" spans="1:9" x14ac:dyDescent="0.25">
      <c r="A2184">
        <v>2472</v>
      </c>
      <c r="B2184" t="s">
        <v>294</v>
      </c>
      <c r="C2184" t="s">
        <v>294</v>
      </c>
      <c r="D2184">
        <v>31</v>
      </c>
      <c r="E2184" t="s">
        <v>4179</v>
      </c>
      <c r="F2184" t="s">
        <v>4177</v>
      </c>
      <c r="G2184" t="s">
        <v>656</v>
      </c>
      <c r="H2184">
        <v>2</v>
      </c>
      <c r="I2184">
        <v>2020</v>
      </c>
    </row>
    <row r="2185" spans="1:9" x14ac:dyDescent="0.25">
      <c r="A2185">
        <v>2473</v>
      </c>
      <c r="B2185" t="s">
        <v>2379</v>
      </c>
      <c r="C2185" t="s">
        <v>691</v>
      </c>
      <c r="D2185">
        <v>21</v>
      </c>
      <c r="E2185" t="s">
        <v>691</v>
      </c>
      <c r="F2185" t="s">
        <v>4177</v>
      </c>
      <c r="G2185" t="s">
        <v>656</v>
      </c>
      <c r="H2185">
        <v>2</v>
      </c>
      <c r="I2185">
        <v>2020</v>
      </c>
    </row>
    <row r="2186" spans="1:9" x14ac:dyDescent="0.25">
      <c r="A2186">
        <v>2474</v>
      </c>
      <c r="B2186" t="s">
        <v>2378</v>
      </c>
      <c r="C2186" t="s">
        <v>819</v>
      </c>
      <c r="D2186">
        <v>101</v>
      </c>
      <c r="E2186" t="s">
        <v>4187</v>
      </c>
      <c r="F2186" t="s">
        <v>4187</v>
      </c>
      <c r="G2186" t="s">
        <v>656</v>
      </c>
      <c r="H2186">
        <v>2</v>
      </c>
      <c r="I2186">
        <v>2020</v>
      </c>
    </row>
    <row r="2187" spans="1:9" x14ac:dyDescent="0.25">
      <c r="A2187">
        <v>2475</v>
      </c>
      <c r="B2187" t="s">
        <v>2377</v>
      </c>
      <c r="C2187" t="s">
        <v>792</v>
      </c>
      <c r="D2187">
        <v>6</v>
      </c>
      <c r="E2187" t="s">
        <v>4169</v>
      </c>
      <c r="F2187" t="s">
        <v>4164</v>
      </c>
      <c r="G2187" t="s">
        <v>656</v>
      </c>
      <c r="H2187">
        <v>2</v>
      </c>
      <c r="I2187">
        <v>2020</v>
      </c>
    </row>
    <row r="2188" spans="1:9" x14ac:dyDescent="0.25">
      <c r="A2188">
        <v>2476</v>
      </c>
      <c r="B2188" t="s">
        <v>4637</v>
      </c>
      <c r="C2188" t="s">
        <v>802</v>
      </c>
      <c r="D2188">
        <v>12</v>
      </c>
      <c r="E2188" t="s">
        <v>802</v>
      </c>
      <c r="F2188" t="s">
        <v>4171</v>
      </c>
      <c r="G2188" t="s">
        <v>656</v>
      </c>
      <c r="H2188">
        <v>2</v>
      </c>
      <c r="I2188">
        <v>2020</v>
      </c>
    </row>
    <row r="2189" spans="1:9" x14ac:dyDescent="0.25">
      <c r="A2189">
        <v>2477</v>
      </c>
      <c r="B2189" t="s">
        <v>2376</v>
      </c>
      <c r="C2189" t="s">
        <v>802</v>
      </c>
      <c r="D2189">
        <v>12</v>
      </c>
      <c r="E2189" t="s">
        <v>802</v>
      </c>
      <c r="F2189" t="s">
        <v>4171</v>
      </c>
      <c r="G2189" t="s">
        <v>656</v>
      </c>
      <c r="H2189">
        <v>2</v>
      </c>
      <c r="I2189">
        <v>2020</v>
      </c>
    </row>
    <row r="2190" spans="1:9" x14ac:dyDescent="0.25">
      <c r="A2190">
        <v>2479</v>
      </c>
      <c r="B2190" t="s">
        <v>2375</v>
      </c>
      <c r="C2190" t="s">
        <v>864</v>
      </c>
      <c r="D2190">
        <v>14</v>
      </c>
      <c r="E2190" t="s">
        <v>864</v>
      </c>
      <c r="F2190" t="s">
        <v>4171</v>
      </c>
      <c r="G2190" t="s">
        <v>656</v>
      </c>
      <c r="H2190">
        <v>2</v>
      </c>
      <c r="I2190">
        <v>2020</v>
      </c>
    </row>
    <row r="2191" spans="1:9" x14ac:dyDescent="0.25">
      <c r="A2191">
        <v>2480</v>
      </c>
      <c r="B2191" t="s">
        <v>2374</v>
      </c>
      <c r="C2191" t="s">
        <v>864</v>
      </c>
      <c r="D2191">
        <v>14</v>
      </c>
      <c r="E2191" t="s">
        <v>864</v>
      </c>
      <c r="F2191" t="s">
        <v>4171</v>
      </c>
      <c r="G2191" t="s">
        <v>656</v>
      </c>
      <c r="H2191">
        <v>2</v>
      </c>
      <c r="I2191">
        <v>2020</v>
      </c>
    </row>
    <row r="2192" spans="1:9" x14ac:dyDescent="0.25">
      <c r="A2192">
        <v>2481</v>
      </c>
      <c r="B2192" t="s">
        <v>2373</v>
      </c>
      <c r="C2192" t="s">
        <v>684</v>
      </c>
      <c r="D2192">
        <v>22</v>
      </c>
      <c r="E2192" t="s">
        <v>4178</v>
      </c>
      <c r="F2192" t="s">
        <v>4177</v>
      </c>
      <c r="G2192" t="s">
        <v>656</v>
      </c>
      <c r="H2192">
        <v>2</v>
      </c>
      <c r="I2192">
        <v>2020</v>
      </c>
    </row>
    <row r="2193" spans="1:9" x14ac:dyDescent="0.25">
      <c r="A2193">
        <v>2482</v>
      </c>
      <c r="B2193" t="s">
        <v>2372</v>
      </c>
      <c r="C2193" t="s">
        <v>897</v>
      </c>
      <c r="D2193">
        <v>3</v>
      </c>
      <c r="E2193" t="s">
        <v>4165</v>
      </c>
      <c r="F2193" t="s">
        <v>4164</v>
      </c>
      <c r="G2193" t="s">
        <v>656</v>
      </c>
      <c r="H2193">
        <v>2</v>
      </c>
      <c r="I2193">
        <v>2020</v>
      </c>
    </row>
    <row r="2194" spans="1:9" x14ac:dyDescent="0.25">
      <c r="A2194">
        <v>2484</v>
      </c>
      <c r="B2194" t="s">
        <v>2370</v>
      </c>
      <c r="C2194" t="s">
        <v>726</v>
      </c>
      <c r="D2194">
        <v>2</v>
      </c>
      <c r="E2194" t="s">
        <v>726</v>
      </c>
      <c r="F2194" t="s">
        <v>4164</v>
      </c>
      <c r="G2194" t="s">
        <v>656</v>
      </c>
      <c r="H2194">
        <v>2</v>
      </c>
      <c r="I2194">
        <v>2020</v>
      </c>
    </row>
    <row r="2195" spans="1:9" x14ac:dyDescent="0.25">
      <c r="A2195">
        <v>2485</v>
      </c>
      <c r="B2195" t="s">
        <v>2369</v>
      </c>
      <c r="C2195" t="s">
        <v>797</v>
      </c>
      <c r="D2195">
        <v>65</v>
      </c>
      <c r="E2195" t="s">
        <v>4191</v>
      </c>
      <c r="F2195" t="s">
        <v>4189</v>
      </c>
      <c r="G2195" t="s">
        <v>656</v>
      </c>
      <c r="H2195">
        <v>2</v>
      </c>
      <c r="I2195">
        <v>2020</v>
      </c>
    </row>
    <row r="2196" spans="1:9" x14ac:dyDescent="0.25">
      <c r="A2196">
        <v>2486</v>
      </c>
      <c r="B2196" t="s">
        <v>2368</v>
      </c>
      <c r="C2196" t="s">
        <v>797</v>
      </c>
      <c r="D2196">
        <v>65</v>
      </c>
      <c r="E2196" t="s">
        <v>4191</v>
      </c>
      <c r="F2196" t="s">
        <v>4189</v>
      </c>
      <c r="G2196" t="s">
        <v>656</v>
      </c>
      <c r="H2196">
        <v>2</v>
      </c>
      <c r="I2196">
        <v>2020</v>
      </c>
    </row>
    <row r="2197" spans="1:9" x14ac:dyDescent="0.25">
      <c r="A2197">
        <v>2487</v>
      </c>
      <c r="B2197" t="s">
        <v>1546</v>
      </c>
      <c r="C2197" t="s">
        <v>714</v>
      </c>
      <c r="D2197">
        <v>52</v>
      </c>
      <c r="E2197" t="s">
        <v>4198</v>
      </c>
      <c r="F2197" t="s">
        <v>4189</v>
      </c>
      <c r="G2197" t="s">
        <v>656</v>
      </c>
      <c r="H2197">
        <v>2</v>
      </c>
      <c r="I2197">
        <v>2020</v>
      </c>
    </row>
    <row r="2198" spans="1:9" x14ac:dyDescent="0.25">
      <c r="A2198">
        <v>2488</v>
      </c>
      <c r="B2198" t="s">
        <v>1544</v>
      </c>
      <c r="C2198" t="s">
        <v>710</v>
      </c>
      <c r="D2198">
        <v>53</v>
      </c>
      <c r="E2198" t="s">
        <v>4198</v>
      </c>
      <c r="F2198" t="s">
        <v>4189</v>
      </c>
      <c r="G2198" t="s">
        <v>656</v>
      </c>
      <c r="H2198">
        <v>2</v>
      </c>
      <c r="I2198">
        <v>2020</v>
      </c>
    </row>
    <row r="2199" spans="1:9" x14ac:dyDescent="0.25">
      <c r="A2199">
        <v>2489</v>
      </c>
      <c r="B2199" t="s">
        <v>1545</v>
      </c>
      <c r="C2199" t="s">
        <v>695</v>
      </c>
      <c r="D2199">
        <v>54</v>
      </c>
      <c r="E2199" t="s">
        <v>4198</v>
      </c>
      <c r="F2199" t="s">
        <v>4189</v>
      </c>
      <c r="G2199" t="s">
        <v>656</v>
      </c>
      <c r="H2199">
        <v>2</v>
      </c>
      <c r="I2199">
        <v>2020</v>
      </c>
    </row>
    <row r="2200" spans="1:9" x14ac:dyDescent="0.25">
      <c r="A2200">
        <v>2490</v>
      </c>
      <c r="B2200" t="s">
        <v>2366</v>
      </c>
      <c r="C2200" t="s">
        <v>738</v>
      </c>
      <c r="D2200">
        <v>61</v>
      </c>
      <c r="E2200" t="s">
        <v>4193</v>
      </c>
      <c r="F2200" t="s">
        <v>4189</v>
      </c>
      <c r="G2200" t="s">
        <v>656</v>
      </c>
      <c r="H2200">
        <v>2</v>
      </c>
      <c r="I2200">
        <v>2020</v>
      </c>
    </row>
    <row r="2201" spans="1:9" x14ac:dyDescent="0.25">
      <c r="A2201">
        <v>2491</v>
      </c>
      <c r="B2201" t="s">
        <v>2365</v>
      </c>
      <c r="C2201" t="s">
        <v>848</v>
      </c>
      <c r="D2201">
        <v>62</v>
      </c>
      <c r="E2201" t="s">
        <v>4193</v>
      </c>
      <c r="F2201" t="s">
        <v>4189</v>
      </c>
      <c r="G2201" t="s">
        <v>656</v>
      </c>
      <c r="H2201">
        <v>2</v>
      </c>
      <c r="I2201">
        <v>2020</v>
      </c>
    </row>
    <row r="2202" spans="1:9" x14ac:dyDescent="0.25">
      <c r="A2202">
        <v>2492</v>
      </c>
      <c r="B2202" t="s">
        <v>2364</v>
      </c>
      <c r="C2202" t="s">
        <v>880</v>
      </c>
      <c r="D2202">
        <v>58</v>
      </c>
      <c r="E2202" t="s">
        <v>4188</v>
      </c>
      <c r="F2202" t="s">
        <v>4189</v>
      </c>
      <c r="G2202" t="s">
        <v>656</v>
      </c>
      <c r="H2202">
        <v>2</v>
      </c>
      <c r="I2202">
        <v>2020</v>
      </c>
    </row>
    <row r="2203" spans="1:9" x14ac:dyDescent="0.25">
      <c r="A2203">
        <v>2493</v>
      </c>
      <c r="B2203" t="s">
        <v>2363</v>
      </c>
      <c r="C2203" t="s">
        <v>663</v>
      </c>
      <c r="D2203">
        <v>99</v>
      </c>
      <c r="E2203" t="s">
        <v>663</v>
      </c>
      <c r="F2203" t="s">
        <v>4171</v>
      </c>
      <c r="G2203" t="s">
        <v>656</v>
      </c>
      <c r="H2203">
        <v>2</v>
      </c>
      <c r="I2203">
        <v>2020</v>
      </c>
    </row>
    <row r="2204" spans="1:9" x14ac:dyDescent="0.25">
      <c r="A2204">
        <v>2494</v>
      </c>
      <c r="B2204" t="s">
        <v>4638</v>
      </c>
      <c r="C2204" t="s">
        <v>301</v>
      </c>
      <c r="D2204">
        <v>26</v>
      </c>
      <c r="E2204" t="s">
        <v>4179</v>
      </c>
      <c r="F2204" t="s">
        <v>4177</v>
      </c>
      <c r="G2204" t="s">
        <v>656</v>
      </c>
      <c r="H2204">
        <v>2</v>
      </c>
      <c r="I2204">
        <v>2020</v>
      </c>
    </row>
    <row r="2205" spans="1:9" x14ac:dyDescent="0.25">
      <c r="A2205">
        <v>2495</v>
      </c>
      <c r="B2205" t="s">
        <v>4639</v>
      </c>
      <c r="C2205" t="s">
        <v>301</v>
      </c>
      <c r="D2205">
        <v>26</v>
      </c>
      <c r="E2205" t="s">
        <v>4179</v>
      </c>
      <c r="F2205" t="s">
        <v>4177</v>
      </c>
      <c r="G2205" t="s">
        <v>656</v>
      </c>
      <c r="H2205">
        <v>2</v>
      </c>
      <c r="I2205">
        <v>2020</v>
      </c>
    </row>
    <row r="2206" spans="1:9" x14ac:dyDescent="0.25">
      <c r="A2206">
        <v>2496</v>
      </c>
      <c r="B2206" t="s">
        <v>2361</v>
      </c>
      <c r="C2206" t="s">
        <v>807</v>
      </c>
      <c r="D2206">
        <v>25</v>
      </c>
      <c r="E2206" t="s">
        <v>4179</v>
      </c>
      <c r="F2206" t="s">
        <v>4177</v>
      </c>
      <c r="G2206" t="s">
        <v>656</v>
      </c>
      <c r="H2206">
        <v>2</v>
      </c>
      <c r="I2206">
        <v>2020</v>
      </c>
    </row>
    <row r="2207" spans="1:9" x14ac:dyDescent="0.25">
      <c r="A2207">
        <v>2497</v>
      </c>
      <c r="B2207" t="s">
        <v>4640</v>
      </c>
      <c r="C2207" t="s">
        <v>807</v>
      </c>
      <c r="D2207">
        <v>25</v>
      </c>
      <c r="E2207" t="s">
        <v>4179</v>
      </c>
      <c r="F2207" t="s">
        <v>4177</v>
      </c>
      <c r="G2207" t="s">
        <v>656</v>
      </c>
      <c r="H2207">
        <v>2</v>
      </c>
      <c r="I2207">
        <v>2020</v>
      </c>
    </row>
    <row r="2208" spans="1:9" x14ac:dyDescent="0.25">
      <c r="A2208">
        <v>2498</v>
      </c>
      <c r="B2208" t="s">
        <v>2360</v>
      </c>
      <c r="C2208" t="s">
        <v>299</v>
      </c>
      <c r="D2208">
        <v>27</v>
      </c>
      <c r="E2208" t="s">
        <v>4179</v>
      </c>
      <c r="F2208" t="s">
        <v>4177</v>
      </c>
      <c r="G2208" t="s">
        <v>656</v>
      </c>
      <c r="H2208">
        <v>2</v>
      </c>
      <c r="I2208">
        <v>2020</v>
      </c>
    </row>
    <row r="2209" spans="1:9" x14ac:dyDescent="0.25">
      <c r="A2209">
        <v>2499</v>
      </c>
      <c r="B2209" t="s">
        <v>4641</v>
      </c>
      <c r="C2209" t="s">
        <v>299</v>
      </c>
      <c r="D2209">
        <v>27</v>
      </c>
      <c r="E2209" t="s">
        <v>4179</v>
      </c>
      <c r="F2209" t="s">
        <v>4177</v>
      </c>
      <c r="G2209" t="s">
        <v>656</v>
      </c>
      <c r="H2209">
        <v>2</v>
      </c>
      <c r="I2209">
        <v>2020</v>
      </c>
    </row>
    <row r="2210" spans="1:9" x14ac:dyDescent="0.25">
      <c r="A2210">
        <v>2500</v>
      </c>
      <c r="B2210" t="s">
        <v>2359</v>
      </c>
      <c r="C2210" t="s">
        <v>682</v>
      </c>
      <c r="D2210">
        <v>20</v>
      </c>
      <c r="E2210" t="s">
        <v>682</v>
      </c>
      <c r="F2210" t="s">
        <v>4177</v>
      </c>
      <c r="G2210" t="s">
        <v>656</v>
      </c>
      <c r="H2210">
        <v>2</v>
      </c>
      <c r="I2210">
        <v>2020</v>
      </c>
    </row>
    <row r="2211" spans="1:9" x14ac:dyDescent="0.25">
      <c r="A2211">
        <v>2501</v>
      </c>
      <c r="B2211" t="s">
        <v>4642</v>
      </c>
      <c r="C2211" t="s">
        <v>682</v>
      </c>
      <c r="D2211">
        <v>20</v>
      </c>
      <c r="E2211" t="s">
        <v>682</v>
      </c>
      <c r="F2211" t="s">
        <v>4177</v>
      </c>
      <c r="G2211" t="s">
        <v>656</v>
      </c>
      <c r="H2211">
        <v>2</v>
      </c>
      <c r="I2211">
        <v>2020</v>
      </c>
    </row>
    <row r="2212" spans="1:9" x14ac:dyDescent="0.25">
      <c r="A2212">
        <v>2502</v>
      </c>
      <c r="B2212" t="s">
        <v>2357</v>
      </c>
      <c r="C2212" t="s">
        <v>695</v>
      </c>
      <c r="D2212">
        <v>54</v>
      </c>
      <c r="E2212" t="s">
        <v>4198</v>
      </c>
      <c r="F2212" t="s">
        <v>4189</v>
      </c>
      <c r="G2212" t="s">
        <v>656</v>
      </c>
      <c r="H2212">
        <v>2</v>
      </c>
      <c r="I2212">
        <v>2020</v>
      </c>
    </row>
    <row r="2213" spans="1:9" x14ac:dyDescent="0.25">
      <c r="A2213">
        <v>2503</v>
      </c>
      <c r="B2213" t="s">
        <v>2356</v>
      </c>
      <c r="C2213" t="s">
        <v>797</v>
      </c>
      <c r="D2213">
        <v>65</v>
      </c>
      <c r="E2213" t="s">
        <v>4191</v>
      </c>
      <c r="F2213" t="s">
        <v>4189</v>
      </c>
      <c r="G2213" t="s">
        <v>656</v>
      </c>
      <c r="H2213">
        <v>2</v>
      </c>
      <c r="I2213">
        <v>2020</v>
      </c>
    </row>
    <row r="2214" spans="1:9" x14ac:dyDescent="0.25">
      <c r="A2214">
        <v>2504</v>
      </c>
      <c r="B2214" t="s">
        <v>4643</v>
      </c>
      <c r="C2214" t="s">
        <v>693</v>
      </c>
      <c r="D2214">
        <v>56</v>
      </c>
      <c r="E2214" t="s">
        <v>4193</v>
      </c>
      <c r="F2214" t="s">
        <v>4189</v>
      </c>
      <c r="G2214" t="s">
        <v>656</v>
      </c>
      <c r="H2214">
        <v>2</v>
      </c>
      <c r="I2214">
        <v>2020</v>
      </c>
    </row>
    <row r="2215" spans="1:9" x14ac:dyDescent="0.25">
      <c r="A2215">
        <v>2505</v>
      </c>
      <c r="B2215" t="s">
        <v>4644</v>
      </c>
      <c r="C2215" t="s">
        <v>693</v>
      </c>
      <c r="D2215">
        <v>56</v>
      </c>
      <c r="E2215" t="s">
        <v>4193</v>
      </c>
      <c r="F2215" t="s">
        <v>4189</v>
      </c>
      <c r="G2215" t="s">
        <v>656</v>
      </c>
      <c r="H2215">
        <v>2</v>
      </c>
      <c r="I2215">
        <v>2020</v>
      </c>
    </row>
    <row r="2216" spans="1:9" x14ac:dyDescent="0.25">
      <c r="A2216">
        <v>2506</v>
      </c>
      <c r="B2216" t="s">
        <v>4645</v>
      </c>
      <c r="C2216" t="s">
        <v>730</v>
      </c>
      <c r="D2216">
        <v>66</v>
      </c>
      <c r="E2216" t="s">
        <v>4193</v>
      </c>
      <c r="F2216" t="s">
        <v>4189</v>
      </c>
      <c r="G2216" t="s">
        <v>656</v>
      </c>
      <c r="H2216">
        <v>2</v>
      </c>
      <c r="I2216">
        <v>2020</v>
      </c>
    </row>
    <row r="2217" spans="1:9" x14ac:dyDescent="0.25">
      <c r="A2217">
        <v>2507</v>
      </c>
      <c r="B2217" t="s">
        <v>2355</v>
      </c>
      <c r="C2217" t="s">
        <v>819</v>
      </c>
      <c r="D2217">
        <v>101</v>
      </c>
      <c r="E2217" t="s">
        <v>4187</v>
      </c>
      <c r="F2217" t="s">
        <v>4187</v>
      </c>
      <c r="G2217" t="s">
        <v>656</v>
      </c>
      <c r="H2217">
        <v>2</v>
      </c>
      <c r="I2217">
        <v>2020</v>
      </c>
    </row>
    <row r="2218" spans="1:9" x14ac:dyDescent="0.25">
      <c r="A2218">
        <v>2508</v>
      </c>
      <c r="B2218" t="s">
        <v>2353</v>
      </c>
      <c r="C2218" t="s">
        <v>797</v>
      </c>
      <c r="D2218">
        <v>65</v>
      </c>
      <c r="E2218" t="s">
        <v>4191</v>
      </c>
      <c r="F2218" t="s">
        <v>4189</v>
      </c>
      <c r="G2218" t="s">
        <v>656</v>
      </c>
      <c r="H2218">
        <v>2</v>
      </c>
      <c r="I2218">
        <v>2020</v>
      </c>
    </row>
    <row r="2219" spans="1:9" x14ac:dyDescent="0.25">
      <c r="A2219">
        <v>2509</v>
      </c>
      <c r="B2219" t="s">
        <v>2352</v>
      </c>
      <c r="C2219" t="s">
        <v>730</v>
      </c>
      <c r="D2219">
        <v>66</v>
      </c>
      <c r="E2219" t="s">
        <v>4193</v>
      </c>
      <c r="F2219" t="s">
        <v>4189</v>
      </c>
      <c r="G2219" t="s">
        <v>656</v>
      </c>
      <c r="H2219">
        <v>2</v>
      </c>
      <c r="I2219">
        <v>2020</v>
      </c>
    </row>
    <row r="2220" spans="1:9" x14ac:dyDescent="0.25">
      <c r="A2220">
        <v>2510</v>
      </c>
      <c r="B2220" t="s">
        <v>4646</v>
      </c>
      <c r="C2220" t="s">
        <v>730</v>
      </c>
      <c r="D2220">
        <v>66</v>
      </c>
      <c r="E2220" t="s">
        <v>4193</v>
      </c>
      <c r="F2220" t="s">
        <v>4189</v>
      </c>
      <c r="G2220" t="s">
        <v>656</v>
      </c>
      <c r="H2220">
        <v>2</v>
      </c>
      <c r="I2220">
        <v>2020</v>
      </c>
    </row>
    <row r="2221" spans="1:9" x14ac:dyDescent="0.25">
      <c r="A2221">
        <v>2511</v>
      </c>
      <c r="B2221" t="s">
        <v>2351</v>
      </c>
      <c r="C2221" t="s">
        <v>693</v>
      </c>
      <c r="D2221">
        <v>56</v>
      </c>
      <c r="E2221" t="s">
        <v>4193</v>
      </c>
      <c r="F2221" t="s">
        <v>4189</v>
      </c>
      <c r="G2221" t="s">
        <v>656</v>
      </c>
      <c r="H2221">
        <v>2</v>
      </c>
      <c r="I2221">
        <v>2020</v>
      </c>
    </row>
    <row r="2222" spans="1:9" x14ac:dyDescent="0.25">
      <c r="A2222">
        <v>2512</v>
      </c>
      <c r="B2222" t="s">
        <v>2350</v>
      </c>
      <c r="C2222" t="s">
        <v>663</v>
      </c>
      <c r="D2222">
        <v>99</v>
      </c>
      <c r="E2222" t="s">
        <v>663</v>
      </c>
      <c r="F2222" t="s">
        <v>4171</v>
      </c>
      <c r="G2222" t="s">
        <v>656</v>
      </c>
      <c r="H2222">
        <v>2</v>
      </c>
      <c r="I2222">
        <v>2020</v>
      </c>
    </row>
    <row r="2223" spans="1:9" x14ac:dyDescent="0.25">
      <c r="A2223">
        <v>2513</v>
      </c>
      <c r="B2223" t="s">
        <v>4647</v>
      </c>
      <c r="C2223" t="s">
        <v>663</v>
      </c>
      <c r="D2223">
        <v>99</v>
      </c>
      <c r="E2223" t="s">
        <v>663</v>
      </c>
      <c r="F2223" t="s">
        <v>4171</v>
      </c>
      <c r="G2223" t="s">
        <v>656</v>
      </c>
      <c r="H2223">
        <v>2</v>
      </c>
      <c r="I2223">
        <v>2020</v>
      </c>
    </row>
    <row r="2224" spans="1:9" x14ac:dyDescent="0.25">
      <c r="A2224">
        <v>2514</v>
      </c>
      <c r="B2224" t="s">
        <v>2349</v>
      </c>
      <c r="C2224" t="s">
        <v>802</v>
      </c>
      <c r="D2224">
        <v>12</v>
      </c>
      <c r="E2224" t="s">
        <v>802</v>
      </c>
      <c r="F2224" t="s">
        <v>4171</v>
      </c>
      <c r="G2224" t="s">
        <v>656</v>
      </c>
      <c r="H2224">
        <v>2</v>
      </c>
      <c r="I2224">
        <v>2020</v>
      </c>
    </row>
    <row r="2225" spans="1:9" x14ac:dyDescent="0.25">
      <c r="A2225">
        <v>2515</v>
      </c>
      <c r="B2225" t="s">
        <v>2348</v>
      </c>
      <c r="C2225" t="s">
        <v>802</v>
      </c>
      <c r="D2225">
        <v>12</v>
      </c>
      <c r="E2225" t="s">
        <v>802</v>
      </c>
      <c r="F2225" t="s">
        <v>4171</v>
      </c>
      <c r="G2225" t="s">
        <v>656</v>
      </c>
      <c r="H2225">
        <v>2</v>
      </c>
      <c r="I2225">
        <v>2020</v>
      </c>
    </row>
    <row r="2226" spans="1:9" x14ac:dyDescent="0.25">
      <c r="A2226">
        <v>2517</v>
      </c>
      <c r="B2226" t="s">
        <v>4648</v>
      </c>
      <c r="C2226" t="s">
        <v>299</v>
      </c>
      <c r="D2226">
        <v>27</v>
      </c>
      <c r="E2226" t="s">
        <v>4179</v>
      </c>
      <c r="F2226" t="s">
        <v>4177</v>
      </c>
      <c r="G2226" t="s">
        <v>656</v>
      </c>
      <c r="H2226">
        <v>2</v>
      </c>
      <c r="I2226">
        <v>2020</v>
      </c>
    </row>
    <row r="2227" spans="1:9" x14ac:dyDescent="0.25">
      <c r="A2227">
        <v>2518</v>
      </c>
      <c r="B2227" t="s">
        <v>2344</v>
      </c>
      <c r="C2227" t="s">
        <v>65</v>
      </c>
      <c r="D2227">
        <v>15</v>
      </c>
      <c r="E2227" t="s">
        <v>4176</v>
      </c>
      <c r="F2227" t="s">
        <v>4177</v>
      </c>
      <c r="G2227" t="s">
        <v>656</v>
      </c>
      <c r="H2227">
        <v>2</v>
      </c>
      <c r="I2227">
        <v>2020</v>
      </c>
    </row>
    <row r="2228" spans="1:9" x14ac:dyDescent="0.25">
      <c r="A2228">
        <v>2519</v>
      </c>
      <c r="B2228" t="s">
        <v>4649</v>
      </c>
      <c r="C2228" t="s">
        <v>682</v>
      </c>
      <c r="D2228">
        <v>20</v>
      </c>
      <c r="E2228" t="s">
        <v>682</v>
      </c>
      <c r="F2228" t="s">
        <v>4177</v>
      </c>
      <c r="G2228" t="s">
        <v>656</v>
      </c>
      <c r="H2228">
        <v>2</v>
      </c>
      <c r="I2228">
        <v>2020</v>
      </c>
    </row>
    <row r="2229" spans="1:9" x14ac:dyDescent="0.25">
      <c r="A2229">
        <v>2520</v>
      </c>
      <c r="B2229" t="s">
        <v>2171</v>
      </c>
      <c r="C2229" t="s">
        <v>839</v>
      </c>
      <c r="D2229">
        <v>89</v>
      </c>
      <c r="E2229" t="s">
        <v>839</v>
      </c>
      <c r="F2229" t="s">
        <v>4168</v>
      </c>
      <c r="G2229" t="s">
        <v>656</v>
      </c>
      <c r="H2229">
        <v>2</v>
      </c>
      <c r="I2229">
        <v>2020</v>
      </c>
    </row>
    <row r="2230" spans="1:9" x14ac:dyDescent="0.25">
      <c r="A2230">
        <v>2521</v>
      </c>
      <c r="B2230" t="s">
        <v>2343</v>
      </c>
      <c r="C2230" t="s">
        <v>839</v>
      </c>
      <c r="D2230">
        <v>89</v>
      </c>
      <c r="E2230" t="s">
        <v>839</v>
      </c>
      <c r="F2230" t="s">
        <v>4168</v>
      </c>
      <c r="G2230" t="s">
        <v>656</v>
      </c>
      <c r="H2230">
        <v>2</v>
      </c>
      <c r="I2230">
        <v>2020</v>
      </c>
    </row>
    <row r="2231" spans="1:9" x14ac:dyDescent="0.25">
      <c r="A2231">
        <v>2522</v>
      </c>
      <c r="B2231" t="s">
        <v>2342</v>
      </c>
      <c r="C2231" t="s">
        <v>839</v>
      </c>
      <c r="D2231">
        <v>89</v>
      </c>
      <c r="E2231" t="s">
        <v>839</v>
      </c>
      <c r="F2231" t="s">
        <v>4168</v>
      </c>
      <c r="G2231" t="s">
        <v>656</v>
      </c>
      <c r="H2231">
        <v>2</v>
      </c>
      <c r="I2231">
        <v>2020</v>
      </c>
    </row>
    <row r="2232" spans="1:9" x14ac:dyDescent="0.25">
      <c r="A2232">
        <v>2523</v>
      </c>
      <c r="B2232" t="s">
        <v>2341</v>
      </c>
      <c r="C2232" t="s">
        <v>839</v>
      </c>
      <c r="D2232">
        <v>89</v>
      </c>
      <c r="E2232" t="s">
        <v>839</v>
      </c>
      <c r="F2232" t="s">
        <v>4168</v>
      </c>
      <c r="G2232" t="s">
        <v>656</v>
      </c>
      <c r="H2232">
        <v>2</v>
      </c>
      <c r="I2232">
        <v>2020</v>
      </c>
    </row>
    <row r="2233" spans="1:9" x14ac:dyDescent="0.25">
      <c r="A2233">
        <v>2524</v>
      </c>
      <c r="B2233" t="s">
        <v>2340</v>
      </c>
      <c r="C2233" t="s">
        <v>878</v>
      </c>
      <c r="D2233">
        <v>91</v>
      </c>
      <c r="E2233" t="s">
        <v>878</v>
      </c>
      <c r="F2233" t="s">
        <v>4168</v>
      </c>
      <c r="G2233" t="s">
        <v>656</v>
      </c>
      <c r="H2233">
        <v>2</v>
      </c>
      <c r="I2233">
        <v>2020</v>
      </c>
    </row>
    <row r="2234" spans="1:9" x14ac:dyDescent="0.25">
      <c r="A2234">
        <v>2525</v>
      </c>
      <c r="B2234" t="s">
        <v>2339</v>
      </c>
      <c r="C2234" t="s">
        <v>878</v>
      </c>
      <c r="D2234">
        <v>91</v>
      </c>
      <c r="E2234" t="s">
        <v>878</v>
      </c>
      <c r="F2234" t="s">
        <v>4168</v>
      </c>
      <c r="G2234" t="s">
        <v>656</v>
      </c>
      <c r="H2234">
        <v>2</v>
      </c>
      <c r="I2234">
        <v>2020</v>
      </c>
    </row>
    <row r="2235" spans="1:9" x14ac:dyDescent="0.25">
      <c r="A2235">
        <v>2526</v>
      </c>
      <c r="B2235" t="s">
        <v>889</v>
      </c>
      <c r="C2235" t="s">
        <v>878</v>
      </c>
      <c r="D2235">
        <v>91</v>
      </c>
      <c r="E2235" t="s">
        <v>878</v>
      </c>
      <c r="F2235" t="s">
        <v>4168</v>
      </c>
      <c r="G2235" t="s">
        <v>656</v>
      </c>
      <c r="H2235">
        <v>2</v>
      </c>
      <c r="I2235">
        <v>2020</v>
      </c>
    </row>
    <row r="2236" spans="1:9" x14ac:dyDescent="0.25">
      <c r="A2236">
        <v>2527</v>
      </c>
      <c r="B2236" t="s">
        <v>2338</v>
      </c>
      <c r="C2236" t="s">
        <v>752</v>
      </c>
      <c r="D2236">
        <v>90</v>
      </c>
      <c r="E2236" t="s">
        <v>752</v>
      </c>
      <c r="F2236" t="s">
        <v>4168</v>
      </c>
      <c r="G2236" t="s">
        <v>656</v>
      </c>
      <c r="H2236">
        <v>2</v>
      </c>
      <c r="I2236">
        <v>2020</v>
      </c>
    </row>
    <row r="2237" spans="1:9" x14ac:dyDescent="0.25">
      <c r="A2237">
        <v>2528</v>
      </c>
      <c r="B2237" t="s">
        <v>2336</v>
      </c>
      <c r="C2237" t="s">
        <v>679</v>
      </c>
      <c r="D2237">
        <v>32</v>
      </c>
      <c r="E2237" t="s">
        <v>4175</v>
      </c>
      <c r="F2237" t="s">
        <v>4171</v>
      </c>
      <c r="G2237" t="s">
        <v>656</v>
      </c>
      <c r="H2237">
        <v>2</v>
      </c>
      <c r="I2237">
        <v>2020</v>
      </c>
    </row>
    <row r="2238" spans="1:9" x14ac:dyDescent="0.25">
      <c r="A2238">
        <v>2529</v>
      </c>
      <c r="B2238" t="s">
        <v>2335</v>
      </c>
      <c r="C2238" t="s">
        <v>679</v>
      </c>
      <c r="D2238">
        <v>32</v>
      </c>
      <c r="E2238" t="s">
        <v>4175</v>
      </c>
      <c r="F2238" t="s">
        <v>4171</v>
      </c>
      <c r="G2238" t="s">
        <v>656</v>
      </c>
      <c r="H2238">
        <v>2</v>
      </c>
      <c r="I2238">
        <v>2020</v>
      </c>
    </row>
    <row r="2239" spans="1:9" x14ac:dyDescent="0.25">
      <c r="A2239">
        <v>2530</v>
      </c>
      <c r="B2239" t="s">
        <v>2333</v>
      </c>
      <c r="C2239" t="s">
        <v>679</v>
      </c>
      <c r="D2239">
        <v>32</v>
      </c>
      <c r="E2239" t="s">
        <v>4175</v>
      </c>
      <c r="F2239" t="s">
        <v>4171</v>
      </c>
      <c r="G2239" t="s">
        <v>656</v>
      </c>
      <c r="H2239">
        <v>2</v>
      </c>
      <c r="I2239">
        <v>2020</v>
      </c>
    </row>
    <row r="2240" spans="1:9" x14ac:dyDescent="0.25">
      <c r="A2240">
        <v>2531</v>
      </c>
      <c r="B2240" t="s">
        <v>1745</v>
      </c>
      <c r="C2240" t="s">
        <v>679</v>
      </c>
      <c r="D2240">
        <v>32</v>
      </c>
      <c r="E2240" t="s">
        <v>4175</v>
      </c>
      <c r="F2240" t="s">
        <v>4171</v>
      </c>
      <c r="G2240" t="s">
        <v>656</v>
      </c>
      <c r="H2240">
        <v>2</v>
      </c>
      <c r="I2240">
        <v>2020</v>
      </c>
    </row>
    <row r="2241" spans="1:9" x14ac:dyDescent="0.25">
      <c r="A2241">
        <v>2532</v>
      </c>
      <c r="B2241" t="s">
        <v>2332</v>
      </c>
      <c r="C2241" t="s">
        <v>673</v>
      </c>
      <c r="D2241">
        <v>34</v>
      </c>
      <c r="E2241" t="s">
        <v>4175</v>
      </c>
      <c r="F2241" t="s">
        <v>4171</v>
      </c>
      <c r="G2241" t="s">
        <v>656</v>
      </c>
      <c r="H2241">
        <v>2</v>
      </c>
      <c r="I2241">
        <v>2020</v>
      </c>
    </row>
    <row r="2242" spans="1:9" x14ac:dyDescent="0.25">
      <c r="A2242">
        <v>2533</v>
      </c>
      <c r="B2242" t="s">
        <v>2331</v>
      </c>
      <c r="C2242" t="s">
        <v>1538</v>
      </c>
      <c r="D2242">
        <v>36</v>
      </c>
      <c r="E2242" t="s">
        <v>4184</v>
      </c>
      <c r="F2242" t="s">
        <v>4171</v>
      </c>
      <c r="G2242" t="s">
        <v>656</v>
      </c>
      <c r="H2242">
        <v>2</v>
      </c>
      <c r="I2242">
        <v>2020</v>
      </c>
    </row>
    <row r="2243" spans="1:9" x14ac:dyDescent="0.25">
      <c r="A2243">
        <v>2534</v>
      </c>
      <c r="B2243" t="s">
        <v>2330</v>
      </c>
      <c r="C2243" t="s">
        <v>1538</v>
      </c>
      <c r="D2243">
        <v>36</v>
      </c>
      <c r="E2243" t="s">
        <v>4184</v>
      </c>
      <c r="F2243" t="s">
        <v>4171</v>
      </c>
      <c r="G2243" t="s">
        <v>656</v>
      </c>
      <c r="H2243">
        <v>2</v>
      </c>
      <c r="I2243">
        <v>2020</v>
      </c>
    </row>
    <row r="2244" spans="1:9" x14ac:dyDescent="0.25">
      <c r="A2244">
        <v>2535</v>
      </c>
      <c r="B2244" t="s">
        <v>4650</v>
      </c>
      <c r="C2244" t="s">
        <v>767</v>
      </c>
      <c r="D2244">
        <v>44</v>
      </c>
      <c r="E2244" t="s">
        <v>4191</v>
      </c>
      <c r="F2244" t="s">
        <v>4189</v>
      </c>
      <c r="G2244" t="s">
        <v>656</v>
      </c>
      <c r="H2244">
        <v>2</v>
      </c>
      <c r="I2244">
        <v>2020</v>
      </c>
    </row>
    <row r="2245" spans="1:9" x14ac:dyDescent="0.25">
      <c r="A2245">
        <v>2536</v>
      </c>
      <c r="B2245" t="s">
        <v>2329</v>
      </c>
      <c r="C2245" t="s">
        <v>767</v>
      </c>
      <c r="D2245">
        <v>44</v>
      </c>
      <c r="E2245" t="s">
        <v>4191</v>
      </c>
      <c r="F2245" t="s">
        <v>4189</v>
      </c>
      <c r="G2245" t="s">
        <v>656</v>
      </c>
      <c r="H2245">
        <v>2</v>
      </c>
      <c r="I2245">
        <v>2020</v>
      </c>
    </row>
    <row r="2246" spans="1:9" x14ac:dyDescent="0.25">
      <c r="A2246">
        <v>2537</v>
      </c>
      <c r="B2246" t="s">
        <v>2328</v>
      </c>
      <c r="C2246" t="s">
        <v>767</v>
      </c>
      <c r="D2246">
        <v>44</v>
      </c>
      <c r="E2246" t="s">
        <v>4191</v>
      </c>
      <c r="F2246" t="s">
        <v>4189</v>
      </c>
      <c r="G2246" t="s">
        <v>656</v>
      </c>
      <c r="H2246">
        <v>2</v>
      </c>
      <c r="I2246">
        <v>2020</v>
      </c>
    </row>
    <row r="2247" spans="1:9" x14ac:dyDescent="0.25">
      <c r="A2247">
        <v>2538</v>
      </c>
      <c r="B2247" t="s">
        <v>2327</v>
      </c>
      <c r="C2247" t="s">
        <v>797</v>
      </c>
      <c r="D2247">
        <v>65</v>
      </c>
      <c r="E2247" t="s">
        <v>4191</v>
      </c>
      <c r="F2247" t="s">
        <v>4189</v>
      </c>
      <c r="G2247" t="s">
        <v>656</v>
      </c>
      <c r="H2247">
        <v>2</v>
      </c>
      <c r="I2247">
        <v>2020</v>
      </c>
    </row>
    <row r="2248" spans="1:9" x14ac:dyDescent="0.25">
      <c r="A2248">
        <v>2539</v>
      </c>
      <c r="B2248" t="s">
        <v>2326</v>
      </c>
      <c r="C2248" t="s">
        <v>797</v>
      </c>
      <c r="D2248">
        <v>65</v>
      </c>
      <c r="E2248" t="s">
        <v>4191</v>
      </c>
      <c r="F2248" t="s">
        <v>4189</v>
      </c>
      <c r="G2248" t="s">
        <v>656</v>
      </c>
      <c r="H2248">
        <v>2</v>
      </c>
      <c r="I2248">
        <v>2020</v>
      </c>
    </row>
    <row r="2249" spans="1:9" x14ac:dyDescent="0.25">
      <c r="A2249">
        <v>2540</v>
      </c>
      <c r="B2249" t="s">
        <v>2325</v>
      </c>
      <c r="C2249" t="s">
        <v>797</v>
      </c>
      <c r="D2249">
        <v>65</v>
      </c>
      <c r="E2249" t="s">
        <v>4191</v>
      </c>
      <c r="F2249" t="s">
        <v>4189</v>
      </c>
      <c r="G2249" t="s">
        <v>656</v>
      </c>
      <c r="H2249">
        <v>2</v>
      </c>
      <c r="I2249">
        <v>2020</v>
      </c>
    </row>
    <row r="2250" spans="1:9" x14ac:dyDescent="0.25">
      <c r="A2250">
        <v>2541</v>
      </c>
      <c r="B2250" t="s">
        <v>2324</v>
      </c>
      <c r="C2250" t="s">
        <v>797</v>
      </c>
      <c r="D2250">
        <v>65</v>
      </c>
      <c r="E2250" t="s">
        <v>4191</v>
      </c>
      <c r="F2250" t="s">
        <v>4189</v>
      </c>
      <c r="G2250" t="s">
        <v>656</v>
      </c>
      <c r="H2250">
        <v>2</v>
      </c>
      <c r="I2250">
        <v>2020</v>
      </c>
    </row>
    <row r="2251" spans="1:9" x14ac:dyDescent="0.25">
      <c r="A2251">
        <v>2542</v>
      </c>
      <c r="B2251" t="s">
        <v>4651</v>
      </c>
      <c r="C2251" t="s">
        <v>797</v>
      </c>
      <c r="D2251">
        <v>65</v>
      </c>
      <c r="E2251" t="s">
        <v>4191</v>
      </c>
      <c r="F2251" t="s">
        <v>4189</v>
      </c>
      <c r="G2251" t="s">
        <v>656</v>
      </c>
      <c r="H2251">
        <v>2</v>
      </c>
      <c r="I2251">
        <v>2020</v>
      </c>
    </row>
    <row r="2252" spans="1:9" x14ac:dyDescent="0.25">
      <c r="A2252">
        <v>2544</v>
      </c>
      <c r="B2252" t="s">
        <v>2322</v>
      </c>
      <c r="C2252" t="s">
        <v>742</v>
      </c>
      <c r="D2252">
        <v>48</v>
      </c>
      <c r="E2252" t="s">
        <v>4165</v>
      </c>
      <c r="F2252" t="s">
        <v>4164</v>
      </c>
      <c r="G2252" t="s">
        <v>656</v>
      </c>
      <c r="H2252">
        <v>2</v>
      </c>
      <c r="I2252">
        <v>2020</v>
      </c>
    </row>
    <row r="2253" spans="1:9" x14ac:dyDescent="0.25">
      <c r="A2253">
        <v>2545</v>
      </c>
      <c r="B2253" t="s">
        <v>4652</v>
      </c>
      <c r="C2253" t="s">
        <v>742</v>
      </c>
      <c r="D2253">
        <v>48</v>
      </c>
      <c r="E2253" t="s">
        <v>4165</v>
      </c>
      <c r="F2253" t="s">
        <v>4164</v>
      </c>
      <c r="G2253" t="s">
        <v>656</v>
      </c>
      <c r="H2253">
        <v>2</v>
      </c>
      <c r="I2253">
        <v>2020</v>
      </c>
    </row>
    <row r="2254" spans="1:9" x14ac:dyDescent="0.25">
      <c r="A2254">
        <v>2546</v>
      </c>
      <c r="B2254" t="s">
        <v>4653</v>
      </c>
      <c r="C2254" t="s">
        <v>742</v>
      </c>
      <c r="D2254">
        <v>48</v>
      </c>
      <c r="E2254" t="s">
        <v>4165</v>
      </c>
      <c r="F2254" t="s">
        <v>4164</v>
      </c>
      <c r="G2254" t="s">
        <v>656</v>
      </c>
      <c r="H2254">
        <v>2</v>
      </c>
      <c r="I2254">
        <v>2020</v>
      </c>
    </row>
    <row r="2255" spans="1:9" x14ac:dyDescent="0.25">
      <c r="A2255">
        <v>2547</v>
      </c>
      <c r="B2255" t="s">
        <v>2321</v>
      </c>
      <c r="C2255" t="s">
        <v>742</v>
      </c>
      <c r="D2255">
        <v>48</v>
      </c>
      <c r="E2255" t="s">
        <v>4165</v>
      </c>
      <c r="F2255" t="s">
        <v>4164</v>
      </c>
      <c r="G2255" t="s">
        <v>656</v>
      </c>
      <c r="H2255">
        <v>2</v>
      </c>
      <c r="I2255">
        <v>2020</v>
      </c>
    </row>
    <row r="2256" spans="1:9" x14ac:dyDescent="0.25">
      <c r="A2256">
        <v>2548</v>
      </c>
      <c r="B2256" t="s">
        <v>4654</v>
      </c>
      <c r="C2256" t="s">
        <v>742</v>
      </c>
      <c r="D2256">
        <v>48</v>
      </c>
      <c r="E2256" t="s">
        <v>4165</v>
      </c>
      <c r="F2256" t="s">
        <v>4164</v>
      </c>
      <c r="G2256" t="s">
        <v>656</v>
      </c>
      <c r="H2256">
        <v>2</v>
      </c>
      <c r="I2256">
        <v>2020</v>
      </c>
    </row>
    <row r="2257" spans="1:9" x14ac:dyDescent="0.25">
      <c r="A2257">
        <v>2549</v>
      </c>
      <c r="B2257" t="s">
        <v>4655</v>
      </c>
      <c r="C2257" t="s">
        <v>742</v>
      </c>
      <c r="D2257">
        <v>48</v>
      </c>
      <c r="E2257" t="s">
        <v>4165</v>
      </c>
      <c r="F2257" t="s">
        <v>4164</v>
      </c>
      <c r="G2257" t="s">
        <v>656</v>
      </c>
      <c r="H2257">
        <v>2</v>
      </c>
      <c r="I2257">
        <v>2020</v>
      </c>
    </row>
    <row r="2258" spans="1:9" x14ac:dyDescent="0.25">
      <c r="A2258">
        <v>2550</v>
      </c>
      <c r="B2258" t="s">
        <v>4656</v>
      </c>
      <c r="C2258" t="s">
        <v>742</v>
      </c>
      <c r="D2258">
        <v>48</v>
      </c>
      <c r="E2258" t="s">
        <v>4165</v>
      </c>
      <c r="F2258" t="s">
        <v>4164</v>
      </c>
      <c r="G2258" t="s">
        <v>656</v>
      </c>
      <c r="H2258">
        <v>2</v>
      </c>
      <c r="I2258">
        <v>2020</v>
      </c>
    </row>
    <row r="2259" spans="1:9" x14ac:dyDescent="0.25">
      <c r="A2259">
        <v>2551</v>
      </c>
      <c r="B2259" t="s">
        <v>4657</v>
      </c>
      <c r="C2259" t="s">
        <v>742</v>
      </c>
      <c r="D2259">
        <v>48</v>
      </c>
      <c r="E2259" t="s">
        <v>4165</v>
      </c>
      <c r="F2259" t="s">
        <v>4164</v>
      </c>
      <c r="G2259" t="s">
        <v>656</v>
      </c>
      <c r="H2259">
        <v>2</v>
      </c>
      <c r="I2259">
        <v>2020</v>
      </c>
    </row>
    <row r="2260" spans="1:9" x14ac:dyDescent="0.25">
      <c r="A2260">
        <v>2552</v>
      </c>
      <c r="B2260" t="s">
        <v>4658</v>
      </c>
      <c r="C2260" t="s">
        <v>742</v>
      </c>
      <c r="D2260">
        <v>48</v>
      </c>
      <c r="E2260" t="s">
        <v>4165</v>
      </c>
      <c r="F2260" t="s">
        <v>4164</v>
      </c>
      <c r="G2260" t="s">
        <v>656</v>
      </c>
      <c r="H2260">
        <v>2</v>
      </c>
      <c r="I2260">
        <v>2020</v>
      </c>
    </row>
    <row r="2261" spans="1:9" x14ac:dyDescent="0.25">
      <c r="A2261">
        <v>2553</v>
      </c>
      <c r="B2261" t="s">
        <v>2320</v>
      </c>
      <c r="C2261" t="s">
        <v>742</v>
      </c>
      <c r="D2261">
        <v>48</v>
      </c>
      <c r="E2261" t="s">
        <v>4165</v>
      </c>
      <c r="F2261" t="s">
        <v>4164</v>
      </c>
      <c r="G2261" t="s">
        <v>656</v>
      </c>
      <c r="H2261">
        <v>2</v>
      </c>
      <c r="I2261">
        <v>2020</v>
      </c>
    </row>
    <row r="2262" spans="1:9" x14ac:dyDescent="0.25">
      <c r="A2262">
        <v>2554</v>
      </c>
      <c r="B2262" t="s">
        <v>4659</v>
      </c>
      <c r="C2262" t="s">
        <v>742</v>
      </c>
      <c r="D2262">
        <v>48</v>
      </c>
      <c r="E2262" t="s">
        <v>4165</v>
      </c>
      <c r="F2262" t="s">
        <v>4164</v>
      </c>
      <c r="G2262" t="s">
        <v>656</v>
      </c>
      <c r="H2262">
        <v>2</v>
      </c>
      <c r="I2262">
        <v>2020</v>
      </c>
    </row>
    <row r="2263" spans="1:9" x14ac:dyDescent="0.25">
      <c r="A2263">
        <v>2555</v>
      </c>
      <c r="B2263" t="s">
        <v>2319</v>
      </c>
      <c r="C2263" t="s">
        <v>848</v>
      </c>
      <c r="D2263">
        <v>62</v>
      </c>
      <c r="E2263" t="s">
        <v>4193</v>
      </c>
      <c r="F2263" t="s">
        <v>4189</v>
      </c>
      <c r="G2263" t="s">
        <v>656</v>
      </c>
      <c r="H2263">
        <v>2</v>
      </c>
      <c r="I2263">
        <v>2020</v>
      </c>
    </row>
    <row r="2264" spans="1:9" x14ac:dyDescent="0.25">
      <c r="A2264">
        <v>2556</v>
      </c>
      <c r="B2264" t="s">
        <v>2318</v>
      </c>
      <c r="C2264" t="s">
        <v>848</v>
      </c>
      <c r="D2264">
        <v>62</v>
      </c>
      <c r="E2264" t="s">
        <v>4193</v>
      </c>
      <c r="F2264" t="s">
        <v>4189</v>
      </c>
      <c r="G2264" t="s">
        <v>656</v>
      </c>
      <c r="H2264">
        <v>2</v>
      </c>
      <c r="I2264">
        <v>2020</v>
      </c>
    </row>
    <row r="2265" spans="1:9" x14ac:dyDescent="0.25">
      <c r="A2265">
        <v>2557</v>
      </c>
      <c r="B2265" t="s">
        <v>2317</v>
      </c>
      <c r="C2265" t="s">
        <v>1022</v>
      </c>
      <c r="D2265">
        <v>85</v>
      </c>
      <c r="E2265" t="s">
        <v>1080</v>
      </c>
      <c r="F2265" t="s">
        <v>4189</v>
      </c>
      <c r="G2265" t="s">
        <v>656</v>
      </c>
      <c r="H2265">
        <v>2</v>
      </c>
      <c r="I2265">
        <v>2020</v>
      </c>
    </row>
    <row r="2266" spans="1:9" x14ac:dyDescent="0.25">
      <c r="A2266">
        <v>2558</v>
      </c>
      <c r="B2266" t="s">
        <v>2316</v>
      </c>
      <c r="C2266" t="s">
        <v>1022</v>
      </c>
      <c r="D2266">
        <v>85</v>
      </c>
      <c r="E2266" t="s">
        <v>1080</v>
      </c>
      <c r="F2266" t="s">
        <v>4189</v>
      </c>
      <c r="G2266" t="s">
        <v>656</v>
      </c>
      <c r="H2266">
        <v>2</v>
      </c>
      <c r="I2266">
        <v>2020</v>
      </c>
    </row>
    <row r="2267" spans="1:9" x14ac:dyDescent="0.25">
      <c r="A2267">
        <v>2559</v>
      </c>
      <c r="B2267" t="s">
        <v>4660</v>
      </c>
      <c r="C2267" t="s">
        <v>1022</v>
      </c>
      <c r="D2267">
        <v>85</v>
      </c>
      <c r="E2267" t="s">
        <v>1080</v>
      </c>
      <c r="F2267" t="s">
        <v>4189</v>
      </c>
      <c r="G2267" t="s">
        <v>656</v>
      </c>
      <c r="H2267">
        <v>2</v>
      </c>
      <c r="I2267">
        <v>2020</v>
      </c>
    </row>
    <row r="2268" spans="1:9" x14ac:dyDescent="0.25">
      <c r="A2268">
        <v>2560</v>
      </c>
      <c r="B2268" t="s">
        <v>4661</v>
      </c>
      <c r="C2268" t="s">
        <v>1022</v>
      </c>
      <c r="D2268">
        <v>85</v>
      </c>
      <c r="E2268" t="s">
        <v>1080</v>
      </c>
      <c r="F2268" t="s">
        <v>4189</v>
      </c>
      <c r="G2268" t="s">
        <v>656</v>
      </c>
      <c r="H2268">
        <v>2</v>
      </c>
      <c r="I2268">
        <v>2020</v>
      </c>
    </row>
    <row r="2269" spans="1:9" x14ac:dyDescent="0.25">
      <c r="A2269">
        <v>2561</v>
      </c>
      <c r="B2269" t="s">
        <v>2315</v>
      </c>
      <c r="C2269" t="s">
        <v>1022</v>
      </c>
      <c r="D2269">
        <v>85</v>
      </c>
      <c r="E2269" t="s">
        <v>1080</v>
      </c>
      <c r="F2269" t="s">
        <v>4189</v>
      </c>
      <c r="G2269" t="s">
        <v>656</v>
      </c>
      <c r="H2269">
        <v>2</v>
      </c>
      <c r="I2269">
        <v>2020</v>
      </c>
    </row>
    <row r="2270" spans="1:9" x14ac:dyDescent="0.25">
      <c r="A2270">
        <v>2562</v>
      </c>
      <c r="B2270" t="s">
        <v>2314</v>
      </c>
      <c r="C2270" t="s">
        <v>1022</v>
      </c>
      <c r="D2270">
        <v>85</v>
      </c>
      <c r="E2270" t="s">
        <v>1080</v>
      </c>
      <c r="F2270" t="s">
        <v>4189</v>
      </c>
      <c r="G2270" t="s">
        <v>656</v>
      </c>
      <c r="H2270">
        <v>2</v>
      </c>
      <c r="I2270">
        <v>2020</v>
      </c>
    </row>
    <row r="2271" spans="1:9" x14ac:dyDescent="0.25">
      <c r="A2271">
        <v>2565</v>
      </c>
      <c r="B2271" t="s">
        <v>2312</v>
      </c>
      <c r="C2271" t="s">
        <v>1022</v>
      </c>
      <c r="D2271">
        <v>85</v>
      </c>
      <c r="E2271" t="s">
        <v>1080</v>
      </c>
      <c r="F2271" t="s">
        <v>4189</v>
      </c>
      <c r="G2271" t="s">
        <v>656</v>
      </c>
      <c r="H2271">
        <v>2</v>
      </c>
      <c r="I2271">
        <v>2020</v>
      </c>
    </row>
    <row r="2272" spans="1:9" x14ac:dyDescent="0.25">
      <c r="A2272">
        <v>2566</v>
      </c>
      <c r="B2272" t="s">
        <v>4662</v>
      </c>
      <c r="C2272" t="s">
        <v>1022</v>
      </c>
      <c r="D2272">
        <v>85</v>
      </c>
      <c r="E2272" t="s">
        <v>1080</v>
      </c>
      <c r="F2272" t="s">
        <v>4189</v>
      </c>
      <c r="G2272" t="s">
        <v>656</v>
      </c>
      <c r="H2272">
        <v>2</v>
      </c>
      <c r="I2272">
        <v>2020</v>
      </c>
    </row>
    <row r="2273" spans="1:9" x14ac:dyDescent="0.25">
      <c r="A2273">
        <v>2567</v>
      </c>
      <c r="B2273" t="s">
        <v>4663</v>
      </c>
      <c r="C2273" t="s">
        <v>1022</v>
      </c>
      <c r="D2273">
        <v>85</v>
      </c>
      <c r="E2273" t="s">
        <v>1080</v>
      </c>
      <c r="F2273" t="s">
        <v>4189</v>
      </c>
      <c r="G2273" t="s">
        <v>656</v>
      </c>
      <c r="H2273">
        <v>2</v>
      </c>
      <c r="I2273">
        <v>2020</v>
      </c>
    </row>
    <row r="2274" spans="1:9" x14ac:dyDescent="0.25">
      <c r="A2274">
        <v>2568</v>
      </c>
      <c r="B2274" t="s">
        <v>4664</v>
      </c>
      <c r="C2274" t="s">
        <v>1022</v>
      </c>
      <c r="D2274">
        <v>85</v>
      </c>
      <c r="E2274" t="s">
        <v>1080</v>
      </c>
      <c r="F2274" t="s">
        <v>4189</v>
      </c>
      <c r="G2274" t="s">
        <v>656</v>
      </c>
      <c r="H2274">
        <v>2</v>
      </c>
      <c r="I2274">
        <v>2020</v>
      </c>
    </row>
    <row r="2275" spans="1:9" x14ac:dyDescent="0.25">
      <c r="A2275">
        <v>2569</v>
      </c>
      <c r="B2275" t="s">
        <v>4665</v>
      </c>
      <c r="C2275" t="s">
        <v>1022</v>
      </c>
      <c r="D2275">
        <v>85</v>
      </c>
      <c r="E2275" t="s">
        <v>1080</v>
      </c>
      <c r="F2275" t="s">
        <v>4189</v>
      </c>
      <c r="G2275" t="s">
        <v>656</v>
      </c>
      <c r="H2275">
        <v>2</v>
      </c>
      <c r="I2275">
        <v>2020</v>
      </c>
    </row>
    <row r="2276" spans="1:9" x14ac:dyDescent="0.25">
      <c r="A2276">
        <v>2570</v>
      </c>
      <c r="B2276" t="s">
        <v>4666</v>
      </c>
      <c r="C2276" t="s">
        <v>1022</v>
      </c>
      <c r="D2276">
        <v>85</v>
      </c>
      <c r="E2276" t="s">
        <v>1080</v>
      </c>
      <c r="F2276" t="s">
        <v>4189</v>
      </c>
      <c r="G2276" t="s">
        <v>656</v>
      </c>
      <c r="H2276">
        <v>2</v>
      </c>
      <c r="I2276">
        <v>2020</v>
      </c>
    </row>
    <row r="2277" spans="1:9" x14ac:dyDescent="0.25">
      <c r="A2277">
        <v>2571</v>
      </c>
      <c r="B2277" t="s">
        <v>4667</v>
      </c>
      <c r="C2277" t="s">
        <v>1022</v>
      </c>
      <c r="D2277">
        <v>85</v>
      </c>
      <c r="E2277" t="s">
        <v>1080</v>
      </c>
      <c r="F2277" t="s">
        <v>4189</v>
      </c>
      <c r="G2277" t="s">
        <v>656</v>
      </c>
      <c r="H2277">
        <v>2</v>
      </c>
      <c r="I2277">
        <v>2020</v>
      </c>
    </row>
    <row r="2278" spans="1:9" x14ac:dyDescent="0.25">
      <c r="A2278">
        <v>2572</v>
      </c>
      <c r="B2278" t="s">
        <v>2311</v>
      </c>
      <c r="C2278" t="s">
        <v>1022</v>
      </c>
      <c r="D2278">
        <v>85</v>
      </c>
      <c r="E2278" t="s">
        <v>1080</v>
      </c>
      <c r="F2278" t="s">
        <v>4189</v>
      </c>
      <c r="G2278" t="s">
        <v>656</v>
      </c>
      <c r="H2278">
        <v>2</v>
      </c>
      <c r="I2278">
        <v>2020</v>
      </c>
    </row>
    <row r="2279" spans="1:9" x14ac:dyDescent="0.25">
      <c r="A2279">
        <v>2573</v>
      </c>
      <c r="B2279" t="s">
        <v>2310</v>
      </c>
      <c r="C2279" t="s">
        <v>1182</v>
      </c>
      <c r="D2279">
        <v>46</v>
      </c>
      <c r="E2279" t="s">
        <v>4194</v>
      </c>
      <c r="F2279" t="s">
        <v>4189</v>
      </c>
      <c r="G2279" t="s">
        <v>656</v>
      </c>
      <c r="H2279">
        <v>2</v>
      </c>
      <c r="I2279">
        <v>2020</v>
      </c>
    </row>
    <row r="2280" spans="1:9" x14ac:dyDescent="0.25">
      <c r="A2280">
        <v>2574</v>
      </c>
      <c r="B2280" t="s">
        <v>2309</v>
      </c>
      <c r="C2280" t="s">
        <v>710</v>
      </c>
      <c r="D2280">
        <v>53</v>
      </c>
      <c r="E2280" t="s">
        <v>4198</v>
      </c>
      <c r="F2280" t="s">
        <v>4189</v>
      </c>
      <c r="G2280" t="s">
        <v>656</v>
      </c>
      <c r="H2280">
        <v>2</v>
      </c>
      <c r="I2280">
        <v>2020</v>
      </c>
    </row>
    <row r="2281" spans="1:9" x14ac:dyDescent="0.25">
      <c r="A2281">
        <v>2575</v>
      </c>
      <c r="B2281" t="s">
        <v>2308</v>
      </c>
      <c r="C2281" t="s">
        <v>710</v>
      </c>
      <c r="D2281">
        <v>53</v>
      </c>
      <c r="E2281" t="s">
        <v>4198</v>
      </c>
      <c r="F2281" t="s">
        <v>4189</v>
      </c>
      <c r="G2281" t="s">
        <v>656</v>
      </c>
      <c r="H2281">
        <v>2</v>
      </c>
      <c r="I2281">
        <v>2020</v>
      </c>
    </row>
    <row r="2282" spans="1:9" x14ac:dyDescent="0.25">
      <c r="A2282">
        <v>2576</v>
      </c>
      <c r="B2282" t="s">
        <v>2307</v>
      </c>
      <c r="C2282" t="s">
        <v>710</v>
      </c>
      <c r="D2282">
        <v>53</v>
      </c>
      <c r="E2282" t="s">
        <v>4198</v>
      </c>
      <c r="F2282" t="s">
        <v>4189</v>
      </c>
      <c r="G2282" t="s">
        <v>656</v>
      </c>
      <c r="H2282">
        <v>2</v>
      </c>
      <c r="I2282">
        <v>2020</v>
      </c>
    </row>
    <row r="2283" spans="1:9" x14ac:dyDescent="0.25">
      <c r="A2283">
        <v>2577</v>
      </c>
      <c r="B2283" t="s">
        <v>2306</v>
      </c>
      <c r="C2283" t="s">
        <v>710</v>
      </c>
      <c r="D2283">
        <v>53</v>
      </c>
      <c r="E2283" t="s">
        <v>4198</v>
      </c>
      <c r="F2283" t="s">
        <v>4189</v>
      </c>
      <c r="G2283" t="s">
        <v>656</v>
      </c>
      <c r="H2283">
        <v>2</v>
      </c>
      <c r="I2283">
        <v>2020</v>
      </c>
    </row>
    <row r="2284" spans="1:9" x14ac:dyDescent="0.25">
      <c r="A2284">
        <v>2578</v>
      </c>
      <c r="B2284" t="s">
        <v>2305</v>
      </c>
      <c r="C2284" t="s">
        <v>710</v>
      </c>
      <c r="D2284">
        <v>53</v>
      </c>
      <c r="E2284" t="s">
        <v>4198</v>
      </c>
      <c r="F2284" t="s">
        <v>4189</v>
      </c>
      <c r="G2284" t="s">
        <v>656</v>
      </c>
      <c r="H2284">
        <v>2</v>
      </c>
      <c r="I2284">
        <v>2020</v>
      </c>
    </row>
    <row r="2285" spans="1:9" x14ac:dyDescent="0.25">
      <c r="A2285">
        <v>2579</v>
      </c>
      <c r="B2285" t="s">
        <v>4668</v>
      </c>
      <c r="C2285" t="s">
        <v>710</v>
      </c>
      <c r="D2285">
        <v>53</v>
      </c>
      <c r="E2285" t="s">
        <v>4198</v>
      </c>
      <c r="F2285" t="s">
        <v>4189</v>
      </c>
      <c r="G2285" t="s">
        <v>656</v>
      </c>
      <c r="H2285">
        <v>2</v>
      </c>
      <c r="I2285">
        <v>2020</v>
      </c>
    </row>
    <row r="2286" spans="1:9" x14ac:dyDescent="0.25">
      <c r="A2286">
        <v>2580</v>
      </c>
      <c r="B2286" t="s">
        <v>4669</v>
      </c>
      <c r="C2286" t="s">
        <v>710</v>
      </c>
      <c r="D2286">
        <v>53</v>
      </c>
      <c r="E2286" t="s">
        <v>4198</v>
      </c>
      <c r="F2286" t="s">
        <v>4189</v>
      </c>
      <c r="G2286" t="s">
        <v>656</v>
      </c>
      <c r="H2286">
        <v>2</v>
      </c>
      <c r="I2286">
        <v>2020</v>
      </c>
    </row>
    <row r="2287" spans="1:9" x14ac:dyDescent="0.25">
      <c r="A2287">
        <v>2581</v>
      </c>
      <c r="B2287" t="s">
        <v>4670</v>
      </c>
      <c r="C2287" t="s">
        <v>710</v>
      </c>
      <c r="D2287">
        <v>53</v>
      </c>
      <c r="E2287" t="s">
        <v>4198</v>
      </c>
      <c r="F2287" t="s">
        <v>4189</v>
      </c>
      <c r="G2287" t="s">
        <v>656</v>
      </c>
      <c r="H2287">
        <v>2</v>
      </c>
      <c r="I2287">
        <v>2020</v>
      </c>
    </row>
    <row r="2288" spans="1:9" x14ac:dyDescent="0.25">
      <c r="A2288">
        <v>2582</v>
      </c>
      <c r="B2288" t="s">
        <v>2303</v>
      </c>
      <c r="C2288" t="s">
        <v>714</v>
      </c>
      <c r="D2288">
        <v>52</v>
      </c>
      <c r="E2288" t="s">
        <v>4198</v>
      </c>
      <c r="F2288" t="s">
        <v>4189</v>
      </c>
      <c r="G2288" t="s">
        <v>656</v>
      </c>
      <c r="H2288">
        <v>2</v>
      </c>
      <c r="I2288">
        <v>2020</v>
      </c>
    </row>
    <row r="2289" spans="1:9" x14ac:dyDescent="0.25">
      <c r="A2289">
        <v>2583</v>
      </c>
      <c r="B2289" t="s">
        <v>2302</v>
      </c>
      <c r="C2289" t="s">
        <v>714</v>
      </c>
      <c r="D2289">
        <v>52</v>
      </c>
      <c r="E2289" t="s">
        <v>4198</v>
      </c>
      <c r="F2289" t="s">
        <v>4189</v>
      </c>
      <c r="G2289" t="s">
        <v>656</v>
      </c>
      <c r="H2289">
        <v>2</v>
      </c>
      <c r="I2289">
        <v>2020</v>
      </c>
    </row>
    <row r="2290" spans="1:9" x14ac:dyDescent="0.25">
      <c r="A2290">
        <v>2584</v>
      </c>
      <c r="B2290" t="s">
        <v>2300</v>
      </c>
      <c r="C2290" t="s">
        <v>695</v>
      </c>
      <c r="D2290">
        <v>54</v>
      </c>
      <c r="E2290" t="s">
        <v>4198</v>
      </c>
      <c r="F2290" t="s">
        <v>4189</v>
      </c>
      <c r="G2290" t="s">
        <v>656</v>
      </c>
      <c r="H2290">
        <v>2</v>
      </c>
      <c r="I2290">
        <v>2020</v>
      </c>
    </row>
    <row r="2291" spans="1:9" x14ac:dyDescent="0.25">
      <c r="A2291">
        <v>2585</v>
      </c>
      <c r="B2291" t="s">
        <v>2299</v>
      </c>
      <c r="C2291" t="s">
        <v>695</v>
      </c>
      <c r="D2291">
        <v>54</v>
      </c>
      <c r="E2291" t="s">
        <v>4198</v>
      </c>
      <c r="F2291" t="s">
        <v>4189</v>
      </c>
      <c r="G2291" t="s">
        <v>656</v>
      </c>
      <c r="H2291">
        <v>2</v>
      </c>
      <c r="I2291">
        <v>2020</v>
      </c>
    </row>
    <row r="2292" spans="1:9" x14ac:dyDescent="0.25">
      <c r="A2292">
        <v>2586</v>
      </c>
      <c r="B2292" t="s">
        <v>2298</v>
      </c>
      <c r="C2292" t="s">
        <v>1236</v>
      </c>
      <c r="D2292">
        <v>60</v>
      </c>
      <c r="E2292" t="s">
        <v>4193</v>
      </c>
      <c r="F2292" t="s">
        <v>4189</v>
      </c>
      <c r="G2292" t="s">
        <v>656</v>
      </c>
      <c r="H2292">
        <v>2</v>
      </c>
      <c r="I2292">
        <v>2020</v>
      </c>
    </row>
    <row r="2293" spans="1:9" x14ac:dyDescent="0.25">
      <c r="A2293">
        <v>2587</v>
      </c>
      <c r="B2293" t="s">
        <v>4671</v>
      </c>
      <c r="C2293" t="s">
        <v>1236</v>
      </c>
      <c r="D2293">
        <v>60</v>
      </c>
      <c r="E2293" t="s">
        <v>4193</v>
      </c>
      <c r="F2293" t="s">
        <v>4189</v>
      </c>
      <c r="G2293" t="s">
        <v>656</v>
      </c>
      <c r="H2293">
        <v>2</v>
      </c>
      <c r="I2293">
        <v>2020</v>
      </c>
    </row>
    <row r="2294" spans="1:9" x14ac:dyDescent="0.25">
      <c r="A2294">
        <v>2588</v>
      </c>
      <c r="B2294" t="s">
        <v>4672</v>
      </c>
      <c r="C2294" t="s">
        <v>1236</v>
      </c>
      <c r="D2294">
        <v>60</v>
      </c>
      <c r="E2294" t="s">
        <v>4193</v>
      </c>
      <c r="F2294" t="s">
        <v>4189</v>
      </c>
      <c r="G2294" t="s">
        <v>656</v>
      </c>
      <c r="H2294">
        <v>2</v>
      </c>
      <c r="I2294">
        <v>2020</v>
      </c>
    </row>
    <row r="2295" spans="1:9" x14ac:dyDescent="0.25">
      <c r="A2295">
        <v>2589</v>
      </c>
      <c r="B2295" t="s">
        <v>1580</v>
      </c>
      <c r="C2295" t="s">
        <v>1236</v>
      </c>
      <c r="D2295">
        <v>60</v>
      </c>
      <c r="E2295" t="s">
        <v>4193</v>
      </c>
      <c r="F2295" t="s">
        <v>4189</v>
      </c>
      <c r="G2295" t="s">
        <v>656</v>
      </c>
      <c r="H2295">
        <v>2</v>
      </c>
      <c r="I2295">
        <v>2020</v>
      </c>
    </row>
    <row r="2296" spans="1:9" x14ac:dyDescent="0.25">
      <c r="A2296">
        <v>2590</v>
      </c>
      <c r="B2296" t="s">
        <v>4673</v>
      </c>
      <c r="C2296" t="s">
        <v>1236</v>
      </c>
      <c r="D2296">
        <v>60</v>
      </c>
      <c r="E2296" t="s">
        <v>4193</v>
      </c>
      <c r="F2296" t="s">
        <v>4189</v>
      </c>
      <c r="G2296" t="s">
        <v>656</v>
      </c>
      <c r="H2296">
        <v>2</v>
      </c>
      <c r="I2296">
        <v>2020</v>
      </c>
    </row>
    <row r="2297" spans="1:9" x14ac:dyDescent="0.25">
      <c r="A2297">
        <v>2591</v>
      </c>
      <c r="B2297" t="s">
        <v>4674</v>
      </c>
      <c r="C2297" t="s">
        <v>1236</v>
      </c>
      <c r="D2297">
        <v>60</v>
      </c>
      <c r="E2297" t="s">
        <v>4193</v>
      </c>
      <c r="F2297" t="s">
        <v>4189</v>
      </c>
      <c r="G2297" t="s">
        <v>656</v>
      </c>
      <c r="H2297">
        <v>2</v>
      </c>
      <c r="I2297">
        <v>2020</v>
      </c>
    </row>
    <row r="2298" spans="1:9" x14ac:dyDescent="0.25">
      <c r="A2298">
        <v>2592</v>
      </c>
      <c r="B2298" t="s">
        <v>2297</v>
      </c>
      <c r="C2298" t="s">
        <v>730</v>
      </c>
      <c r="D2298">
        <v>66</v>
      </c>
      <c r="E2298" t="s">
        <v>4193</v>
      </c>
      <c r="F2298" t="s">
        <v>4189</v>
      </c>
      <c r="G2298" t="s">
        <v>656</v>
      </c>
      <c r="H2298">
        <v>2</v>
      </c>
      <c r="I2298">
        <v>2020</v>
      </c>
    </row>
    <row r="2299" spans="1:9" x14ac:dyDescent="0.25">
      <c r="A2299">
        <v>2593</v>
      </c>
      <c r="B2299" t="s">
        <v>2296</v>
      </c>
      <c r="C2299" t="s">
        <v>730</v>
      </c>
      <c r="D2299">
        <v>66</v>
      </c>
      <c r="E2299" t="s">
        <v>4193</v>
      </c>
      <c r="F2299" t="s">
        <v>4189</v>
      </c>
      <c r="G2299" t="s">
        <v>656</v>
      </c>
      <c r="H2299">
        <v>2</v>
      </c>
      <c r="I2299">
        <v>2020</v>
      </c>
    </row>
    <row r="2300" spans="1:9" x14ac:dyDescent="0.25">
      <c r="A2300">
        <v>2594</v>
      </c>
      <c r="B2300" t="s">
        <v>2295</v>
      </c>
      <c r="C2300" t="s">
        <v>730</v>
      </c>
      <c r="D2300">
        <v>66</v>
      </c>
      <c r="E2300" t="s">
        <v>4193</v>
      </c>
      <c r="F2300" t="s">
        <v>4189</v>
      </c>
      <c r="G2300" t="s">
        <v>656</v>
      </c>
      <c r="H2300">
        <v>2</v>
      </c>
      <c r="I2300">
        <v>2020</v>
      </c>
    </row>
    <row r="2301" spans="1:9" x14ac:dyDescent="0.25">
      <c r="A2301">
        <v>2595</v>
      </c>
      <c r="B2301" t="s">
        <v>2294</v>
      </c>
      <c r="C2301" t="s">
        <v>730</v>
      </c>
      <c r="D2301">
        <v>66</v>
      </c>
      <c r="E2301" t="s">
        <v>4193</v>
      </c>
      <c r="F2301" t="s">
        <v>4189</v>
      </c>
      <c r="G2301" t="s">
        <v>656</v>
      </c>
      <c r="H2301">
        <v>2</v>
      </c>
      <c r="I2301">
        <v>2020</v>
      </c>
    </row>
    <row r="2302" spans="1:9" x14ac:dyDescent="0.25">
      <c r="A2302">
        <v>2596</v>
      </c>
      <c r="B2302" t="s">
        <v>2293</v>
      </c>
      <c r="C2302" t="s">
        <v>730</v>
      </c>
      <c r="D2302">
        <v>66</v>
      </c>
      <c r="E2302" t="s">
        <v>4193</v>
      </c>
      <c r="F2302" t="s">
        <v>4189</v>
      </c>
      <c r="G2302" t="s">
        <v>656</v>
      </c>
      <c r="H2302">
        <v>2</v>
      </c>
      <c r="I2302">
        <v>2020</v>
      </c>
    </row>
    <row r="2303" spans="1:9" x14ac:dyDescent="0.25">
      <c r="A2303">
        <v>2597</v>
      </c>
      <c r="B2303" t="s">
        <v>2292</v>
      </c>
      <c r="C2303" t="s">
        <v>707</v>
      </c>
      <c r="D2303">
        <v>59</v>
      </c>
      <c r="E2303" t="s">
        <v>980</v>
      </c>
      <c r="F2303" t="s">
        <v>4189</v>
      </c>
      <c r="G2303" t="s">
        <v>656</v>
      </c>
      <c r="H2303">
        <v>2</v>
      </c>
      <c r="I2303">
        <v>2020</v>
      </c>
    </row>
    <row r="2304" spans="1:9" x14ac:dyDescent="0.25">
      <c r="A2304">
        <v>2598</v>
      </c>
      <c r="B2304" t="s">
        <v>2291</v>
      </c>
      <c r="C2304" t="s">
        <v>707</v>
      </c>
      <c r="D2304">
        <v>59</v>
      </c>
      <c r="E2304" t="s">
        <v>980</v>
      </c>
      <c r="F2304" t="s">
        <v>4189</v>
      </c>
      <c r="G2304" t="s">
        <v>656</v>
      </c>
      <c r="H2304">
        <v>2</v>
      </c>
      <c r="I2304">
        <v>2020</v>
      </c>
    </row>
    <row r="2305" spans="1:9" x14ac:dyDescent="0.25">
      <c r="A2305">
        <v>2599</v>
      </c>
      <c r="B2305" t="s">
        <v>2290</v>
      </c>
      <c r="C2305" t="s">
        <v>693</v>
      </c>
      <c r="D2305">
        <v>56</v>
      </c>
      <c r="E2305" t="s">
        <v>4193</v>
      </c>
      <c r="F2305" t="s">
        <v>4189</v>
      </c>
      <c r="G2305" t="s">
        <v>656</v>
      </c>
      <c r="H2305">
        <v>2</v>
      </c>
      <c r="I2305">
        <v>2020</v>
      </c>
    </row>
    <row r="2306" spans="1:9" x14ac:dyDescent="0.25">
      <c r="A2306">
        <v>2600</v>
      </c>
      <c r="B2306" t="s">
        <v>2289</v>
      </c>
      <c r="C2306" t="s">
        <v>693</v>
      </c>
      <c r="D2306">
        <v>56</v>
      </c>
      <c r="E2306" t="s">
        <v>4193</v>
      </c>
      <c r="F2306" t="s">
        <v>4189</v>
      </c>
      <c r="G2306" t="s">
        <v>656</v>
      </c>
      <c r="H2306">
        <v>2</v>
      </c>
      <c r="I2306">
        <v>2020</v>
      </c>
    </row>
    <row r="2307" spans="1:9" x14ac:dyDescent="0.25">
      <c r="A2307">
        <v>2601</v>
      </c>
      <c r="B2307" t="s">
        <v>2288</v>
      </c>
      <c r="C2307" t="s">
        <v>693</v>
      </c>
      <c r="D2307">
        <v>56</v>
      </c>
      <c r="E2307" t="s">
        <v>4193</v>
      </c>
      <c r="F2307" t="s">
        <v>4189</v>
      </c>
      <c r="G2307" t="s">
        <v>656</v>
      </c>
      <c r="H2307">
        <v>2</v>
      </c>
      <c r="I2307">
        <v>2020</v>
      </c>
    </row>
    <row r="2308" spans="1:9" x14ac:dyDescent="0.25">
      <c r="A2308">
        <v>2602</v>
      </c>
      <c r="B2308" t="s">
        <v>4675</v>
      </c>
      <c r="C2308" t="s">
        <v>693</v>
      </c>
      <c r="D2308">
        <v>56</v>
      </c>
      <c r="E2308" t="s">
        <v>4193</v>
      </c>
      <c r="F2308" t="s">
        <v>4189</v>
      </c>
      <c r="G2308" t="s">
        <v>656</v>
      </c>
      <c r="H2308">
        <v>2</v>
      </c>
      <c r="I2308">
        <v>2020</v>
      </c>
    </row>
    <row r="2309" spans="1:9" x14ac:dyDescent="0.25">
      <c r="A2309">
        <v>2603</v>
      </c>
      <c r="B2309" t="s">
        <v>4676</v>
      </c>
      <c r="C2309" t="s">
        <v>693</v>
      </c>
      <c r="D2309">
        <v>56</v>
      </c>
      <c r="E2309" t="s">
        <v>4193</v>
      </c>
      <c r="F2309" t="s">
        <v>4189</v>
      </c>
      <c r="G2309" t="s">
        <v>656</v>
      </c>
      <c r="H2309">
        <v>2</v>
      </c>
      <c r="I2309">
        <v>2020</v>
      </c>
    </row>
    <row r="2310" spans="1:9" x14ac:dyDescent="0.25">
      <c r="A2310">
        <v>2604</v>
      </c>
      <c r="B2310" t="s">
        <v>2287</v>
      </c>
      <c r="C2310" t="s">
        <v>738</v>
      </c>
      <c r="D2310">
        <v>61</v>
      </c>
      <c r="E2310" t="s">
        <v>4193</v>
      </c>
      <c r="F2310" t="s">
        <v>4189</v>
      </c>
      <c r="G2310" t="s">
        <v>656</v>
      </c>
      <c r="H2310">
        <v>2</v>
      </c>
      <c r="I2310">
        <v>2020</v>
      </c>
    </row>
    <row r="2311" spans="1:9" x14ac:dyDescent="0.25">
      <c r="A2311">
        <v>2605</v>
      </c>
      <c r="B2311" t="s">
        <v>2286</v>
      </c>
      <c r="C2311" t="s">
        <v>738</v>
      </c>
      <c r="D2311">
        <v>61</v>
      </c>
      <c r="E2311" t="s">
        <v>4193</v>
      </c>
      <c r="F2311" t="s">
        <v>4189</v>
      </c>
      <c r="G2311" t="s">
        <v>656</v>
      </c>
      <c r="H2311">
        <v>2</v>
      </c>
      <c r="I2311">
        <v>2020</v>
      </c>
    </row>
    <row r="2312" spans="1:9" x14ac:dyDescent="0.25">
      <c r="A2312">
        <v>2606</v>
      </c>
      <c r="B2312" t="s">
        <v>2285</v>
      </c>
      <c r="C2312" t="s">
        <v>738</v>
      </c>
      <c r="D2312">
        <v>61</v>
      </c>
      <c r="E2312" t="s">
        <v>4193</v>
      </c>
      <c r="F2312" t="s">
        <v>4189</v>
      </c>
      <c r="G2312" t="s">
        <v>656</v>
      </c>
      <c r="H2312">
        <v>2</v>
      </c>
      <c r="I2312">
        <v>2020</v>
      </c>
    </row>
    <row r="2313" spans="1:9" x14ac:dyDescent="0.25">
      <c r="A2313">
        <v>2607</v>
      </c>
      <c r="B2313" t="s">
        <v>2284</v>
      </c>
      <c r="C2313" t="s">
        <v>738</v>
      </c>
      <c r="D2313">
        <v>61</v>
      </c>
      <c r="E2313" t="s">
        <v>4193</v>
      </c>
      <c r="F2313" t="s">
        <v>4189</v>
      </c>
      <c r="G2313" t="s">
        <v>656</v>
      </c>
      <c r="H2313">
        <v>2</v>
      </c>
      <c r="I2313">
        <v>2020</v>
      </c>
    </row>
    <row r="2314" spans="1:9" x14ac:dyDescent="0.25">
      <c r="A2314">
        <v>2608</v>
      </c>
      <c r="B2314" t="s">
        <v>2283</v>
      </c>
      <c r="C2314" t="s">
        <v>738</v>
      </c>
      <c r="D2314">
        <v>61</v>
      </c>
      <c r="E2314" t="s">
        <v>4193</v>
      </c>
      <c r="F2314" t="s">
        <v>4189</v>
      </c>
      <c r="G2314" t="s">
        <v>656</v>
      </c>
      <c r="H2314">
        <v>2</v>
      </c>
      <c r="I2314">
        <v>2020</v>
      </c>
    </row>
    <row r="2315" spans="1:9" x14ac:dyDescent="0.25">
      <c r="A2315">
        <v>2609</v>
      </c>
      <c r="B2315" t="s">
        <v>2282</v>
      </c>
      <c r="C2315" t="s">
        <v>738</v>
      </c>
      <c r="D2315">
        <v>61</v>
      </c>
      <c r="E2315" t="s">
        <v>4193</v>
      </c>
      <c r="F2315" t="s">
        <v>4189</v>
      </c>
      <c r="G2315" t="s">
        <v>656</v>
      </c>
      <c r="H2315">
        <v>2</v>
      </c>
      <c r="I2315">
        <v>2020</v>
      </c>
    </row>
    <row r="2316" spans="1:9" x14ac:dyDescent="0.25">
      <c r="A2316">
        <v>2610</v>
      </c>
      <c r="B2316" t="s">
        <v>2281</v>
      </c>
      <c r="C2316" t="s">
        <v>738</v>
      </c>
      <c r="D2316">
        <v>61</v>
      </c>
      <c r="E2316" t="s">
        <v>4193</v>
      </c>
      <c r="F2316" t="s">
        <v>4189</v>
      </c>
      <c r="G2316" t="s">
        <v>656</v>
      </c>
      <c r="H2316">
        <v>2</v>
      </c>
      <c r="I2316">
        <v>2020</v>
      </c>
    </row>
    <row r="2317" spans="1:9" x14ac:dyDescent="0.25">
      <c r="A2317">
        <v>2611</v>
      </c>
      <c r="B2317" t="s">
        <v>2280</v>
      </c>
      <c r="C2317" t="s">
        <v>738</v>
      </c>
      <c r="D2317">
        <v>61</v>
      </c>
      <c r="E2317" t="s">
        <v>4193</v>
      </c>
      <c r="F2317" t="s">
        <v>4189</v>
      </c>
      <c r="G2317" t="s">
        <v>656</v>
      </c>
      <c r="H2317">
        <v>2</v>
      </c>
      <c r="I2317">
        <v>2020</v>
      </c>
    </row>
    <row r="2318" spans="1:9" x14ac:dyDescent="0.25">
      <c r="A2318">
        <v>2612</v>
      </c>
      <c r="B2318" t="s">
        <v>2279</v>
      </c>
      <c r="C2318" t="s">
        <v>738</v>
      </c>
      <c r="D2318">
        <v>61</v>
      </c>
      <c r="E2318" t="s">
        <v>4193</v>
      </c>
      <c r="F2318" t="s">
        <v>4189</v>
      </c>
      <c r="G2318" t="s">
        <v>656</v>
      </c>
      <c r="H2318">
        <v>2</v>
      </c>
      <c r="I2318">
        <v>2020</v>
      </c>
    </row>
    <row r="2319" spans="1:9" x14ac:dyDescent="0.25">
      <c r="A2319">
        <v>2613</v>
      </c>
      <c r="B2319" t="s">
        <v>2278</v>
      </c>
      <c r="C2319" t="s">
        <v>738</v>
      </c>
      <c r="D2319">
        <v>61</v>
      </c>
      <c r="E2319" t="s">
        <v>4193</v>
      </c>
      <c r="F2319" t="s">
        <v>4189</v>
      </c>
      <c r="G2319" t="s">
        <v>656</v>
      </c>
      <c r="H2319">
        <v>2</v>
      </c>
      <c r="I2319">
        <v>2020</v>
      </c>
    </row>
    <row r="2320" spans="1:9" x14ac:dyDescent="0.25">
      <c r="A2320">
        <v>2614</v>
      </c>
      <c r="B2320" t="s">
        <v>2277</v>
      </c>
      <c r="C2320" t="s">
        <v>738</v>
      </c>
      <c r="D2320">
        <v>61</v>
      </c>
      <c r="E2320" t="s">
        <v>4193</v>
      </c>
      <c r="F2320" t="s">
        <v>4189</v>
      </c>
      <c r="G2320" t="s">
        <v>656</v>
      </c>
      <c r="H2320">
        <v>2</v>
      </c>
      <c r="I2320">
        <v>2020</v>
      </c>
    </row>
    <row r="2321" spans="1:9" x14ac:dyDescent="0.25">
      <c r="A2321">
        <v>2615</v>
      </c>
      <c r="B2321" t="s">
        <v>2276</v>
      </c>
      <c r="C2321" t="s">
        <v>980</v>
      </c>
      <c r="D2321">
        <v>67</v>
      </c>
      <c r="E2321" t="s">
        <v>980</v>
      </c>
      <c r="F2321" t="s">
        <v>4189</v>
      </c>
      <c r="G2321" t="s">
        <v>656</v>
      </c>
      <c r="H2321">
        <v>2</v>
      </c>
      <c r="I2321">
        <v>2020</v>
      </c>
    </row>
    <row r="2322" spans="1:9" x14ac:dyDescent="0.25">
      <c r="A2322">
        <v>2616</v>
      </c>
      <c r="B2322" t="s">
        <v>2275</v>
      </c>
      <c r="C2322" t="s">
        <v>716</v>
      </c>
      <c r="D2322">
        <v>68</v>
      </c>
      <c r="E2322" t="s">
        <v>4193</v>
      </c>
      <c r="F2322" t="s">
        <v>4189</v>
      </c>
      <c r="G2322" t="s">
        <v>656</v>
      </c>
      <c r="H2322">
        <v>2</v>
      </c>
      <c r="I2322">
        <v>2020</v>
      </c>
    </row>
    <row r="2323" spans="1:9" x14ac:dyDescent="0.25">
      <c r="A2323">
        <v>2617</v>
      </c>
      <c r="B2323" t="s">
        <v>2274</v>
      </c>
      <c r="C2323" t="s">
        <v>716</v>
      </c>
      <c r="D2323">
        <v>68</v>
      </c>
      <c r="E2323" t="s">
        <v>4193</v>
      </c>
      <c r="F2323" t="s">
        <v>4189</v>
      </c>
      <c r="G2323" t="s">
        <v>656</v>
      </c>
      <c r="H2323">
        <v>2</v>
      </c>
      <c r="I2323">
        <v>2020</v>
      </c>
    </row>
    <row r="2324" spans="1:9" x14ac:dyDescent="0.25">
      <c r="A2324">
        <v>2618</v>
      </c>
      <c r="B2324" t="s">
        <v>2273</v>
      </c>
      <c r="C2324" t="s">
        <v>716</v>
      </c>
      <c r="D2324">
        <v>68</v>
      </c>
      <c r="E2324" t="s">
        <v>4193</v>
      </c>
      <c r="F2324" t="s">
        <v>4189</v>
      </c>
      <c r="G2324" t="s">
        <v>656</v>
      </c>
      <c r="H2324">
        <v>2</v>
      </c>
      <c r="I2324">
        <v>2020</v>
      </c>
    </row>
    <row r="2325" spans="1:9" x14ac:dyDescent="0.25">
      <c r="A2325">
        <v>2619</v>
      </c>
      <c r="B2325" t="s">
        <v>2272</v>
      </c>
      <c r="C2325" t="s">
        <v>716</v>
      </c>
      <c r="D2325">
        <v>68</v>
      </c>
      <c r="E2325" t="s">
        <v>4193</v>
      </c>
      <c r="F2325" t="s">
        <v>4189</v>
      </c>
      <c r="G2325" t="s">
        <v>656</v>
      </c>
      <c r="H2325">
        <v>2</v>
      </c>
      <c r="I2325">
        <v>2020</v>
      </c>
    </row>
    <row r="2326" spans="1:9" x14ac:dyDescent="0.25">
      <c r="A2326">
        <v>2620</v>
      </c>
      <c r="B2326" t="s">
        <v>2271</v>
      </c>
      <c r="C2326" t="s">
        <v>716</v>
      </c>
      <c r="D2326">
        <v>68</v>
      </c>
      <c r="E2326" t="s">
        <v>4193</v>
      </c>
      <c r="F2326" t="s">
        <v>4189</v>
      </c>
      <c r="G2326" t="s">
        <v>656</v>
      </c>
      <c r="H2326">
        <v>2</v>
      </c>
      <c r="I2326">
        <v>2020</v>
      </c>
    </row>
    <row r="2327" spans="1:9" x14ac:dyDescent="0.25">
      <c r="A2327">
        <v>2621</v>
      </c>
      <c r="B2327" t="s">
        <v>2270</v>
      </c>
      <c r="C2327" t="s">
        <v>716</v>
      </c>
      <c r="D2327">
        <v>68</v>
      </c>
      <c r="E2327" t="s">
        <v>4193</v>
      </c>
      <c r="F2327" t="s">
        <v>4189</v>
      </c>
      <c r="G2327" t="s">
        <v>656</v>
      </c>
      <c r="H2327">
        <v>2</v>
      </c>
      <c r="I2327">
        <v>2020</v>
      </c>
    </row>
    <row r="2328" spans="1:9" x14ac:dyDescent="0.25">
      <c r="A2328">
        <v>2622</v>
      </c>
      <c r="B2328" t="s">
        <v>2269</v>
      </c>
      <c r="C2328" t="s">
        <v>716</v>
      </c>
      <c r="D2328">
        <v>68</v>
      </c>
      <c r="E2328" t="s">
        <v>4193</v>
      </c>
      <c r="F2328" t="s">
        <v>4189</v>
      </c>
      <c r="G2328" t="s">
        <v>656</v>
      </c>
      <c r="H2328">
        <v>2</v>
      </c>
      <c r="I2328">
        <v>2020</v>
      </c>
    </row>
    <row r="2329" spans="1:9" x14ac:dyDescent="0.25">
      <c r="A2329">
        <v>2623</v>
      </c>
      <c r="B2329" t="s">
        <v>2268</v>
      </c>
      <c r="C2329" t="s">
        <v>705</v>
      </c>
      <c r="D2329">
        <v>70</v>
      </c>
      <c r="E2329" t="s">
        <v>4193</v>
      </c>
      <c r="F2329" t="s">
        <v>4189</v>
      </c>
      <c r="G2329" t="s">
        <v>656</v>
      </c>
      <c r="H2329">
        <v>2</v>
      </c>
      <c r="I2329">
        <v>2020</v>
      </c>
    </row>
    <row r="2330" spans="1:9" x14ac:dyDescent="0.25">
      <c r="A2330">
        <v>2624</v>
      </c>
      <c r="B2330" t="s">
        <v>2267</v>
      </c>
      <c r="C2330" t="s">
        <v>705</v>
      </c>
      <c r="D2330">
        <v>70</v>
      </c>
      <c r="E2330" t="s">
        <v>4193</v>
      </c>
      <c r="F2330" t="s">
        <v>4189</v>
      </c>
      <c r="G2330" t="s">
        <v>656</v>
      </c>
      <c r="H2330">
        <v>2</v>
      </c>
      <c r="I2330">
        <v>2020</v>
      </c>
    </row>
    <row r="2331" spans="1:9" x14ac:dyDescent="0.25">
      <c r="A2331">
        <v>2626</v>
      </c>
      <c r="B2331" t="s">
        <v>2264</v>
      </c>
      <c r="C2331" t="s">
        <v>909</v>
      </c>
      <c r="D2331">
        <v>39</v>
      </c>
      <c r="E2331" t="s">
        <v>4188</v>
      </c>
      <c r="F2331" t="s">
        <v>4189</v>
      </c>
      <c r="G2331" t="s">
        <v>656</v>
      </c>
      <c r="H2331">
        <v>2</v>
      </c>
      <c r="I2331">
        <v>2020</v>
      </c>
    </row>
    <row r="2332" spans="1:9" x14ac:dyDescent="0.25">
      <c r="A2332">
        <v>2627</v>
      </c>
      <c r="B2332" t="s">
        <v>2263</v>
      </c>
      <c r="C2332" t="s">
        <v>909</v>
      </c>
      <c r="D2332">
        <v>39</v>
      </c>
      <c r="E2332" t="s">
        <v>4188</v>
      </c>
      <c r="F2332" t="s">
        <v>4189</v>
      </c>
      <c r="G2332" t="s">
        <v>656</v>
      </c>
      <c r="H2332">
        <v>2</v>
      </c>
      <c r="I2332">
        <v>2020</v>
      </c>
    </row>
    <row r="2333" spans="1:9" x14ac:dyDescent="0.25">
      <c r="A2333">
        <v>2628</v>
      </c>
      <c r="B2333" t="s">
        <v>910</v>
      </c>
      <c r="C2333" t="s">
        <v>909</v>
      </c>
      <c r="D2333">
        <v>39</v>
      </c>
      <c r="E2333" t="s">
        <v>4188</v>
      </c>
      <c r="F2333" t="s">
        <v>4189</v>
      </c>
      <c r="G2333" t="s">
        <v>656</v>
      </c>
      <c r="H2333">
        <v>2</v>
      </c>
      <c r="I2333">
        <v>2020</v>
      </c>
    </row>
    <row r="2334" spans="1:9" x14ac:dyDescent="0.25">
      <c r="A2334">
        <v>2629</v>
      </c>
      <c r="B2334" t="s">
        <v>4677</v>
      </c>
      <c r="C2334" t="s">
        <v>909</v>
      </c>
      <c r="D2334">
        <v>39</v>
      </c>
      <c r="E2334" t="s">
        <v>4188</v>
      </c>
      <c r="F2334" t="s">
        <v>4189</v>
      </c>
      <c r="G2334" t="s">
        <v>656</v>
      </c>
      <c r="H2334">
        <v>2</v>
      </c>
      <c r="I2334">
        <v>2020</v>
      </c>
    </row>
    <row r="2335" spans="1:9" x14ac:dyDescent="0.25">
      <c r="A2335">
        <v>2630</v>
      </c>
      <c r="B2335" t="s">
        <v>2262</v>
      </c>
      <c r="C2335" t="s">
        <v>831</v>
      </c>
      <c r="D2335">
        <v>5</v>
      </c>
      <c r="E2335" t="s">
        <v>831</v>
      </c>
      <c r="F2335" t="s">
        <v>4168</v>
      </c>
      <c r="G2335" t="s">
        <v>656</v>
      </c>
      <c r="H2335">
        <v>2</v>
      </c>
      <c r="I2335">
        <v>2020</v>
      </c>
    </row>
    <row r="2336" spans="1:9" x14ac:dyDescent="0.25">
      <c r="A2336">
        <v>2631</v>
      </c>
      <c r="B2336" t="s">
        <v>2261</v>
      </c>
      <c r="C2336" t="s">
        <v>848</v>
      </c>
      <c r="D2336">
        <v>62</v>
      </c>
      <c r="E2336" t="s">
        <v>4193</v>
      </c>
      <c r="F2336" t="s">
        <v>4189</v>
      </c>
      <c r="G2336" t="s">
        <v>656</v>
      </c>
      <c r="H2336">
        <v>2</v>
      </c>
      <c r="I2336">
        <v>2020</v>
      </c>
    </row>
    <row r="2337" spans="1:9" x14ac:dyDescent="0.25">
      <c r="A2337">
        <v>2632</v>
      </c>
      <c r="B2337" t="s">
        <v>2260</v>
      </c>
      <c r="C2337" t="s">
        <v>794</v>
      </c>
      <c r="D2337">
        <v>40</v>
      </c>
      <c r="E2337" t="s">
        <v>4188</v>
      </c>
      <c r="F2337" t="s">
        <v>4189</v>
      </c>
      <c r="G2337" t="s">
        <v>656</v>
      </c>
      <c r="H2337">
        <v>2</v>
      </c>
      <c r="I2337">
        <v>2020</v>
      </c>
    </row>
    <row r="2338" spans="1:9" x14ac:dyDescent="0.25">
      <c r="A2338">
        <v>2633</v>
      </c>
      <c r="B2338" t="s">
        <v>4678</v>
      </c>
      <c r="C2338" t="s">
        <v>794</v>
      </c>
      <c r="D2338">
        <v>40</v>
      </c>
      <c r="E2338" t="s">
        <v>4188</v>
      </c>
      <c r="F2338" t="s">
        <v>4189</v>
      </c>
      <c r="G2338" t="s">
        <v>656</v>
      </c>
      <c r="H2338">
        <v>2</v>
      </c>
      <c r="I2338">
        <v>2020</v>
      </c>
    </row>
    <row r="2339" spans="1:9" x14ac:dyDescent="0.25">
      <c r="A2339">
        <v>2634</v>
      </c>
      <c r="B2339" t="s">
        <v>2259</v>
      </c>
      <c r="C2339" t="s">
        <v>794</v>
      </c>
      <c r="D2339">
        <v>40</v>
      </c>
      <c r="E2339" t="s">
        <v>4188</v>
      </c>
      <c r="F2339" t="s">
        <v>4189</v>
      </c>
      <c r="G2339" t="s">
        <v>656</v>
      </c>
      <c r="H2339">
        <v>2</v>
      </c>
      <c r="I2339">
        <v>2020</v>
      </c>
    </row>
    <row r="2340" spans="1:9" x14ac:dyDescent="0.25">
      <c r="A2340">
        <v>2635</v>
      </c>
      <c r="B2340" t="s">
        <v>4679</v>
      </c>
      <c r="C2340" t="s">
        <v>794</v>
      </c>
      <c r="D2340">
        <v>40</v>
      </c>
      <c r="E2340" t="s">
        <v>4188</v>
      </c>
      <c r="F2340" t="s">
        <v>4189</v>
      </c>
      <c r="G2340" t="s">
        <v>656</v>
      </c>
      <c r="H2340">
        <v>2</v>
      </c>
      <c r="I2340">
        <v>2020</v>
      </c>
    </row>
    <row r="2341" spans="1:9" x14ac:dyDescent="0.25">
      <c r="A2341">
        <v>2636</v>
      </c>
      <c r="B2341" t="s">
        <v>2258</v>
      </c>
      <c r="C2341" t="s">
        <v>794</v>
      </c>
      <c r="D2341">
        <v>40</v>
      </c>
      <c r="E2341" t="s">
        <v>4188</v>
      </c>
      <c r="F2341" t="s">
        <v>4189</v>
      </c>
      <c r="G2341" t="s">
        <v>656</v>
      </c>
      <c r="H2341">
        <v>2</v>
      </c>
      <c r="I2341">
        <v>2020</v>
      </c>
    </row>
    <row r="2342" spans="1:9" x14ac:dyDescent="0.25">
      <c r="A2342">
        <v>2637</v>
      </c>
      <c r="B2342" t="s">
        <v>4680</v>
      </c>
      <c r="C2342" t="s">
        <v>851</v>
      </c>
      <c r="D2342">
        <v>43</v>
      </c>
      <c r="E2342" t="s">
        <v>4188</v>
      </c>
      <c r="F2342" t="s">
        <v>4189</v>
      </c>
      <c r="G2342" t="s">
        <v>656</v>
      </c>
      <c r="H2342">
        <v>2</v>
      </c>
      <c r="I2342">
        <v>2020</v>
      </c>
    </row>
    <row r="2343" spans="1:9" x14ac:dyDescent="0.25">
      <c r="A2343">
        <v>2638</v>
      </c>
      <c r="B2343" t="s">
        <v>2257</v>
      </c>
      <c r="C2343" t="s">
        <v>851</v>
      </c>
      <c r="D2343">
        <v>43</v>
      </c>
      <c r="E2343" t="s">
        <v>4188</v>
      </c>
      <c r="F2343" t="s">
        <v>4189</v>
      </c>
      <c r="G2343" t="s">
        <v>656</v>
      </c>
      <c r="H2343">
        <v>2</v>
      </c>
      <c r="I2343">
        <v>2020</v>
      </c>
    </row>
    <row r="2344" spans="1:9" x14ac:dyDescent="0.25">
      <c r="A2344">
        <v>2639</v>
      </c>
      <c r="B2344" t="s">
        <v>4681</v>
      </c>
      <c r="C2344" t="s">
        <v>851</v>
      </c>
      <c r="D2344">
        <v>43</v>
      </c>
      <c r="E2344" t="s">
        <v>4188</v>
      </c>
      <c r="F2344" t="s">
        <v>4189</v>
      </c>
      <c r="G2344" t="s">
        <v>656</v>
      </c>
      <c r="H2344">
        <v>2</v>
      </c>
      <c r="I2344">
        <v>2020</v>
      </c>
    </row>
    <row r="2345" spans="1:9" x14ac:dyDescent="0.25">
      <c r="A2345">
        <v>2640</v>
      </c>
      <c r="B2345" t="s">
        <v>2256</v>
      </c>
      <c r="C2345" t="s">
        <v>678</v>
      </c>
      <c r="D2345">
        <v>41</v>
      </c>
      <c r="E2345" t="s">
        <v>4188</v>
      </c>
      <c r="F2345" t="s">
        <v>4189</v>
      </c>
      <c r="G2345" t="s">
        <v>656</v>
      </c>
      <c r="H2345">
        <v>2</v>
      </c>
      <c r="I2345">
        <v>2020</v>
      </c>
    </row>
    <row r="2346" spans="1:9" x14ac:dyDescent="0.25">
      <c r="A2346">
        <v>2641</v>
      </c>
      <c r="B2346" t="s">
        <v>1928</v>
      </c>
      <c r="C2346" t="s">
        <v>917</v>
      </c>
      <c r="D2346">
        <v>83</v>
      </c>
      <c r="E2346" t="s">
        <v>4188</v>
      </c>
      <c r="F2346" t="s">
        <v>4189</v>
      </c>
      <c r="G2346" t="s">
        <v>656</v>
      </c>
      <c r="H2346">
        <v>2</v>
      </c>
      <c r="I2346">
        <v>2020</v>
      </c>
    </row>
    <row r="2347" spans="1:9" x14ac:dyDescent="0.25">
      <c r="A2347">
        <v>2642</v>
      </c>
      <c r="B2347" t="s">
        <v>4682</v>
      </c>
      <c r="C2347" t="s">
        <v>880</v>
      </c>
      <c r="D2347">
        <v>58</v>
      </c>
      <c r="E2347" t="s">
        <v>4188</v>
      </c>
      <c r="F2347" t="s">
        <v>4189</v>
      </c>
      <c r="G2347" t="s">
        <v>656</v>
      </c>
      <c r="H2347">
        <v>2</v>
      </c>
      <c r="I2347">
        <v>2020</v>
      </c>
    </row>
    <row r="2348" spans="1:9" x14ac:dyDescent="0.25">
      <c r="A2348">
        <v>2643</v>
      </c>
      <c r="B2348" t="s">
        <v>2252</v>
      </c>
      <c r="C2348" t="s">
        <v>880</v>
      </c>
      <c r="D2348">
        <v>58</v>
      </c>
      <c r="E2348" t="s">
        <v>4188</v>
      </c>
      <c r="F2348" t="s">
        <v>4189</v>
      </c>
      <c r="G2348" t="s">
        <v>656</v>
      </c>
      <c r="H2348">
        <v>2</v>
      </c>
      <c r="I2348">
        <v>2020</v>
      </c>
    </row>
    <row r="2349" spans="1:9" x14ac:dyDescent="0.25">
      <c r="A2349">
        <v>2644</v>
      </c>
      <c r="B2349" t="s">
        <v>4683</v>
      </c>
      <c r="C2349" t="s">
        <v>880</v>
      </c>
      <c r="D2349">
        <v>58</v>
      </c>
      <c r="E2349" t="s">
        <v>4188</v>
      </c>
      <c r="F2349" t="s">
        <v>4189</v>
      </c>
      <c r="G2349" t="s">
        <v>656</v>
      </c>
      <c r="H2349">
        <v>2</v>
      </c>
      <c r="I2349">
        <v>2020</v>
      </c>
    </row>
    <row r="2350" spans="1:9" x14ac:dyDescent="0.25">
      <c r="A2350">
        <v>2647</v>
      </c>
      <c r="B2350" t="s">
        <v>2251</v>
      </c>
      <c r="C2350" t="s">
        <v>880</v>
      </c>
      <c r="D2350">
        <v>58</v>
      </c>
      <c r="E2350" t="s">
        <v>4188</v>
      </c>
      <c r="F2350" t="s">
        <v>4189</v>
      </c>
      <c r="G2350" t="s">
        <v>656</v>
      </c>
      <c r="H2350">
        <v>2</v>
      </c>
      <c r="I2350">
        <v>2020</v>
      </c>
    </row>
    <row r="2351" spans="1:9" x14ac:dyDescent="0.25">
      <c r="A2351">
        <v>2649</v>
      </c>
      <c r="B2351" t="s">
        <v>2250</v>
      </c>
      <c r="C2351" t="s">
        <v>1219</v>
      </c>
      <c r="D2351">
        <v>42</v>
      </c>
      <c r="E2351" t="s">
        <v>4188</v>
      </c>
      <c r="F2351" t="s">
        <v>4189</v>
      </c>
      <c r="G2351" t="s">
        <v>656</v>
      </c>
      <c r="H2351">
        <v>2</v>
      </c>
      <c r="I2351">
        <v>2020</v>
      </c>
    </row>
    <row r="2352" spans="1:9" x14ac:dyDescent="0.25">
      <c r="A2352">
        <v>2650</v>
      </c>
      <c r="B2352" t="s">
        <v>2249</v>
      </c>
      <c r="C2352" t="s">
        <v>1219</v>
      </c>
      <c r="D2352">
        <v>42</v>
      </c>
      <c r="E2352" t="s">
        <v>4188</v>
      </c>
      <c r="F2352" t="s">
        <v>4189</v>
      </c>
      <c r="G2352" t="s">
        <v>656</v>
      </c>
      <c r="H2352">
        <v>2</v>
      </c>
      <c r="I2352">
        <v>2020</v>
      </c>
    </row>
    <row r="2353" spans="1:9" x14ac:dyDescent="0.25">
      <c r="A2353">
        <v>2651</v>
      </c>
      <c r="B2353" t="s">
        <v>4684</v>
      </c>
      <c r="C2353" t="s">
        <v>1219</v>
      </c>
      <c r="D2353">
        <v>42</v>
      </c>
      <c r="E2353" t="s">
        <v>4188</v>
      </c>
      <c r="F2353" t="s">
        <v>4189</v>
      </c>
      <c r="G2353" t="s">
        <v>656</v>
      </c>
      <c r="H2353">
        <v>2</v>
      </c>
      <c r="I2353">
        <v>2020</v>
      </c>
    </row>
    <row r="2354" spans="1:9" x14ac:dyDescent="0.25">
      <c r="A2354">
        <v>2652</v>
      </c>
      <c r="B2354" t="s">
        <v>2248</v>
      </c>
      <c r="C2354" t="s">
        <v>659</v>
      </c>
      <c r="D2354">
        <v>35</v>
      </c>
      <c r="E2354" t="s">
        <v>4175</v>
      </c>
      <c r="F2354" t="s">
        <v>4171</v>
      </c>
      <c r="G2354" t="s">
        <v>656</v>
      </c>
      <c r="H2354">
        <v>2</v>
      </c>
      <c r="I2354">
        <v>2020</v>
      </c>
    </row>
    <row r="2355" spans="1:9" x14ac:dyDescent="0.25">
      <c r="A2355">
        <v>2653</v>
      </c>
      <c r="B2355" t="s">
        <v>2247</v>
      </c>
      <c r="C2355" t="s">
        <v>659</v>
      </c>
      <c r="D2355">
        <v>35</v>
      </c>
      <c r="E2355" t="s">
        <v>4175</v>
      </c>
      <c r="F2355" t="s">
        <v>4171</v>
      </c>
      <c r="G2355" t="s">
        <v>656</v>
      </c>
      <c r="H2355">
        <v>2</v>
      </c>
      <c r="I2355">
        <v>2020</v>
      </c>
    </row>
    <row r="2356" spans="1:9" x14ac:dyDescent="0.25">
      <c r="A2356">
        <v>2654</v>
      </c>
      <c r="B2356" t="s">
        <v>2246</v>
      </c>
      <c r="C2356" t="s">
        <v>659</v>
      </c>
      <c r="D2356">
        <v>35</v>
      </c>
      <c r="E2356" t="s">
        <v>4175</v>
      </c>
      <c r="F2356" t="s">
        <v>4171</v>
      </c>
      <c r="G2356" t="s">
        <v>656</v>
      </c>
      <c r="H2356">
        <v>2</v>
      </c>
      <c r="I2356">
        <v>2020</v>
      </c>
    </row>
    <row r="2357" spans="1:9" x14ac:dyDescent="0.25">
      <c r="A2357">
        <v>2655</v>
      </c>
      <c r="B2357" t="s">
        <v>4685</v>
      </c>
      <c r="C2357" t="s">
        <v>659</v>
      </c>
      <c r="D2357">
        <v>35</v>
      </c>
      <c r="E2357" t="s">
        <v>4175</v>
      </c>
      <c r="F2357" t="s">
        <v>4171</v>
      </c>
      <c r="G2357" t="s">
        <v>656</v>
      </c>
      <c r="H2357">
        <v>2</v>
      </c>
      <c r="I2357">
        <v>2020</v>
      </c>
    </row>
    <row r="2358" spans="1:9" x14ac:dyDescent="0.25">
      <c r="A2358">
        <v>2656</v>
      </c>
      <c r="B2358" t="s">
        <v>2245</v>
      </c>
      <c r="C2358" t="s">
        <v>659</v>
      </c>
      <c r="D2358">
        <v>35</v>
      </c>
      <c r="E2358" t="s">
        <v>4175</v>
      </c>
      <c r="F2358" t="s">
        <v>4171</v>
      </c>
      <c r="G2358" t="s">
        <v>656</v>
      </c>
      <c r="H2358">
        <v>2</v>
      </c>
      <c r="I2358">
        <v>2020</v>
      </c>
    </row>
    <row r="2359" spans="1:9" x14ac:dyDescent="0.25">
      <c r="A2359">
        <v>2657</v>
      </c>
      <c r="B2359" t="s">
        <v>2244</v>
      </c>
      <c r="C2359" t="s">
        <v>659</v>
      </c>
      <c r="D2359">
        <v>35</v>
      </c>
      <c r="E2359" t="s">
        <v>4175</v>
      </c>
      <c r="F2359" t="s">
        <v>4171</v>
      </c>
      <c r="G2359" t="s">
        <v>656</v>
      </c>
      <c r="H2359">
        <v>2</v>
      </c>
      <c r="I2359">
        <v>2020</v>
      </c>
    </row>
    <row r="2360" spans="1:9" x14ac:dyDescent="0.25">
      <c r="A2360">
        <v>2658</v>
      </c>
      <c r="B2360" t="s">
        <v>2243</v>
      </c>
      <c r="C2360" t="s">
        <v>659</v>
      </c>
      <c r="D2360">
        <v>35</v>
      </c>
      <c r="E2360" t="s">
        <v>4175</v>
      </c>
      <c r="F2360" t="s">
        <v>4171</v>
      </c>
      <c r="G2360" t="s">
        <v>656</v>
      </c>
      <c r="H2360">
        <v>2</v>
      </c>
      <c r="I2360">
        <v>2020</v>
      </c>
    </row>
    <row r="2361" spans="1:9" x14ac:dyDescent="0.25">
      <c r="A2361">
        <v>2659</v>
      </c>
      <c r="B2361" t="s">
        <v>2242</v>
      </c>
      <c r="C2361" t="s">
        <v>659</v>
      </c>
      <c r="D2361">
        <v>35</v>
      </c>
      <c r="E2361" t="s">
        <v>4175</v>
      </c>
      <c r="F2361" t="s">
        <v>4171</v>
      </c>
      <c r="G2361" t="s">
        <v>656</v>
      </c>
      <c r="H2361">
        <v>2</v>
      </c>
      <c r="I2361">
        <v>2020</v>
      </c>
    </row>
    <row r="2362" spans="1:9" x14ac:dyDescent="0.25">
      <c r="A2362">
        <v>2660</v>
      </c>
      <c r="B2362" t="s">
        <v>2241</v>
      </c>
      <c r="C2362" t="s">
        <v>659</v>
      </c>
      <c r="D2362">
        <v>35</v>
      </c>
      <c r="E2362" t="s">
        <v>4175</v>
      </c>
      <c r="F2362" t="s">
        <v>4171</v>
      </c>
      <c r="G2362" t="s">
        <v>656</v>
      </c>
      <c r="H2362">
        <v>2</v>
      </c>
      <c r="I2362">
        <v>2020</v>
      </c>
    </row>
    <row r="2363" spans="1:9" x14ac:dyDescent="0.25">
      <c r="A2363">
        <v>2661</v>
      </c>
      <c r="B2363" t="s">
        <v>2240</v>
      </c>
      <c r="C2363" t="s">
        <v>659</v>
      </c>
      <c r="D2363">
        <v>35</v>
      </c>
      <c r="E2363" t="s">
        <v>4175</v>
      </c>
      <c r="F2363" t="s">
        <v>4171</v>
      </c>
      <c r="G2363" t="s">
        <v>656</v>
      </c>
      <c r="H2363">
        <v>2</v>
      </c>
      <c r="I2363">
        <v>2020</v>
      </c>
    </row>
    <row r="2364" spans="1:9" x14ac:dyDescent="0.25">
      <c r="A2364">
        <v>2662</v>
      </c>
      <c r="B2364" t="s">
        <v>2239</v>
      </c>
      <c r="C2364" t="s">
        <v>659</v>
      </c>
      <c r="D2364">
        <v>35</v>
      </c>
      <c r="E2364" t="s">
        <v>4175</v>
      </c>
      <c r="F2364" t="s">
        <v>4171</v>
      </c>
      <c r="G2364" t="s">
        <v>656</v>
      </c>
      <c r="H2364">
        <v>2</v>
      </c>
      <c r="I2364">
        <v>2020</v>
      </c>
    </row>
    <row r="2365" spans="1:9" x14ac:dyDescent="0.25">
      <c r="A2365">
        <v>2663</v>
      </c>
      <c r="B2365" t="s">
        <v>4686</v>
      </c>
      <c r="C2365" t="s">
        <v>659</v>
      </c>
      <c r="D2365">
        <v>35</v>
      </c>
      <c r="E2365" t="s">
        <v>4175</v>
      </c>
      <c r="F2365" t="s">
        <v>4171</v>
      </c>
      <c r="G2365" t="s">
        <v>656</v>
      </c>
      <c r="H2365">
        <v>2</v>
      </c>
      <c r="I2365">
        <v>2020</v>
      </c>
    </row>
    <row r="2366" spans="1:9" x14ac:dyDescent="0.25">
      <c r="A2366">
        <v>2664</v>
      </c>
      <c r="B2366" t="s">
        <v>4687</v>
      </c>
      <c r="C2366" t="s">
        <v>659</v>
      </c>
      <c r="D2366">
        <v>35</v>
      </c>
      <c r="E2366" t="s">
        <v>4175</v>
      </c>
      <c r="F2366" t="s">
        <v>4171</v>
      </c>
      <c r="G2366" t="s">
        <v>656</v>
      </c>
      <c r="H2366">
        <v>2</v>
      </c>
      <c r="I2366">
        <v>2020</v>
      </c>
    </row>
    <row r="2367" spans="1:9" x14ac:dyDescent="0.25">
      <c r="A2367">
        <v>2665</v>
      </c>
      <c r="B2367" t="s">
        <v>2238</v>
      </c>
      <c r="C2367" t="s">
        <v>831</v>
      </c>
      <c r="D2367">
        <v>5</v>
      </c>
      <c r="E2367" t="s">
        <v>831</v>
      </c>
      <c r="F2367" t="s">
        <v>4168</v>
      </c>
      <c r="G2367" t="s">
        <v>656</v>
      </c>
      <c r="H2367">
        <v>2</v>
      </c>
      <c r="I2367">
        <v>2020</v>
      </c>
    </row>
    <row r="2368" spans="1:9" x14ac:dyDescent="0.25">
      <c r="A2368">
        <v>2666</v>
      </c>
      <c r="B2368" t="s">
        <v>4688</v>
      </c>
      <c r="C2368" t="s">
        <v>831</v>
      </c>
      <c r="D2368">
        <v>5</v>
      </c>
      <c r="E2368" t="s">
        <v>831</v>
      </c>
      <c r="F2368" t="s">
        <v>4168</v>
      </c>
      <c r="G2368" t="s">
        <v>656</v>
      </c>
      <c r="H2368">
        <v>2</v>
      </c>
      <c r="I2368">
        <v>2020</v>
      </c>
    </row>
    <row r="2369" spans="1:9" x14ac:dyDescent="0.25">
      <c r="A2369">
        <v>2667</v>
      </c>
      <c r="B2369" t="s">
        <v>4689</v>
      </c>
      <c r="C2369" t="s">
        <v>897</v>
      </c>
      <c r="D2369">
        <v>3</v>
      </c>
      <c r="E2369" t="s">
        <v>4165</v>
      </c>
      <c r="F2369" t="s">
        <v>4164</v>
      </c>
      <c r="G2369" t="s">
        <v>656</v>
      </c>
      <c r="H2369">
        <v>2</v>
      </c>
      <c r="I2369">
        <v>2020</v>
      </c>
    </row>
    <row r="2370" spans="1:9" x14ac:dyDescent="0.25">
      <c r="A2370">
        <v>2668</v>
      </c>
      <c r="B2370" t="s">
        <v>4690</v>
      </c>
      <c r="C2370" t="s">
        <v>897</v>
      </c>
      <c r="D2370">
        <v>3</v>
      </c>
      <c r="E2370" t="s">
        <v>4165</v>
      </c>
      <c r="F2370" t="s">
        <v>4164</v>
      </c>
      <c r="G2370" t="s">
        <v>656</v>
      </c>
      <c r="H2370">
        <v>2</v>
      </c>
      <c r="I2370">
        <v>2020</v>
      </c>
    </row>
    <row r="2371" spans="1:9" x14ac:dyDescent="0.25">
      <c r="A2371">
        <v>2669</v>
      </c>
      <c r="B2371" t="s">
        <v>4691</v>
      </c>
      <c r="C2371" t="s">
        <v>897</v>
      </c>
      <c r="D2371">
        <v>3</v>
      </c>
      <c r="E2371" t="s">
        <v>4165</v>
      </c>
      <c r="F2371" t="s">
        <v>4164</v>
      </c>
      <c r="G2371" t="s">
        <v>656</v>
      </c>
      <c r="H2371">
        <v>2</v>
      </c>
      <c r="I2371">
        <v>2020</v>
      </c>
    </row>
    <row r="2372" spans="1:9" x14ac:dyDescent="0.25">
      <c r="A2372">
        <v>2670</v>
      </c>
      <c r="B2372" t="s">
        <v>793</v>
      </c>
      <c r="C2372" t="s">
        <v>792</v>
      </c>
      <c r="D2372">
        <v>6</v>
      </c>
      <c r="E2372" t="s">
        <v>4169</v>
      </c>
      <c r="F2372" t="s">
        <v>4164</v>
      </c>
      <c r="G2372" t="s">
        <v>656</v>
      </c>
      <c r="H2372">
        <v>2</v>
      </c>
      <c r="I2372">
        <v>2020</v>
      </c>
    </row>
    <row r="2373" spans="1:9" x14ac:dyDescent="0.25">
      <c r="A2373">
        <v>2671</v>
      </c>
      <c r="B2373" t="s">
        <v>2237</v>
      </c>
      <c r="C2373" t="s">
        <v>792</v>
      </c>
      <c r="D2373">
        <v>6</v>
      </c>
      <c r="E2373" t="s">
        <v>4169</v>
      </c>
      <c r="F2373" t="s">
        <v>4164</v>
      </c>
      <c r="G2373" t="s">
        <v>656</v>
      </c>
      <c r="H2373">
        <v>2</v>
      </c>
      <c r="I2373">
        <v>2020</v>
      </c>
    </row>
    <row r="2374" spans="1:9" x14ac:dyDescent="0.25">
      <c r="A2374">
        <v>2672</v>
      </c>
      <c r="B2374" t="s">
        <v>2236</v>
      </c>
      <c r="C2374" t="s">
        <v>792</v>
      </c>
      <c r="D2374">
        <v>6</v>
      </c>
      <c r="E2374" t="s">
        <v>4169</v>
      </c>
      <c r="F2374" t="s">
        <v>4164</v>
      </c>
      <c r="G2374" t="s">
        <v>656</v>
      </c>
      <c r="H2374">
        <v>2</v>
      </c>
      <c r="I2374">
        <v>2020</v>
      </c>
    </row>
    <row r="2375" spans="1:9" x14ac:dyDescent="0.25">
      <c r="A2375">
        <v>2673</v>
      </c>
      <c r="B2375" t="s">
        <v>2137</v>
      </c>
      <c r="C2375" t="s">
        <v>65</v>
      </c>
      <c r="D2375">
        <v>15</v>
      </c>
      <c r="E2375" t="s">
        <v>4176</v>
      </c>
      <c r="F2375" t="s">
        <v>4177</v>
      </c>
      <c r="G2375" t="s">
        <v>656</v>
      </c>
      <c r="H2375">
        <v>2</v>
      </c>
      <c r="I2375">
        <v>2020</v>
      </c>
    </row>
    <row r="2376" spans="1:9" x14ac:dyDescent="0.25">
      <c r="A2376">
        <v>2674</v>
      </c>
      <c r="B2376" t="s">
        <v>4692</v>
      </c>
      <c r="C2376" t="s">
        <v>65</v>
      </c>
      <c r="D2376">
        <v>15</v>
      </c>
      <c r="E2376" t="s">
        <v>4176</v>
      </c>
      <c r="F2376" t="s">
        <v>4177</v>
      </c>
      <c r="G2376" t="s">
        <v>656</v>
      </c>
      <c r="H2376">
        <v>2</v>
      </c>
      <c r="I2376">
        <v>2020</v>
      </c>
    </row>
    <row r="2377" spans="1:9" x14ac:dyDescent="0.25">
      <c r="A2377">
        <v>2675</v>
      </c>
      <c r="B2377" t="s">
        <v>4693</v>
      </c>
      <c r="C2377" t="s">
        <v>65</v>
      </c>
      <c r="D2377">
        <v>15</v>
      </c>
      <c r="E2377" t="s">
        <v>4176</v>
      </c>
      <c r="F2377" t="s">
        <v>4177</v>
      </c>
      <c r="G2377" t="s">
        <v>656</v>
      </c>
      <c r="H2377">
        <v>2</v>
      </c>
      <c r="I2377">
        <v>2020</v>
      </c>
    </row>
    <row r="2378" spans="1:9" x14ac:dyDescent="0.25">
      <c r="A2378">
        <v>2676</v>
      </c>
      <c r="B2378" t="s">
        <v>1901</v>
      </c>
      <c r="C2378" t="s">
        <v>301</v>
      </c>
      <c r="D2378">
        <v>26</v>
      </c>
      <c r="E2378" t="s">
        <v>4179</v>
      </c>
      <c r="F2378" t="s">
        <v>4177</v>
      </c>
      <c r="G2378" t="s">
        <v>656</v>
      </c>
      <c r="H2378">
        <v>2</v>
      </c>
      <c r="I2378">
        <v>2020</v>
      </c>
    </row>
    <row r="2379" spans="1:9" x14ac:dyDescent="0.25">
      <c r="A2379">
        <v>2677</v>
      </c>
      <c r="B2379" t="s">
        <v>4694</v>
      </c>
      <c r="C2379" t="s">
        <v>301</v>
      </c>
      <c r="D2379">
        <v>26</v>
      </c>
      <c r="E2379" t="s">
        <v>4179</v>
      </c>
      <c r="F2379" t="s">
        <v>4177</v>
      </c>
      <c r="G2379" t="s">
        <v>656</v>
      </c>
      <c r="H2379">
        <v>2</v>
      </c>
      <c r="I2379">
        <v>2020</v>
      </c>
    </row>
    <row r="2380" spans="1:9" x14ac:dyDescent="0.25">
      <c r="A2380">
        <v>2678</v>
      </c>
      <c r="B2380" t="s">
        <v>4695</v>
      </c>
      <c r="C2380" t="s">
        <v>296</v>
      </c>
      <c r="D2380">
        <v>97</v>
      </c>
      <c r="E2380" t="s">
        <v>4179</v>
      </c>
      <c r="F2380" t="s">
        <v>4177</v>
      </c>
      <c r="G2380" t="s">
        <v>656</v>
      </c>
      <c r="H2380">
        <v>2</v>
      </c>
      <c r="I2380">
        <v>2020</v>
      </c>
    </row>
    <row r="2381" spans="1:9" x14ac:dyDescent="0.25">
      <c r="A2381">
        <v>2679</v>
      </c>
      <c r="B2381" t="s">
        <v>2233</v>
      </c>
      <c r="C2381" t="s">
        <v>299</v>
      </c>
      <c r="D2381">
        <v>27</v>
      </c>
      <c r="E2381" t="s">
        <v>4179</v>
      </c>
      <c r="F2381" t="s">
        <v>4177</v>
      </c>
      <c r="G2381" t="s">
        <v>656</v>
      </c>
      <c r="H2381">
        <v>2</v>
      </c>
      <c r="I2381">
        <v>2020</v>
      </c>
    </row>
    <row r="2382" spans="1:9" x14ac:dyDescent="0.25">
      <c r="A2382">
        <v>2680</v>
      </c>
      <c r="B2382" t="s">
        <v>2232</v>
      </c>
      <c r="C2382" t="s">
        <v>299</v>
      </c>
      <c r="D2382">
        <v>27</v>
      </c>
      <c r="E2382" t="s">
        <v>4179</v>
      </c>
      <c r="F2382" t="s">
        <v>4177</v>
      </c>
      <c r="G2382" t="s">
        <v>656</v>
      </c>
      <c r="H2382">
        <v>2</v>
      </c>
      <c r="I2382">
        <v>2020</v>
      </c>
    </row>
    <row r="2383" spans="1:9" x14ac:dyDescent="0.25">
      <c r="A2383">
        <v>2681</v>
      </c>
      <c r="B2383" t="s">
        <v>2231</v>
      </c>
      <c r="C2383" t="s">
        <v>299</v>
      </c>
      <c r="D2383">
        <v>27</v>
      </c>
      <c r="E2383" t="s">
        <v>4179</v>
      </c>
      <c r="F2383" t="s">
        <v>4177</v>
      </c>
      <c r="G2383" t="s">
        <v>656</v>
      </c>
      <c r="H2383">
        <v>2</v>
      </c>
      <c r="I2383">
        <v>2020</v>
      </c>
    </row>
    <row r="2384" spans="1:9" x14ac:dyDescent="0.25">
      <c r="A2384">
        <v>2682</v>
      </c>
      <c r="B2384" t="s">
        <v>2230</v>
      </c>
      <c r="C2384" t="s">
        <v>299</v>
      </c>
      <c r="D2384">
        <v>27</v>
      </c>
      <c r="E2384" t="s">
        <v>4179</v>
      </c>
      <c r="F2384" t="s">
        <v>4177</v>
      </c>
      <c r="G2384" t="s">
        <v>656</v>
      </c>
      <c r="H2384">
        <v>2</v>
      </c>
      <c r="I2384">
        <v>2020</v>
      </c>
    </row>
    <row r="2385" spans="1:9" x14ac:dyDescent="0.25">
      <c r="A2385">
        <v>2683</v>
      </c>
      <c r="B2385" t="s">
        <v>4696</v>
      </c>
      <c r="C2385" t="s">
        <v>299</v>
      </c>
      <c r="D2385">
        <v>27</v>
      </c>
      <c r="E2385" t="s">
        <v>4179</v>
      </c>
      <c r="F2385" t="s">
        <v>4177</v>
      </c>
      <c r="G2385" t="s">
        <v>656</v>
      </c>
      <c r="H2385">
        <v>2</v>
      </c>
      <c r="I2385">
        <v>2020</v>
      </c>
    </row>
    <row r="2386" spans="1:9" x14ac:dyDescent="0.25">
      <c r="A2386">
        <v>2684</v>
      </c>
      <c r="B2386" t="s">
        <v>2229</v>
      </c>
      <c r="C2386" t="s">
        <v>813</v>
      </c>
      <c r="D2386">
        <v>24</v>
      </c>
      <c r="E2386" t="s">
        <v>4179</v>
      </c>
      <c r="F2386" t="s">
        <v>4177</v>
      </c>
      <c r="G2386" t="s">
        <v>656</v>
      </c>
      <c r="H2386">
        <v>2</v>
      </c>
      <c r="I2386">
        <v>2020</v>
      </c>
    </row>
    <row r="2387" spans="1:9" x14ac:dyDescent="0.25">
      <c r="A2387">
        <v>2685</v>
      </c>
      <c r="B2387" t="s">
        <v>4697</v>
      </c>
      <c r="C2387" t="s">
        <v>813</v>
      </c>
      <c r="D2387">
        <v>24</v>
      </c>
      <c r="E2387" t="s">
        <v>4179</v>
      </c>
      <c r="F2387" t="s">
        <v>4177</v>
      </c>
      <c r="G2387" t="s">
        <v>656</v>
      </c>
      <c r="H2387">
        <v>2</v>
      </c>
      <c r="I2387">
        <v>2020</v>
      </c>
    </row>
    <row r="2388" spans="1:9" x14ac:dyDescent="0.25">
      <c r="A2388">
        <v>2686</v>
      </c>
      <c r="B2388" t="s">
        <v>4698</v>
      </c>
      <c r="C2388" t="s">
        <v>813</v>
      </c>
      <c r="D2388">
        <v>24</v>
      </c>
      <c r="E2388" t="s">
        <v>4179</v>
      </c>
      <c r="F2388" t="s">
        <v>4177</v>
      </c>
      <c r="G2388" t="s">
        <v>656</v>
      </c>
      <c r="H2388">
        <v>2</v>
      </c>
      <c r="I2388">
        <v>2020</v>
      </c>
    </row>
    <row r="2389" spans="1:9" x14ac:dyDescent="0.25">
      <c r="A2389">
        <v>2687</v>
      </c>
      <c r="B2389" t="s">
        <v>4699</v>
      </c>
      <c r="C2389" t="s">
        <v>955</v>
      </c>
      <c r="D2389">
        <v>29</v>
      </c>
      <c r="E2389" t="s">
        <v>4179</v>
      </c>
      <c r="F2389" t="s">
        <v>4177</v>
      </c>
      <c r="G2389" t="s">
        <v>656</v>
      </c>
      <c r="H2389">
        <v>2</v>
      </c>
      <c r="I2389">
        <v>2020</v>
      </c>
    </row>
    <row r="2390" spans="1:9" x14ac:dyDescent="0.25">
      <c r="A2390">
        <v>2688</v>
      </c>
      <c r="B2390" t="s">
        <v>2228</v>
      </c>
      <c r="C2390" t="s">
        <v>955</v>
      </c>
      <c r="D2390">
        <v>29</v>
      </c>
      <c r="E2390" t="s">
        <v>4179</v>
      </c>
      <c r="F2390" t="s">
        <v>4177</v>
      </c>
      <c r="G2390" t="s">
        <v>656</v>
      </c>
      <c r="H2390">
        <v>2</v>
      </c>
      <c r="I2390">
        <v>2020</v>
      </c>
    </row>
    <row r="2391" spans="1:9" x14ac:dyDescent="0.25">
      <c r="A2391">
        <v>2689</v>
      </c>
      <c r="B2391" t="s">
        <v>2227</v>
      </c>
      <c r="C2391" t="s">
        <v>807</v>
      </c>
      <c r="D2391">
        <v>25</v>
      </c>
      <c r="E2391" t="s">
        <v>4179</v>
      </c>
      <c r="F2391" t="s">
        <v>4177</v>
      </c>
      <c r="G2391" t="s">
        <v>656</v>
      </c>
      <c r="H2391">
        <v>2</v>
      </c>
      <c r="I2391">
        <v>2020</v>
      </c>
    </row>
    <row r="2392" spans="1:9" x14ac:dyDescent="0.25">
      <c r="A2392">
        <v>2690</v>
      </c>
      <c r="B2392" t="s">
        <v>2226</v>
      </c>
      <c r="C2392" t="s">
        <v>807</v>
      </c>
      <c r="D2392">
        <v>25</v>
      </c>
      <c r="E2392" t="s">
        <v>4179</v>
      </c>
      <c r="F2392" t="s">
        <v>4177</v>
      </c>
      <c r="G2392" t="s">
        <v>656</v>
      </c>
      <c r="H2392">
        <v>2</v>
      </c>
      <c r="I2392">
        <v>2020</v>
      </c>
    </row>
    <row r="2393" spans="1:9" x14ac:dyDescent="0.25">
      <c r="A2393">
        <v>2691</v>
      </c>
      <c r="B2393" t="s">
        <v>2225</v>
      </c>
      <c r="C2393" t="s">
        <v>807</v>
      </c>
      <c r="D2393">
        <v>25</v>
      </c>
      <c r="E2393" t="s">
        <v>4179</v>
      </c>
      <c r="F2393" t="s">
        <v>4177</v>
      </c>
      <c r="G2393" t="s">
        <v>656</v>
      </c>
      <c r="H2393">
        <v>2</v>
      </c>
      <c r="I2393">
        <v>2020</v>
      </c>
    </row>
    <row r="2394" spans="1:9" x14ac:dyDescent="0.25">
      <c r="A2394">
        <v>2692</v>
      </c>
      <c r="B2394" t="s">
        <v>4700</v>
      </c>
      <c r="C2394" t="s">
        <v>807</v>
      </c>
      <c r="D2394">
        <v>25</v>
      </c>
      <c r="E2394" t="s">
        <v>4179</v>
      </c>
      <c r="F2394" t="s">
        <v>4177</v>
      </c>
      <c r="G2394" t="s">
        <v>656</v>
      </c>
      <c r="H2394">
        <v>2</v>
      </c>
      <c r="I2394">
        <v>2020</v>
      </c>
    </row>
    <row r="2395" spans="1:9" x14ac:dyDescent="0.25">
      <c r="A2395">
        <v>2693</v>
      </c>
      <c r="B2395" t="s">
        <v>4701</v>
      </c>
      <c r="C2395" t="s">
        <v>807</v>
      </c>
      <c r="D2395">
        <v>25</v>
      </c>
      <c r="E2395" t="s">
        <v>4179</v>
      </c>
      <c r="F2395" t="s">
        <v>4177</v>
      </c>
      <c r="G2395" t="s">
        <v>656</v>
      </c>
      <c r="H2395">
        <v>2</v>
      </c>
      <c r="I2395">
        <v>2020</v>
      </c>
    </row>
    <row r="2396" spans="1:9" x14ac:dyDescent="0.25">
      <c r="A2396">
        <v>2694</v>
      </c>
      <c r="B2396" t="s">
        <v>4702</v>
      </c>
      <c r="C2396" t="s">
        <v>807</v>
      </c>
      <c r="D2396">
        <v>25</v>
      </c>
      <c r="E2396" t="s">
        <v>4179</v>
      </c>
      <c r="F2396" t="s">
        <v>4177</v>
      </c>
      <c r="G2396" t="s">
        <v>656</v>
      </c>
      <c r="H2396">
        <v>2</v>
      </c>
      <c r="I2396">
        <v>2020</v>
      </c>
    </row>
    <row r="2397" spans="1:9" x14ac:dyDescent="0.25">
      <c r="A2397">
        <v>2695</v>
      </c>
      <c r="B2397" t="s">
        <v>2224</v>
      </c>
      <c r="C2397" t="s">
        <v>807</v>
      </c>
      <c r="D2397">
        <v>25</v>
      </c>
      <c r="E2397" t="s">
        <v>4179</v>
      </c>
      <c r="F2397" t="s">
        <v>4177</v>
      </c>
      <c r="G2397" t="s">
        <v>656</v>
      </c>
      <c r="H2397">
        <v>2</v>
      </c>
      <c r="I2397">
        <v>2020</v>
      </c>
    </row>
    <row r="2398" spans="1:9" x14ac:dyDescent="0.25">
      <c r="A2398">
        <v>2697</v>
      </c>
      <c r="B2398" t="s">
        <v>4703</v>
      </c>
      <c r="C2398" t="s">
        <v>295</v>
      </c>
      <c r="D2398">
        <v>30</v>
      </c>
      <c r="E2398" t="s">
        <v>4179</v>
      </c>
      <c r="F2398" t="s">
        <v>4177</v>
      </c>
      <c r="G2398" t="s">
        <v>656</v>
      </c>
      <c r="H2398">
        <v>2</v>
      </c>
      <c r="I2398">
        <v>2020</v>
      </c>
    </row>
    <row r="2399" spans="1:9" x14ac:dyDescent="0.25">
      <c r="A2399">
        <v>2699</v>
      </c>
      <c r="B2399" t="s">
        <v>2222</v>
      </c>
      <c r="C2399" t="s">
        <v>295</v>
      </c>
      <c r="D2399">
        <v>30</v>
      </c>
      <c r="E2399" t="s">
        <v>4179</v>
      </c>
      <c r="F2399" t="s">
        <v>4177</v>
      </c>
      <c r="G2399" t="s">
        <v>656</v>
      </c>
      <c r="H2399">
        <v>2</v>
      </c>
      <c r="I2399">
        <v>2020</v>
      </c>
    </row>
    <row r="2400" spans="1:9" x14ac:dyDescent="0.25">
      <c r="A2400">
        <v>2700</v>
      </c>
      <c r="B2400" t="s">
        <v>1970</v>
      </c>
      <c r="C2400" t="s">
        <v>295</v>
      </c>
      <c r="D2400">
        <v>30</v>
      </c>
      <c r="E2400" t="s">
        <v>4179</v>
      </c>
      <c r="F2400" t="s">
        <v>4177</v>
      </c>
      <c r="G2400" t="s">
        <v>656</v>
      </c>
      <c r="H2400">
        <v>2</v>
      </c>
      <c r="I2400">
        <v>2020</v>
      </c>
    </row>
    <row r="2401" spans="1:9" x14ac:dyDescent="0.25">
      <c r="A2401">
        <v>2701</v>
      </c>
      <c r="B2401" t="s">
        <v>2221</v>
      </c>
      <c r="C2401" t="s">
        <v>295</v>
      </c>
      <c r="D2401">
        <v>30</v>
      </c>
      <c r="E2401" t="s">
        <v>4179</v>
      </c>
      <c r="F2401" t="s">
        <v>4177</v>
      </c>
      <c r="G2401" t="s">
        <v>656</v>
      </c>
      <c r="H2401">
        <v>2</v>
      </c>
      <c r="I2401">
        <v>2020</v>
      </c>
    </row>
    <row r="2402" spans="1:9" x14ac:dyDescent="0.25">
      <c r="A2402">
        <v>2702</v>
      </c>
      <c r="B2402" t="s">
        <v>2220</v>
      </c>
      <c r="C2402" t="s">
        <v>295</v>
      </c>
      <c r="D2402">
        <v>30</v>
      </c>
      <c r="E2402" t="s">
        <v>4179</v>
      </c>
      <c r="F2402" t="s">
        <v>4177</v>
      </c>
      <c r="G2402" t="s">
        <v>656</v>
      </c>
      <c r="H2402">
        <v>2</v>
      </c>
      <c r="I2402">
        <v>2020</v>
      </c>
    </row>
    <row r="2403" spans="1:9" x14ac:dyDescent="0.25">
      <c r="A2403">
        <v>2703</v>
      </c>
      <c r="B2403" t="s">
        <v>4704</v>
      </c>
      <c r="C2403" t="s">
        <v>295</v>
      </c>
      <c r="D2403">
        <v>30</v>
      </c>
      <c r="E2403" t="s">
        <v>4179</v>
      </c>
      <c r="F2403" t="s">
        <v>4177</v>
      </c>
      <c r="G2403" t="s">
        <v>656</v>
      </c>
      <c r="H2403">
        <v>2</v>
      </c>
      <c r="I2403">
        <v>2020</v>
      </c>
    </row>
    <row r="2404" spans="1:9" x14ac:dyDescent="0.25">
      <c r="A2404">
        <v>2704</v>
      </c>
      <c r="B2404" t="s">
        <v>4705</v>
      </c>
      <c r="C2404" t="s">
        <v>295</v>
      </c>
      <c r="D2404">
        <v>30</v>
      </c>
      <c r="E2404" t="s">
        <v>4179</v>
      </c>
      <c r="F2404" t="s">
        <v>4177</v>
      </c>
      <c r="G2404" t="s">
        <v>656</v>
      </c>
      <c r="H2404">
        <v>2</v>
      </c>
      <c r="I2404">
        <v>2020</v>
      </c>
    </row>
    <row r="2405" spans="1:9" x14ac:dyDescent="0.25">
      <c r="A2405">
        <v>2705</v>
      </c>
      <c r="B2405" t="s">
        <v>4706</v>
      </c>
      <c r="C2405" t="s">
        <v>295</v>
      </c>
      <c r="D2405">
        <v>30</v>
      </c>
      <c r="E2405" t="s">
        <v>4179</v>
      </c>
      <c r="F2405" t="s">
        <v>4177</v>
      </c>
      <c r="G2405" t="s">
        <v>656</v>
      </c>
      <c r="H2405">
        <v>2</v>
      </c>
      <c r="I2405">
        <v>2020</v>
      </c>
    </row>
    <row r="2406" spans="1:9" x14ac:dyDescent="0.25">
      <c r="A2406">
        <v>2706</v>
      </c>
      <c r="B2406" t="s">
        <v>4707</v>
      </c>
      <c r="C2406" t="s">
        <v>813</v>
      </c>
      <c r="D2406">
        <v>24</v>
      </c>
      <c r="E2406" t="s">
        <v>4179</v>
      </c>
      <c r="F2406" t="s">
        <v>4177</v>
      </c>
      <c r="G2406" t="s">
        <v>656</v>
      </c>
      <c r="H2406">
        <v>2</v>
      </c>
      <c r="I2406">
        <v>2020</v>
      </c>
    </row>
    <row r="2407" spans="1:9" x14ac:dyDescent="0.25">
      <c r="A2407">
        <v>2707</v>
      </c>
      <c r="B2407" t="s">
        <v>4708</v>
      </c>
      <c r="C2407" t="s">
        <v>294</v>
      </c>
      <c r="D2407">
        <v>31</v>
      </c>
      <c r="E2407" t="s">
        <v>4179</v>
      </c>
      <c r="F2407" t="s">
        <v>4177</v>
      </c>
      <c r="G2407" t="s">
        <v>656</v>
      </c>
      <c r="H2407">
        <v>2</v>
      </c>
      <c r="I2407">
        <v>2020</v>
      </c>
    </row>
    <row r="2408" spans="1:9" x14ac:dyDescent="0.25">
      <c r="A2408">
        <v>2708</v>
      </c>
      <c r="B2408" t="s">
        <v>2219</v>
      </c>
      <c r="C2408" t="s">
        <v>294</v>
      </c>
      <c r="D2408">
        <v>31</v>
      </c>
      <c r="E2408" t="s">
        <v>4179</v>
      </c>
      <c r="F2408" t="s">
        <v>4177</v>
      </c>
      <c r="G2408" t="s">
        <v>656</v>
      </c>
      <c r="H2408">
        <v>2</v>
      </c>
      <c r="I2408">
        <v>2020</v>
      </c>
    </row>
    <row r="2409" spans="1:9" x14ac:dyDescent="0.25">
      <c r="A2409">
        <v>2709</v>
      </c>
      <c r="B2409" t="s">
        <v>2218</v>
      </c>
      <c r="C2409" t="s">
        <v>294</v>
      </c>
      <c r="D2409">
        <v>31</v>
      </c>
      <c r="E2409" t="s">
        <v>4179</v>
      </c>
      <c r="F2409" t="s">
        <v>4177</v>
      </c>
      <c r="G2409" t="s">
        <v>656</v>
      </c>
      <c r="H2409">
        <v>2</v>
      </c>
      <c r="I2409">
        <v>2020</v>
      </c>
    </row>
    <row r="2410" spans="1:9" x14ac:dyDescent="0.25">
      <c r="A2410">
        <v>2710</v>
      </c>
      <c r="B2410" t="s">
        <v>1089</v>
      </c>
      <c r="C2410" t="s">
        <v>819</v>
      </c>
      <c r="D2410">
        <v>101</v>
      </c>
      <c r="E2410" t="s">
        <v>4187</v>
      </c>
      <c r="F2410" t="s">
        <v>4187</v>
      </c>
      <c r="G2410" t="s">
        <v>656</v>
      </c>
      <c r="H2410">
        <v>2</v>
      </c>
      <c r="I2410">
        <v>2020</v>
      </c>
    </row>
    <row r="2411" spans="1:9" x14ac:dyDescent="0.25">
      <c r="A2411">
        <v>2711</v>
      </c>
      <c r="B2411" t="s">
        <v>2217</v>
      </c>
      <c r="C2411" t="s">
        <v>819</v>
      </c>
      <c r="D2411">
        <v>101</v>
      </c>
      <c r="E2411" t="s">
        <v>4187</v>
      </c>
      <c r="F2411" t="s">
        <v>4187</v>
      </c>
      <c r="G2411" t="s">
        <v>656</v>
      </c>
      <c r="H2411">
        <v>2</v>
      </c>
      <c r="I2411">
        <v>2020</v>
      </c>
    </row>
    <row r="2412" spans="1:9" x14ac:dyDescent="0.25">
      <c r="A2412">
        <v>2712</v>
      </c>
      <c r="B2412" t="s">
        <v>2216</v>
      </c>
      <c r="C2412" t="s">
        <v>819</v>
      </c>
      <c r="D2412">
        <v>101</v>
      </c>
      <c r="E2412" t="s">
        <v>4187</v>
      </c>
      <c r="F2412" t="s">
        <v>4187</v>
      </c>
      <c r="G2412" t="s">
        <v>656</v>
      </c>
      <c r="H2412">
        <v>2</v>
      </c>
      <c r="I2412">
        <v>2020</v>
      </c>
    </row>
    <row r="2413" spans="1:9" x14ac:dyDescent="0.25">
      <c r="A2413">
        <v>2713</v>
      </c>
      <c r="B2413" t="s">
        <v>2018</v>
      </c>
      <c r="C2413" t="s">
        <v>819</v>
      </c>
      <c r="D2413">
        <v>101</v>
      </c>
      <c r="E2413" t="s">
        <v>4187</v>
      </c>
      <c r="F2413" t="s">
        <v>4187</v>
      </c>
      <c r="G2413" t="s">
        <v>656</v>
      </c>
      <c r="H2413">
        <v>2</v>
      </c>
      <c r="I2413">
        <v>2020</v>
      </c>
    </row>
    <row r="2414" spans="1:9" x14ac:dyDescent="0.25">
      <c r="A2414">
        <v>2714</v>
      </c>
      <c r="B2414" t="s">
        <v>2215</v>
      </c>
      <c r="C2414" t="s">
        <v>819</v>
      </c>
      <c r="D2414">
        <v>101</v>
      </c>
      <c r="E2414" t="s">
        <v>4187</v>
      </c>
      <c r="F2414" t="s">
        <v>4187</v>
      </c>
      <c r="G2414" t="s">
        <v>656</v>
      </c>
      <c r="H2414">
        <v>2</v>
      </c>
      <c r="I2414">
        <v>2020</v>
      </c>
    </row>
    <row r="2415" spans="1:9" x14ac:dyDescent="0.25">
      <c r="A2415">
        <v>2715</v>
      </c>
      <c r="B2415" t="s">
        <v>2214</v>
      </c>
      <c r="C2415" t="s">
        <v>726</v>
      </c>
      <c r="D2415">
        <v>2</v>
      </c>
      <c r="E2415" t="s">
        <v>726</v>
      </c>
      <c r="F2415" t="s">
        <v>4164</v>
      </c>
      <c r="G2415" t="s">
        <v>656</v>
      </c>
      <c r="H2415">
        <v>2</v>
      </c>
      <c r="I2415">
        <v>2020</v>
      </c>
    </row>
    <row r="2416" spans="1:9" x14ac:dyDescent="0.25">
      <c r="A2416">
        <v>2716</v>
      </c>
      <c r="B2416" t="s">
        <v>2213</v>
      </c>
      <c r="C2416" t="s">
        <v>726</v>
      </c>
      <c r="D2416">
        <v>2</v>
      </c>
      <c r="E2416" t="s">
        <v>726</v>
      </c>
      <c r="F2416" t="s">
        <v>4164</v>
      </c>
      <c r="G2416" t="s">
        <v>656</v>
      </c>
      <c r="H2416">
        <v>2</v>
      </c>
      <c r="I2416">
        <v>2020</v>
      </c>
    </row>
    <row r="2417" spans="1:9" x14ac:dyDescent="0.25">
      <c r="A2417">
        <v>2717</v>
      </c>
      <c r="B2417" t="s">
        <v>2212</v>
      </c>
      <c r="C2417" t="s">
        <v>726</v>
      </c>
      <c r="D2417">
        <v>2</v>
      </c>
      <c r="E2417" t="s">
        <v>726</v>
      </c>
      <c r="F2417" t="s">
        <v>4164</v>
      </c>
      <c r="G2417" t="s">
        <v>656</v>
      </c>
      <c r="H2417">
        <v>2</v>
      </c>
      <c r="I2417">
        <v>2020</v>
      </c>
    </row>
    <row r="2418" spans="1:9" x14ac:dyDescent="0.25">
      <c r="A2418">
        <v>2718</v>
      </c>
      <c r="B2418" t="s">
        <v>2211</v>
      </c>
      <c r="C2418" t="s">
        <v>726</v>
      </c>
      <c r="D2418">
        <v>2</v>
      </c>
      <c r="E2418" t="s">
        <v>726</v>
      </c>
      <c r="F2418" t="s">
        <v>4164</v>
      </c>
      <c r="G2418" t="s">
        <v>656</v>
      </c>
      <c r="H2418">
        <v>2</v>
      </c>
      <c r="I2418">
        <v>2020</v>
      </c>
    </row>
    <row r="2419" spans="1:9" x14ac:dyDescent="0.25">
      <c r="A2419">
        <v>2719</v>
      </c>
      <c r="B2419" t="s">
        <v>2210</v>
      </c>
      <c r="C2419" t="s">
        <v>726</v>
      </c>
      <c r="D2419">
        <v>2</v>
      </c>
      <c r="E2419" t="s">
        <v>726</v>
      </c>
      <c r="F2419" t="s">
        <v>4164</v>
      </c>
      <c r="G2419" t="s">
        <v>656</v>
      </c>
      <c r="H2419">
        <v>2</v>
      </c>
      <c r="I2419">
        <v>2020</v>
      </c>
    </row>
    <row r="2420" spans="1:9" x14ac:dyDescent="0.25">
      <c r="A2420">
        <v>2720</v>
      </c>
      <c r="B2420" t="s">
        <v>2209</v>
      </c>
      <c r="C2420" t="s">
        <v>726</v>
      </c>
      <c r="D2420">
        <v>2</v>
      </c>
      <c r="E2420" t="s">
        <v>726</v>
      </c>
      <c r="F2420" t="s">
        <v>4164</v>
      </c>
      <c r="G2420" t="s">
        <v>656</v>
      </c>
      <c r="H2420">
        <v>2</v>
      </c>
      <c r="I2420">
        <v>2020</v>
      </c>
    </row>
    <row r="2421" spans="1:9" x14ac:dyDescent="0.25">
      <c r="A2421">
        <v>2721</v>
      </c>
      <c r="B2421" t="s">
        <v>2208</v>
      </c>
      <c r="C2421" t="s">
        <v>802</v>
      </c>
      <c r="D2421">
        <v>12</v>
      </c>
      <c r="E2421" t="s">
        <v>802</v>
      </c>
      <c r="F2421" t="s">
        <v>4171</v>
      </c>
      <c r="G2421" t="s">
        <v>656</v>
      </c>
      <c r="H2421">
        <v>2</v>
      </c>
      <c r="I2421">
        <v>2020</v>
      </c>
    </row>
    <row r="2422" spans="1:9" x14ac:dyDescent="0.25">
      <c r="A2422">
        <v>2722</v>
      </c>
      <c r="B2422" t="s">
        <v>2207</v>
      </c>
      <c r="C2422" t="s">
        <v>802</v>
      </c>
      <c r="D2422">
        <v>12</v>
      </c>
      <c r="E2422" t="s">
        <v>802</v>
      </c>
      <c r="F2422" t="s">
        <v>4171</v>
      </c>
      <c r="G2422" t="s">
        <v>656</v>
      </c>
      <c r="H2422">
        <v>2</v>
      </c>
      <c r="I2422">
        <v>2020</v>
      </c>
    </row>
    <row r="2423" spans="1:9" x14ac:dyDescent="0.25">
      <c r="A2423">
        <v>2723</v>
      </c>
      <c r="B2423" t="s">
        <v>4709</v>
      </c>
      <c r="C2423" t="s">
        <v>802</v>
      </c>
      <c r="D2423">
        <v>12</v>
      </c>
      <c r="E2423" t="s">
        <v>802</v>
      </c>
      <c r="F2423" t="s">
        <v>4171</v>
      </c>
      <c r="G2423" t="s">
        <v>656</v>
      </c>
      <c r="H2423">
        <v>2</v>
      </c>
      <c r="I2423">
        <v>2020</v>
      </c>
    </row>
    <row r="2424" spans="1:9" x14ac:dyDescent="0.25">
      <c r="A2424">
        <v>2724</v>
      </c>
      <c r="B2424" t="s">
        <v>2206</v>
      </c>
      <c r="C2424" t="s">
        <v>663</v>
      </c>
      <c r="D2424">
        <v>99</v>
      </c>
      <c r="E2424" t="s">
        <v>663</v>
      </c>
      <c r="F2424" t="s">
        <v>4171</v>
      </c>
      <c r="G2424" t="s">
        <v>656</v>
      </c>
      <c r="H2424">
        <v>2</v>
      </c>
      <c r="I2424">
        <v>2020</v>
      </c>
    </row>
    <row r="2425" spans="1:9" x14ac:dyDescent="0.25">
      <c r="A2425">
        <v>2725</v>
      </c>
      <c r="B2425" t="s">
        <v>2205</v>
      </c>
      <c r="C2425" t="s">
        <v>663</v>
      </c>
      <c r="D2425">
        <v>99</v>
      </c>
      <c r="E2425" t="s">
        <v>663</v>
      </c>
      <c r="F2425" t="s">
        <v>4171</v>
      </c>
      <c r="G2425" t="s">
        <v>656</v>
      </c>
      <c r="H2425">
        <v>2</v>
      </c>
      <c r="I2425">
        <v>2020</v>
      </c>
    </row>
    <row r="2426" spans="1:9" x14ac:dyDescent="0.25">
      <c r="A2426">
        <v>2726</v>
      </c>
      <c r="B2426" t="s">
        <v>2204</v>
      </c>
      <c r="C2426" t="s">
        <v>663</v>
      </c>
      <c r="D2426">
        <v>99</v>
      </c>
      <c r="E2426" t="s">
        <v>663</v>
      </c>
      <c r="F2426" t="s">
        <v>4171</v>
      </c>
      <c r="G2426" t="s">
        <v>656</v>
      </c>
      <c r="H2426">
        <v>2</v>
      </c>
      <c r="I2426">
        <v>2020</v>
      </c>
    </row>
    <row r="2427" spans="1:9" x14ac:dyDescent="0.25">
      <c r="A2427">
        <v>2727</v>
      </c>
      <c r="B2427" t="s">
        <v>2203</v>
      </c>
      <c r="C2427" t="s">
        <v>663</v>
      </c>
      <c r="D2427">
        <v>99</v>
      </c>
      <c r="E2427" t="s">
        <v>663</v>
      </c>
      <c r="F2427" t="s">
        <v>4171</v>
      </c>
      <c r="G2427" t="s">
        <v>656</v>
      </c>
      <c r="H2427">
        <v>2</v>
      </c>
      <c r="I2427">
        <v>2020</v>
      </c>
    </row>
    <row r="2428" spans="1:9" x14ac:dyDescent="0.25">
      <c r="A2428">
        <v>2728</v>
      </c>
      <c r="B2428" t="s">
        <v>2202</v>
      </c>
      <c r="C2428" t="s">
        <v>663</v>
      </c>
      <c r="D2428">
        <v>99</v>
      </c>
      <c r="E2428" t="s">
        <v>663</v>
      </c>
      <c r="F2428" t="s">
        <v>4171</v>
      </c>
      <c r="G2428" t="s">
        <v>656</v>
      </c>
      <c r="H2428">
        <v>2</v>
      </c>
      <c r="I2428">
        <v>2020</v>
      </c>
    </row>
    <row r="2429" spans="1:9" x14ac:dyDescent="0.25">
      <c r="A2429">
        <v>2729</v>
      </c>
      <c r="B2429" t="s">
        <v>4710</v>
      </c>
      <c r="C2429" t="s">
        <v>663</v>
      </c>
      <c r="D2429">
        <v>99</v>
      </c>
      <c r="E2429" t="s">
        <v>663</v>
      </c>
      <c r="F2429" t="s">
        <v>4171</v>
      </c>
      <c r="G2429" t="s">
        <v>656</v>
      </c>
      <c r="H2429">
        <v>2</v>
      </c>
      <c r="I2429">
        <v>2020</v>
      </c>
    </row>
    <row r="2430" spans="1:9" x14ac:dyDescent="0.25">
      <c r="A2430">
        <v>2730</v>
      </c>
      <c r="B2430" t="s">
        <v>2201</v>
      </c>
      <c r="C2430" t="s">
        <v>864</v>
      </c>
      <c r="D2430">
        <v>14</v>
      </c>
      <c r="E2430" t="s">
        <v>864</v>
      </c>
      <c r="F2430" t="s">
        <v>4171</v>
      </c>
      <c r="G2430" t="s">
        <v>656</v>
      </c>
      <c r="H2430">
        <v>2</v>
      </c>
      <c r="I2430">
        <v>2020</v>
      </c>
    </row>
    <row r="2431" spans="1:9" x14ac:dyDescent="0.25">
      <c r="A2431">
        <v>2731</v>
      </c>
      <c r="B2431" t="s">
        <v>4711</v>
      </c>
      <c r="C2431" t="s">
        <v>864</v>
      </c>
      <c r="D2431">
        <v>14</v>
      </c>
      <c r="E2431" t="s">
        <v>864</v>
      </c>
      <c r="F2431" t="s">
        <v>4171</v>
      </c>
      <c r="G2431" t="s">
        <v>656</v>
      </c>
      <c r="H2431">
        <v>2</v>
      </c>
      <c r="I2431">
        <v>2020</v>
      </c>
    </row>
    <row r="2432" spans="1:9" x14ac:dyDescent="0.25">
      <c r="A2432">
        <v>2735</v>
      </c>
      <c r="B2432" t="s">
        <v>2195</v>
      </c>
      <c r="C2432" t="s">
        <v>885</v>
      </c>
      <c r="D2432">
        <v>1</v>
      </c>
      <c r="E2432" t="s">
        <v>885</v>
      </c>
      <c r="F2432" t="s">
        <v>4164</v>
      </c>
      <c r="G2432" t="s">
        <v>656</v>
      </c>
      <c r="H2432">
        <v>2</v>
      </c>
      <c r="I2432">
        <v>2020</v>
      </c>
    </row>
    <row r="2433" spans="1:9" x14ac:dyDescent="0.25">
      <c r="A2433">
        <v>2736</v>
      </c>
      <c r="B2433" t="s">
        <v>4712</v>
      </c>
      <c r="C2433" t="s">
        <v>885</v>
      </c>
      <c r="D2433">
        <v>1</v>
      </c>
      <c r="E2433" t="s">
        <v>885</v>
      </c>
      <c r="F2433" t="s">
        <v>4164</v>
      </c>
      <c r="G2433" t="s">
        <v>656</v>
      </c>
      <c r="H2433">
        <v>2</v>
      </c>
      <c r="I2433">
        <v>2020</v>
      </c>
    </row>
    <row r="2434" spans="1:9" x14ac:dyDescent="0.25">
      <c r="A2434">
        <v>2737</v>
      </c>
      <c r="B2434" t="s">
        <v>2194</v>
      </c>
      <c r="C2434" t="s">
        <v>673</v>
      </c>
      <c r="D2434">
        <v>34</v>
      </c>
      <c r="E2434" t="s">
        <v>4175</v>
      </c>
      <c r="F2434" t="s">
        <v>4171</v>
      </c>
      <c r="G2434" t="s">
        <v>656</v>
      </c>
      <c r="H2434">
        <v>2</v>
      </c>
      <c r="I2434">
        <v>2020</v>
      </c>
    </row>
    <row r="2435" spans="1:9" x14ac:dyDescent="0.25">
      <c r="A2435">
        <v>2738</v>
      </c>
      <c r="B2435" t="s">
        <v>1620</v>
      </c>
      <c r="C2435" t="s">
        <v>868</v>
      </c>
      <c r="D2435">
        <v>23</v>
      </c>
      <c r="E2435" t="s">
        <v>4178</v>
      </c>
      <c r="F2435" t="s">
        <v>4177</v>
      </c>
      <c r="G2435" t="s">
        <v>656</v>
      </c>
      <c r="H2435">
        <v>2</v>
      </c>
      <c r="I2435">
        <v>2020</v>
      </c>
    </row>
    <row r="2436" spans="1:9" x14ac:dyDescent="0.25">
      <c r="A2436">
        <v>2739</v>
      </c>
      <c r="B2436" t="s">
        <v>2193</v>
      </c>
      <c r="C2436" t="s">
        <v>868</v>
      </c>
      <c r="D2436">
        <v>23</v>
      </c>
      <c r="E2436" t="s">
        <v>4178</v>
      </c>
      <c r="F2436" t="s">
        <v>4177</v>
      </c>
      <c r="G2436" t="s">
        <v>656</v>
      </c>
      <c r="H2436">
        <v>2</v>
      </c>
      <c r="I2436">
        <v>2020</v>
      </c>
    </row>
    <row r="2437" spans="1:9" x14ac:dyDescent="0.25">
      <c r="A2437">
        <v>2740</v>
      </c>
      <c r="B2437" t="s">
        <v>2192</v>
      </c>
      <c r="C2437" t="s">
        <v>868</v>
      </c>
      <c r="D2437">
        <v>23</v>
      </c>
      <c r="E2437" t="s">
        <v>4178</v>
      </c>
      <c r="F2437" t="s">
        <v>4177</v>
      </c>
      <c r="G2437" t="s">
        <v>656</v>
      </c>
      <c r="H2437">
        <v>2</v>
      </c>
      <c r="I2437">
        <v>2020</v>
      </c>
    </row>
    <row r="2438" spans="1:9" x14ac:dyDescent="0.25">
      <c r="A2438">
        <v>2744</v>
      </c>
      <c r="B2438" t="s">
        <v>2190</v>
      </c>
      <c r="C2438" t="s">
        <v>703</v>
      </c>
      <c r="D2438">
        <v>16</v>
      </c>
      <c r="E2438" t="s">
        <v>703</v>
      </c>
      <c r="F2438" t="s">
        <v>4177</v>
      </c>
      <c r="G2438" t="s">
        <v>656</v>
      </c>
      <c r="H2438">
        <v>2</v>
      </c>
      <c r="I2438">
        <v>2020</v>
      </c>
    </row>
    <row r="2439" spans="1:9" x14ac:dyDescent="0.25">
      <c r="A2439">
        <v>2745</v>
      </c>
      <c r="B2439" t="s">
        <v>2189</v>
      </c>
      <c r="C2439" t="s">
        <v>703</v>
      </c>
      <c r="D2439">
        <v>16</v>
      </c>
      <c r="E2439" t="s">
        <v>703</v>
      </c>
      <c r="F2439" t="s">
        <v>4177</v>
      </c>
      <c r="G2439" t="s">
        <v>656</v>
      </c>
      <c r="H2439">
        <v>2</v>
      </c>
      <c r="I2439">
        <v>2020</v>
      </c>
    </row>
    <row r="2440" spans="1:9" x14ac:dyDescent="0.25">
      <c r="A2440">
        <v>2746</v>
      </c>
      <c r="B2440" t="s">
        <v>2188</v>
      </c>
      <c r="C2440" t="s">
        <v>703</v>
      </c>
      <c r="D2440">
        <v>16</v>
      </c>
      <c r="E2440" t="s">
        <v>703</v>
      </c>
      <c r="F2440" t="s">
        <v>4177</v>
      </c>
      <c r="G2440" t="s">
        <v>656</v>
      </c>
      <c r="H2440">
        <v>2</v>
      </c>
      <c r="I2440">
        <v>2020</v>
      </c>
    </row>
    <row r="2441" spans="1:9" x14ac:dyDescent="0.25">
      <c r="A2441">
        <v>2747</v>
      </c>
      <c r="B2441" t="s">
        <v>4713</v>
      </c>
      <c r="C2441" t="s">
        <v>703</v>
      </c>
      <c r="D2441">
        <v>16</v>
      </c>
      <c r="E2441" t="s">
        <v>703</v>
      </c>
      <c r="F2441" t="s">
        <v>4177</v>
      </c>
      <c r="G2441" t="s">
        <v>656</v>
      </c>
      <c r="H2441">
        <v>2</v>
      </c>
      <c r="I2441">
        <v>2020</v>
      </c>
    </row>
    <row r="2442" spans="1:9" x14ac:dyDescent="0.25">
      <c r="A2442">
        <v>2752</v>
      </c>
      <c r="B2442" t="s">
        <v>2187</v>
      </c>
      <c r="C2442" t="s">
        <v>703</v>
      </c>
      <c r="D2442">
        <v>16</v>
      </c>
      <c r="E2442" t="s">
        <v>703</v>
      </c>
      <c r="F2442" t="s">
        <v>4177</v>
      </c>
      <c r="G2442" t="s">
        <v>656</v>
      </c>
      <c r="H2442">
        <v>2</v>
      </c>
      <c r="I2442">
        <v>2020</v>
      </c>
    </row>
    <row r="2443" spans="1:9" x14ac:dyDescent="0.25">
      <c r="A2443">
        <v>2753</v>
      </c>
      <c r="B2443" t="s">
        <v>2186</v>
      </c>
      <c r="C2443" t="s">
        <v>703</v>
      </c>
      <c r="D2443">
        <v>16</v>
      </c>
      <c r="E2443" t="s">
        <v>703</v>
      </c>
      <c r="F2443" t="s">
        <v>4177</v>
      </c>
      <c r="G2443" t="s">
        <v>656</v>
      </c>
      <c r="H2443">
        <v>2</v>
      </c>
      <c r="I2443">
        <v>2020</v>
      </c>
    </row>
    <row r="2444" spans="1:9" x14ac:dyDescent="0.25">
      <c r="A2444">
        <v>2754</v>
      </c>
      <c r="B2444" t="s">
        <v>1211</v>
      </c>
      <c r="C2444" t="s">
        <v>684</v>
      </c>
      <c r="D2444">
        <v>22</v>
      </c>
      <c r="E2444" t="s">
        <v>4178</v>
      </c>
      <c r="F2444" t="s">
        <v>4177</v>
      </c>
      <c r="G2444" t="s">
        <v>656</v>
      </c>
      <c r="H2444">
        <v>2</v>
      </c>
      <c r="I2444">
        <v>2020</v>
      </c>
    </row>
    <row r="2445" spans="1:9" x14ac:dyDescent="0.25">
      <c r="A2445">
        <v>2755</v>
      </c>
      <c r="B2445" t="s">
        <v>4714</v>
      </c>
      <c r="C2445" t="s">
        <v>684</v>
      </c>
      <c r="D2445">
        <v>22</v>
      </c>
      <c r="E2445" t="s">
        <v>4178</v>
      </c>
      <c r="F2445" t="s">
        <v>4177</v>
      </c>
      <c r="G2445" t="s">
        <v>656</v>
      </c>
      <c r="H2445">
        <v>2</v>
      </c>
      <c r="I2445">
        <v>2020</v>
      </c>
    </row>
    <row r="2446" spans="1:9" x14ac:dyDescent="0.25">
      <c r="A2446">
        <v>2756</v>
      </c>
      <c r="B2446" t="s">
        <v>4715</v>
      </c>
      <c r="C2446" t="s">
        <v>684</v>
      </c>
      <c r="D2446">
        <v>22</v>
      </c>
      <c r="E2446" t="s">
        <v>4178</v>
      </c>
      <c r="F2446" t="s">
        <v>4177</v>
      </c>
      <c r="G2446" t="s">
        <v>656</v>
      </c>
      <c r="H2446">
        <v>2</v>
      </c>
      <c r="I2446">
        <v>2020</v>
      </c>
    </row>
    <row r="2447" spans="1:9" x14ac:dyDescent="0.25">
      <c r="A2447">
        <v>2757</v>
      </c>
      <c r="B2447" t="s">
        <v>4716</v>
      </c>
      <c r="C2447" t="s">
        <v>684</v>
      </c>
      <c r="D2447">
        <v>22</v>
      </c>
      <c r="E2447" t="s">
        <v>4178</v>
      </c>
      <c r="F2447" t="s">
        <v>4177</v>
      </c>
      <c r="G2447" t="s">
        <v>656</v>
      </c>
      <c r="H2447">
        <v>2</v>
      </c>
      <c r="I2447">
        <v>2020</v>
      </c>
    </row>
    <row r="2448" spans="1:9" x14ac:dyDescent="0.25">
      <c r="A2448">
        <v>2758</v>
      </c>
      <c r="B2448" t="s">
        <v>4717</v>
      </c>
      <c r="C2448" t="s">
        <v>684</v>
      </c>
      <c r="D2448">
        <v>22</v>
      </c>
      <c r="E2448" t="s">
        <v>4178</v>
      </c>
      <c r="F2448" t="s">
        <v>4177</v>
      </c>
      <c r="G2448" t="s">
        <v>656</v>
      </c>
      <c r="H2448">
        <v>2</v>
      </c>
      <c r="I2448">
        <v>2020</v>
      </c>
    </row>
    <row r="2449" spans="1:9" x14ac:dyDescent="0.25">
      <c r="A2449">
        <v>2760</v>
      </c>
      <c r="B2449" t="s">
        <v>2184</v>
      </c>
      <c r="C2449" t="s">
        <v>866</v>
      </c>
      <c r="D2449">
        <v>9</v>
      </c>
      <c r="E2449" t="s">
        <v>866</v>
      </c>
      <c r="F2449" t="s">
        <v>4171</v>
      </c>
      <c r="G2449" t="s">
        <v>656</v>
      </c>
      <c r="H2449">
        <v>2</v>
      </c>
      <c r="I2449">
        <v>2020</v>
      </c>
    </row>
    <row r="2450" spans="1:9" x14ac:dyDescent="0.25">
      <c r="A2450">
        <v>2761</v>
      </c>
      <c r="B2450" t="s">
        <v>2183</v>
      </c>
      <c r="C2450" t="s">
        <v>866</v>
      </c>
      <c r="D2450">
        <v>9</v>
      </c>
      <c r="E2450" t="s">
        <v>866</v>
      </c>
      <c r="F2450" t="s">
        <v>4171</v>
      </c>
      <c r="G2450" t="s">
        <v>656</v>
      </c>
      <c r="H2450">
        <v>2</v>
      </c>
      <c r="I2450">
        <v>2020</v>
      </c>
    </row>
    <row r="2451" spans="1:9" x14ac:dyDescent="0.25">
      <c r="A2451">
        <v>2762</v>
      </c>
      <c r="B2451" t="s">
        <v>2181</v>
      </c>
      <c r="C2451" t="s">
        <v>756</v>
      </c>
      <c r="D2451">
        <v>19</v>
      </c>
      <c r="E2451" t="s">
        <v>894</v>
      </c>
      <c r="F2451" t="s">
        <v>4177</v>
      </c>
      <c r="G2451" t="s">
        <v>656</v>
      </c>
      <c r="H2451">
        <v>2</v>
      </c>
      <c r="I2451">
        <v>2020</v>
      </c>
    </row>
    <row r="2452" spans="1:9" x14ac:dyDescent="0.25">
      <c r="A2452">
        <v>2763</v>
      </c>
      <c r="B2452" t="s">
        <v>2180</v>
      </c>
      <c r="C2452" t="s">
        <v>691</v>
      </c>
      <c r="D2452">
        <v>21</v>
      </c>
      <c r="E2452" t="s">
        <v>691</v>
      </c>
      <c r="F2452" t="s">
        <v>4177</v>
      </c>
      <c r="G2452" t="s">
        <v>656</v>
      </c>
      <c r="H2452">
        <v>2</v>
      </c>
      <c r="I2452">
        <v>2020</v>
      </c>
    </row>
    <row r="2453" spans="1:9" x14ac:dyDescent="0.25">
      <c r="A2453">
        <v>2764</v>
      </c>
      <c r="B2453" t="s">
        <v>2179</v>
      </c>
      <c r="C2453" t="s">
        <v>691</v>
      </c>
      <c r="D2453">
        <v>21</v>
      </c>
      <c r="E2453" t="s">
        <v>691</v>
      </c>
      <c r="F2453" t="s">
        <v>4177</v>
      </c>
      <c r="G2453" t="s">
        <v>656</v>
      </c>
      <c r="H2453">
        <v>2</v>
      </c>
      <c r="I2453">
        <v>2020</v>
      </c>
    </row>
    <row r="2454" spans="1:9" x14ac:dyDescent="0.25">
      <c r="A2454">
        <v>2765</v>
      </c>
      <c r="B2454" t="s">
        <v>2178</v>
      </c>
      <c r="C2454" t="s">
        <v>691</v>
      </c>
      <c r="D2454">
        <v>21</v>
      </c>
      <c r="E2454" t="s">
        <v>691</v>
      </c>
      <c r="F2454" t="s">
        <v>4177</v>
      </c>
      <c r="G2454" t="s">
        <v>656</v>
      </c>
      <c r="H2454">
        <v>2</v>
      </c>
      <c r="I2454">
        <v>2020</v>
      </c>
    </row>
    <row r="2455" spans="1:9" x14ac:dyDescent="0.25">
      <c r="A2455">
        <v>2766</v>
      </c>
      <c r="B2455" t="s">
        <v>2177</v>
      </c>
      <c r="C2455" t="s">
        <v>691</v>
      </c>
      <c r="D2455">
        <v>21</v>
      </c>
      <c r="E2455" t="s">
        <v>691</v>
      </c>
      <c r="F2455" t="s">
        <v>4177</v>
      </c>
      <c r="G2455" t="s">
        <v>656</v>
      </c>
      <c r="H2455">
        <v>2</v>
      </c>
      <c r="I2455">
        <v>2020</v>
      </c>
    </row>
    <row r="2456" spans="1:9" x14ac:dyDescent="0.25">
      <c r="A2456">
        <v>2767</v>
      </c>
      <c r="B2456" t="s">
        <v>2175</v>
      </c>
      <c r="C2456" t="s">
        <v>691</v>
      </c>
      <c r="D2456">
        <v>21</v>
      </c>
      <c r="E2456" t="s">
        <v>691</v>
      </c>
      <c r="F2456" t="s">
        <v>4177</v>
      </c>
      <c r="G2456" t="s">
        <v>656</v>
      </c>
      <c r="H2456">
        <v>2</v>
      </c>
      <c r="I2456">
        <v>2020</v>
      </c>
    </row>
    <row r="2457" spans="1:9" x14ac:dyDescent="0.25">
      <c r="A2457">
        <v>2768</v>
      </c>
      <c r="B2457" t="s">
        <v>2174</v>
      </c>
      <c r="C2457" t="s">
        <v>894</v>
      </c>
      <c r="D2457">
        <v>18</v>
      </c>
      <c r="E2457" t="s">
        <v>894</v>
      </c>
      <c r="F2457" t="s">
        <v>4177</v>
      </c>
      <c r="G2457" t="s">
        <v>656</v>
      </c>
      <c r="H2457">
        <v>2</v>
      </c>
      <c r="I2457">
        <v>2020</v>
      </c>
    </row>
    <row r="2458" spans="1:9" x14ac:dyDescent="0.25">
      <c r="A2458">
        <v>2769</v>
      </c>
      <c r="B2458" t="s">
        <v>2173</v>
      </c>
      <c r="C2458" t="s">
        <v>839</v>
      </c>
      <c r="D2458">
        <v>89</v>
      </c>
      <c r="E2458" t="s">
        <v>839</v>
      </c>
      <c r="F2458" t="s">
        <v>4168</v>
      </c>
      <c r="G2458" t="s">
        <v>656</v>
      </c>
      <c r="H2458">
        <v>2</v>
      </c>
      <c r="I2458">
        <v>2020</v>
      </c>
    </row>
    <row r="2459" spans="1:9" x14ac:dyDescent="0.25">
      <c r="A2459">
        <v>2770</v>
      </c>
      <c r="B2459" t="s">
        <v>2172</v>
      </c>
      <c r="C2459" t="s">
        <v>839</v>
      </c>
      <c r="D2459">
        <v>89</v>
      </c>
      <c r="E2459" t="s">
        <v>839</v>
      </c>
      <c r="F2459" t="s">
        <v>4168</v>
      </c>
      <c r="G2459" t="s">
        <v>656</v>
      </c>
      <c r="H2459">
        <v>2</v>
      </c>
      <c r="I2459">
        <v>2020</v>
      </c>
    </row>
    <row r="2460" spans="1:9" x14ac:dyDescent="0.25">
      <c r="A2460">
        <v>2771</v>
      </c>
      <c r="B2460" t="s">
        <v>2010</v>
      </c>
      <c r="C2460" t="s">
        <v>839</v>
      </c>
      <c r="D2460">
        <v>89</v>
      </c>
      <c r="E2460" t="s">
        <v>839</v>
      </c>
      <c r="F2460" t="s">
        <v>4168</v>
      </c>
      <c r="G2460" t="s">
        <v>656</v>
      </c>
      <c r="H2460">
        <v>2</v>
      </c>
      <c r="I2460">
        <v>2020</v>
      </c>
    </row>
    <row r="2461" spans="1:9" x14ac:dyDescent="0.25">
      <c r="A2461">
        <v>2772</v>
      </c>
      <c r="B2461" t="s">
        <v>2170</v>
      </c>
      <c r="C2461" t="s">
        <v>878</v>
      </c>
      <c r="D2461">
        <v>91</v>
      </c>
      <c r="E2461" t="s">
        <v>878</v>
      </c>
      <c r="F2461" t="s">
        <v>4168</v>
      </c>
      <c r="G2461" t="s">
        <v>656</v>
      </c>
      <c r="H2461">
        <v>2</v>
      </c>
      <c r="I2461">
        <v>2020</v>
      </c>
    </row>
    <row r="2462" spans="1:9" x14ac:dyDescent="0.25">
      <c r="A2462">
        <v>2773</v>
      </c>
      <c r="B2462" t="s">
        <v>2169</v>
      </c>
      <c r="C2462" t="s">
        <v>878</v>
      </c>
      <c r="D2462">
        <v>91</v>
      </c>
      <c r="E2462" t="s">
        <v>878</v>
      </c>
      <c r="F2462" t="s">
        <v>4168</v>
      </c>
      <c r="G2462" t="s">
        <v>656</v>
      </c>
      <c r="H2462">
        <v>2</v>
      </c>
      <c r="I2462">
        <v>2020</v>
      </c>
    </row>
    <row r="2463" spans="1:9" x14ac:dyDescent="0.25">
      <c r="A2463">
        <v>2774</v>
      </c>
      <c r="B2463" t="s">
        <v>2168</v>
      </c>
      <c r="C2463" t="s">
        <v>752</v>
      </c>
      <c r="D2463">
        <v>90</v>
      </c>
      <c r="E2463" t="s">
        <v>752</v>
      </c>
      <c r="F2463" t="s">
        <v>4168</v>
      </c>
      <c r="G2463" t="s">
        <v>656</v>
      </c>
      <c r="H2463">
        <v>2</v>
      </c>
      <c r="I2463">
        <v>2020</v>
      </c>
    </row>
    <row r="2464" spans="1:9" x14ac:dyDescent="0.25">
      <c r="A2464">
        <v>2775</v>
      </c>
      <c r="B2464" t="s">
        <v>2167</v>
      </c>
      <c r="C2464" t="s">
        <v>707</v>
      </c>
      <c r="D2464">
        <v>59</v>
      </c>
      <c r="E2464" t="s">
        <v>980</v>
      </c>
      <c r="F2464" t="s">
        <v>4189</v>
      </c>
      <c r="G2464" t="s">
        <v>656</v>
      </c>
      <c r="H2464">
        <v>2</v>
      </c>
      <c r="I2464">
        <v>2020</v>
      </c>
    </row>
    <row r="2465" spans="1:9" x14ac:dyDescent="0.25">
      <c r="A2465">
        <v>2776</v>
      </c>
      <c r="B2465" t="s">
        <v>2166</v>
      </c>
      <c r="C2465" t="s">
        <v>1514</v>
      </c>
      <c r="D2465">
        <v>47</v>
      </c>
      <c r="E2465" t="s">
        <v>980</v>
      </c>
      <c r="F2465" t="s">
        <v>4189</v>
      </c>
      <c r="G2465" t="s">
        <v>656</v>
      </c>
      <c r="H2465">
        <v>2</v>
      </c>
      <c r="I2465">
        <v>2020</v>
      </c>
    </row>
    <row r="2466" spans="1:9" x14ac:dyDescent="0.25">
      <c r="A2466">
        <v>2777</v>
      </c>
      <c r="B2466" t="s">
        <v>2165</v>
      </c>
      <c r="C2466" t="s">
        <v>1069</v>
      </c>
      <c r="D2466">
        <v>87</v>
      </c>
      <c r="E2466" t="s">
        <v>4193</v>
      </c>
      <c r="F2466" t="s">
        <v>4189</v>
      </c>
      <c r="G2466" t="s">
        <v>656</v>
      </c>
      <c r="H2466">
        <v>2</v>
      </c>
      <c r="I2466">
        <v>2020</v>
      </c>
    </row>
    <row r="2467" spans="1:9" x14ac:dyDescent="0.25">
      <c r="A2467">
        <v>2778</v>
      </c>
      <c r="B2467" t="s">
        <v>2164</v>
      </c>
      <c r="C2467" t="s">
        <v>767</v>
      </c>
      <c r="D2467">
        <v>44</v>
      </c>
      <c r="E2467" t="s">
        <v>4191</v>
      </c>
      <c r="F2467" t="s">
        <v>4189</v>
      </c>
      <c r="G2467" t="s">
        <v>656</v>
      </c>
      <c r="H2467">
        <v>2</v>
      </c>
      <c r="I2467">
        <v>2020</v>
      </c>
    </row>
    <row r="2468" spans="1:9" x14ac:dyDescent="0.25">
      <c r="A2468">
        <v>2779</v>
      </c>
      <c r="B2468" t="s">
        <v>2163</v>
      </c>
      <c r="C2468" t="s">
        <v>710</v>
      </c>
      <c r="D2468">
        <v>53</v>
      </c>
      <c r="E2468" t="s">
        <v>4198</v>
      </c>
      <c r="F2468" t="s">
        <v>4189</v>
      </c>
      <c r="G2468" t="s">
        <v>656</v>
      </c>
      <c r="H2468">
        <v>2</v>
      </c>
      <c r="I2468">
        <v>2020</v>
      </c>
    </row>
    <row r="2469" spans="1:9" x14ac:dyDescent="0.25">
      <c r="A2469">
        <v>2780</v>
      </c>
      <c r="B2469" t="s">
        <v>2162</v>
      </c>
      <c r="C2469" t="s">
        <v>710</v>
      </c>
      <c r="D2469">
        <v>53</v>
      </c>
      <c r="E2469" t="s">
        <v>4198</v>
      </c>
      <c r="F2469" t="s">
        <v>4189</v>
      </c>
      <c r="G2469" t="s">
        <v>656</v>
      </c>
      <c r="H2469">
        <v>2</v>
      </c>
      <c r="I2469">
        <v>2020</v>
      </c>
    </row>
    <row r="2470" spans="1:9" x14ac:dyDescent="0.25">
      <c r="A2470">
        <v>2781</v>
      </c>
      <c r="B2470" t="s">
        <v>1134</v>
      </c>
      <c r="C2470" t="s">
        <v>785</v>
      </c>
      <c r="D2470">
        <v>93</v>
      </c>
      <c r="E2470" t="s">
        <v>1614</v>
      </c>
      <c r="F2470" t="s">
        <v>4177</v>
      </c>
      <c r="G2470" t="s">
        <v>656</v>
      </c>
      <c r="H2470">
        <v>2</v>
      </c>
      <c r="I2470">
        <v>2020</v>
      </c>
    </row>
    <row r="2471" spans="1:9" x14ac:dyDescent="0.25">
      <c r="A2471">
        <v>2782</v>
      </c>
      <c r="B2471" t="s">
        <v>1133</v>
      </c>
      <c r="C2471" t="s">
        <v>785</v>
      </c>
      <c r="D2471">
        <v>93</v>
      </c>
      <c r="E2471" t="s">
        <v>1614</v>
      </c>
      <c r="F2471" t="s">
        <v>4177</v>
      </c>
      <c r="G2471" t="s">
        <v>656</v>
      </c>
      <c r="H2471">
        <v>2</v>
      </c>
      <c r="I2471">
        <v>2020</v>
      </c>
    </row>
    <row r="2472" spans="1:9" x14ac:dyDescent="0.25">
      <c r="A2472">
        <v>2783</v>
      </c>
      <c r="B2472" t="s">
        <v>1132</v>
      </c>
      <c r="C2472" t="s">
        <v>785</v>
      </c>
      <c r="D2472">
        <v>93</v>
      </c>
      <c r="E2472" t="s">
        <v>1614</v>
      </c>
      <c r="F2472" t="s">
        <v>4177</v>
      </c>
      <c r="G2472" t="s">
        <v>656</v>
      </c>
      <c r="H2472">
        <v>2</v>
      </c>
      <c r="I2472">
        <v>2020</v>
      </c>
    </row>
    <row r="2473" spans="1:9" x14ac:dyDescent="0.25">
      <c r="A2473">
        <v>2784</v>
      </c>
      <c r="B2473" t="s">
        <v>1135</v>
      </c>
      <c r="C2473" t="s">
        <v>785</v>
      </c>
      <c r="D2473">
        <v>93</v>
      </c>
      <c r="E2473" t="s">
        <v>1614</v>
      </c>
      <c r="F2473" t="s">
        <v>4177</v>
      </c>
      <c r="G2473" t="s">
        <v>656</v>
      </c>
      <c r="H2473">
        <v>2</v>
      </c>
      <c r="I2473">
        <v>2020</v>
      </c>
    </row>
    <row r="2474" spans="1:9" x14ac:dyDescent="0.25">
      <c r="A2474">
        <v>2785</v>
      </c>
      <c r="B2474" t="s">
        <v>1131</v>
      </c>
      <c r="C2474" t="s">
        <v>785</v>
      </c>
      <c r="D2474">
        <v>93</v>
      </c>
      <c r="E2474" t="s">
        <v>1614</v>
      </c>
      <c r="F2474" t="s">
        <v>4177</v>
      </c>
      <c r="G2474" t="s">
        <v>656</v>
      </c>
      <c r="H2474">
        <v>2</v>
      </c>
      <c r="I2474">
        <v>2020</v>
      </c>
    </row>
    <row r="2475" spans="1:9" x14ac:dyDescent="0.25">
      <c r="A2475">
        <v>2786</v>
      </c>
      <c r="B2475" t="s">
        <v>2161</v>
      </c>
      <c r="C2475" t="s">
        <v>785</v>
      </c>
      <c r="D2475">
        <v>93</v>
      </c>
      <c r="E2475" t="s">
        <v>1614</v>
      </c>
      <c r="F2475" t="s">
        <v>4177</v>
      </c>
      <c r="G2475" t="s">
        <v>656</v>
      </c>
      <c r="H2475">
        <v>2</v>
      </c>
      <c r="I2475">
        <v>2020</v>
      </c>
    </row>
    <row r="2476" spans="1:9" x14ac:dyDescent="0.25">
      <c r="A2476">
        <v>2788</v>
      </c>
      <c r="B2476" t="s">
        <v>2160</v>
      </c>
      <c r="C2476" t="s">
        <v>1071</v>
      </c>
      <c r="D2476">
        <v>94</v>
      </c>
      <c r="E2476" t="s">
        <v>1614</v>
      </c>
      <c r="F2476" t="s">
        <v>4177</v>
      </c>
      <c r="G2476" t="s">
        <v>656</v>
      </c>
      <c r="H2476">
        <v>2</v>
      </c>
      <c r="I2476">
        <v>2020</v>
      </c>
    </row>
    <row r="2477" spans="1:9" x14ac:dyDescent="0.25">
      <c r="A2477">
        <v>2789</v>
      </c>
      <c r="B2477" t="s">
        <v>2159</v>
      </c>
      <c r="C2477" t="s">
        <v>1071</v>
      </c>
      <c r="D2477">
        <v>94</v>
      </c>
      <c r="E2477" t="s">
        <v>1614</v>
      </c>
      <c r="F2477" t="s">
        <v>4177</v>
      </c>
      <c r="G2477" t="s">
        <v>656</v>
      </c>
      <c r="H2477">
        <v>2</v>
      </c>
      <c r="I2477">
        <v>2020</v>
      </c>
    </row>
    <row r="2478" spans="1:9" x14ac:dyDescent="0.25">
      <c r="A2478">
        <v>2790</v>
      </c>
      <c r="B2478" t="s">
        <v>4718</v>
      </c>
      <c r="C2478" t="s">
        <v>1071</v>
      </c>
      <c r="D2478">
        <v>94</v>
      </c>
      <c r="E2478" t="s">
        <v>1614</v>
      </c>
      <c r="F2478" t="s">
        <v>4177</v>
      </c>
      <c r="G2478" t="s">
        <v>656</v>
      </c>
      <c r="H2478">
        <v>2</v>
      </c>
      <c r="I2478">
        <v>2020</v>
      </c>
    </row>
    <row r="2479" spans="1:9" x14ac:dyDescent="0.25">
      <c r="A2479">
        <v>2791</v>
      </c>
      <c r="B2479" t="s">
        <v>2158</v>
      </c>
      <c r="C2479" t="s">
        <v>1071</v>
      </c>
      <c r="D2479">
        <v>94</v>
      </c>
      <c r="E2479" t="s">
        <v>1614</v>
      </c>
      <c r="F2479" t="s">
        <v>4177</v>
      </c>
      <c r="G2479" t="s">
        <v>656</v>
      </c>
      <c r="H2479">
        <v>2</v>
      </c>
      <c r="I2479">
        <v>2020</v>
      </c>
    </row>
    <row r="2480" spans="1:9" x14ac:dyDescent="0.25">
      <c r="A2480">
        <v>2792</v>
      </c>
      <c r="B2480" t="s">
        <v>2157</v>
      </c>
      <c r="C2480" t="s">
        <v>1071</v>
      </c>
      <c r="D2480">
        <v>94</v>
      </c>
      <c r="E2480" t="s">
        <v>1614</v>
      </c>
      <c r="F2480" t="s">
        <v>4177</v>
      </c>
      <c r="G2480" t="s">
        <v>656</v>
      </c>
      <c r="H2480">
        <v>2</v>
      </c>
      <c r="I2480">
        <v>2020</v>
      </c>
    </row>
    <row r="2481" spans="1:9" x14ac:dyDescent="0.25">
      <c r="A2481">
        <v>2793</v>
      </c>
      <c r="B2481" t="s">
        <v>2156</v>
      </c>
      <c r="C2481" t="s">
        <v>1071</v>
      </c>
      <c r="D2481">
        <v>94</v>
      </c>
      <c r="E2481" t="s">
        <v>1614</v>
      </c>
      <c r="F2481" t="s">
        <v>4177</v>
      </c>
      <c r="G2481" t="s">
        <v>656</v>
      </c>
      <c r="H2481">
        <v>2</v>
      </c>
      <c r="I2481">
        <v>2020</v>
      </c>
    </row>
    <row r="2482" spans="1:9" x14ac:dyDescent="0.25">
      <c r="A2482">
        <v>2794</v>
      </c>
      <c r="B2482" t="s">
        <v>4719</v>
      </c>
      <c r="C2482" t="s">
        <v>1071</v>
      </c>
      <c r="D2482">
        <v>94</v>
      </c>
      <c r="E2482" t="s">
        <v>1614</v>
      </c>
      <c r="F2482" t="s">
        <v>4177</v>
      </c>
      <c r="G2482" t="s">
        <v>656</v>
      </c>
      <c r="H2482">
        <v>2</v>
      </c>
      <c r="I2482">
        <v>2020</v>
      </c>
    </row>
    <row r="2483" spans="1:9" x14ac:dyDescent="0.25">
      <c r="A2483">
        <v>2795</v>
      </c>
      <c r="B2483" t="s">
        <v>2155</v>
      </c>
      <c r="C2483" t="s">
        <v>1071</v>
      </c>
      <c r="D2483">
        <v>94</v>
      </c>
      <c r="E2483" t="s">
        <v>1614</v>
      </c>
      <c r="F2483" t="s">
        <v>4177</v>
      </c>
      <c r="G2483" t="s">
        <v>656</v>
      </c>
      <c r="H2483">
        <v>2</v>
      </c>
      <c r="I2483">
        <v>2020</v>
      </c>
    </row>
    <row r="2484" spans="1:9" x14ac:dyDescent="0.25">
      <c r="A2484">
        <v>2796</v>
      </c>
      <c r="B2484" t="s">
        <v>2154</v>
      </c>
      <c r="C2484" t="s">
        <v>1071</v>
      </c>
      <c r="D2484">
        <v>94</v>
      </c>
      <c r="E2484" t="s">
        <v>1614</v>
      </c>
      <c r="F2484" t="s">
        <v>4177</v>
      </c>
      <c r="G2484" t="s">
        <v>656</v>
      </c>
      <c r="H2484">
        <v>2</v>
      </c>
      <c r="I2484">
        <v>2020</v>
      </c>
    </row>
    <row r="2485" spans="1:9" x14ac:dyDescent="0.25">
      <c r="A2485">
        <v>2797</v>
      </c>
      <c r="B2485" t="s">
        <v>2153</v>
      </c>
      <c r="C2485" t="s">
        <v>1071</v>
      </c>
      <c r="D2485">
        <v>94</v>
      </c>
      <c r="E2485" t="s">
        <v>1614</v>
      </c>
      <c r="F2485" t="s">
        <v>4177</v>
      </c>
      <c r="G2485" t="s">
        <v>656</v>
      </c>
      <c r="H2485">
        <v>2</v>
      </c>
      <c r="I2485">
        <v>2020</v>
      </c>
    </row>
    <row r="2486" spans="1:9" x14ac:dyDescent="0.25">
      <c r="A2486">
        <v>2798</v>
      </c>
      <c r="B2486" t="s">
        <v>2152</v>
      </c>
      <c r="C2486" t="s">
        <v>1071</v>
      </c>
      <c r="D2486">
        <v>94</v>
      </c>
      <c r="E2486" t="s">
        <v>1614</v>
      </c>
      <c r="F2486" t="s">
        <v>4177</v>
      </c>
      <c r="G2486" t="s">
        <v>656</v>
      </c>
      <c r="H2486">
        <v>2</v>
      </c>
      <c r="I2486">
        <v>2020</v>
      </c>
    </row>
    <row r="2487" spans="1:9" x14ac:dyDescent="0.25">
      <c r="A2487">
        <v>2799</v>
      </c>
      <c r="B2487" t="s">
        <v>2151</v>
      </c>
      <c r="C2487" t="s">
        <v>1071</v>
      </c>
      <c r="D2487">
        <v>94</v>
      </c>
      <c r="E2487" t="s">
        <v>1614</v>
      </c>
      <c r="F2487" t="s">
        <v>4177</v>
      </c>
      <c r="G2487" t="s">
        <v>656</v>
      </c>
      <c r="H2487">
        <v>2</v>
      </c>
      <c r="I2487">
        <v>2020</v>
      </c>
    </row>
    <row r="2488" spans="1:9" x14ac:dyDescent="0.25">
      <c r="A2488">
        <v>2800</v>
      </c>
      <c r="B2488" t="s">
        <v>2150</v>
      </c>
      <c r="C2488" t="s">
        <v>1071</v>
      </c>
      <c r="D2488">
        <v>94</v>
      </c>
      <c r="E2488" t="s">
        <v>1614</v>
      </c>
      <c r="F2488" t="s">
        <v>4177</v>
      </c>
      <c r="G2488" t="s">
        <v>656</v>
      </c>
      <c r="H2488">
        <v>2</v>
      </c>
      <c r="I2488">
        <v>2020</v>
      </c>
    </row>
    <row r="2489" spans="1:9" x14ac:dyDescent="0.25">
      <c r="A2489">
        <v>2801</v>
      </c>
      <c r="B2489" t="s">
        <v>2149</v>
      </c>
      <c r="C2489" t="s">
        <v>1071</v>
      </c>
      <c r="D2489">
        <v>94</v>
      </c>
      <c r="E2489" t="s">
        <v>1614</v>
      </c>
      <c r="F2489" t="s">
        <v>4177</v>
      </c>
      <c r="G2489" t="s">
        <v>656</v>
      </c>
      <c r="H2489">
        <v>2</v>
      </c>
      <c r="I2489">
        <v>2020</v>
      </c>
    </row>
    <row r="2490" spans="1:9" x14ac:dyDescent="0.25">
      <c r="A2490">
        <v>2802</v>
      </c>
      <c r="B2490" t="s">
        <v>2148</v>
      </c>
      <c r="C2490" t="s">
        <v>1071</v>
      </c>
      <c r="D2490">
        <v>94</v>
      </c>
      <c r="E2490" t="s">
        <v>1614</v>
      </c>
      <c r="F2490" t="s">
        <v>4177</v>
      </c>
      <c r="G2490" t="s">
        <v>656</v>
      </c>
      <c r="H2490">
        <v>2</v>
      </c>
      <c r="I2490">
        <v>2020</v>
      </c>
    </row>
    <row r="2491" spans="1:9" x14ac:dyDescent="0.25">
      <c r="A2491">
        <v>2803</v>
      </c>
      <c r="B2491" t="s">
        <v>2147</v>
      </c>
      <c r="C2491" t="s">
        <v>1071</v>
      </c>
      <c r="D2491">
        <v>94</v>
      </c>
      <c r="E2491" t="s">
        <v>1614</v>
      </c>
      <c r="F2491" t="s">
        <v>4177</v>
      </c>
      <c r="G2491" t="s">
        <v>656</v>
      </c>
      <c r="H2491">
        <v>2</v>
      </c>
      <c r="I2491">
        <v>2020</v>
      </c>
    </row>
    <row r="2492" spans="1:9" x14ac:dyDescent="0.25">
      <c r="A2492">
        <v>2804</v>
      </c>
      <c r="B2492" t="s">
        <v>2146</v>
      </c>
      <c r="C2492" t="s">
        <v>1071</v>
      </c>
      <c r="D2492">
        <v>94</v>
      </c>
      <c r="E2492" t="s">
        <v>1614</v>
      </c>
      <c r="F2492" t="s">
        <v>4177</v>
      </c>
      <c r="G2492" t="s">
        <v>656</v>
      </c>
      <c r="H2492">
        <v>2</v>
      </c>
      <c r="I2492">
        <v>2020</v>
      </c>
    </row>
    <row r="2493" spans="1:9" x14ac:dyDescent="0.25">
      <c r="A2493">
        <v>2805</v>
      </c>
      <c r="B2493" t="s">
        <v>2145</v>
      </c>
      <c r="C2493" t="s">
        <v>1071</v>
      </c>
      <c r="D2493">
        <v>94</v>
      </c>
      <c r="E2493" t="s">
        <v>1614</v>
      </c>
      <c r="F2493" t="s">
        <v>4177</v>
      </c>
      <c r="G2493" t="s">
        <v>656</v>
      </c>
      <c r="H2493">
        <v>2</v>
      </c>
      <c r="I2493">
        <v>2020</v>
      </c>
    </row>
    <row r="2494" spans="1:9" x14ac:dyDescent="0.25">
      <c r="A2494">
        <v>2806</v>
      </c>
      <c r="B2494" t="s">
        <v>2144</v>
      </c>
      <c r="C2494" t="s">
        <v>65</v>
      </c>
      <c r="D2494">
        <v>15</v>
      </c>
      <c r="E2494" t="s">
        <v>4176</v>
      </c>
      <c r="F2494" t="s">
        <v>4177</v>
      </c>
      <c r="G2494" t="s">
        <v>656</v>
      </c>
      <c r="H2494">
        <v>2</v>
      </c>
      <c r="I2494">
        <v>2020</v>
      </c>
    </row>
    <row r="2495" spans="1:9" x14ac:dyDescent="0.25">
      <c r="A2495">
        <v>2807</v>
      </c>
      <c r="B2495" t="s">
        <v>2143</v>
      </c>
      <c r="C2495" t="s">
        <v>65</v>
      </c>
      <c r="D2495">
        <v>15</v>
      </c>
      <c r="E2495" t="s">
        <v>4176</v>
      </c>
      <c r="F2495" t="s">
        <v>4177</v>
      </c>
      <c r="G2495" t="s">
        <v>656</v>
      </c>
      <c r="H2495">
        <v>2</v>
      </c>
      <c r="I2495">
        <v>2020</v>
      </c>
    </row>
    <row r="2496" spans="1:9" x14ac:dyDescent="0.25">
      <c r="A2496">
        <v>2808</v>
      </c>
      <c r="B2496" t="s">
        <v>2142</v>
      </c>
      <c r="C2496" t="s">
        <v>65</v>
      </c>
      <c r="D2496">
        <v>15</v>
      </c>
      <c r="E2496" t="s">
        <v>4176</v>
      </c>
      <c r="F2496" t="s">
        <v>4177</v>
      </c>
      <c r="G2496" t="s">
        <v>656</v>
      </c>
      <c r="H2496">
        <v>2</v>
      </c>
      <c r="I2496">
        <v>2020</v>
      </c>
    </row>
    <row r="2497" spans="1:9" x14ac:dyDescent="0.25">
      <c r="A2497">
        <v>2809</v>
      </c>
      <c r="B2497" t="s">
        <v>2141</v>
      </c>
      <c r="C2497" t="s">
        <v>65</v>
      </c>
      <c r="D2497">
        <v>15</v>
      </c>
      <c r="E2497" t="s">
        <v>4176</v>
      </c>
      <c r="F2497" t="s">
        <v>4177</v>
      </c>
      <c r="G2497" t="s">
        <v>656</v>
      </c>
      <c r="H2497">
        <v>2</v>
      </c>
      <c r="I2497">
        <v>2020</v>
      </c>
    </row>
    <row r="2498" spans="1:9" x14ac:dyDescent="0.25">
      <c r="A2498">
        <v>2810</v>
      </c>
      <c r="B2498" t="s">
        <v>2140</v>
      </c>
      <c r="C2498" t="s">
        <v>65</v>
      </c>
      <c r="D2498">
        <v>15</v>
      </c>
      <c r="E2498" t="s">
        <v>4176</v>
      </c>
      <c r="F2498" t="s">
        <v>4177</v>
      </c>
      <c r="G2498" t="s">
        <v>656</v>
      </c>
      <c r="H2498">
        <v>2</v>
      </c>
      <c r="I2498">
        <v>2020</v>
      </c>
    </row>
    <row r="2499" spans="1:9" x14ac:dyDescent="0.25">
      <c r="A2499">
        <v>2811</v>
      </c>
      <c r="B2499" t="s">
        <v>2139</v>
      </c>
      <c r="C2499" t="s">
        <v>65</v>
      </c>
      <c r="D2499">
        <v>15</v>
      </c>
      <c r="E2499" t="s">
        <v>4176</v>
      </c>
      <c r="F2499" t="s">
        <v>4177</v>
      </c>
      <c r="G2499" t="s">
        <v>656</v>
      </c>
      <c r="H2499">
        <v>2</v>
      </c>
      <c r="I2499">
        <v>2020</v>
      </c>
    </row>
    <row r="2500" spans="1:9" x14ac:dyDescent="0.25">
      <c r="A2500">
        <v>2812</v>
      </c>
      <c r="B2500" t="s">
        <v>2138</v>
      </c>
      <c r="C2500" t="s">
        <v>65</v>
      </c>
      <c r="D2500">
        <v>15</v>
      </c>
      <c r="E2500" t="s">
        <v>4176</v>
      </c>
      <c r="F2500" t="s">
        <v>4177</v>
      </c>
      <c r="G2500" t="s">
        <v>656</v>
      </c>
      <c r="H2500">
        <v>2</v>
      </c>
      <c r="I2500">
        <v>2020</v>
      </c>
    </row>
    <row r="2501" spans="1:9" x14ac:dyDescent="0.25">
      <c r="A2501">
        <v>2813</v>
      </c>
      <c r="B2501" t="s">
        <v>2136</v>
      </c>
      <c r="C2501" t="s">
        <v>65</v>
      </c>
      <c r="D2501">
        <v>15</v>
      </c>
      <c r="E2501" t="s">
        <v>4176</v>
      </c>
      <c r="F2501" t="s">
        <v>4177</v>
      </c>
      <c r="G2501" t="s">
        <v>656</v>
      </c>
      <c r="H2501">
        <v>2</v>
      </c>
      <c r="I2501">
        <v>2020</v>
      </c>
    </row>
    <row r="2502" spans="1:9" x14ac:dyDescent="0.25">
      <c r="A2502">
        <v>2814</v>
      </c>
      <c r="B2502" t="s">
        <v>755</v>
      </c>
      <c r="C2502" t="s">
        <v>65</v>
      </c>
      <c r="D2502">
        <v>15</v>
      </c>
      <c r="E2502" t="s">
        <v>4176</v>
      </c>
      <c r="F2502" t="s">
        <v>4177</v>
      </c>
      <c r="G2502" t="s">
        <v>656</v>
      </c>
      <c r="H2502">
        <v>2</v>
      </c>
      <c r="I2502">
        <v>2020</v>
      </c>
    </row>
    <row r="2503" spans="1:9" x14ac:dyDescent="0.25">
      <c r="A2503">
        <v>2815</v>
      </c>
      <c r="B2503" t="s">
        <v>2135</v>
      </c>
      <c r="C2503" t="s">
        <v>65</v>
      </c>
      <c r="D2503">
        <v>15</v>
      </c>
      <c r="E2503" t="s">
        <v>4176</v>
      </c>
      <c r="F2503" t="s">
        <v>4177</v>
      </c>
      <c r="G2503" t="s">
        <v>656</v>
      </c>
      <c r="H2503">
        <v>2</v>
      </c>
      <c r="I2503">
        <v>2020</v>
      </c>
    </row>
    <row r="2504" spans="1:9" x14ac:dyDescent="0.25">
      <c r="A2504">
        <v>2816</v>
      </c>
      <c r="B2504" t="s">
        <v>758</v>
      </c>
      <c r="C2504" t="s">
        <v>65</v>
      </c>
      <c r="D2504">
        <v>15</v>
      </c>
      <c r="E2504" t="s">
        <v>4176</v>
      </c>
      <c r="F2504" t="s">
        <v>4177</v>
      </c>
      <c r="G2504" t="s">
        <v>656</v>
      </c>
      <c r="H2504">
        <v>2</v>
      </c>
      <c r="I2504">
        <v>2020</v>
      </c>
    </row>
    <row r="2505" spans="1:9" x14ac:dyDescent="0.25">
      <c r="A2505">
        <v>2817</v>
      </c>
      <c r="B2505" t="s">
        <v>2134</v>
      </c>
      <c r="C2505" t="s">
        <v>65</v>
      </c>
      <c r="D2505">
        <v>15</v>
      </c>
      <c r="E2505" t="s">
        <v>4176</v>
      </c>
      <c r="F2505" t="s">
        <v>4177</v>
      </c>
      <c r="G2505" t="s">
        <v>656</v>
      </c>
      <c r="H2505">
        <v>2</v>
      </c>
      <c r="I2505">
        <v>2020</v>
      </c>
    </row>
    <row r="2506" spans="1:9" x14ac:dyDescent="0.25">
      <c r="A2506">
        <v>2818</v>
      </c>
      <c r="B2506" t="s">
        <v>2133</v>
      </c>
      <c r="C2506" t="s">
        <v>65</v>
      </c>
      <c r="D2506">
        <v>15</v>
      </c>
      <c r="E2506" t="s">
        <v>4176</v>
      </c>
      <c r="F2506" t="s">
        <v>4177</v>
      </c>
      <c r="G2506" t="s">
        <v>656</v>
      </c>
      <c r="H2506">
        <v>2</v>
      </c>
      <c r="I2506">
        <v>2020</v>
      </c>
    </row>
    <row r="2507" spans="1:9" x14ac:dyDescent="0.25">
      <c r="A2507">
        <v>2819</v>
      </c>
      <c r="B2507" t="s">
        <v>2132</v>
      </c>
      <c r="C2507" t="s">
        <v>65</v>
      </c>
      <c r="D2507">
        <v>15</v>
      </c>
      <c r="E2507" t="s">
        <v>4176</v>
      </c>
      <c r="F2507" t="s">
        <v>4177</v>
      </c>
      <c r="G2507" t="s">
        <v>656</v>
      </c>
      <c r="H2507">
        <v>2</v>
      </c>
      <c r="I2507">
        <v>2020</v>
      </c>
    </row>
    <row r="2508" spans="1:9" x14ac:dyDescent="0.25">
      <c r="A2508">
        <v>2820</v>
      </c>
      <c r="B2508" t="s">
        <v>2131</v>
      </c>
      <c r="C2508" t="s">
        <v>302</v>
      </c>
      <c r="D2508">
        <v>95</v>
      </c>
      <c r="E2508" t="s">
        <v>1614</v>
      </c>
      <c r="F2508" t="s">
        <v>4177</v>
      </c>
      <c r="G2508" t="s">
        <v>656</v>
      </c>
      <c r="H2508">
        <v>2</v>
      </c>
      <c r="I2508">
        <v>2020</v>
      </c>
    </row>
    <row r="2509" spans="1:9" x14ac:dyDescent="0.25">
      <c r="A2509">
        <v>2821</v>
      </c>
      <c r="B2509" t="s">
        <v>2130</v>
      </c>
      <c r="C2509" t="s">
        <v>1022</v>
      </c>
      <c r="D2509">
        <v>85</v>
      </c>
      <c r="E2509" t="s">
        <v>1080</v>
      </c>
      <c r="F2509" t="s">
        <v>4189</v>
      </c>
      <c r="G2509" t="s">
        <v>656</v>
      </c>
      <c r="H2509">
        <v>2</v>
      </c>
      <c r="I2509">
        <v>2020</v>
      </c>
    </row>
    <row r="2510" spans="1:9" x14ac:dyDescent="0.25">
      <c r="A2510">
        <v>2822</v>
      </c>
      <c r="B2510" t="s">
        <v>4720</v>
      </c>
      <c r="C2510" t="s">
        <v>1022</v>
      </c>
      <c r="D2510">
        <v>85</v>
      </c>
      <c r="E2510" t="s">
        <v>1080</v>
      </c>
      <c r="F2510" t="s">
        <v>4189</v>
      </c>
      <c r="G2510" t="s">
        <v>656</v>
      </c>
      <c r="H2510">
        <v>2</v>
      </c>
      <c r="I2510">
        <v>2020</v>
      </c>
    </row>
    <row r="2511" spans="1:9" x14ac:dyDescent="0.25">
      <c r="A2511">
        <v>2823</v>
      </c>
      <c r="B2511" t="s">
        <v>2129</v>
      </c>
      <c r="C2511" t="s">
        <v>802</v>
      </c>
      <c r="D2511">
        <v>12</v>
      </c>
      <c r="E2511" t="s">
        <v>802</v>
      </c>
      <c r="F2511" t="s">
        <v>4171</v>
      </c>
      <c r="G2511" t="s">
        <v>656</v>
      </c>
      <c r="H2511">
        <v>2</v>
      </c>
      <c r="I2511">
        <v>2020</v>
      </c>
    </row>
    <row r="2512" spans="1:9" x14ac:dyDescent="0.25">
      <c r="A2512">
        <v>2824</v>
      </c>
      <c r="B2512" t="s">
        <v>4721</v>
      </c>
      <c r="C2512" t="s">
        <v>802</v>
      </c>
      <c r="D2512">
        <v>12</v>
      </c>
      <c r="E2512" t="s">
        <v>802</v>
      </c>
      <c r="F2512" t="s">
        <v>4171</v>
      </c>
      <c r="G2512" t="s">
        <v>656</v>
      </c>
      <c r="H2512">
        <v>2</v>
      </c>
      <c r="I2512">
        <v>2020</v>
      </c>
    </row>
    <row r="2513" spans="1:9" x14ac:dyDescent="0.25">
      <c r="A2513">
        <v>2825</v>
      </c>
      <c r="B2513" t="s">
        <v>2128</v>
      </c>
      <c r="C2513" t="s">
        <v>785</v>
      </c>
      <c r="D2513">
        <v>93</v>
      </c>
      <c r="E2513" t="s">
        <v>1614</v>
      </c>
      <c r="F2513" t="s">
        <v>4177</v>
      </c>
      <c r="G2513" t="s">
        <v>656</v>
      </c>
      <c r="H2513">
        <v>2</v>
      </c>
      <c r="I2513">
        <v>2020</v>
      </c>
    </row>
    <row r="2514" spans="1:9" x14ac:dyDescent="0.25">
      <c r="A2514">
        <v>2826</v>
      </c>
      <c r="B2514" t="s">
        <v>2127</v>
      </c>
      <c r="C2514" t="s">
        <v>785</v>
      </c>
      <c r="D2514">
        <v>93</v>
      </c>
      <c r="E2514" t="s">
        <v>1614</v>
      </c>
      <c r="F2514" t="s">
        <v>4177</v>
      </c>
      <c r="G2514" t="s">
        <v>656</v>
      </c>
      <c r="H2514">
        <v>2</v>
      </c>
      <c r="I2514">
        <v>2020</v>
      </c>
    </row>
    <row r="2515" spans="1:9" x14ac:dyDescent="0.25">
      <c r="A2515">
        <v>2827</v>
      </c>
      <c r="B2515" t="s">
        <v>2126</v>
      </c>
      <c r="C2515" t="s">
        <v>103</v>
      </c>
      <c r="D2515">
        <v>86</v>
      </c>
      <c r="E2515" t="s">
        <v>4193</v>
      </c>
      <c r="F2515" t="s">
        <v>4189</v>
      </c>
      <c r="G2515" t="s">
        <v>656</v>
      </c>
      <c r="H2515">
        <v>2</v>
      </c>
      <c r="I2515">
        <v>2020</v>
      </c>
    </row>
    <row r="2516" spans="1:9" x14ac:dyDescent="0.25">
      <c r="A2516">
        <v>2828</v>
      </c>
      <c r="B2516" t="s">
        <v>2125</v>
      </c>
      <c r="C2516" t="s">
        <v>103</v>
      </c>
      <c r="D2516">
        <v>86</v>
      </c>
      <c r="E2516" t="s">
        <v>4193</v>
      </c>
      <c r="F2516" t="s">
        <v>4189</v>
      </c>
      <c r="G2516" t="s">
        <v>656</v>
      </c>
      <c r="H2516">
        <v>2</v>
      </c>
      <c r="I2516">
        <v>2020</v>
      </c>
    </row>
    <row r="2517" spans="1:9" x14ac:dyDescent="0.25">
      <c r="A2517">
        <v>2829</v>
      </c>
      <c r="B2517" t="s">
        <v>2124</v>
      </c>
      <c r="C2517" t="s">
        <v>730</v>
      </c>
      <c r="D2517">
        <v>66</v>
      </c>
      <c r="E2517" t="s">
        <v>4193</v>
      </c>
      <c r="F2517" t="s">
        <v>4189</v>
      </c>
      <c r="G2517" t="s">
        <v>656</v>
      </c>
      <c r="H2517">
        <v>2</v>
      </c>
      <c r="I2517">
        <v>2020</v>
      </c>
    </row>
    <row r="2518" spans="1:9" x14ac:dyDescent="0.25">
      <c r="A2518">
        <v>2830</v>
      </c>
      <c r="B2518" t="s">
        <v>2123</v>
      </c>
      <c r="C2518" t="s">
        <v>785</v>
      </c>
      <c r="D2518">
        <v>93</v>
      </c>
      <c r="E2518" t="s">
        <v>1614</v>
      </c>
      <c r="F2518" t="s">
        <v>4177</v>
      </c>
      <c r="G2518" t="s">
        <v>656</v>
      </c>
      <c r="H2518">
        <v>2</v>
      </c>
      <c r="I2518">
        <v>2020</v>
      </c>
    </row>
    <row r="2519" spans="1:9" x14ac:dyDescent="0.25">
      <c r="A2519">
        <v>2831</v>
      </c>
      <c r="B2519" t="s">
        <v>2122</v>
      </c>
      <c r="C2519" t="s">
        <v>785</v>
      </c>
      <c r="D2519">
        <v>93</v>
      </c>
      <c r="E2519" t="s">
        <v>1614</v>
      </c>
      <c r="F2519" t="s">
        <v>4177</v>
      </c>
      <c r="G2519" t="s">
        <v>656</v>
      </c>
      <c r="H2519">
        <v>2</v>
      </c>
      <c r="I2519">
        <v>2020</v>
      </c>
    </row>
    <row r="2520" spans="1:9" x14ac:dyDescent="0.25">
      <c r="A2520">
        <v>2832</v>
      </c>
      <c r="B2520" t="s">
        <v>2121</v>
      </c>
      <c r="C2520" t="s">
        <v>785</v>
      </c>
      <c r="D2520">
        <v>93</v>
      </c>
      <c r="E2520" t="s">
        <v>1614</v>
      </c>
      <c r="F2520" t="s">
        <v>4177</v>
      </c>
      <c r="G2520" t="s">
        <v>656</v>
      </c>
      <c r="H2520">
        <v>2</v>
      </c>
      <c r="I2520">
        <v>2020</v>
      </c>
    </row>
    <row r="2521" spans="1:9" x14ac:dyDescent="0.25">
      <c r="A2521">
        <v>2833</v>
      </c>
      <c r="B2521" t="s">
        <v>2120</v>
      </c>
      <c r="C2521" t="s">
        <v>785</v>
      </c>
      <c r="D2521">
        <v>93</v>
      </c>
      <c r="E2521" t="s">
        <v>1614</v>
      </c>
      <c r="F2521" t="s">
        <v>4177</v>
      </c>
      <c r="G2521" t="s">
        <v>656</v>
      </c>
      <c r="H2521">
        <v>2</v>
      </c>
      <c r="I2521">
        <v>2020</v>
      </c>
    </row>
    <row r="2522" spans="1:9" x14ac:dyDescent="0.25">
      <c r="A2522">
        <v>2834</v>
      </c>
      <c r="B2522" t="s">
        <v>4722</v>
      </c>
      <c r="C2522" t="s">
        <v>792</v>
      </c>
      <c r="D2522">
        <v>6</v>
      </c>
      <c r="E2522" t="s">
        <v>4169</v>
      </c>
      <c r="F2522" t="s">
        <v>4164</v>
      </c>
      <c r="G2522" t="s">
        <v>656</v>
      </c>
      <c r="H2522">
        <v>2</v>
      </c>
      <c r="I2522">
        <v>2020</v>
      </c>
    </row>
    <row r="2523" spans="1:9" x14ac:dyDescent="0.25">
      <c r="A2523">
        <v>2835</v>
      </c>
      <c r="B2523" t="s">
        <v>4723</v>
      </c>
      <c r="C2523" t="s">
        <v>65</v>
      </c>
      <c r="D2523">
        <v>15</v>
      </c>
      <c r="E2523" t="s">
        <v>4176</v>
      </c>
      <c r="F2523" t="s">
        <v>4177</v>
      </c>
      <c r="G2523" t="s">
        <v>656</v>
      </c>
      <c r="H2523">
        <v>2</v>
      </c>
      <c r="I2523">
        <v>2020</v>
      </c>
    </row>
    <row r="2524" spans="1:9" x14ac:dyDescent="0.25">
      <c r="A2524">
        <v>2836</v>
      </c>
      <c r="B2524" t="s">
        <v>4724</v>
      </c>
      <c r="C2524" t="s">
        <v>65</v>
      </c>
      <c r="D2524">
        <v>15</v>
      </c>
      <c r="E2524" t="s">
        <v>4176</v>
      </c>
      <c r="F2524" t="s">
        <v>4177</v>
      </c>
      <c r="G2524" t="s">
        <v>656</v>
      </c>
      <c r="H2524">
        <v>2</v>
      </c>
      <c r="I2524">
        <v>2020</v>
      </c>
    </row>
    <row r="2525" spans="1:9" x14ac:dyDescent="0.25">
      <c r="A2525">
        <v>2837</v>
      </c>
      <c r="B2525" t="s">
        <v>935</v>
      </c>
      <c r="C2525" t="s">
        <v>65</v>
      </c>
      <c r="D2525">
        <v>15</v>
      </c>
      <c r="E2525" t="s">
        <v>4176</v>
      </c>
      <c r="F2525" t="s">
        <v>4177</v>
      </c>
      <c r="G2525" t="s">
        <v>656</v>
      </c>
      <c r="H2525">
        <v>2</v>
      </c>
      <c r="I2525">
        <v>2020</v>
      </c>
    </row>
    <row r="2526" spans="1:9" x14ac:dyDescent="0.25">
      <c r="A2526">
        <v>2838</v>
      </c>
      <c r="B2526" t="s">
        <v>2119</v>
      </c>
      <c r="C2526" t="s">
        <v>894</v>
      </c>
      <c r="D2526">
        <v>18</v>
      </c>
      <c r="E2526" t="s">
        <v>894</v>
      </c>
      <c r="F2526" t="s">
        <v>4177</v>
      </c>
      <c r="G2526" t="s">
        <v>656</v>
      </c>
      <c r="H2526">
        <v>2</v>
      </c>
      <c r="I2526">
        <v>2020</v>
      </c>
    </row>
    <row r="2527" spans="1:9" x14ac:dyDescent="0.25">
      <c r="A2527">
        <v>2839</v>
      </c>
      <c r="B2527" t="s">
        <v>4725</v>
      </c>
      <c r="C2527" t="s">
        <v>894</v>
      </c>
      <c r="D2527">
        <v>18</v>
      </c>
      <c r="E2527" t="s">
        <v>894</v>
      </c>
      <c r="F2527" t="s">
        <v>4177</v>
      </c>
      <c r="G2527" t="s">
        <v>656</v>
      </c>
      <c r="H2527">
        <v>2</v>
      </c>
      <c r="I2527">
        <v>2020</v>
      </c>
    </row>
    <row r="2528" spans="1:9" x14ac:dyDescent="0.25">
      <c r="A2528">
        <v>2840</v>
      </c>
      <c r="B2528" t="s">
        <v>2118</v>
      </c>
      <c r="C2528" t="s">
        <v>301</v>
      </c>
      <c r="D2528">
        <v>26</v>
      </c>
      <c r="E2528" t="s">
        <v>4179</v>
      </c>
      <c r="F2528" t="s">
        <v>4177</v>
      </c>
      <c r="G2528" t="s">
        <v>656</v>
      </c>
      <c r="H2528">
        <v>2</v>
      </c>
      <c r="I2528">
        <v>2020</v>
      </c>
    </row>
    <row r="2529" spans="1:9" x14ac:dyDescent="0.25">
      <c r="A2529">
        <v>2841</v>
      </c>
      <c r="B2529" t="s">
        <v>2117</v>
      </c>
      <c r="C2529" t="s">
        <v>301</v>
      </c>
      <c r="D2529">
        <v>26</v>
      </c>
      <c r="E2529" t="s">
        <v>4179</v>
      </c>
      <c r="F2529" t="s">
        <v>4177</v>
      </c>
      <c r="G2529" t="s">
        <v>656</v>
      </c>
      <c r="H2529">
        <v>2</v>
      </c>
      <c r="I2529">
        <v>2020</v>
      </c>
    </row>
    <row r="2530" spans="1:9" x14ac:dyDescent="0.25">
      <c r="A2530">
        <v>2842</v>
      </c>
      <c r="B2530" t="s">
        <v>2116</v>
      </c>
      <c r="C2530" t="s">
        <v>301</v>
      </c>
      <c r="D2530">
        <v>26</v>
      </c>
      <c r="E2530" t="s">
        <v>4179</v>
      </c>
      <c r="F2530" t="s">
        <v>4177</v>
      </c>
      <c r="G2530" t="s">
        <v>656</v>
      </c>
      <c r="H2530">
        <v>2</v>
      </c>
      <c r="I2530">
        <v>2020</v>
      </c>
    </row>
    <row r="2531" spans="1:9" x14ac:dyDescent="0.25">
      <c r="A2531">
        <v>2843</v>
      </c>
      <c r="B2531" t="s">
        <v>1985</v>
      </c>
      <c r="C2531" t="s">
        <v>301</v>
      </c>
      <c r="D2531">
        <v>26</v>
      </c>
      <c r="E2531" t="s">
        <v>4179</v>
      </c>
      <c r="F2531" t="s">
        <v>4177</v>
      </c>
      <c r="G2531" t="s">
        <v>656</v>
      </c>
      <c r="H2531">
        <v>2</v>
      </c>
      <c r="I2531">
        <v>2020</v>
      </c>
    </row>
    <row r="2532" spans="1:9" x14ac:dyDescent="0.25">
      <c r="A2532">
        <v>2844</v>
      </c>
      <c r="B2532" t="s">
        <v>2115</v>
      </c>
      <c r="C2532" t="s">
        <v>301</v>
      </c>
      <c r="D2532">
        <v>26</v>
      </c>
      <c r="E2532" t="s">
        <v>4179</v>
      </c>
      <c r="F2532" t="s">
        <v>4177</v>
      </c>
      <c r="G2532" t="s">
        <v>656</v>
      </c>
      <c r="H2532">
        <v>2</v>
      </c>
      <c r="I2532">
        <v>2020</v>
      </c>
    </row>
    <row r="2533" spans="1:9" x14ac:dyDescent="0.25">
      <c r="A2533">
        <v>2845</v>
      </c>
      <c r="B2533" t="s">
        <v>4726</v>
      </c>
      <c r="C2533" t="s">
        <v>807</v>
      </c>
      <c r="D2533">
        <v>25</v>
      </c>
      <c r="E2533" t="s">
        <v>4179</v>
      </c>
      <c r="F2533" t="s">
        <v>4177</v>
      </c>
      <c r="G2533" t="s">
        <v>656</v>
      </c>
      <c r="H2533">
        <v>2</v>
      </c>
      <c r="I2533">
        <v>2020</v>
      </c>
    </row>
    <row r="2534" spans="1:9" x14ac:dyDescent="0.25">
      <c r="A2534">
        <v>2846</v>
      </c>
      <c r="B2534" t="s">
        <v>2113</v>
      </c>
      <c r="C2534" t="s">
        <v>807</v>
      </c>
      <c r="D2534">
        <v>25</v>
      </c>
      <c r="E2534" t="s">
        <v>4179</v>
      </c>
      <c r="F2534" t="s">
        <v>4177</v>
      </c>
      <c r="G2534" t="s">
        <v>656</v>
      </c>
      <c r="H2534">
        <v>2</v>
      </c>
      <c r="I2534">
        <v>2020</v>
      </c>
    </row>
    <row r="2535" spans="1:9" x14ac:dyDescent="0.25">
      <c r="A2535">
        <v>2847</v>
      </c>
      <c r="B2535" t="s">
        <v>4727</v>
      </c>
      <c r="C2535" t="s">
        <v>955</v>
      </c>
      <c r="D2535">
        <v>29</v>
      </c>
      <c r="E2535" t="s">
        <v>4179</v>
      </c>
      <c r="F2535" t="s">
        <v>4177</v>
      </c>
      <c r="G2535" t="s">
        <v>656</v>
      </c>
      <c r="H2535">
        <v>2</v>
      </c>
      <c r="I2535">
        <v>2020</v>
      </c>
    </row>
    <row r="2536" spans="1:9" x14ac:dyDescent="0.25">
      <c r="A2536">
        <v>2849</v>
      </c>
      <c r="B2536" t="s">
        <v>4728</v>
      </c>
      <c r="C2536" t="s">
        <v>955</v>
      </c>
      <c r="D2536">
        <v>29</v>
      </c>
      <c r="E2536" t="s">
        <v>4179</v>
      </c>
      <c r="F2536" t="s">
        <v>4177</v>
      </c>
      <c r="G2536" t="s">
        <v>656</v>
      </c>
      <c r="H2536">
        <v>2</v>
      </c>
      <c r="I2536">
        <v>2020</v>
      </c>
    </row>
    <row r="2537" spans="1:9" x14ac:dyDescent="0.25">
      <c r="A2537">
        <v>2850</v>
      </c>
      <c r="B2537" t="s">
        <v>2111</v>
      </c>
      <c r="C2537" t="s">
        <v>955</v>
      </c>
      <c r="D2537">
        <v>29</v>
      </c>
      <c r="E2537" t="s">
        <v>4179</v>
      </c>
      <c r="F2537" t="s">
        <v>4177</v>
      </c>
      <c r="G2537" t="s">
        <v>656</v>
      </c>
      <c r="H2537">
        <v>2</v>
      </c>
      <c r="I2537">
        <v>2020</v>
      </c>
    </row>
    <row r="2538" spans="1:9" x14ac:dyDescent="0.25">
      <c r="A2538">
        <v>2851</v>
      </c>
      <c r="B2538" t="s">
        <v>4729</v>
      </c>
      <c r="C2538" t="s">
        <v>802</v>
      </c>
      <c r="D2538">
        <v>12</v>
      </c>
      <c r="E2538" t="s">
        <v>802</v>
      </c>
      <c r="F2538" t="s">
        <v>4171</v>
      </c>
      <c r="G2538" t="s">
        <v>656</v>
      </c>
      <c r="H2538">
        <v>2</v>
      </c>
      <c r="I2538">
        <v>2020</v>
      </c>
    </row>
    <row r="2539" spans="1:9" x14ac:dyDescent="0.25">
      <c r="A2539">
        <v>2852</v>
      </c>
      <c r="B2539" t="s">
        <v>4730</v>
      </c>
      <c r="C2539" t="s">
        <v>802</v>
      </c>
      <c r="D2539">
        <v>12</v>
      </c>
      <c r="E2539" t="s">
        <v>802</v>
      </c>
      <c r="F2539" t="s">
        <v>4171</v>
      </c>
      <c r="G2539" t="s">
        <v>656</v>
      </c>
      <c r="H2539">
        <v>2</v>
      </c>
      <c r="I2539">
        <v>2020</v>
      </c>
    </row>
    <row r="2540" spans="1:9" x14ac:dyDescent="0.25">
      <c r="A2540">
        <v>2853</v>
      </c>
      <c r="B2540" t="s">
        <v>4731</v>
      </c>
      <c r="C2540" t="s">
        <v>663</v>
      </c>
      <c r="D2540">
        <v>99</v>
      </c>
      <c r="E2540" t="s">
        <v>663</v>
      </c>
      <c r="F2540" t="s">
        <v>4171</v>
      </c>
      <c r="G2540" t="s">
        <v>656</v>
      </c>
      <c r="H2540">
        <v>2</v>
      </c>
      <c r="I2540">
        <v>2020</v>
      </c>
    </row>
    <row r="2541" spans="1:9" x14ac:dyDescent="0.25">
      <c r="A2541">
        <v>2854</v>
      </c>
      <c r="B2541" t="s">
        <v>2108</v>
      </c>
      <c r="C2541" t="s">
        <v>65</v>
      </c>
      <c r="D2541">
        <v>15</v>
      </c>
      <c r="E2541" t="s">
        <v>4176</v>
      </c>
      <c r="F2541" t="s">
        <v>4177</v>
      </c>
      <c r="G2541" t="s">
        <v>656</v>
      </c>
      <c r="H2541">
        <v>2</v>
      </c>
      <c r="I2541">
        <v>2020</v>
      </c>
    </row>
    <row r="2542" spans="1:9" x14ac:dyDescent="0.25">
      <c r="A2542">
        <v>2855</v>
      </c>
      <c r="B2542" t="s">
        <v>4732</v>
      </c>
      <c r="C2542" t="s">
        <v>65</v>
      </c>
      <c r="D2542">
        <v>15</v>
      </c>
      <c r="E2542" t="s">
        <v>4176</v>
      </c>
      <c r="F2542" t="s">
        <v>4177</v>
      </c>
      <c r="G2542" t="s">
        <v>656</v>
      </c>
      <c r="H2542">
        <v>2</v>
      </c>
      <c r="I2542">
        <v>2020</v>
      </c>
    </row>
    <row r="2543" spans="1:9" x14ac:dyDescent="0.25">
      <c r="A2543">
        <v>2856</v>
      </c>
      <c r="B2543" t="s">
        <v>4733</v>
      </c>
      <c r="C2543" t="s">
        <v>65</v>
      </c>
      <c r="D2543">
        <v>15</v>
      </c>
      <c r="E2543" t="s">
        <v>4176</v>
      </c>
      <c r="F2543" t="s">
        <v>4177</v>
      </c>
      <c r="G2543" t="s">
        <v>656</v>
      </c>
      <c r="H2543">
        <v>2</v>
      </c>
      <c r="I2543">
        <v>2020</v>
      </c>
    </row>
    <row r="2544" spans="1:9" x14ac:dyDescent="0.25">
      <c r="A2544">
        <v>2857</v>
      </c>
      <c r="B2544" t="s">
        <v>2107</v>
      </c>
      <c r="C2544" t="s">
        <v>65</v>
      </c>
      <c r="D2544">
        <v>15</v>
      </c>
      <c r="E2544" t="s">
        <v>4176</v>
      </c>
      <c r="F2544" t="s">
        <v>4177</v>
      </c>
      <c r="G2544" t="s">
        <v>656</v>
      </c>
      <c r="H2544">
        <v>2</v>
      </c>
      <c r="I2544">
        <v>2020</v>
      </c>
    </row>
    <row r="2545" spans="1:9" x14ac:dyDescent="0.25">
      <c r="A2545">
        <v>2858</v>
      </c>
      <c r="B2545" t="s">
        <v>2106</v>
      </c>
      <c r="C2545" t="s">
        <v>65</v>
      </c>
      <c r="D2545">
        <v>15</v>
      </c>
      <c r="E2545" t="s">
        <v>4176</v>
      </c>
      <c r="F2545" t="s">
        <v>4177</v>
      </c>
      <c r="G2545" t="s">
        <v>656</v>
      </c>
      <c r="H2545">
        <v>2</v>
      </c>
      <c r="I2545">
        <v>2020</v>
      </c>
    </row>
    <row r="2546" spans="1:9" x14ac:dyDescent="0.25">
      <c r="A2546">
        <v>2859</v>
      </c>
      <c r="B2546" t="s">
        <v>4734</v>
      </c>
      <c r="C2546" t="s">
        <v>807</v>
      </c>
      <c r="D2546">
        <v>25</v>
      </c>
      <c r="E2546" t="s">
        <v>4179</v>
      </c>
      <c r="F2546" t="s">
        <v>4177</v>
      </c>
      <c r="G2546" t="s">
        <v>656</v>
      </c>
      <c r="H2546">
        <v>2</v>
      </c>
      <c r="I2546">
        <v>2020</v>
      </c>
    </row>
    <row r="2547" spans="1:9" x14ac:dyDescent="0.25">
      <c r="A2547">
        <v>2860</v>
      </c>
      <c r="B2547" t="s">
        <v>4735</v>
      </c>
      <c r="C2547" t="s">
        <v>807</v>
      </c>
      <c r="D2547">
        <v>25</v>
      </c>
      <c r="E2547" t="s">
        <v>4179</v>
      </c>
      <c r="F2547" t="s">
        <v>4177</v>
      </c>
      <c r="G2547" t="s">
        <v>656</v>
      </c>
      <c r="H2547">
        <v>2</v>
      </c>
      <c r="I2547">
        <v>2020</v>
      </c>
    </row>
    <row r="2548" spans="1:9" x14ac:dyDescent="0.25">
      <c r="A2548">
        <v>2861</v>
      </c>
      <c r="B2548" t="s">
        <v>2105</v>
      </c>
      <c r="C2548" t="s">
        <v>807</v>
      </c>
      <c r="D2548">
        <v>25</v>
      </c>
      <c r="E2548" t="s">
        <v>4179</v>
      </c>
      <c r="F2548" t="s">
        <v>4177</v>
      </c>
      <c r="G2548" t="s">
        <v>656</v>
      </c>
      <c r="H2548">
        <v>2</v>
      </c>
      <c r="I2548">
        <v>2020</v>
      </c>
    </row>
    <row r="2549" spans="1:9" x14ac:dyDescent="0.25">
      <c r="A2549">
        <v>2862</v>
      </c>
      <c r="B2549" t="s">
        <v>2104</v>
      </c>
      <c r="C2549" t="s">
        <v>868</v>
      </c>
      <c r="D2549">
        <v>23</v>
      </c>
      <c r="E2549" t="s">
        <v>4178</v>
      </c>
      <c r="F2549" t="s">
        <v>4177</v>
      </c>
      <c r="G2549" t="s">
        <v>656</v>
      </c>
      <c r="H2549">
        <v>2</v>
      </c>
      <c r="I2549">
        <v>2020</v>
      </c>
    </row>
    <row r="2550" spans="1:9" x14ac:dyDescent="0.25">
      <c r="A2550">
        <v>2863</v>
      </c>
      <c r="B2550" t="s">
        <v>2103</v>
      </c>
      <c r="C2550" t="s">
        <v>868</v>
      </c>
      <c r="D2550">
        <v>23</v>
      </c>
      <c r="E2550" t="s">
        <v>4178</v>
      </c>
      <c r="F2550" t="s">
        <v>4177</v>
      </c>
      <c r="G2550" t="s">
        <v>656</v>
      </c>
      <c r="H2550">
        <v>2</v>
      </c>
      <c r="I2550">
        <v>2020</v>
      </c>
    </row>
    <row r="2551" spans="1:9" x14ac:dyDescent="0.25">
      <c r="A2551">
        <v>2864</v>
      </c>
      <c r="B2551" t="s">
        <v>2102</v>
      </c>
      <c r="C2551" t="s">
        <v>868</v>
      </c>
      <c r="D2551">
        <v>23</v>
      </c>
      <c r="E2551" t="s">
        <v>4178</v>
      </c>
      <c r="F2551" t="s">
        <v>4177</v>
      </c>
      <c r="G2551" t="s">
        <v>656</v>
      </c>
      <c r="H2551">
        <v>2</v>
      </c>
      <c r="I2551">
        <v>2020</v>
      </c>
    </row>
    <row r="2552" spans="1:9" x14ac:dyDescent="0.25">
      <c r="A2552">
        <v>2865</v>
      </c>
      <c r="B2552" t="s">
        <v>2101</v>
      </c>
      <c r="C2552" t="s">
        <v>868</v>
      </c>
      <c r="D2552">
        <v>23</v>
      </c>
      <c r="E2552" t="s">
        <v>4178</v>
      </c>
      <c r="F2552" t="s">
        <v>4177</v>
      </c>
      <c r="G2552" t="s">
        <v>656</v>
      </c>
      <c r="H2552">
        <v>2</v>
      </c>
      <c r="I2552">
        <v>2020</v>
      </c>
    </row>
    <row r="2553" spans="1:9" x14ac:dyDescent="0.25">
      <c r="A2553">
        <v>2866</v>
      </c>
      <c r="B2553" t="s">
        <v>2100</v>
      </c>
      <c r="C2553" t="s">
        <v>868</v>
      </c>
      <c r="D2553">
        <v>23</v>
      </c>
      <c r="E2553" t="s">
        <v>4178</v>
      </c>
      <c r="F2553" t="s">
        <v>4177</v>
      </c>
      <c r="G2553" t="s">
        <v>656</v>
      </c>
      <c r="H2553">
        <v>2</v>
      </c>
      <c r="I2553">
        <v>2020</v>
      </c>
    </row>
    <row r="2554" spans="1:9" x14ac:dyDescent="0.25">
      <c r="A2554">
        <v>2867</v>
      </c>
      <c r="B2554" t="s">
        <v>2098</v>
      </c>
      <c r="C2554" t="s">
        <v>868</v>
      </c>
      <c r="D2554">
        <v>23</v>
      </c>
      <c r="E2554" t="s">
        <v>4178</v>
      </c>
      <c r="F2554" t="s">
        <v>4177</v>
      </c>
      <c r="G2554" t="s">
        <v>656</v>
      </c>
      <c r="H2554">
        <v>2</v>
      </c>
      <c r="I2554">
        <v>2020</v>
      </c>
    </row>
    <row r="2555" spans="1:9" x14ac:dyDescent="0.25">
      <c r="A2555">
        <v>2868</v>
      </c>
      <c r="B2555" t="s">
        <v>2097</v>
      </c>
      <c r="C2555" t="s">
        <v>868</v>
      </c>
      <c r="D2555">
        <v>23</v>
      </c>
      <c r="E2555" t="s">
        <v>4178</v>
      </c>
      <c r="F2555" t="s">
        <v>4177</v>
      </c>
      <c r="G2555" t="s">
        <v>656</v>
      </c>
      <c r="H2555">
        <v>2</v>
      </c>
      <c r="I2555">
        <v>2020</v>
      </c>
    </row>
    <row r="2556" spans="1:9" x14ac:dyDescent="0.25">
      <c r="A2556">
        <v>2869</v>
      </c>
      <c r="B2556" t="s">
        <v>4736</v>
      </c>
      <c r="C2556" t="s">
        <v>868</v>
      </c>
      <c r="D2556">
        <v>23</v>
      </c>
      <c r="E2556" t="s">
        <v>4178</v>
      </c>
      <c r="F2556" t="s">
        <v>4177</v>
      </c>
      <c r="G2556" t="s">
        <v>656</v>
      </c>
      <c r="H2556">
        <v>2</v>
      </c>
      <c r="I2556">
        <v>2020</v>
      </c>
    </row>
    <row r="2557" spans="1:9" x14ac:dyDescent="0.25">
      <c r="A2557">
        <v>2872</v>
      </c>
      <c r="B2557" t="s">
        <v>2095</v>
      </c>
      <c r="C2557" t="s">
        <v>752</v>
      </c>
      <c r="D2557">
        <v>90</v>
      </c>
      <c r="E2557" t="s">
        <v>752</v>
      </c>
      <c r="F2557" t="s">
        <v>4168</v>
      </c>
      <c r="G2557" t="s">
        <v>656</v>
      </c>
      <c r="H2557">
        <v>2</v>
      </c>
      <c r="I2557">
        <v>2020</v>
      </c>
    </row>
    <row r="2558" spans="1:9" x14ac:dyDescent="0.25">
      <c r="A2558">
        <v>2873</v>
      </c>
      <c r="B2558" t="s">
        <v>4737</v>
      </c>
      <c r="C2558" t="s">
        <v>301</v>
      </c>
      <c r="D2558">
        <v>26</v>
      </c>
      <c r="E2558" t="s">
        <v>4179</v>
      </c>
      <c r="F2558" t="s">
        <v>4177</v>
      </c>
      <c r="G2558" t="s">
        <v>656</v>
      </c>
      <c r="H2558">
        <v>2</v>
      </c>
      <c r="I2558">
        <v>2020</v>
      </c>
    </row>
    <row r="2559" spans="1:9" x14ac:dyDescent="0.25">
      <c r="A2559">
        <v>2874</v>
      </c>
      <c r="B2559" t="s">
        <v>4738</v>
      </c>
      <c r="C2559" t="s">
        <v>65</v>
      </c>
      <c r="D2559">
        <v>15</v>
      </c>
      <c r="E2559" t="s">
        <v>4176</v>
      </c>
      <c r="F2559" t="s">
        <v>4177</v>
      </c>
      <c r="G2559" t="s">
        <v>656</v>
      </c>
      <c r="H2559">
        <v>2</v>
      </c>
      <c r="I2559">
        <v>2020</v>
      </c>
    </row>
    <row r="2560" spans="1:9" x14ac:dyDescent="0.25">
      <c r="A2560">
        <v>2875</v>
      </c>
      <c r="B2560" t="s">
        <v>2094</v>
      </c>
      <c r="C2560" t="s">
        <v>65</v>
      </c>
      <c r="D2560">
        <v>15</v>
      </c>
      <c r="E2560" t="s">
        <v>4176</v>
      </c>
      <c r="F2560" t="s">
        <v>4177</v>
      </c>
      <c r="G2560" t="s">
        <v>656</v>
      </c>
      <c r="H2560">
        <v>2</v>
      </c>
      <c r="I2560">
        <v>2020</v>
      </c>
    </row>
    <row r="2561" spans="1:9" x14ac:dyDescent="0.25">
      <c r="A2561">
        <v>2876</v>
      </c>
      <c r="B2561" t="s">
        <v>4739</v>
      </c>
      <c r="C2561" t="s">
        <v>807</v>
      </c>
      <c r="D2561">
        <v>25</v>
      </c>
      <c r="E2561" t="s">
        <v>4179</v>
      </c>
      <c r="F2561" t="s">
        <v>4177</v>
      </c>
      <c r="G2561" t="s">
        <v>656</v>
      </c>
      <c r="H2561">
        <v>2</v>
      </c>
      <c r="I2561">
        <v>2020</v>
      </c>
    </row>
    <row r="2562" spans="1:9" x14ac:dyDescent="0.25">
      <c r="A2562">
        <v>2877</v>
      </c>
      <c r="B2562" t="s">
        <v>4740</v>
      </c>
      <c r="C2562" t="s">
        <v>807</v>
      </c>
      <c r="D2562">
        <v>25</v>
      </c>
      <c r="E2562" t="s">
        <v>4179</v>
      </c>
      <c r="F2562" t="s">
        <v>4177</v>
      </c>
      <c r="G2562" t="s">
        <v>656</v>
      </c>
      <c r="H2562">
        <v>2</v>
      </c>
      <c r="I2562">
        <v>2020</v>
      </c>
    </row>
    <row r="2563" spans="1:9" x14ac:dyDescent="0.25">
      <c r="A2563">
        <v>2878</v>
      </c>
      <c r="B2563" t="s">
        <v>4741</v>
      </c>
      <c r="C2563" t="s">
        <v>807</v>
      </c>
      <c r="D2563">
        <v>25</v>
      </c>
      <c r="E2563" t="s">
        <v>4179</v>
      </c>
      <c r="F2563" t="s">
        <v>4177</v>
      </c>
      <c r="G2563" t="s">
        <v>656</v>
      </c>
      <c r="H2563">
        <v>2</v>
      </c>
      <c r="I2563">
        <v>2020</v>
      </c>
    </row>
    <row r="2564" spans="1:9" x14ac:dyDescent="0.25">
      <c r="A2564">
        <v>2879</v>
      </c>
      <c r="B2564" t="s">
        <v>4742</v>
      </c>
      <c r="C2564" t="s">
        <v>807</v>
      </c>
      <c r="D2564">
        <v>25</v>
      </c>
      <c r="E2564" t="s">
        <v>4179</v>
      </c>
      <c r="F2564" t="s">
        <v>4177</v>
      </c>
      <c r="G2564" t="s">
        <v>656</v>
      </c>
      <c r="H2564">
        <v>2</v>
      </c>
      <c r="I2564">
        <v>2020</v>
      </c>
    </row>
    <row r="2565" spans="1:9" x14ac:dyDescent="0.25">
      <c r="A2565">
        <v>2880</v>
      </c>
      <c r="B2565" t="s">
        <v>2093</v>
      </c>
      <c r="C2565" t="s">
        <v>299</v>
      </c>
      <c r="D2565">
        <v>27</v>
      </c>
      <c r="E2565" t="s">
        <v>4179</v>
      </c>
      <c r="F2565" t="s">
        <v>4177</v>
      </c>
      <c r="G2565" t="s">
        <v>656</v>
      </c>
      <c r="H2565">
        <v>2</v>
      </c>
      <c r="I2565">
        <v>2020</v>
      </c>
    </row>
    <row r="2566" spans="1:9" x14ac:dyDescent="0.25">
      <c r="A2566">
        <v>2881</v>
      </c>
      <c r="B2566" t="s">
        <v>2092</v>
      </c>
      <c r="C2566" t="s">
        <v>299</v>
      </c>
      <c r="D2566">
        <v>27</v>
      </c>
      <c r="E2566" t="s">
        <v>4179</v>
      </c>
      <c r="F2566" t="s">
        <v>4177</v>
      </c>
      <c r="G2566" t="s">
        <v>656</v>
      </c>
      <c r="H2566">
        <v>2</v>
      </c>
      <c r="I2566">
        <v>2020</v>
      </c>
    </row>
    <row r="2567" spans="1:9" x14ac:dyDescent="0.25">
      <c r="A2567">
        <v>2882</v>
      </c>
      <c r="B2567" t="s">
        <v>2091</v>
      </c>
      <c r="C2567" t="s">
        <v>299</v>
      </c>
      <c r="D2567">
        <v>27</v>
      </c>
      <c r="E2567" t="s">
        <v>4179</v>
      </c>
      <c r="F2567" t="s">
        <v>4177</v>
      </c>
      <c r="G2567" t="s">
        <v>656</v>
      </c>
      <c r="H2567">
        <v>2</v>
      </c>
      <c r="I2567">
        <v>2020</v>
      </c>
    </row>
    <row r="2568" spans="1:9" x14ac:dyDescent="0.25">
      <c r="A2568">
        <v>2883</v>
      </c>
      <c r="B2568" t="s">
        <v>1058</v>
      </c>
      <c r="C2568" t="s">
        <v>682</v>
      </c>
      <c r="D2568">
        <v>20</v>
      </c>
      <c r="E2568" t="s">
        <v>682</v>
      </c>
      <c r="F2568" t="s">
        <v>4177</v>
      </c>
      <c r="G2568" t="s">
        <v>656</v>
      </c>
      <c r="H2568">
        <v>2</v>
      </c>
      <c r="I2568">
        <v>2020</v>
      </c>
    </row>
    <row r="2569" spans="1:9" x14ac:dyDescent="0.25">
      <c r="A2569">
        <v>2884</v>
      </c>
      <c r="B2569" t="s">
        <v>2090</v>
      </c>
      <c r="C2569" t="s">
        <v>682</v>
      </c>
      <c r="D2569">
        <v>20</v>
      </c>
      <c r="E2569" t="s">
        <v>682</v>
      </c>
      <c r="F2569" t="s">
        <v>4177</v>
      </c>
      <c r="G2569" t="s">
        <v>656</v>
      </c>
      <c r="H2569">
        <v>2</v>
      </c>
      <c r="I2569">
        <v>2020</v>
      </c>
    </row>
    <row r="2570" spans="1:9" x14ac:dyDescent="0.25">
      <c r="A2570">
        <v>2885</v>
      </c>
      <c r="B2570" t="s">
        <v>991</v>
      </c>
      <c r="C2570" t="s">
        <v>955</v>
      </c>
      <c r="D2570">
        <v>29</v>
      </c>
      <c r="E2570" t="s">
        <v>4179</v>
      </c>
      <c r="F2570" t="s">
        <v>4177</v>
      </c>
      <c r="G2570" t="s">
        <v>656</v>
      </c>
      <c r="H2570">
        <v>2</v>
      </c>
      <c r="I2570">
        <v>2020</v>
      </c>
    </row>
    <row r="2571" spans="1:9" x14ac:dyDescent="0.25">
      <c r="A2571">
        <v>2886</v>
      </c>
      <c r="B2571" t="s">
        <v>4743</v>
      </c>
      <c r="C2571" t="s">
        <v>955</v>
      </c>
      <c r="D2571">
        <v>29</v>
      </c>
      <c r="E2571" t="s">
        <v>4179</v>
      </c>
      <c r="F2571" t="s">
        <v>4177</v>
      </c>
      <c r="G2571" t="s">
        <v>656</v>
      </c>
      <c r="H2571">
        <v>2</v>
      </c>
      <c r="I2571">
        <v>2020</v>
      </c>
    </row>
    <row r="2572" spans="1:9" x14ac:dyDescent="0.25">
      <c r="A2572">
        <v>2887</v>
      </c>
      <c r="B2572" t="s">
        <v>4744</v>
      </c>
      <c r="C2572" t="s">
        <v>955</v>
      </c>
      <c r="D2572">
        <v>29</v>
      </c>
      <c r="E2572" t="s">
        <v>4179</v>
      </c>
      <c r="F2572" t="s">
        <v>4177</v>
      </c>
      <c r="G2572" t="s">
        <v>656</v>
      </c>
      <c r="H2572">
        <v>2</v>
      </c>
      <c r="I2572">
        <v>2020</v>
      </c>
    </row>
    <row r="2573" spans="1:9" x14ac:dyDescent="0.25">
      <c r="A2573">
        <v>2889</v>
      </c>
      <c r="B2573" t="s">
        <v>4745</v>
      </c>
      <c r="C2573" t="s">
        <v>807</v>
      </c>
      <c r="D2573">
        <v>25</v>
      </c>
      <c r="E2573" t="s">
        <v>4179</v>
      </c>
      <c r="F2573" t="s">
        <v>4177</v>
      </c>
      <c r="G2573" t="s">
        <v>656</v>
      </c>
      <c r="H2573">
        <v>2</v>
      </c>
      <c r="I2573">
        <v>2020</v>
      </c>
    </row>
    <row r="2574" spans="1:9" x14ac:dyDescent="0.25">
      <c r="A2574">
        <v>2890</v>
      </c>
      <c r="B2574" t="s">
        <v>4746</v>
      </c>
      <c r="C2574" t="s">
        <v>301</v>
      </c>
      <c r="D2574">
        <v>26</v>
      </c>
      <c r="E2574" t="s">
        <v>4179</v>
      </c>
      <c r="F2574" t="s">
        <v>4177</v>
      </c>
      <c r="G2574" t="s">
        <v>656</v>
      </c>
      <c r="H2574">
        <v>2</v>
      </c>
      <c r="I2574">
        <v>2020</v>
      </c>
    </row>
    <row r="2575" spans="1:9" x14ac:dyDescent="0.25">
      <c r="A2575">
        <v>2891</v>
      </c>
      <c r="B2575" t="s">
        <v>2085</v>
      </c>
      <c r="C2575" t="s">
        <v>295</v>
      </c>
      <c r="D2575">
        <v>30</v>
      </c>
      <c r="E2575" t="s">
        <v>4179</v>
      </c>
      <c r="F2575" t="s">
        <v>4177</v>
      </c>
      <c r="G2575" t="s">
        <v>656</v>
      </c>
      <c r="H2575">
        <v>2</v>
      </c>
      <c r="I2575">
        <v>2020</v>
      </c>
    </row>
    <row r="2576" spans="1:9" x14ac:dyDescent="0.25">
      <c r="A2576">
        <v>2892</v>
      </c>
      <c r="B2576" t="s">
        <v>2084</v>
      </c>
      <c r="C2576" t="s">
        <v>295</v>
      </c>
      <c r="D2576">
        <v>30</v>
      </c>
      <c r="E2576" t="s">
        <v>4179</v>
      </c>
      <c r="F2576" t="s">
        <v>4177</v>
      </c>
      <c r="G2576" t="s">
        <v>656</v>
      </c>
      <c r="H2576">
        <v>2</v>
      </c>
      <c r="I2576">
        <v>2020</v>
      </c>
    </row>
    <row r="2577" spans="1:9" x14ac:dyDescent="0.25">
      <c r="A2577">
        <v>2894</v>
      </c>
      <c r="B2577" t="s">
        <v>2082</v>
      </c>
      <c r="C2577" t="s">
        <v>294</v>
      </c>
      <c r="D2577">
        <v>31</v>
      </c>
      <c r="E2577" t="s">
        <v>4179</v>
      </c>
      <c r="F2577" t="s">
        <v>4177</v>
      </c>
      <c r="G2577" t="s">
        <v>656</v>
      </c>
      <c r="H2577">
        <v>2</v>
      </c>
      <c r="I2577">
        <v>2020</v>
      </c>
    </row>
    <row r="2578" spans="1:9" x14ac:dyDescent="0.25">
      <c r="A2578">
        <v>2895</v>
      </c>
      <c r="B2578" t="s">
        <v>4747</v>
      </c>
      <c r="C2578" t="s">
        <v>296</v>
      </c>
      <c r="D2578">
        <v>97</v>
      </c>
      <c r="E2578" t="s">
        <v>4179</v>
      </c>
      <c r="F2578" t="s">
        <v>4177</v>
      </c>
      <c r="G2578" t="s">
        <v>656</v>
      </c>
      <c r="H2578">
        <v>2</v>
      </c>
      <c r="I2578">
        <v>2020</v>
      </c>
    </row>
    <row r="2579" spans="1:9" x14ac:dyDescent="0.25">
      <c r="A2579">
        <v>2896</v>
      </c>
      <c r="B2579" t="s">
        <v>4748</v>
      </c>
      <c r="C2579" t="s">
        <v>296</v>
      </c>
      <c r="D2579">
        <v>97</v>
      </c>
      <c r="E2579" t="s">
        <v>4179</v>
      </c>
      <c r="F2579" t="s">
        <v>4177</v>
      </c>
      <c r="G2579" t="s">
        <v>656</v>
      </c>
      <c r="H2579">
        <v>2</v>
      </c>
      <c r="I2579">
        <v>2020</v>
      </c>
    </row>
    <row r="2580" spans="1:9" x14ac:dyDescent="0.25">
      <c r="A2580">
        <v>2897</v>
      </c>
      <c r="B2580" t="s">
        <v>4749</v>
      </c>
      <c r="C2580" t="s">
        <v>65</v>
      </c>
      <c r="D2580">
        <v>15</v>
      </c>
      <c r="E2580" t="s">
        <v>4176</v>
      </c>
      <c r="F2580" t="s">
        <v>4177</v>
      </c>
      <c r="G2580" t="s">
        <v>656</v>
      </c>
      <c r="H2580">
        <v>2</v>
      </c>
      <c r="I2580">
        <v>2020</v>
      </c>
    </row>
    <row r="2581" spans="1:9" x14ac:dyDescent="0.25">
      <c r="A2581">
        <v>2898</v>
      </c>
      <c r="B2581" t="s">
        <v>2081</v>
      </c>
      <c r="C2581" t="s">
        <v>295</v>
      </c>
      <c r="D2581">
        <v>30</v>
      </c>
      <c r="E2581" t="s">
        <v>4179</v>
      </c>
      <c r="F2581" t="s">
        <v>4177</v>
      </c>
      <c r="G2581" t="s">
        <v>656</v>
      </c>
      <c r="H2581">
        <v>2</v>
      </c>
      <c r="I2581">
        <v>2020</v>
      </c>
    </row>
    <row r="2582" spans="1:9" x14ac:dyDescent="0.25">
      <c r="A2582">
        <v>2899</v>
      </c>
      <c r="B2582" t="s">
        <v>2080</v>
      </c>
      <c r="C2582" t="s">
        <v>295</v>
      </c>
      <c r="D2582">
        <v>30</v>
      </c>
      <c r="E2582" t="s">
        <v>4179</v>
      </c>
      <c r="F2582" t="s">
        <v>4177</v>
      </c>
      <c r="G2582" t="s">
        <v>656</v>
      </c>
      <c r="H2582">
        <v>2</v>
      </c>
      <c r="I2582">
        <v>2020</v>
      </c>
    </row>
    <row r="2583" spans="1:9" x14ac:dyDescent="0.25">
      <c r="A2583">
        <v>2900</v>
      </c>
      <c r="B2583" t="s">
        <v>2079</v>
      </c>
      <c r="C2583" t="s">
        <v>299</v>
      </c>
      <c r="D2583">
        <v>27</v>
      </c>
      <c r="E2583" t="s">
        <v>4179</v>
      </c>
      <c r="F2583" t="s">
        <v>4177</v>
      </c>
      <c r="G2583" t="s">
        <v>656</v>
      </c>
      <c r="H2583">
        <v>2</v>
      </c>
      <c r="I2583">
        <v>2020</v>
      </c>
    </row>
    <row r="2584" spans="1:9" x14ac:dyDescent="0.25">
      <c r="A2584">
        <v>2901</v>
      </c>
      <c r="B2584" t="s">
        <v>2078</v>
      </c>
      <c r="C2584" t="s">
        <v>65</v>
      </c>
      <c r="D2584">
        <v>15</v>
      </c>
      <c r="E2584" t="s">
        <v>4176</v>
      </c>
      <c r="F2584" t="s">
        <v>4177</v>
      </c>
      <c r="G2584" t="s">
        <v>656</v>
      </c>
      <c r="H2584">
        <v>2</v>
      </c>
      <c r="I2584">
        <v>2020</v>
      </c>
    </row>
    <row r="2585" spans="1:9" x14ac:dyDescent="0.25">
      <c r="A2585">
        <v>2902</v>
      </c>
      <c r="B2585" t="s">
        <v>2077</v>
      </c>
      <c r="C2585" t="s">
        <v>797</v>
      </c>
      <c r="D2585">
        <v>65</v>
      </c>
      <c r="E2585" t="s">
        <v>4191</v>
      </c>
      <c r="F2585" t="s">
        <v>4189</v>
      </c>
      <c r="G2585" t="s">
        <v>656</v>
      </c>
      <c r="H2585">
        <v>2</v>
      </c>
      <c r="I2585">
        <v>2020</v>
      </c>
    </row>
    <row r="2586" spans="1:9" x14ac:dyDescent="0.25">
      <c r="A2586">
        <v>2903</v>
      </c>
      <c r="B2586" t="s">
        <v>2076</v>
      </c>
      <c r="C2586" t="s">
        <v>802</v>
      </c>
      <c r="D2586">
        <v>12</v>
      </c>
      <c r="E2586" t="s">
        <v>802</v>
      </c>
      <c r="F2586" t="s">
        <v>4171</v>
      </c>
      <c r="G2586" t="s">
        <v>656</v>
      </c>
      <c r="H2586">
        <v>2</v>
      </c>
      <c r="I2586">
        <v>2020</v>
      </c>
    </row>
    <row r="2587" spans="1:9" x14ac:dyDescent="0.25">
      <c r="A2587">
        <v>2904</v>
      </c>
      <c r="B2587" t="s">
        <v>2075</v>
      </c>
      <c r="C2587" t="s">
        <v>792</v>
      </c>
      <c r="D2587">
        <v>6</v>
      </c>
      <c r="E2587" t="s">
        <v>4169</v>
      </c>
      <c r="F2587" t="s">
        <v>4164</v>
      </c>
      <c r="G2587" t="s">
        <v>656</v>
      </c>
      <c r="H2587">
        <v>2</v>
      </c>
      <c r="I2587">
        <v>2020</v>
      </c>
    </row>
    <row r="2588" spans="1:9" x14ac:dyDescent="0.25">
      <c r="A2588">
        <v>2905</v>
      </c>
      <c r="B2588" t="s">
        <v>2074</v>
      </c>
      <c r="C2588" t="s">
        <v>663</v>
      </c>
      <c r="D2588">
        <v>99</v>
      </c>
      <c r="E2588" t="s">
        <v>663</v>
      </c>
      <c r="F2588" t="s">
        <v>4171</v>
      </c>
      <c r="G2588" t="s">
        <v>656</v>
      </c>
      <c r="H2588">
        <v>2</v>
      </c>
      <c r="I2588">
        <v>2020</v>
      </c>
    </row>
    <row r="2589" spans="1:9" x14ac:dyDescent="0.25">
      <c r="A2589">
        <v>2906</v>
      </c>
      <c r="B2589" t="s">
        <v>2073</v>
      </c>
      <c r="C2589" t="s">
        <v>703</v>
      </c>
      <c r="D2589">
        <v>16</v>
      </c>
      <c r="E2589" t="s">
        <v>703</v>
      </c>
      <c r="F2589" t="s">
        <v>4177</v>
      </c>
      <c r="G2589" t="s">
        <v>656</v>
      </c>
      <c r="H2589">
        <v>2</v>
      </c>
      <c r="I2589">
        <v>2020</v>
      </c>
    </row>
    <row r="2590" spans="1:9" x14ac:dyDescent="0.25">
      <c r="A2590">
        <v>2907</v>
      </c>
      <c r="B2590" t="s">
        <v>1619</v>
      </c>
      <c r="C2590" t="s">
        <v>691</v>
      </c>
      <c r="D2590">
        <v>21</v>
      </c>
      <c r="E2590" t="s">
        <v>691</v>
      </c>
      <c r="F2590" t="s">
        <v>4177</v>
      </c>
      <c r="G2590" t="s">
        <v>656</v>
      </c>
      <c r="H2590">
        <v>2</v>
      </c>
      <c r="I2590">
        <v>2020</v>
      </c>
    </row>
    <row r="2591" spans="1:9" x14ac:dyDescent="0.25">
      <c r="A2591">
        <v>2908</v>
      </c>
      <c r="B2591" t="s">
        <v>2072</v>
      </c>
      <c r="C2591" t="s">
        <v>726</v>
      </c>
      <c r="D2591">
        <v>2</v>
      </c>
      <c r="E2591" t="s">
        <v>726</v>
      </c>
      <c r="F2591" t="s">
        <v>4164</v>
      </c>
      <c r="G2591" t="s">
        <v>656</v>
      </c>
      <c r="H2591">
        <v>2</v>
      </c>
      <c r="I2591">
        <v>2020</v>
      </c>
    </row>
    <row r="2592" spans="1:9" x14ac:dyDescent="0.25">
      <c r="A2592">
        <v>2909</v>
      </c>
      <c r="B2592" t="s">
        <v>2071</v>
      </c>
      <c r="C2592" t="s">
        <v>679</v>
      </c>
      <c r="D2592">
        <v>32</v>
      </c>
      <c r="E2592" t="s">
        <v>4175</v>
      </c>
      <c r="F2592" t="s">
        <v>4171</v>
      </c>
      <c r="G2592" t="s">
        <v>656</v>
      </c>
      <c r="H2592">
        <v>2</v>
      </c>
      <c r="I2592">
        <v>2020</v>
      </c>
    </row>
    <row r="2593" spans="1:9" x14ac:dyDescent="0.25">
      <c r="A2593">
        <v>2910</v>
      </c>
      <c r="B2593" t="s">
        <v>2070</v>
      </c>
      <c r="C2593" t="s">
        <v>1028</v>
      </c>
      <c r="D2593">
        <v>33</v>
      </c>
      <c r="E2593" t="s">
        <v>4175</v>
      </c>
      <c r="F2593" t="s">
        <v>4171</v>
      </c>
      <c r="G2593" t="s">
        <v>656</v>
      </c>
      <c r="H2593">
        <v>2</v>
      </c>
      <c r="I2593">
        <v>2020</v>
      </c>
    </row>
    <row r="2594" spans="1:9" x14ac:dyDescent="0.25">
      <c r="A2594">
        <v>2911</v>
      </c>
      <c r="B2594" t="s">
        <v>2069</v>
      </c>
      <c r="C2594" t="s">
        <v>299</v>
      </c>
      <c r="D2594">
        <v>27</v>
      </c>
      <c r="E2594" t="s">
        <v>4179</v>
      </c>
      <c r="F2594" t="s">
        <v>4177</v>
      </c>
      <c r="G2594" t="s">
        <v>656</v>
      </c>
      <c r="H2594">
        <v>2</v>
      </c>
      <c r="I2594">
        <v>2020</v>
      </c>
    </row>
    <row r="2595" spans="1:9" x14ac:dyDescent="0.25">
      <c r="A2595">
        <v>2912</v>
      </c>
      <c r="B2595" t="s">
        <v>2068</v>
      </c>
      <c r="C2595" t="s">
        <v>299</v>
      </c>
      <c r="D2595">
        <v>27</v>
      </c>
      <c r="E2595" t="s">
        <v>4179</v>
      </c>
      <c r="F2595" t="s">
        <v>4177</v>
      </c>
      <c r="G2595" t="s">
        <v>656</v>
      </c>
      <c r="H2595">
        <v>2</v>
      </c>
      <c r="I2595">
        <v>2020</v>
      </c>
    </row>
    <row r="2596" spans="1:9" x14ac:dyDescent="0.25">
      <c r="A2596">
        <v>2913</v>
      </c>
      <c r="B2596" t="s">
        <v>4750</v>
      </c>
      <c r="C2596" t="s">
        <v>299</v>
      </c>
      <c r="D2596">
        <v>27</v>
      </c>
      <c r="E2596" t="s">
        <v>4179</v>
      </c>
      <c r="F2596" t="s">
        <v>4177</v>
      </c>
      <c r="G2596" t="s">
        <v>656</v>
      </c>
      <c r="H2596">
        <v>2</v>
      </c>
      <c r="I2596">
        <v>2020</v>
      </c>
    </row>
    <row r="2597" spans="1:9" x14ac:dyDescent="0.25">
      <c r="A2597">
        <v>2914</v>
      </c>
      <c r="B2597" t="s">
        <v>2067</v>
      </c>
      <c r="C2597" t="s">
        <v>299</v>
      </c>
      <c r="D2597">
        <v>27</v>
      </c>
      <c r="E2597" t="s">
        <v>4179</v>
      </c>
      <c r="F2597" t="s">
        <v>4177</v>
      </c>
      <c r="G2597" t="s">
        <v>656</v>
      </c>
      <c r="H2597">
        <v>2</v>
      </c>
      <c r="I2597">
        <v>2020</v>
      </c>
    </row>
    <row r="2598" spans="1:9" x14ac:dyDescent="0.25">
      <c r="A2598">
        <v>2915</v>
      </c>
      <c r="B2598" t="s">
        <v>2066</v>
      </c>
      <c r="C2598" t="s">
        <v>299</v>
      </c>
      <c r="D2598">
        <v>27</v>
      </c>
      <c r="E2598" t="s">
        <v>4179</v>
      </c>
      <c r="F2598" t="s">
        <v>4177</v>
      </c>
      <c r="G2598" t="s">
        <v>656</v>
      </c>
      <c r="H2598">
        <v>2</v>
      </c>
      <c r="I2598">
        <v>2020</v>
      </c>
    </row>
    <row r="2599" spans="1:9" x14ac:dyDescent="0.25">
      <c r="A2599">
        <v>2916</v>
      </c>
      <c r="B2599" t="s">
        <v>4751</v>
      </c>
      <c r="C2599" t="s">
        <v>299</v>
      </c>
      <c r="D2599">
        <v>27</v>
      </c>
      <c r="E2599" t="s">
        <v>4179</v>
      </c>
      <c r="F2599" t="s">
        <v>4177</v>
      </c>
      <c r="G2599" t="s">
        <v>656</v>
      </c>
      <c r="H2599">
        <v>2</v>
      </c>
      <c r="I2599">
        <v>2020</v>
      </c>
    </row>
    <row r="2600" spans="1:9" x14ac:dyDescent="0.25">
      <c r="A2600">
        <v>2917</v>
      </c>
      <c r="B2600" t="s">
        <v>2065</v>
      </c>
      <c r="C2600" t="s">
        <v>299</v>
      </c>
      <c r="D2600">
        <v>27</v>
      </c>
      <c r="E2600" t="s">
        <v>4179</v>
      </c>
      <c r="F2600" t="s">
        <v>4177</v>
      </c>
      <c r="G2600" t="s">
        <v>656</v>
      </c>
      <c r="H2600">
        <v>2</v>
      </c>
      <c r="I2600">
        <v>2020</v>
      </c>
    </row>
    <row r="2601" spans="1:9" x14ac:dyDescent="0.25">
      <c r="A2601">
        <v>2918</v>
      </c>
      <c r="B2601" t="s">
        <v>4752</v>
      </c>
      <c r="C2601" t="s">
        <v>691</v>
      </c>
      <c r="D2601">
        <v>21</v>
      </c>
      <c r="E2601" t="s">
        <v>691</v>
      </c>
      <c r="F2601" t="s">
        <v>4177</v>
      </c>
      <c r="G2601" t="s">
        <v>656</v>
      </c>
      <c r="H2601">
        <v>2</v>
      </c>
      <c r="I2601">
        <v>2020</v>
      </c>
    </row>
    <row r="2602" spans="1:9" x14ac:dyDescent="0.25">
      <c r="A2602">
        <v>2919</v>
      </c>
      <c r="B2602" t="s">
        <v>4753</v>
      </c>
      <c r="C2602" t="s">
        <v>663</v>
      </c>
      <c r="D2602">
        <v>99</v>
      </c>
      <c r="E2602" t="s">
        <v>663</v>
      </c>
      <c r="F2602" t="s">
        <v>4171</v>
      </c>
      <c r="G2602" t="s">
        <v>656</v>
      </c>
      <c r="H2602">
        <v>2</v>
      </c>
      <c r="I2602">
        <v>2020</v>
      </c>
    </row>
    <row r="2603" spans="1:9" x14ac:dyDescent="0.25">
      <c r="A2603">
        <v>2920</v>
      </c>
      <c r="B2603" t="s">
        <v>2064</v>
      </c>
      <c r="C2603" t="s">
        <v>663</v>
      </c>
      <c r="D2603">
        <v>99</v>
      </c>
      <c r="E2603" t="s">
        <v>663</v>
      </c>
      <c r="F2603" t="s">
        <v>4171</v>
      </c>
      <c r="G2603" t="s">
        <v>656</v>
      </c>
      <c r="H2603">
        <v>2</v>
      </c>
      <c r="I2603">
        <v>2020</v>
      </c>
    </row>
    <row r="2604" spans="1:9" x14ac:dyDescent="0.25">
      <c r="A2604">
        <v>2921</v>
      </c>
      <c r="B2604" t="s">
        <v>4754</v>
      </c>
      <c r="C2604" t="s">
        <v>663</v>
      </c>
      <c r="D2604">
        <v>99</v>
      </c>
      <c r="E2604" t="s">
        <v>663</v>
      </c>
      <c r="F2604" t="s">
        <v>4171</v>
      </c>
      <c r="G2604" t="s">
        <v>656</v>
      </c>
      <c r="H2604">
        <v>2</v>
      </c>
      <c r="I2604">
        <v>2020</v>
      </c>
    </row>
    <row r="2605" spans="1:9" x14ac:dyDescent="0.25">
      <c r="A2605">
        <v>2922</v>
      </c>
      <c r="B2605" t="s">
        <v>2062</v>
      </c>
      <c r="C2605" t="s">
        <v>819</v>
      </c>
      <c r="D2605">
        <v>101</v>
      </c>
      <c r="E2605" t="s">
        <v>4187</v>
      </c>
      <c r="F2605" t="s">
        <v>4187</v>
      </c>
      <c r="G2605" t="s">
        <v>656</v>
      </c>
      <c r="H2605">
        <v>2</v>
      </c>
      <c r="I2605">
        <v>2020</v>
      </c>
    </row>
    <row r="2606" spans="1:9" x14ac:dyDescent="0.25">
      <c r="A2606">
        <v>2923</v>
      </c>
      <c r="B2606" t="s">
        <v>4755</v>
      </c>
      <c r="C2606" t="s">
        <v>792</v>
      </c>
      <c r="D2606">
        <v>6</v>
      </c>
      <c r="E2606" t="s">
        <v>4169</v>
      </c>
      <c r="F2606" t="s">
        <v>4164</v>
      </c>
      <c r="G2606" t="s">
        <v>656</v>
      </c>
      <c r="H2606">
        <v>2</v>
      </c>
      <c r="I2606">
        <v>2020</v>
      </c>
    </row>
    <row r="2607" spans="1:9" x14ac:dyDescent="0.25">
      <c r="A2607">
        <v>2924</v>
      </c>
      <c r="B2607" t="s">
        <v>4756</v>
      </c>
      <c r="C2607" t="s">
        <v>885</v>
      </c>
      <c r="D2607">
        <v>1</v>
      </c>
      <c r="E2607" t="s">
        <v>885</v>
      </c>
      <c r="F2607" t="s">
        <v>4164</v>
      </c>
      <c r="G2607" t="s">
        <v>656</v>
      </c>
      <c r="H2607">
        <v>2</v>
      </c>
      <c r="I2607">
        <v>2020</v>
      </c>
    </row>
    <row r="2608" spans="1:9" x14ac:dyDescent="0.25">
      <c r="A2608">
        <v>2926</v>
      </c>
      <c r="B2608" t="s">
        <v>4757</v>
      </c>
      <c r="C2608" t="s">
        <v>294</v>
      </c>
      <c r="D2608">
        <v>31</v>
      </c>
      <c r="E2608" t="s">
        <v>4179</v>
      </c>
      <c r="F2608" t="s">
        <v>4177</v>
      </c>
      <c r="G2608" t="s">
        <v>656</v>
      </c>
      <c r="H2608">
        <v>2</v>
      </c>
      <c r="I2608">
        <v>2020</v>
      </c>
    </row>
    <row r="2609" spans="1:9" x14ac:dyDescent="0.25">
      <c r="A2609">
        <v>2927</v>
      </c>
      <c r="B2609" t="s">
        <v>2061</v>
      </c>
      <c r="C2609" t="s">
        <v>294</v>
      </c>
      <c r="D2609">
        <v>31</v>
      </c>
      <c r="E2609" t="s">
        <v>4179</v>
      </c>
      <c r="F2609" t="s">
        <v>4177</v>
      </c>
      <c r="G2609" t="s">
        <v>656</v>
      </c>
      <c r="H2609">
        <v>2</v>
      </c>
      <c r="I2609">
        <v>2020</v>
      </c>
    </row>
    <row r="2610" spans="1:9" x14ac:dyDescent="0.25">
      <c r="A2610">
        <v>2928</v>
      </c>
      <c r="B2610" t="s">
        <v>4758</v>
      </c>
      <c r="C2610" t="s">
        <v>294</v>
      </c>
      <c r="D2610">
        <v>31</v>
      </c>
      <c r="E2610" t="s">
        <v>4179</v>
      </c>
      <c r="F2610" t="s">
        <v>4177</v>
      </c>
      <c r="G2610" t="s">
        <v>656</v>
      </c>
      <c r="H2610">
        <v>2</v>
      </c>
      <c r="I2610">
        <v>2020</v>
      </c>
    </row>
    <row r="2611" spans="1:9" x14ac:dyDescent="0.25">
      <c r="A2611">
        <v>2929</v>
      </c>
      <c r="B2611" t="s">
        <v>2060</v>
      </c>
      <c r="C2611" t="s">
        <v>294</v>
      </c>
      <c r="D2611">
        <v>31</v>
      </c>
      <c r="E2611" t="s">
        <v>4179</v>
      </c>
      <c r="F2611" t="s">
        <v>4177</v>
      </c>
      <c r="G2611" t="s">
        <v>656</v>
      </c>
      <c r="H2611">
        <v>2</v>
      </c>
      <c r="I2611">
        <v>2020</v>
      </c>
    </row>
    <row r="2612" spans="1:9" x14ac:dyDescent="0.25">
      <c r="A2612">
        <v>2930</v>
      </c>
      <c r="B2612" t="s">
        <v>2059</v>
      </c>
      <c r="C2612" t="s">
        <v>684</v>
      </c>
      <c r="D2612">
        <v>22</v>
      </c>
      <c r="E2612" t="s">
        <v>4178</v>
      </c>
      <c r="F2612" t="s">
        <v>4177</v>
      </c>
      <c r="G2612" t="s">
        <v>656</v>
      </c>
      <c r="H2612">
        <v>2</v>
      </c>
      <c r="I2612">
        <v>2020</v>
      </c>
    </row>
    <row r="2613" spans="1:9" x14ac:dyDescent="0.25">
      <c r="A2613">
        <v>2931</v>
      </c>
      <c r="B2613" t="s">
        <v>2058</v>
      </c>
      <c r="C2613" t="s">
        <v>807</v>
      </c>
      <c r="D2613">
        <v>25</v>
      </c>
      <c r="E2613" t="s">
        <v>4179</v>
      </c>
      <c r="F2613" t="s">
        <v>4177</v>
      </c>
      <c r="G2613" t="s">
        <v>656</v>
      </c>
      <c r="H2613">
        <v>2</v>
      </c>
      <c r="I2613">
        <v>2020</v>
      </c>
    </row>
    <row r="2614" spans="1:9" x14ac:dyDescent="0.25">
      <c r="A2614">
        <v>2932</v>
      </c>
      <c r="B2614" t="s">
        <v>4759</v>
      </c>
      <c r="C2614" t="s">
        <v>807</v>
      </c>
      <c r="D2614">
        <v>25</v>
      </c>
      <c r="E2614" t="s">
        <v>4179</v>
      </c>
      <c r="F2614" t="s">
        <v>4177</v>
      </c>
      <c r="G2614" t="s">
        <v>656</v>
      </c>
      <c r="H2614">
        <v>2</v>
      </c>
      <c r="I2614">
        <v>2020</v>
      </c>
    </row>
    <row r="2615" spans="1:9" x14ac:dyDescent="0.25">
      <c r="A2615">
        <v>2933</v>
      </c>
      <c r="B2615" t="s">
        <v>4760</v>
      </c>
      <c r="C2615" t="s">
        <v>807</v>
      </c>
      <c r="D2615">
        <v>25</v>
      </c>
      <c r="E2615" t="s">
        <v>4179</v>
      </c>
      <c r="F2615" t="s">
        <v>4177</v>
      </c>
      <c r="G2615" t="s">
        <v>656</v>
      </c>
      <c r="H2615">
        <v>2</v>
      </c>
      <c r="I2615">
        <v>2020</v>
      </c>
    </row>
    <row r="2616" spans="1:9" x14ac:dyDescent="0.25">
      <c r="A2616">
        <v>2934</v>
      </c>
      <c r="B2616" t="s">
        <v>2057</v>
      </c>
      <c r="C2616" t="s">
        <v>807</v>
      </c>
      <c r="D2616">
        <v>25</v>
      </c>
      <c r="E2616" t="s">
        <v>4179</v>
      </c>
      <c r="F2616" t="s">
        <v>4177</v>
      </c>
      <c r="G2616" t="s">
        <v>656</v>
      </c>
      <c r="H2616">
        <v>2</v>
      </c>
      <c r="I2616">
        <v>2020</v>
      </c>
    </row>
    <row r="2617" spans="1:9" x14ac:dyDescent="0.25">
      <c r="A2617">
        <v>2935</v>
      </c>
      <c r="B2617" t="s">
        <v>944</v>
      </c>
      <c r="C2617" t="s">
        <v>679</v>
      </c>
      <c r="D2617">
        <v>32</v>
      </c>
      <c r="E2617" t="s">
        <v>4175</v>
      </c>
      <c r="F2617" t="s">
        <v>4171</v>
      </c>
      <c r="G2617" t="s">
        <v>656</v>
      </c>
      <c r="H2617">
        <v>2</v>
      </c>
      <c r="I2617">
        <v>2020</v>
      </c>
    </row>
    <row r="2618" spans="1:9" x14ac:dyDescent="0.25">
      <c r="A2618">
        <v>2936</v>
      </c>
      <c r="B2618" t="s">
        <v>1122</v>
      </c>
      <c r="C2618" t="s">
        <v>673</v>
      </c>
      <c r="D2618">
        <v>34</v>
      </c>
      <c r="E2618" t="s">
        <v>4175</v>
      </c>
      <c r="F2618" t="s">
        <v>4171</v>
      </c>
      <c r="G2618" t="s">
        <v>656</v>
      </c>
      <c r="H2618">
        <v>2</v>
      </c>
      <c r="I2618">
        <v>2020</v>
      </c>
    </row>
    <row r="2619" spans="1:9" x14ac:dyDescent="0.25">
      <c r="A2619">
        <v>2937</v>
      </c>
      <c r="B2619" t="s">
        <v>4761</v>
      </c>
      <c r="C2619" t="s">
        <v>802</v>
      </c>
      <c r="D2619">
        <v>12</v>
      </c>
      <c r="E2619" t="s">
        <v>802</v>
      </c>
      <c r="F2619" t="s">
        <v>4171</v>
      </c>
      <c r="G2619" t="s">
        <v>656</v>
      </c>
      <c r="H2619">
        <v>2</v>
      </c>
      <c r="I2619">
        <v>2020</v>
      </c>
    </row>
    <row r="2620" spans="1:9" x14ac:dyDescent="0.25">
      <c r="A2620">
        <v>2938</v>
      </c>
      <c r="B2620" t="s">
        <v>4762</v>
      </c>
      <c r="C2620" t="s">
        <v>65</v>
      </c>
      <c r="D2620">
        <v>15</v>
      </c>
      <c r="E2620" t="s">
        <v>4176</v>
      </c>
      <c r="F2620" t="s">
        <v>4177</v>
      </c>
      <c r="G2620" t="s">
        <v>656</v>
      </c>
      <c r="H2620">
        <v>2</v>
      </c>
      <c r="I2620">
        <v>2020</v>
      </c>
    </row>
    <row r="2621" spans="1:9" x14ac:dyDescent="0.25">
      <c r="A2621">
        <v>2939</v>
      </c>
      <c r="B2621" t="s">
        <v>2056</v>
      </c>
      <c r="C2621" t="s">
        <v>65</v>
      </c>
      <c r="D2621">
        <v>15</v>
      </c>
      <c r="E2621" t="s">
        <v>4176</v>
      </c>
      <c r="F2621" t="s">
        <v>4177</v>
      </c>
      <c r="G2621" t="s">
        <v>656</v>
      </c>
      <c r="H2621">
        <v>2</v>
      </c>
      <c r="I2621">
        <v>2020</v>
      </c>
    </row>
    <row r="2622" spans="1:9" x14ac:dyDescent="0.25">
      <c r="A2622">
        <v>2940</v>
      </c>
      <c r="B2622" t="s">
        <v>1517</v>
      </c>
      <c r="C2622" t="s">
        <v>868</v>
      </c>
      <c r="D2622">
        <v>23</v>
      </c>
      <c r="E2622" t="s">
        <v>4178</v>
      </c>
      <c r="F2622" t="s">
        <v>4177</v>
      </c>
      <c r="G2622" t="s">
        <v>656</v>
      </c>
      <c r="H2622">
        <v>2</v>
      </c>
      <c r="I2622">
        <v>2020</v>
      </c>
    </row>
    <row r="2623" spans="1:9" x14ac:dyDescent="0.25">
      <c r="A2623">
        <v>2941</v>
      </c>
      <c r="B2623" t="s">
        <v>2055</v>
      </c>
      <c r="C2623" t="s">
        <v>868</v>
      </c>
      <c r="D2623">
        <v>23</v>
      </c>
      <c r="E2623" t="s">
        <v>4178</v>
      </c>
      <c r="F2623" t="s">
        <v>4177</v>
      </c>
      <c r="G2623" t="s">
        <v>656</v>
      </c>
      <c r="H2623">
        <v>2</v>
      </c>
      <c r="I2623">
        <v>2020</v>
      </c>
    </row>
    <row r="2624" spans="1:9" x14ac:dyDescent="0.25">
      <c r="A2624">
        <v>2942</v>
      </c>
      <c r="B2624" t="s">
        <v>4763</v>
      </c>
      <c r="C2624" t="s">
        <v>868</v>
      </c>
      <c r="D2624">
        <v>23</v>
      </c>
      <c r="E2624" t="s">
        <v>4178</v>
      </c>
      <c r="F2624" t="s">
        <v>4177</v>
      </c>
      <c r="G2624" t="s">
        <v>656</v>
      </c>
      <c r="H2624">
        <v>2</v>
      </c>
      <c r="I2624">
        <v>2020</v>
      </c>
    </row>
    <row r="2625" spans="1:9" x14ac:dyDescent="0.25">
      <c r="A2625">
        <v>2943</v>
      </c>
      <c r="B2625" t="s">
        <v>4764</v>
      </c>
      <c r="C2625" t="s">
        <v>703</v>
      </c>
      <c r="D2625">
        <v>16</v>
      </c>
      <c r="E2625" t="s">
        <v>703</v>
      </c>
      <c r="F2625" t="s">
        <v>4177</v>
      </c>
      <c r="G2625" t="s">
        <v>656</v>
      </c>
      <c r="H2625">
        <v>2</v>
      </c>
      <c r="I2625">
        <v>2020</v>
      </c>
    </row>
    <row r="2626" spans="1:9" x14ac:dyDescent="0.25">
      <c r="A2626">
        <v>2944</v>
      </c>
      <c r="B2626" t="s">
        <v>4765</v>
      </c>
      <c r="C2626" t="s">
        <v>703</v>
      </c>
      <c r="D2626">
        <v>16</v>
      </c>
      <c r="E2626" t="s">
        <v>703</v>
      </c>
      <c r="F2626" t="s">
        <v>4177</v>
      </c>
      <c r="G2626" t="s">
        <v>656</v>
      </c>
      <c r="H2626">
        <v>2</v>
      </c>
      <c r="I2626">
        <v>2020</v>
      </c>
    </row>
    <row r="2627" spans="1:9" x14ac:dyDescent="0.25">
      <c r="A2627">
        <v>2945</v>
      </c>
      <c r="B2627" t="s">
        <v>2054</v>
      </c>
      <c r="C2627" t="s">
        <v>682</v>
      </c>
      <c r="D2627">
        <v>20</v>
      </c>
      <c r="E2627" t="s">
        <v>682</v>
      </c>
      <c r="F2627" t="s">
        <v>4177</v>
      </c>
      <c r="G2627" t="s">
        <v>656</v>
      </c>
      <c r="H2627">
        <v>2</v>
      </c>
      <c r="I2627">
        <v>2020</v>
      </c>
    </row>
    <row r="2628" spans="1:9" x14ac:dyDescent="0.25">
      <c r="A2628">
        <v>2946</v>
      </c>
      <c r="B2628" t="s">
        <v>4766</v>
      </c>
      <c r="C2628" t="s">
        <v>295</v>
      </c>
      <c r="D2628">
        <v>30</v>
      </c>
      <c r="E2628" t="s">
        <v>4179</v>
      </c>
      <c r="F2628" t="s">
        <v>4177</v>
      </c>
      <c r="G2628" t="s">
        <v>656</v>
      </c>
      <c r="H2628">
        <v>2</v>
      </c>
      <c r="I2628">
        <v>2020</v>
      </c>
    </row>
    <row r="2629" spans="1:9" x14ac:dyDescent="0.25">
      <c r="A2629">
        <v>2947</v>
      </c>
      <c r="B2629" t="s">
        <v>2053</v>
      </c>
      <c r="C2629" t="s">
        <v>295</v>
      </c>
      <c r="D2629">
        <v>30</v>
      </c>
      <c r="E2629" t="s">
        <v>4179</v>
      </c>
      <c r="F2629" t="s">
        <v>4177</v>
      </c>
      <c r="G2629" t="s">
        <v>656</v>
      </c>
      <c r="H2629">
        <v>2</v>
      </c>
      <c r="I2629">
        <v>2020</v>
      </c>
    </row>
    <row r="2630" spans="1:9" x14ac:dyDescent="0.25">
      <c r="A2630">
        <v>2948</v>
      </c>
      <c r="B2630" t="s">
        <v>2052</v>
      </c>
      <c r="C2630" t="s">
        <v>295</v>
      </c>
      <c r="D2630">
        <v>30</v>
      </c>
      <c r="E2630" t="s">
        <v>4179</v>
      </c>
      <c r="F2630" t="s">
        <v>4177</v>
      </c>
      <c r="G2630" t="s">
        <v>656</v>
      </c>
      <c r="H2630">
        <v>2</v>
      </c>
      <c r="I2630">
        <v>2020</v>
      </c>
    </row>
    <row r="2631" spans="1:9" x14ac:dyDescent="0.25">
      <c r="A2631">
        <v>2949</v>
      </c>
      <c r="B2631" t="s">
        <v>2051</v>
      </c>
      <c r="C2631" t="s">
        <v>65</v>
      </c>
      <c r="D2631">
        <v>15</v>
      </c>
      <c r="E2631" t="s">
        <v>4176</v>
      </c>
      <c r="F2631" t="s">
        <v>4177</v>
      </c>
      <c r="G2631" t="s">
        <v>656</v>
      </c>
      <c r="H2631">
        <v>2</v>
      </c>
      <c r="I2631">
        <v>2020</v>
      </c>
    </row>
    <row r="2632" spans="1:9" x14ac:dyDescent="0.25">
      <c r="A2632">
        <v>2950</v>
      </c>
      <c r="B2632" t="s">
        <v>2050</v>
      </c>
      <c r="C2632" t="s">
        <v>880</v>
      </c>
      <c r="D2632">
        <v>58</v>
      </c>
      <c r="E2632" t="s">
        <v>4188</v>
      </c>
      <c r="F2632" t="s">
        <v>4189</v>
      </c>
      <c r="G2632" t="s">
        <v>656</v>
      </c>
      <c r="H2632">
        <v>2</v>
      </c>
      <c r="I2632">
        <v>2020</v>
      </c>
    </row>
    <row r="2633" spans="1:9" x14ac:dyDescent="0.25">
      <c r="A2633">
        <v>2952</v>
      </c>
      <c r="B2633" t="s">
        <v>2048</v>
      </c>
      <c r="C2633" t="s">
        <v>65</v>
      </c>
      <c r="D2633">
        <v>15</v>
      </c>
      <c r="E2633" t="s">
        <v>4176</v>
      </c>
      <c r="F2633" t="s">
        <v>4177</v>
      </c>
      <c r="G2633" t="s">
        <v>656</v>
      </c>
      <c r="H2633">
        <v>2</v>
      </c>
      <c r="I2633">
        <v>2020</v>
      </c>
    </row>
    <row r="2634" spans="1:9" x14ac:dyDescent="0.25">
      <c r="A2634">
        <v>2953</v>
      </c>
      <c r="B2634" t="s">
        <v>2047</v>
      </c>
      <c r="C2634" t="s">
        <v>65</v>
      </c>
      <c r="D2634">
        <v>15</v>
      </c>
      <c r="E2634" t="s">
        <v>4176</v>
      </c>
      <c r="F2634" t="s">
        <v>4177</v>
      </c>
      <c r="G2634" t="s">
        <v>656</v>
      </c>
      <c r="H2634">
        <v>2</v>
      </c>
      <c r="I2634">
        <v>2020</v>
      </c>
    </row>
    <row r="2635" spans="1:9" x14ac:dyDescent="0.25">
      <c r="A2635">
        <v>2954</v>
      </c>
      <c r="B2635" t="s">
        <v>2046</v>
      </c>
      <c r="C2635" t="s">
        <v>65</v>
      </c>
      <c r="D2635">
        <v>15</v>
      </c>
      <c r="E2635" t="s">
        <v>4176</v>
      </c>
      <c r="F2635" t="s">
        <v>4177</v>
      </c>
      <c r="G2635" t="s">
        <v>656</v>
      </c>
      <c r="H2635">
        <v>2</v>
      </c>
      <c r="I2635">
        <v>2020</v>
      </c>
    </row>
    <row r="2636" spans="1:9" x14ac:dyDescent="0.25">
      <c r="A2636">
        <v>2956</v>
      </c>
      <c r="B2636" t="s">
        <v>2045</v>
      </c>
      <c r="C2636" t="s">
        <v>65</v>
      </c>
      <c r="D2636">
        <v>15</v>
      </c>
      <c r="E2636" t="s">
        <v>4176</v>
      </c>
      <c r="F2636" t="s">
        <v>4177</v>
      </c>
      <c r="G2636" t="s">
        <v>656</v>
      </c>
      <c r="H2636">
        <v>2</v>
      </c>
      <c r="I2636">
        <v>2020</v>
      </c>
    </row>
    <row r="2637" spans="1:9" x14ac:dyDescent="0.25">
      <c r="A2637">
        <v>2957</v>
      </c>
      <c r="B2637" t="s">
        <v>2044</v>
      </c>
      <c r="C2637" t="s">
        <v>65</v>
      </c>
      <c r="D2637">
        <v>15</v>
      </c>
      <c r="E2637" t="s">
        <v>4176</v>
      </c>
      <c r="F2637" t="s">
        <v>4177</v>
      </c>
      <c r="G2637" t="s">
        <v>656</v>
      </c>
      <c r="H2637">
        <v>2</v>
      </c>
      <c r="I2637">
        <v>2020</v>
      </c>
    </row>
    <row r="2638" spans="1:9" x14ac:dyDescent="0.25">
      <c r="A2638">
        <v>2958</v>
      </c>
      <c r="B2638" t="s">
        <v>4767</v>
      </c>
      <c r="C2638" t="s">
        <v>65</v>
      </c>
      <c r="D2638">
        <v>15</v>
      </c>
      <c r="E2638" t="s">
        <v>4176</v>
      </c>
      <c r="F2638" t="s">
        <v>4177</v>
      </c>
      <c r="G2638" t="s">
        <v>656</v>
      </c>
      <c r="H2638">
        <v>2</v>
      </c>
      <c r="I2638">
        <v>2020</v>
      </c>
    </row>
    <row r="2639" spans="1:9" x14ac:dyDescent="0.25">
      <c r="A2639">
        <v>2959</v>
      </c>
      <c r="B2639" t="s">
        <v>1973</v>
      </c>
      <c r="C2639" t="s">
        <v>807</v>
      </c>
      <c r="D2639">
        <v>25</v>
      </c>
      <c r="E2639" t="s">
        <v>4179</v>
      </c>
      <c r="F2639" t="s">
        <v>4177</v>
      </c>
      <c r="G2639" t="s">
        <v>656</v>
      </c>
      <c r="H2639">
        <v>2</v>
      </c>
      <c r="I2639">
        <v>2020</v>
      </c>
    </row>
    <row r="2640" spans="1:9" x14ac:dyDescent="0.25">
      <c r="A2640">
        <v>2960</v>
      </c>
      <c r="B2640" t="s">
        <v>2043</v>
      </c>
      <c r="C2640" t="s">
        <v>807</v>
      </c>
      <c r="D2640">
        <v>25</v>
      </c>
      <c r="E2640" t="s">
        <v>4179</v>
      </c>
      <c r="F2640" t="s">
        <v>4177</v>
      </c>
      <c r="G2640" t="s">
        <v>656</v>
      </c>
      <c r="H2640">
        <v>2</v>
      </c>
      <c r="I2640">
        <v>2020</v>
      </c>
    </row>
    <row r="2641" spans="1:9" x14ac:dyDescent="0.25">
      <c r="A2641">
        <v>2961</v>
      </c>
      <c r="B2641" t="s">
        <v>2042</v>
      </c>
      <c r="C2641" t="s">
        <v>807</v>
      </c>
      <c r="D2641">
        <v>25</v>
      </c>
      <c r="E2641" t="s">
        <v>4179</v>
      </c>
      <c r="F2641" t="s">
        <v>4177</v>
      </c>
      <c r="G2641" t="s">
        <v>656</v>
      </c>
      <c r="H2641">
        <v>2</v>
      </c>
      <c r="I2641">
        <v>2020</v>
      </c>
    </row>
    <row r="2642" spans="1:9" x14ac:dyDescent="0.25">
      <c r="A2642">
        <v>2962</v>
      </c>
      <c r="B2642" t="s">
        <v>2041</v>
      </c>
      <c r="C2642" t="s">
        <v>736</v>
      </c>
      <c r="D2642">
        <v>8</v>
      </c>
      <c r="E2642" t="s">
        <v>4169</v>
      </c>
      <c r="F2642" t="s">
        <v>4164</v>
      </c>
      <c r="G2642" t="s">
        <v>656</v>
      </c>
      <c r="H2642">
        <v>2</v>
      </c>
      <c r="I2642">
        <v>2020</v>
      </c>
    </row>
    <row r="2643" spans="1:9" x14ac:dyDescent="0.25">
      <c r="A2643">
        <v>2963</v>
      </c>
      <c r="B2643" t="s">
        <v>2040</v>
      </c>
      <c r="C2643" t="s">
        <v>736</v>
      </c>
      <c r="D2643">
        <v>8</v>
      </c>
      <c r="E2643" t="s">
        <v>4169</v>
      </c>
      <c r="F2643" t="s">
        <v>4164</v>
      </c>
      <c r="G2643" t="s">
        <v>656</v>
      </c>
      <c r="H2643">
        <v>2</v>
      </c>
      <c r="I2643">
        <v>2020</v>
      </c>
    </row>
    <row r="2644" spans="1:9" x14ac:dyDescent="0.25">
      <c r="A2644">
        <v>2964</v>
      </c>
      <c r="B2644" t="s">
        <v>2039</v>
      </c>
      <c r="C2644" t="s">
        <v>736</v>
      </c>
      <c r="D2644">
        <v>8</v>
      </c>
      <c r="E2644" t="s">
        <v>4169</v>
      </c>
      <c r="F2644" t="s">
        <v>4164</v>
      </c>
      <c r="G2644" t="s">
        <v>656</v>
      </c>
      <c r="H2644">
        <v>2</v>
      </c>
      <c r="I2644">
        <v>2020</v>
      </c>
    </row>
    <row r="2645" spans="1:9" x14ac:dyDescent="0.25">
      <c r="A2645">
        <v>2965</v>
      </c>
      <c r="B2645" t="s">
        <v>2038</v>
      </c>
      <c r="C2645" t="s">
        <v>819</v>
      </c>
      <c r="D2645">
        <v>101</v>
      </c>
      <c r="E2645" t="s">
        <v>4187</v>
      </c>
      <c r="F2645" t="s">
        <v>4187</v>
      </c>
      <c r="G2645" t="s">
        <v>656</v>
      </c>
      <c r="H2645">
        <v>2</v>
      </c>
      <c r="I2645">
        <v>2020</v>
      </c>
    </row>
    <row r="2646" spans="1:9" x14ac:dyDescent="0.25">
      <c r="A2646">
        <v>2966</v>
      </c>
      <c r="B2646" t="s">
        <v>4768</v>
      </c>
      <c r="C2646" t="s">
        <v>730</v>
      </c>
      <c r="D2646">
        <v>66</v>
      </c>
      <c r="E2646" t="s">
        <v>4193</v>
      </c>
      <c r="F2646" t="s">
        <v>4189</v>
      </c>
      <c r="G2646" t="s">
        <v>656</v>
      </c>
      <c r="H2646">
        <v>2</v>
      </c>
      <c r="I2646">
        <v>2020</v>
      </c>
    </row>
    <row r="2647" spans="1:9" x14ac:dyDescent="0.25">
      <c r="A2647">
        <v>2967</v>
      </c>
      <c r="B2647" t="s">
        <v>2037</v>
      </c>
      <c r="C2647" t="s">
        <v>730</v>
      </c>
      <c r="D2647">
        <v>66</v>
      </c>
      <c r="E2647" t="s">
        <v>4193</v>
      </c>
      <c r="F2647" t="s">
        <v>4189</v>
      </c>
      <c r="G2647" t="s">
        <v>656</v>
      </c>
      <c r="H2647">
        <v>2</v>
      </c>
      <c r="I2647">
        <v>2020</v>
      </c>
    </row>
    <row r="2648" spans="1:9" x14ac:dyDescent="0.25">
      <c r="A2648">
        <v>2968</v>
      </c>
      <c r="B2648" t="s">
        <v>2036</v>
      </c>
      <c r="C2648" t="s">
        <v>868</v>
      </c>
      <c r="D2648">
        <v>23</v>
      </c>
      <c r="E2648" t="s">
        <v>4178</v>
      </c>
      <c r="F2648" t="s">
        <v>4177</v>
      </c>
      <c r="G2648" t="s">
        <v>656</v>
      </c>
      <c r="H2648">
        <v>2</v>
      </c>
      <c r="I2648">
        <v>2020</v>
      </c>
    </row>
    <row r="2649" spans="1:9" x14ac:dyDescent="0.25">
      <c r="A2649">
        <v>2969</v>
      </c>
      <c r="B2649" t="s">
        <v>4769</v>
      </c>
      <c r="C2649" t="s">
        <v>691</v>
      </c>
      <c r="D2649">
        <v>21</v>
      </c>
      <c r="E2649" t="s">
        <v>691</v>
      </c>
      <c r="F2649" t="s">
        <v>4177</v>
      </c>
      <c r="G2649" t="s">
        <v>656</v>
      </c>
      <c r="H2649">
        <v>2</v>
      </c>
      <c r="I2649">
        <v>2020</v>
      </c>
    </row>
    <row r="2650" spans="1:9" x14ac:dyDescent="0.25">
      <c r="A2650">
        <v>2970</v>
      </c>
      <c r="B2650" t="s">
        <v>4770</v>
      </c>
      <c r="C2650" t="s">
        <v>955</v>
      </c>
      <c r="D2650">
        <v>29</v>
      </c>
      <c r="E2650" t="s">
        <v>4179</v>
      </c>
      <c r="F2650" t="s">
        <v>4177</v>
      </c>
      <c r="G2650" t="s">
        <v>656</v>
      </c>
      <c r="H2650">
        <v>2</v>
      </c>
      <c r="I2650">
        <v>2020</v>
      </c>
    </row>
    <row r="2651" spans="1:9" x14ac:dyDescent="0.25">
      <c r="A2651">
        <v>2971</v>
      </c>
      <c r="B2651" t="s">
        <v>4771</v>
      </c>
      <c r="C2651" t="s">
        <v>679</v>
      </c>
      <c r="D2651">
        <v>32</v>
      </c>
      <c r="E2651" t="s">
        <v>4175</v>
      </c>
      <c r="F2651" t="s">
        <v>4171</v>
      </c>
      <c r="G2651" t="s">
        <v>656</v>
      </c>
      <c r="H2651">
        <v>2</v>
      </c>
      <c r="I2651">
        <v>2020</v>
      </c>
    </row>
    <row r="2652" spans="1:9" x14ac:dyDescent="0.25">
      <c r="A2652">
        <v>2972</v>
      </c>
      <c r="B2652" t="s">
        <v>2034</v>
      </c>
      <c r="C2652" t="s">
        <v>299</v>
      </c>
      <c r="D2652">
        <v>27</v>
      </c>
      <c r="E2652" t="s">
        <v>4179</v>
      </c>
      <c r="F2652" t="s">
        <v>4177</v>
      </c>
      <c r="G2652" t="s">
        <v>656</v>
      </c>
      <c r="H2652">
        <v>2</v>
      </c>
      <c r="I2652">
        <v>2020</v>
      </c>
    </row>
    <row r="2653" spans="1:9" x14ac:dyDescent="0.25">
      <c r="A2653">
        <v>2973</v>
      </c>
      <c r="B2653" t="s">
        <v>4772</v>
      </c>
      <c r="C2653" t="s">
        <v>807</v>
      </c>
      <c r="D2653">
        <v>25</v>
      </c>
      <c r="E2653" t="s">
        <v>4179</v>
      </c>
      <c r="F2653" t="s">
        <v>4177</v>
      </c>
      <c r="G2653" t="s">
        <v>656</v>
      </c>
      <c r="H2653">
        <v>2</v>
      </c>
      <c r="I2653">
        <v>2020</v>
      </c>
    </row>
    <row r="2654" spans="1:9" x14ac:dyDescent="0.25">
      <c r="A2654">
        <v>2974</v>
      </c>
      <c r="B2654" t="s">
        <v>4773</v>
      </c>
      <c r="C2654" t="s">
        <v>301</v>
      </c>
      <c r="D2654">
        <v>26</v>
      </c>
      <c r="E2654" t="s">
        <v>4179</v>
      </c>
      <c r="F2654" t="s">
        <v>4177</v>
      </c>
      <c r="G2654" t="s">
        <v>656</v>
      </c>
      <c r="H2654">
        <v>2</v>
      </c>
      <c r="I2654">
        <v>2020</v>
      </c>
    </row>
    <row r="2655" spans="1:9" x14ac:dyDescent="0.25">
      <c r="A2655">
        <v>2975</v>
      </c>
      <c r="B2655" t="s">
        <v>4774</v>
      </c>
      <c r="C2655" t="s">
        <v>807</v>
      </c>
      <c r="D2655">
        <v>25</v>
      </c>
      <c r="E2655" t="s">
        <v>4179</v>
      </c>
      <c r="F2655" t="s">
        <v>4177</v>
      </c>
      <c r="G2655" t="s">
        <v>656</v>
      </c>
      <c r="H2655">
        <v>2</v>
      </c>
      <c r="I2655">
        <v>2020</v>
      </c>
    </row>
    <row r="2656" spans="1:9" x14ac:dyDescent="0.25">
      <c r="A2656">
        <v>2976</v>
      </c>
      <c r="B2656" t="s">
        <v>2031</v>
      </c>
      <c r="C2656" t="s">
        <v>807</v>
      </c>
      <c r="D2656">
        <v>25</v>
      </c>
      <c r="E2656" t="s">
        <v>4179</v>
      </c>
      <c r="F2656" t="s">
        <v>4177</v>
      </c>
      <c r="G2656" t="s">
        <v>656</v>
      </c>
      <c r="H2656">
        <v>2</v>
      </c>
      <c r="I2656">
        <v>2020</v>
      </c>
    </row>
    <row r="2657" spans="1:9" x14ac:dyDescent="0.25">
      <c r="A2657">
        <v>2977</v>
      </c>
      <c r="B2657" t="s">
        <v>2030</v>
      </c>
      <c r="C2657" t="s">
        <v>299</v>
      </c>
      <c r="D2657">
        <v>27</v>
      </c>
      <c r="E2657" t="s">
        <v>4179</v>
      </c>
      <c r="F2657" t="s">
        <v>4177</v>
      </c>
      <c r="G2657" t="s">
        <v>656</v>
      </c>
      <c r="H2657">
        <v>2</v>
      </c>
      <c r="I2657">
        <v>2020</v>
      </c>
    </row>
    <row r="2658" spans="1:9" x14ac:dyDescent="0.25">
      <c r="A2658">
        <v>2978</v>
      </c>
      <c r="B2658" t="s">
        <v>2029</v>
      </c>
      <c r="C2658" t="s">
        <v>295</v>
      </c>
      <c r="D2658">
        <v>30</v>
      </c>
      <c r="E2658" t="s">
        <v>4179</v>
      </c>
      <c r="F2658" t="s">
        <v>4177</v>
      </c>
      <c r="G2658" t="s">
        <v>656</v>
      </c>
      <c r="H2658">
        <v>2</v>
      </c>
      <c r="I2658">
        <v>2020</v>
      </c>
    </row>
    <row r="2659" spans="1:9" x14ac:dyDescent="0.25">
      <c r="A2659">
        <v>2979</v>
      </c>
      <c r="B2659" t="s">
        <v>4775</v>
      </c>
      <c r="C2659" t="s">
        <v>295</v>
      </c>
      <c r="D2659">
        <v>30</v>
      </c>
      <c r="E2659" t="s">
        <v>4179</v>
      </c>
      <c r="F2659" t="s">
        <v>4177</v>
      </c>
      <c r="G2659" t="s">
        <v>656</v>
      </c>
      <c r="H2659">
        <v>2</v>
      </c>
      <c r="I2659">
        <v>2020</v>
      </c>
    </row>
    <row r="2660" spans="1:9" x14ac:dyDescent="0.25">
      <c r="A2660">
        <v>2980</v>
      </c>
      <c r="B2660" t="s">
        <v>2027</v>
      </c>
      <c r="C2660" t="s">
        <v>864</v>
      </c>
      <c r="D2660">
        <v>14</v>
      </c>
      <c r="E2660" t="s">
        <v>864</v>
      </c>
      <c r="F2660" t="s">
        <v>4171</v>
      </c>
      <c r="G2660" t="s">
        <v>656</v>
      </c>
      <c r="H2660">
        <v>2</v>
      </c>
      <c r="I2660">
        <v>2020</v>
      </c>
    </row>
    <row r="2661" spans="1:9" x14ac:dyDescent="0.25">
      <c r="A2661">
        <v>2981</v>
      </c>
      <c r="B2661" t="s">
        <v>2026</v>
      </c>
      <c r="C2661" t="s">
        <v>301</v>
      </c>
      <c r="D2661">
        <v>26</v>
      </c>
      <c r="E2661" t="s">
        <v>4179</v>
      </c>
      <c r="F2661" t="s">
        <v>4177</v>
      </c>
      <c r="G2661" t="s">
        <v>656</v>
      </c>
      <c r="H2661">
        <v>2</v>
      </c>
      <c r="I2661">
        <v>2020</v>
      </c>
    </row>
    <row r="2662" spans="1:9" x14ac:dyDescent="0.25">
      <c r="A2662">
        <v>2982</v>
      </c>
      <c r="B2662" t="s">
        <v>2025</v>
      </c>
      <c r="C2662" t="s">
        <v>301</v>
      </c>
      <c r="D2662">
        <v>26</v>
      </c>
      <c r="E2662" t="s">
        <v>4179</v>
      </c>
      <c r="F2662" t="s">
        <v>4177</v>
      </c>
      <c r="G2662" t="s">
        <v>656</v>
      </c>
      <c r="H2662">
        <v>2</v>
      </c>
      <c r="I2662">
        <v>2020</v>
      </c>
    </row>
    <row r="2663" spans="1:9" x14ac:dyDescent="0.25">
      <c r="A2663">
        <v>2983</v>
      </c>
      <c r="B2663" t="s">
        <v>2024</v>
      </c>
      <c r="C2663" t="s">
        <v>868</v>
      </c>
      <c r="D2663">
        <v>23</v>
      </c>
      <c r="E2663" t="s">
        <v>4178</v>
      </c>
      <c r="F2663" t="s">
        <v>4177</v>
      </c>
      <c r="G2663" t="s">
        <v>656</v>
      </c>
      <c r="H2663">
        <v>2</v>
      </c>
      <c r="I2663">
        <v>2020</v>
      </c>
    </row>
    <row r="2664" spans="1:9" x14ac:dyDescent="0.25">
      <c r="A2664">
        <v>2985</v>
      </c>
      <c r="B2664" t="s">
        <v>2022</v>
      </c>
      <c r="C2664" t="s">
        <v>678</v>
      </c>
      <c r="D2664">
        <v>41</v>
      </c>
      <c r="E2664" t="s">
        <v>4188</v>
      </c>
      <c r="F2664" t="s">
        <v>4189</v>
      </c>
      <c r="G2664" t="s">
        <v>656</v>
      </c>
      <c r="H2664">
        <v>2</v>
      </c>
      <c r="I2664">
        <v>2020</v>
      </c>
    </row>
    <row r="2665" spans="1:9" x14ac:dyDescent="0.25">
      <c r="A2665">
        <v>2986</v>
      </c>
      <c r="B2665" t="s">
        <v>780</v>
      </c>
      <c r="C2665" t="s">
        <v>299</v>
      </c>
      <c r="D2665">
        <v>27</v>
      </c>
      <c r="E2665" t="s">
        <v>4179</v>
      </c>
      <c r="F2665" t="s">
        <v>4177</v>
      </c>
      <c r="G2665" t="s">
        <v>656</v>
      </c>
      <c r="H2665">
        <v>2</v>
      </c>
      <c r="I2665">
        <v>2020</v>
      </c>
    </row>
    <row r="2666" spans="1:9" x14ac:dyDescent="0.25">
      <c r="A2666">
        <v>2987</v>
      </c>
      <c r="B2666" t="s">
        <v>2021</v>
      </c>
      <c r="C2666" t="s">
        <v>839</v>
      </c>
      <c r="D2666">
        <v>89</v>
      </c>
      <c r="E2666" t="s">
        <v>839</v>
      </c>
      <c r="F2666" t="s">
        <v>4168</v>
      </c>
      <c r="G2666" t="s">
        <v>656</v>
      </c>
      <c r="H2666">
        <v>2</v>
      </c>
      <c r="I2666">
        <v>2020</v>
      </c>
    </row>
    <row r="2667" spans="1:9" x14ac:dyDescent="0.25">
      <c r="A2667">
        <v>2988</v>
      </c>
      <c r="B2667" t="s">
        <v>2020</v>
      </c>
      <c r="C2667" t="s">
        <v>839</v>
      </c>
      <c r="D2667">
        <v>89</v>
      </c>
      <c r="E2667" t="s">
        <v>839</v>
      </c>
      <c r="F2667" t="s">
        <v>4168</v>
      </c>
      <c r="G2667" t="s">
        <v>656</v>
      </c>
      <c r="H2667">
        <v>2</v>
      </c>
      <c r="I2667">
        <v>2020</v>
      </c>
    </row>
    <row r="2668" spans="1:9" x14ac:dyDescent="0.25">
      <c r="A2668">
        <v>2989</v>
      </c>
      <c r="B2668" t="s">
        <v>2019</v>
      </c>
      <c r="C2668" t="s">
        <v>819</v>
      </c>
      <c r="D2668">
        <v>101</v>
      </c>
      <c r="E2668" t="s">
        <v>4187</v>
      </c>
      <c r="F2668" t="s">
        <v>4187</v>
      </c>
      <c r="G2668" t="s">
        <v>656</v>
      </c>
      <c r="H2668">
        <v>2</v>
      </c>
      <c r="I2668">
        <v>2020</v>
      </c>
    </row>
    <row r="2669" spans="1:9" x14ac:dyDescent="0.25">
      <c r="A2669">
        <v>2990</v>
      </c>
      <c r="B2669" t="s">
        <v>2017</v>
      </c>
      <c r="C2669" t="s">
        <v>682</v>
      </c>
      <c r="D2669">
        <v>20</v>
      </c>
      <c r="E2669" t="s">
        <v>682</v>
      </c>
      <c r="F2669" t="s">
        <v>4177</v>
      </c>
      <c r="G2669" t="s">
        <v>656</v>
      </c>
      <c r="H2669">
        <v>2</v>
      </c>
      <c r="I2669">
        <v>2020</v>
      </c>
    </row>
    <row r="2670" spans="1:9" x14ac:dyDescent="0.25">
      <c r="A2670">
        <v>2991</v>
      </c>
      <c r="B2670" t="s">
        <v>2016</v>
      </c>
      <c r="C2670" t="s">
        <v>65</v>
      </c>
      <c r="D2670">
        <v>15</v>
      </c>
      <c r="E2670" t="s">
        <v>4176</v>
      </c>
      <c r="F2670" t="s">
        <v>4177</v>
      </c>
      <c r="G2670" t="s">
        <v>656</v>
      </c>
      <c r="H2670">
        <v>2</v>
      </c>
      <c r="I2670">
        <v>2020</v>
      </c>
    </row>
    <row r="2671" spans="1:9" x14ac:dyDescent="0.25">
      <c r="A2671">
        <v>2992</v>
      </c>
      <c r="B2671" t="s">
        <v>2015</v>
      </c>
      <c r="C2671" t="s">
        <v>65</v>
      </c>
      <c r="D2671">
        <v>15</v>
      </c>
      <c r="E2671" t="s">
        <v>4176</v>
      </c>
      <c r="F2671" t="s">
        <v>4177</v>
      </c>
      <c r="G2671" t="s">
        <v>656</v>
      </c>
      <c r="H2671">
        <v>2</v>
      </c>
      <c r="I2671">
        <v>2020</v>
      </c>
    </row>
    <row r="2672" spans="1:9" x14ac:dyDescent="0.25">
      <c r="A2672">
        <v>2993</v>
      </c>
      <c r="B2672" t="s">
        <v>2014</v>
      </c>
      <c r="C2672" t="s">
        <v>65</v>
      </c>
      <c r="D2672">
        <v>15</v>
      </c>
      <c r="E2672" t="s">
        <v>4176</v>
      </c>
      <c r="F2672" t="s">
        <v>4177</v>
      </c>
      <c r="G2672" t="s">
        <v>656</v>
      </c>
      <c r="H2672">
        <v>2</v>
      </c>
      <c r="I2672">
        <v>2020</v>
      </c>
    </row>
    <row r="2673" spans="1:9" x14ac:dyDescent="0.25">
      <c r="A2673">
        <v>2994</v>
      </c>
      <c r="B2673" t="s">
        <v>2013</v>
      </c>
      <c r="C2673" t="s">
        <v>663</v>
      </c>
      <c r="D2673">
        <v>99</v>
      </c>
      <c r="E2673" t="s">
        <v>663</v>
      </c>
      <c r="F2673" t="s">
        <v>4171</v>
      </c>
      <c r="G2673" t="s">
        <v>656</v>
      </c>
      <c r="H2673">
        <v>2</v>
      </c>
      <c r="I2673">
        <v>2020</v>
      </c>
    </row>
    <row r="2674" spans="1:9" x14ac:dyDescent="0.25">
      <c r="A2674">
        <v>2995</v>
      </c>
      <c r="B2674" t="s">
        <v>2012</v>
      </c>
      <c r="C2674" t="s">
        <v>663</v>
      </c>
      <c r="D2674">
        <v>99</v>
      </c>
      <c r="E2674" t="s">
        <v>663</v>
      </c>
      <c r="F2674" t="s">
        <v>4171</v>
      </c>
      <c r="G2674" t="s">
        <v>656</v>
      </c>
      <c r="H2674">
        <v>2</v>
      </c>
      <c r="I2674">
        <v>2020</v>
      </c>
    </row>
    <row r="2675" spans="1:9" x14ac:dyDescent="0.25">
      <c r="A2675">
        <v>2996</v>
      </c>
      <c r="B2675" t="s">
        <v>2011</v>
      </c>
      <c r="C2675" t="s">
        <v>831</v>
      </c>
      <c r="D2675">
        <v>5</v>
      </c>
      <c r="E2675" t="s">
        <v>831</v>
      </c>
      <c r="F2675" t="s">
        <v>4168</v>
      </c>
      <c r="G2675" t="s">
        <v>656</v>
      </c>
      <c r="H2675">
        <v>2</v>
      </c>
      <c r="I2675">
        <v>2020</v>
      </c>
    </row>
    <row r="2676" spans="1:9" x14ac:dyDescent="0.25">
      <c r="A2676">
        <v>2997</v>
      </c>
      <c r="B2676" t="s">
        <v>2009</v>
      </c>
      <c r="C2676" t="s">
        <v>851</v>
      </c>
      <c r="D2676">
        <v>43</v>
      </c>
      <c r="E2676" t="s">
        <v>4188</v>
      </c>
      <c r="F2676" t="s">
        <v>4189</v>
      </c>
      <c r="G2676" t="s">
        <v>656</v>
      </c>
      <c r="H2676">
        <v>2</v>
      </c>
      <c r="I2676">
        <v>2020</v>
      </c>
    </row>
    <row r="2677" spans="1:9" x14ac:dyDescent="0.25">
      <c r="A2677">
        <v>2998</v>
      </c>
      <c r="B2677" t="s">
        <v>2008</v>
      </c>
      <c r="C2677" t="s">
        <v>802</v>
      </c>
      <c r="D2677">
        <v>12</v>
      </c>
      <c r="E2677" t="s">
        <v>802</v>
      </c>
      <c r="F2677" t="s">
        <v>4171</v>
      </c>
      <c r="G2677" t="s">
        <v>656</v>
      </c>
      <c r="H2677">
        <v>2</v>
      </c>
      <c r="I2677">
        <v>2020</v>
      </c>
    </row>
    <row r="2678" spans="1:9" x14ac:dyDescent="0.25">
      <c r="A2678">
        <v>2999</v>
      </c>
      <c r="B2678" t="s">
        <v>2006</v>
      </c>
      <c r="C2678" t="s">
        <v>294</v>
      </c>
      <c r="D2678">
        <v>31</v>
      </c>
      <c r="E2678" t="s">
        <v>4179</v>
      </c>
      <c r="F2678" t="s">
        <v>4177</v>
      </c>
      <c r="G2678" t="s">
        <v>656</v>
      </c>
      <c r="H2678">
        <v>2</v>
      </c>
      <c r="I2678">
        <v>2020</v>
      </c>
    </row>
    <row r="2679" spans="1:9" x14ac:dyDescent="0.25">
      <c r="A2679">
        <v>3000</v>
      </c>
      <c r="B2679" t="s">
        <v>2005</v>
      </c>
      <c r="C2679" t="s">
        <v>691</v>
      </c>
      <c r="D2679">
        <v>21</v>
      </c>
      <c r="E2679" t="s">
        <v>691</v>
      </c>
      <c r="F2679" t="s">
        <v>4177</v>
      </c>
      <c r="G2679" t="s">
        <v>656</v>
      </c>
      <c r="H2679">
        <v>2</v>
      </c>
      <c r="I2679">
        <v>2020</v>
      </c>
    </row>
    <row r="2680" spans="1:9" x14ac:dyDescent="0.25">
      <c r="A2680">
        <v>3001</v>
      </c>
      <c r="B2680" t="s">
        <v>2004</v>
      </c>
      <c r="C2680" t="s">
        <v>756</v>
      </c>
      <c r="D2680">
        <v>19</v>
      </c>
      <c r="E2680" t="s">
        <v>894</v>
      </c>
      <c r="F2680" t="s">
        <v>4177</v>
      </c>
      <c r="G2680" t="s">
        <v>656</v>
      </c>
      <c r="H2680">
        <v>2</v>
      </c>
      <c r="I2680">
        <v>2020</v>
      </c>
    </row>
    <row r="2681" spans="1:9" x14ac:dyDescent="0.25">
      <c r="A2681">
        <v>3002</v>
      </c>
      <c r="B2681" t="s">
        <v>4776</v>
      </c>
      <c r="C2681" t="s">
        <v>299</v>
      </c>
      <c r="D2681">
        <v>27</v>
      </c>
      <c r="E2681" t="s">
        <v>4179</v>
      </c>
      <c r="F2681" t="s">
        <v>4177</v>
      </c>
      <c r="G2681" t="s">
        <v>656</v>
      </c>
      <c r="H2681">
        <v>2</v>
      </c>
      <c r="I2681">
        <v>2020</v>
      </c>
    </row>
    <row r="2682" spans="1:9" x14ac:dyDescent="0.25">
      <c r="A2682">
        <v>3003</v>
      </c>
      <c r="B2682" t="s">
        <v>4777</v>
      </c>
      <c r="C2682" t="s">
        <v>299</v>
      </c>
      <c r="D2682">
        <v>27</v>
      </c>
      <c r="E2682" t="s">
        <v>4179</v>
      </c>
      <c r="F2682" t="s">
        <v>4177</v>
      </c>
      <c r="G2682" t="s">
        <v>656</v>
      </c>
      <c r="H2682">
        <v>2</v>
      </c>
      <c r="I2682">
        <v>2020</v>
      </c>
    </row>
    <row r="2683" spans="1:9" x14ac:dyDescent="0.25">
      <c r="A2683">
        <v>3004</v>
      </c>
      <c r="B2683" t="s">
        <v>2003</v>
      </c>
      <c r="C2683" t="s">
        <v>295</v>
      </c>
      <c r="D2683">
        <v>30</v>
      </c>
      <c r="E2683" t="s">
        <v>4179</v>
      </c>
      <c r="F2683" t="s">
        <v>4177</v>
      </c>
      <c r="G2683" t="s">
        <v>656</v>
      </c>
      <c r="H2683">
        <v>2</v>
      </c>
      <c r="I2683">
        <v>2020</v>
      </c>
    </row>
    <row r="2684" spans="1:9" x14ac:dyDescent="0.25">
      <c r="A2684">
        <v>3005</v>
      </c>
      <c r="B2684" t="s">
        <v>4778</v>
      </c>
      <c r="C2684" t="s">
        <v>294</v>
      </c>
      <c r="D2684">
        <v>31</v>
      </c>
      <c r="E2684" t="s">
        <v>4179</v>
      </c>
      <c r="F2684" t="s">
        <v>4177</v>
      </c>
      <c r="G2684" t="s">
        <v>656</v>
      </c>
      <c r="H2684">
        <v>2</v>
      </c>
      <c r="I2684">
        <v>2020</v>
      </c>
    </row>
    <row r="2685" spans="1:9" x14ac:dyDescent="0.25">
      <c r="A2685">
        <v>3006</v>
      </c>
      <c r="B2685" t="s">
        <v>4779</v>
      </c>
      <c r="C2685" t="s">
        <v>65</v>
      </c>
      <c r="D2685">
        <v>15</v>
      </c>
      <c r="E2685" t="s">
        <v>4176</v>
      </c>
      <c r="F2685" t="s">
        <v>4177</v>
      </c>
      <c r="G2685" t="s">
        <v>656</v>
      </c>
      <c r="H2685">
        <v>2</v>
      </c>
      <c r="I2685">
        <v>2020</v>
      </c>
    </row>
    <row r="2686" spans="1:9" x14ac:dyDescent="0.25">
      <c r="A2686">
        <v>3007</v>
      </c>
      <c r="B2686" t="s">
        <v>4780</v>
      </c>
      <c r="C2686" t="s">
        <v>65</v>
      </c>
      <c r="D2686">
        <v>15</v>
      </c>
      <c r="E2686" t="s">
        <v>4176</v>
      </c>
      <c r="F2686" t="s">
        <v>4177</v>
      </c>
      <c r="G2686" t="s">
        <v>656</v>
      </c>
      <c r="H2686">
        <v>2</v>
      </c>
      <c r="I2686">
        <v>2020</v>
      </c>
    </row>
    <row r="2687" spans="1:9" x14ac:dyDescent="0.25">
      <c r="A2687">
        <v>3008</v>
      </c>
      <c r="B2687" t="s">
        <v>4781</v>
      </c>
      <c r="C2687" t="s">
        <v>301</v>
      </c>
      <c r="D2687">
        <v>26</v>
      </c>
      <c r="E2687" t="s">
        <v>4179</v>
      </c>
      <c r="F2687" t="s">
        <v>4177</v>
      </c>
      <c r="G2687" t="s">
        <v>656</v>
      </c>
      <c r="H2687">
        <v>2</v>
      </c>
      <c r="I2687">
        <v>2020</v>
      </c>
    </row>
    <row r="2688" spans="1:9" x14ac:dyDescent="0.25">
      <c r="A2688">
        <v>3009</v>
      </c>
      <c r="B2688" t="s">
        <v>4782</v>
      </c>
      <c r="C2688" t="s">
        <v>299</v>
      </c>
      <c r="D2688">
        <v>27</v>
      </c>
      <c r="E2688" t="s">
        <v>4179</v>
      </c>
      <c r="F2688" t="s">
        <v>4177</v>
      </c>
      <c r="G2688" t="s">
        <v>656</v>
      </c>
      <c r="H2688">
        <v>2</v>
      </c>
      <c r="I2688">
        <v>2020</v>
      </c>
    </row>
    <row r="2689" spans="1:9" x14ac:dyDescent="0.25">
      <c r="A2689">
        <v>3010</v>
      </c>
      <c r="B2689" t="s">
        <v>2002</v>
      </c>
      <c r="C2689" t="s">
        <v>807</v>
      </c>
      <c r="D2689">
        <v>25</v>
      </c>
      <c r="E2689" t="s">
        <v>4179</v>
      </c>
      <c r="F2689" t="s">
        <v>4177</v>
      </c>
      <c r="G2689" t="s">
        <v>656</v>
      </c>
      <c r="H2689">
        <v>2</v>
      </c>
      <c r="I2689">
        <v>2020</v>
      </c>
    </row>
    <row r="2690" spans="1:9" x14ac:dyDescent="0.25">
      <c r="A2690">
        <v>3011</v>
      </c>
      <c r="B2690" t="s">
        <v>2001</v>
      </c>
      <c r="C2690" t="s">
        <v>295</v>
      </c>
      <c r="D2690">
        <v>30</v>
      </c>
      <c r="E2690" t="s">
        <v>4179</v>
      </c>
      <c r="F2690" t="s">
        <v>4177</v>
      </c>
      <c r="G2690" t="s">
        <v>656</v>
      </c>
      <c r="H2690">
        <v>2</v>
      </c>
      <c r="I2690">
        <v>2020</v>
      </c>
    </row>
    <row r="2691" spans="1:9" x14ac:dyDescent="0.25">
      <c r="A2691">
        <v>3012</v>
      </c>
      <c r="B2691" t="s">
        <v>2000</v>
      </c>
      <c r="C2691" t="s">
        <v>295</v>
      </c>
      <c r="D2691">
        <v>30</v>
      </c>
      <c r="E2691" t="s">
        <v>4179</v>
      </c>
      <c r="F2691" t="s">
        <v>4177</v>
      </c>
      <c r="G2691" t="s">
        <v>656</v>
      </c>
      <c r="H2691">
        <v>2</v>
      </c>
      <c r="I2691">
        <v>2020</v>
      </c>
    </row>
    <row r="2692" spans="1:9" x14ac:dyDescent="0.25">
      <c r="A2692">
        <v>3013</v>
      </c>
      <c r="B2692" t="s">
        <v>1999</v>
      </c>
      <c r="C2692" t="s">
        <v>864</v>
      </c>
      <c r="D2692">
        <v>14</v>
      </c>
      <c r="E2692" t="s">
        <v>864</v>
      </c>
      <c r="F2692" t="s">
        <v>4171</v>
      </c>
      <c r="G2692" t="s">
        <v>656</v>
      </c>
      <c r="H2692">
        <v>2</v>
      </c>
      <c r="I2692">
        <v>2020</v>
      </c>
    </row>
    <row r="2693" spans="1:9" x14ac:dyDescent="0.25">
      <c r="A2693">
        <v>3015</v>
      </c>
      <c r="B2693" t="s">
        <v>1996</v>
      </c>
      <c r="C2693" t="s">
        <v>880</v>
      </c>
      <c r="D2693">
        <v>58</v>
      </c>
      <c r="E2693" t="s">
        <v>4188</v>
      </c>
      <c r="F2693" t="s">
        <v>4189</v>
      </c>
      <c r="G2693" t="s">
        <v>656</v>
      </c>
      <c r="H2693">
        <v>2</v>
      </c>
      <c r="I2693">
        <v>2020</v>
      </c>
    </row>
    <row r="2694" spans="1:9" x14ac:dyDescent="0.25">
      <c r="A2694">
        <v>3016</v>
      </c>
      <c r="B2694" t="s">
        <v>1995</v>
      </c>
      <c r="C2694" t="s">
        <v>797</v>
      </c>
      <c r="D2694">
        <v>65</v>
      </c>
      <c r="E2694" t="s">
        <v>4191</v>
      </c>
      <c r="F2694" t="s">
        <v>4189</v>
      </c>
      <c r="G2694" t="s">
        <v>656</v>
      </c>
      <c r="H2694">
        <v>2</v>
      </c>
      <c r="I2694">
        <v>2020</v>
      </c>
    </row>
    <row r="2695" spans="1:9" x14ac:dyDescent="0.25">
      <c r="A2695">
        <v>3017</v>
      </c>
      <c r="B2695" t="s">
        <v>1993</v>
      </c>
      <c r="C2695" t="s">
        <v>663</v>
      </c>
      <c r="D2695">
        <v>99</v>
      </c>
      <c r="E2695" t="s">
        <v>663</v>
      </c>
      <c r="F2695" t="s">
        <v>4171</v>
      </c>
      <c r="G2695" t="s">
        <v>656</v>
      </c>
      <c r="H2695">
        <v>2</v>
      </c>
      <c r="I2695">
        <v>2020</v>
      </c>
    </row>
    <row r="2696" spans="1:9" x14ac:dyDescent="0.25">
      <c r="A2696">
        <v>3018</v>
      </c>
      <c r="B2696" t="s">
        <v>1992</v>
      </c>
      <c r="C2696" t="s">
        <v>756</v>
      </c>
      <c r="D2696">
        <v>19</v>
      </c>
      <c r="E2696" t="s">
        <v>894</v>
      </c>
      <c r="F2696" t="s">
        <v>4177</v>
      </c>
      <c r="G2696" t="s">
        <v>656</v>
      </c>
      <c r="H2696">
        <v>2</v>
      </c>
      <c r="I2696">
        <v>2020</v>
      </c>
    </row>
    <row r="2697" spans="1:9" x14ac:dyDescent="0.25">
      <c r="A2697">
        <v>3019</v>
      </c>
      <c r="B2697" t="s">
        <v>1991</v>
      </c>
      <c r="C2697" t="s">
        <v>813</v>
      </c>
      <c r="D2697">
        <v>24</v>
      </c>
      <c r="E2697" t="s">
        <v>4179</v>
      </c>
      <c r="F2697" t="s">
        <v>4177</v>
      </c>
      <c r="G2697" t="s">
        <v>656</v>
      </c>
      <c r="H2697">
        <v>2</v>
      </c>
      <c r="I2697">
        <v>2020</v>
      </c>
    </row>
    <row r="2698" spans="1:9" x14ac:dyDescent="0.25">
      <c r="A2698">
        <v>3020</v>
      </c>
      <c r="B2698" t="s">
        <v>1990</v>
      </c>
      <c r="C2698" t="s">
        <v>868</v>
      </c>
      <c r="D2698">
        <v>23</v>
      </c>
      <c r="E2698" t="s">
        <v>4178</v>
      </c>
      <c r="F2698" t="s">
        <v>4177</v>
      </c>
      <c r="G2698" t="s">
        <v>656</v>
      </c>
      <c r="H2698">
        <v>2</v>
      </c>
      <c r="I2698">
        <v>2020</v>
      </c>
    </row>
    <row r="2699" spans="1:9" x14ac:dyDescent="0.25">
      <c r="A2699">
        <v>3021</v>
      </c>
      <c r="B2699" t="s">
        <v>1989</v>
      </c>
      <c r="C2699" t="s">
        <v>691</v>
      </c>
      <c r="D2699">
        <v>21</v>
      </c>
      <c r="E2699" t="s">
        <v>691</v>
      </c>
      <c r="F2699" t="s">
        <v>4177</v>
      </c>
      <c r="G2699" t="s">
        <v>656</v>
      </c>
      <c r="H2699">
        <v>2</v>
      </c>
      <c r="I2699">
        <v>2020</v>
      </c>
    </row>
    <row r="2700" spans="1:9" x14ac:dyDescent="0.25">
      <c r="A2700">
        <v>3022</v>
      </c>
      <c r="B2700" t="s">
        <v>1988</v>
      </c>
      <c r="C2700" t="s">
        <v>65</v>
      </c>
      <c r="D2700">
        <v>15</v>
      </c>
      <c r="E2700" t="s">
        <v>4176</v>
      </c>
      <c r="F2700" t="s">
        <v>4177</v>
      </c>
      <c r="G2700" t="s">
        <v>656</v>
      </c>
      <c r="H2700">
        <v>2</v>
      </c>
      <c r="I2700">
        <v>2020</v>
      </c>
    </row>
    <row r="2701" spans="1:9" x14ac:dyDescent="0.25">
      <c r="A2701">
        <v>3023</v>
      </c>
      <c r="B2701" t="s">
        <v>1987</v>
      </c>
      <c r="C2701" t="s">
        <v>807</v>
      </c>
      <c r="D2701">
        <v>25</v>
      </c>
      <c r="E2701" t="s">
        <v>4179</v>
      </c>
      <c r="F2701" t="s">
        <v>4177</v>
      </c>
      <c r="G2701" t="s">
        <v>656</v>
      </c>
      <c r="H2701">
        <v>2</v>
      </c>
      <c r="I2701">
        <v>2020</v>
      </c>
    </row>
    <row r="2702" spans="1:9" x14ac:dyDescent="0.25">
      <c r="A2702">
        <v>3024</v>
      </c>
      <c r="B2702" t="s">
        <v>4783</v>
      </c>
      <c r="C2702" t="s">
        <v>301</v>
      </c>
      <c r="D2702">
        <v>26</v>
      </c>
      <c r="E2702" t="s">
        <v>4179</v>
      </c>
      <c r="F2702" t="s">
        <v>4177</v>
      </c>
      <c r="G2702" t="s">
        <v>656</v>
      </c>
      <c r="H2702">
        <v>2</v>
      </c>
      <c r="I2702">
        <v>2020</v>
      </c>
    </row>
    <row r="2703" spans="1:9" x14ac:dyDescent="0.25">
      <c r="A2703">
        <v>3026</v>
      </c>
      <c r="B2703" t="s">
        <v>1983</v>
      </c>
      <c r="C2703" t="s">
        <v>301</v>
      </c>
      <c r="D2703">
        <v>26</v>
      </c>
      <c r="E2703" t="s">
        <v>4179</v>
      </c>
      <c r="F2703" t="s">
        <v>4177</v>
      </c>
      <c r="G2703" t="s">
        <v>656</v>
      </c>
      <c r="H2703">
        <v>2</v>
      </c>
      <c r="I2703">
        <v>2020</v>
      </c>
    </row>
    <row r="2704" spans="1:9" x14ac:dyDescent="0.25">
      <c r="A2704">
        <v>3027</v>
      </c>
      <c r="B2704" t="s">
        <v>1982</v>
      </c>
      <c r="C2704" t="s">
        <v>807</v>
      </c>
      <c r="D2704">
        <v>25</v>
      </c>
      <c r="E2704" t="s">
        <v>4179</v>
      </c>
      <c r="F2704" t="s">
        <v>4177</v>
      </c>
      <c r="G2704" t="s">
        <v>656</v>
      </c>
      <c r="H2704">
        <v>2</v>
      </c>
      <c r="I2704">
        <v>2020</v>
      </c>
    </row>
    <row r="2705" spans="1:9" x14ac:dyDescent="0.25">
      <c r="A2705">
        <v>3028</v>
      </c>
      <c r="B2705" t="s">
        <v>1981</v>
      </c>
      <c r="C2705" t="s">
        <v>807</v>
      </c>
      <c r="D2705">
        <v>25</v>
      </c>
      <c r="E2705" t="s">
        <v>4179</v>
      </c>
      <c r="F2705" t="s">
        <v>4177</v>
      </c>
      <c r="G2705" t="s">
        <v>656</v>
      </c>
      <c r="H2705">
        <v>2</v>
      </c>
      <c r="I2705">
        <v>2020</v>
      </c>
    </row>
    <row r="2706" spans="1:9" x14ac:dyDescent="0.25">
      <c r="A2706">
        <v>3029</v>
      </c>
      <c r="B2706" t="s">
        <v>1980</v>
      </c>
      <c r="C2706" t="s">
        <v>299</v>
      </c>
      <c r="D2706">
        <v>27</v>
      </c>
      <c r="E2706" t="s">
        <v>4179</v>
      </c>
      <c r="F2706" t="s">
        <v>4177</v>
      </c>
      <c r="G2706" t="s">
        <v>656</v>
      </c>
      <c r="H2706">
        <v>2</v>
      </c>
      <c r="I2706">
        <v>2020</v>
      </c>
    </row>
    <row r="2707" spans="1:9" x14ac:dyDescent="0.25">
      <c r="A2707">
        <v>3030</v>
      </c>
      <c r="B2707" t="s">
        <v>1978</v>
      </c>
      <c r="C2707" t="s">
        <v>65</v>
      </c>
      <c r="D2707">
        <v>15</v>
      </c>
      <c r="E2707" t="s">
        <v>4176</v>
      </c>
      <c r="F2707" t="s">
        <v>4177</v>
      </c>
      <c r="G2707" t="s">
        <v>656</v>
      </c>
      <c r="H2707">
        <v>2</v>
      </c>
      <c r="I2707">
        <v>2020</v>
      </c>
    </row>
    <row r="2708" spans="1:9" x14ac:dyDescent="0.25">
      <c r="A2708">
        <v>3034</v>
      </c>
      <c r="B2708" t="s">
        <v>1977</v>
      </c>
      <c r="C2708" t="s">
        <v>65</v>
      </c>
      <c r="D2708">
        <v>15</v>
      </c>
      <c r="E2708" t="s">
        <v>4176</v>
      </c>
      <c r="F2708" t="s">
        <v>4177</v>
      </c>
      <c r="G2708" t="s">
        <v>656</v>
      </c>
      <c r="H2708">
        <v>2</v>
      </c>
      <c r="I2708">
        <v>2020</v>
      </c>
    </row>
    <row r="2709" spans="1:9" x14ac:dyDescent="0.25">
      <c r="A2709">
        <v>3035</v>
      </c>
      <c r="B2709" t="s">
        <v>1976</v>
      </c>
      <c r="C2709" t="s">
        <v>807</v>
      </c>
      <c r="D2709">
        <v>25</v>
      </c>
      <c r="E2709" t="s">
        <v>4179</v>
      </c>
      <c r="F2709" t="s">
        <v>4177</v>
      </c>
      <c r="G2709" t="s">
        <v>656</v>
      </c>
      <c r="H2709">
        <v>2</v>
      </c>
      <c r="I2709">
        <v>2020</v>
      </c>
    </row>
    <row r="2710" spans="1:9" x14ac:dyDescent="0.25">
      <c r="A2710">
        <v>3036</v>
      </c>
      <c r="B2710" t="s">
        <v>4784</v>
      </c>
      <c r="C2710" t="s">
        <v>703</v>
      </c>
      <c r="D2710">
        <v>16</v>
      </c>
      <c r="E2710" t="s">
        <v>703</v>
      </c>
      <c r="F2710" t="s">
        <v>4177</v>
      </c>
      <c r="G2710" t="s">
        <v>656</v>
      </c>
      <c r="H2710">
        <v>2</v>
      </c>
      <c r="I2710">
        <v>2020</v>
      </c>
    </row>
    <row r="2711" spans="1:9" x14ac:dyDescent="0.25">
      <c r="A2711">
        <v>3037</v>
      </c>
      <c r="B2711" t="s">
        <v>4785</v>
      </c>
      <c r="C2711" t="s">
        <v>894</v>
      </c>
      <c r="D2711">
        <v>18</v>
      </c>
      <c r="E2711" t="s">
        <v>894</v>
      </c>
      <c r="F2711" t="s">
        <v>4177</v>
      </c>
      <c r="G2711" t="s">
        <v>656</v>
      </c>
      <c r="H2711">
        <v>2</v>
      </c>
      <c r="I2711">
        <v>2020</v>
      </c>
    </row>
    <row r="2712" spans="1:9" x14ac:dyDescent="0.25">
      <c r="A2712">
        <v>3038</v>
      </c>
      <c r="B2712" t="s">
        <v>1975</v>
      </c>
      <c r="C2712" t="s">
        <v>868</v>
      </c>
      <c r="D2712">
        <v>23</v>
      </c>
      <c r="E2712" t="s">
        <v>4178</v>
      </c>
      <c r="F2712" t="s">
        <v>4177</v>
      </c>
      <c r="G2712" t="s">
        <v>656</v>
      </c>
      <c r="H2712">
        <v>2</v>
      </c>
      <c r="I2712">
        <v>2020</v>
      </c>
    </row>
    <row r="2713" spans="1:9" x14ac:dyDescent="0.25">
      <c r="A2713">
        <v>3039</v>
      </c>
      <c r="B2713" t="s">
        <v>1974</v>
      </c>
      <c r="C2713" t="s">
        <v>65</v>
      </c>
      <c r="D2713">
        <v>15</v>
      </c>
      <c r="E2713" t="s">
        <v>4176</v>
      </c>
      <c r="F2713" t="s">
        <v>4177</v>
      </c>
      <c r="G2713" t="s">
        <v>656</v>
      </c>
      <c r="H2713">
        <v>2</v>
      </c>
      <c r="I2713">
        <v>2020</v>
      </c>
    </row>
    <row r="2714" spans="1:9" x14ac:dyDescent="0.25">
      <c r="A2714">
        <v>3041</v>
      </c>
      <c r="B2714" t="s">
        <v>1971</v>
      </c>
      <c r="C2714" t="s">
        <v>864</v>
      </c>
      <c r="D2714">
        <v>14</v>
      </c>
      <c r="E2714" t="s">
        <v>864</v>
      </c>
      <c r="F2714" t="s">
        <v>4171</v>
      </c>
      <c r="G2714" t="s">
        <v>656</v>
      </c>
      <c r="H2714">
        <v>2</v>
      </c>
      <c r="I2714">
        <v>2020</v>
      </c>
    </row>
    <row r="2715" spans="1:9" x14ac:dyDescent="0.25">
      <c r="A2715">
        <v>3042</v>
      </c>
      <c r="B2715" t="s">
        <v>1074</v>
      </c>
      <c r="C2715" t="s">
        <v>703</v>
      </c>
      <c r="D2715">
        <v>16</v>
      </c>
      <c r="E2715" t="s">
        <v>703</v>
      </c>
      <c r="F2715" t="s">
        <v>4177</v>
      </c>
      <c r="G2715" t="s">
        <v>656</v>
      </c>
      <c r="H2715">
        <v>2</v>
      </c>
      <c r="I2715">
        <v>2020</v>
      </c>
    </row>
    <row r="2716" spans="1:9" x14ac:dyDescent="0.25">
      <c r="A2716">
        <v>3043</v>
      </c>
      <c r="B2716" t="s">
        <v>4786</v>
      </c>
      <c r="C2716" t="s">
        <v>866</v>
      </c>
      <c r="D2716">
        <v>9</v>
      </c>
      <c r="E2716" t="s">
        <v>866</v>
      </c>
      <c r="F2716" t="s">
        <v>4171</v>
      </c>
      <c r="G2716" t="s">
        <v>656</v>
      </c>
      <c r="H2716">
        <v>2</v>
      </c>
      <c r="I2716">
        <v>2020</v>
      </c>
    </row>
    <row r="2717" spans="1:9" x14ac:dyDescent="0.25">
      <c r="A2717">
        <v>3044</v>
      </c>
      <c r="B2717" t="s">
        <v>4787</v>
      </c>
      <c r="C2717" t="s">
        <v>866</v>
      </c>
      <c r="D2717">
        <v>9</v>
      </c>
      <c r="E2717" t="s">
        <v>866</v>
      </c>
      <c r="F2717" t="s">
        <v>4171</v>
      </c>
      <c r="G2717" t="s">
        <v>656</v>
      </c>
      <c r="H2717">
        <v>2</v>
      </c>
      <c r="I2717">
        <v>2020</v>
      </c>
    </row>
    <row r="2718" spans="1:9" x14ac:dyDescent="0.25">
      <c r="A2718">
        <v>3046</v>
      </c>
      <c r="B2718" t="s">
        <v>4788</v>
      </c>
      <c r="C2718" t="s">
        <v>864</v>
      </c>
      <c r="D2718">
        <v>14</v>
      </c>
      <c r="E2718" t="s">
        <v>864</v>
      </c>
      <c r="F2718" t="s">
        <v>4171</v>
      </c>
      <c r="G2718" t="s">
        <v>656</v>
      </c>
      <c r="H2718">
        <v>2</v>
      </c>
      <c r="I2718">
        <v>2020</v>
      </c>
    </row>
    <row r="2719" spans="1:9" x14ac:dyDescent="0.25">
      <c r="A2719">
        <v>3047</v>
      </c>
      <c r="B2719" t="s">
        <v>4789</v>
      </c>
      <c r="C2719" t="s">
        <v>673</v>
      </c>
      <c r="D2719">
        <v>34</v>
      </c>
      <c r="E2719" t="s">
        <v>4175</v>
      </c>
      <c r="F2719" t="s">
        <v>4171</v>
      </c>
      <c r="G2719" t="s">
        <v>656</v>
      </c>
      <c r="H2719">
        <v>2</v>
      </c>
      <c r="I2719">
        <v>2020</v>
      </c>
    </row>
    <row r="2720" spans="1:9" x14ac:dyDescent="0.25">
      <c r="A2720">
        <v>3050</v>
      </c>
      <c r="B2720" t="s">
        <v>1969</v>
      </c>
      <c r="C2720" t="s">
        <v>295</v>
      </c>
      <c r="D2720">
        <v>30</v>
      </c>
      <c r="E2720" t="s">
        <v>4179</v>
      </c>
      <c r="F2720" t="s">
        <v>4177</v>
      </c>
      <c r="G2720" t="s">
        <v>656</v>
      </c>
      <c r="H2720">
        <v>2</v>
      </c>
      <c r="I2720">
        <v>2020</v>
      </c>
    </row>
    <row r="2721" spans="1:9" x14ac:dyDescent="0.25">
      <c r="A2721">
        <v>3051</v>
      </c>
      <c r="B2721" t="s">
        <v>1968</v>
      </c>
      <c r="C2721" t="s">
        <v>295</v>
      </c>
      <c r="D2721">
        <v>30</v>
      </c>
      <c r="E2721" t="s">
        <v>4179</v>
      </c>
      <c r="F2721" t="s">
        <v>4177</v>
      </c>
      <c r="G2721" t="s">
        <v>656</v>
      </c>
      <c r="H2721">
        <v>2</v>
      </c>
      <c r="I2721">
        <v>2020</v>
      </c>
    </row>
    <row r="2722" spans="1:9" x14ac:dyDescent="0.25">
      <c r="A2722">
        <v>3052</v>
      </c>
      <c r="B2722" t="s">
        <v>1967</v>
      </c>
      <c r="C2722" t="s">
        <v>295</v>
      </c>
      <c r="D2722">
        <v>30</v>
      </c>
      <c r="E2722" t="s">
        <v>4179</v>
      </c>
      <c r="F2722" t="s">
        <v>4177</v>
      </c>
      <c r="G2722" t="s">
        <v>656</v>
      </c>
      <c r="H2722">
        <v>2</v>
      </c>
      <c r="I2722">
        <v>2020</v>
      </c>
    </row>
    <row r="2723" spans="1:9" x14ac:dyDescent="0.25">
      <c r="A2723">
        <v>3053</v>
      </c>
      <c r="B2723" t="s">
        <v>1965</v>
      </c>
      <c r="C2723" t="s">
        <v>295</v>
      </c>
      <c r="D2723">
        <v>30</v>
      </c>
      <c r="E2723" t="s">
        <v>4179</v>
      </c>
      <c r="F2723" t="s">
        <v>4177</v>
      </c>
      <c r="G2723" t="s">
        <v>656</v>
      </c>
      <c r="H2723">
        <v>2</v>
      </c>
      <c r="I2723">
        <v>2020</v>
      </c>
    </row>
    <row r="2724" spans="1:9" x14ac:dyDescent="0.25">
      <c r="A2724">
        <v>3054</v>
      </c>
      <c r="B2724" t="s">
        <v>4790</v>
      </c>
      <c r="C2724" t="s">
        <v>294</v>
      </c>
      <c r="D2724">
        <v>31</v>
      </c>
      <c r="E2724" t="s">
        <v>4179</v>
      </c>
      <c r="F2724" t="s">
        <v>4177</v>
      </c>
      <c r="G2724" t="s">
        <v>656</v>
      </c>
      <c r="H2724">
        <v>2</v>
      </c>
      <c r="I2724">
        <v>2020</v>
      </c>
    </row>
    <row r="2725" spans="1:9" x14ac:dyDescent="0.25">
      <c r="A2725">
        <v>3055</v>
      </c>
      <c r="B2725" t="s">
        <v>4791</v>
      </c>
      <c r="C2725" t="s">
        <v>294</v>
      </c>
      <c r="D2725">
        <v>31</v>
      </c>
      <c r="E2725" t="s">
        <v>4179</v>
      </c>
      <c r="F2725" t="s">
        <v>4177</v>
      </c>
      <c r="G2725" t="s">
        <v>656</v>
      </c>
      <c r="H2725">
        <v>2</v>
      </c>
      <c r="I2725">
        <v>2020</v>
      </c>
    </row>
    <row r="2726" spans="1:9" x14ac:dyDescent="0.25">
      <c r="A2726">
        <v>3056</v>
      </c>
      <c r="B2726" t="s">
        <v>1964</v>
      </c>
      <c r="C2726" t="s">
        <v>301</v>
      </c>
      <c r="D2726">
        <v>26</v>
      </c>
      <c r="E2726" t="s">
        <v>4179</v>
      </c>
      <c r="F2726" t="s">
        <v>4177</v>
      </c>
      <c r="G2726" t="s">
        <v>656</v>
      </c>
      <c r="H2726">
        <v>2</v>
      </c>
      <c r="I2726">
        <v>2020</v>
      </c>
    </row>
    <row r="2727" spans="1:9" x14ac:dyDescent="0.25">
      <c r="A2727">
        <v>3057</v>
      </c>
      <c r="B2727" t="s">
        <v>1963</v>
      </c>
      <c r="C2727" t="s">
        <v>299</v>
      </c>
      <c r="D2727">
        <v>27</v>
      </c>
      <c r="E2727" t="s">
        <v>4179</v>
      </c>
      <c r="F2727" t="s">
        <v>4177</v>
      </c>
      <c r="G2727" t="s">
        <v>656</v>
      </c>
      <c r="H2727">
        <v>2</v>
      </c>
      <c r="I2727">
        <v>2020</v>
      </c>
    </row>
    <row r="2728" spans="1:9" x14ac:dyDescent="0.25">
      <c r="A2728">
        <v>3058</v>
      </c>
      <c r="B2728" t="s">
        <v>4792</v>
      </c>
      <c r="C2728" t="s">
        <v>299</v>
      </c>
      <c r="D2728">
        <v>27</v>
      </c>
      <c r="E2728" t="s">
        <v>4179</v>
      </c>
      <c r="F2728" t="s">
        <v>4177</v>
      </c>
      <c r="G2728" t="s">
        <v>656</v>
      </c>
      <c r="H2728">
        <v>2</v>
      </c>
      <c r="I2728">
        <v>2020</v>
      </c>
    </row>
    <row r="2729" spans="1:9" x14ac:dyDescent="0.25">
      <c r="A2729">
        <v>3059</v>
      </c>
      <c r="B2729" t="s">
        <v>4793</v>
      </c>
      <c r="C2729" t="s">
        <v>691</v>
      </c>
      <c r="D2729">
        <v>21</v>
      </c>
      <c r="E2729" t="s">
        <v>691</v>
      </c>
      <c r="F2729" t="s">
        <v>4177</v>
      </c>
      <c r="G2729" t="s">
        <v>656</v>
      </c>
      <c r="H2729">
        <v>2</v>
      </c>
      <c r="I2729">
        <v>2020</v>
      </c>
    </row>
    <row r="2730" spans="1:9" x14ac:dyDescent="0.25">
      <c r="A2730">
        <v>3060</v>
      </c>
      <c r="B2730" t="s">
        <v>1961</v>
      </c>
      <c r="C2730" t="s">
        <v>295</v>
      </c>
      <c r="D2730">
        <v>30</v>
      </c>
      <c r="E2730" t="s">
        <v>4179</v>
      </c>
      <c r="F2730" t="s">
        <v>4177</v>
      </c>
      <c r="G2730" t="s">
        <v>656</v>
      </c>
      <c r="H2730">
        <v>2</v>
      </c>
      <c r="I2730">
        <v>2020</v>
      </c>
    </row>
    <row r="2731" spans="1:9" x14ac:dyDescent="0.25">
      <c r="A2731">
        <v>3061</v>
      </c>
      <c r="B2731" t="s">
        <v>1959</v>
      </c>
      <c r="C2731" t="s">
        <v>807</v>
      </c>
      <c r="D2731">
        <v>25</v>
      </c>
      <c r="E2731" t="s">
        <v>4179</v>
      </c>
      <c r="F2731" t="s">
        <v>4177</v>
      </c>
      <c r="G2731" t="s">
        <v>656</v>
      </c>
      <c r="H2731">
        <v>2</v>
      </c>
      <c r="I2731">
        <v>2020</v>
      </c>
    </row>
    <row r="2732" spans="1:9" x14ac:dyDescent="0.25">
      <c r="A2732">
        <v>3062</v>
      </c>
      <c r="B2732" t="s">
        <v>1958</v>
      </c>
      <c r="C2732" t="s">
        <v>807</v>
      </c>
      <c r="D2732">
        <v>25</v>
      </c>
      <c r="E2732" t="s">
        <v>4179</v>
      </c>
      <c r="F2732" t="s">
        <v>4177</v>
      </c>
      <c r="G2732" t="s">
        <v>656</v>
      </c>
      <c r="H2732">
        <v>2</v>
      </c>
      <c r="I2732">
        <v>2020</v>
      </c>
    </row>
    <row r="2733" spans="1:9" x14ac:dyDescent="0.25">
      <c r="A2733">
        <v>3063</v>
      </c>
      <c r="B2733" t="s">
        <v>1957</v>
      </c>
      <c r="C2733" t="s">
        <v>792</v>
      </c>
      <c r="D2733">
        <v>6</v>
      </c>
      <c r="E2733" t="s">
        <v>4169</v>
      </c>
      <c r="F2733" t="s">
        <v>4164</v>
      </c>
      <c r="G2733" t="s">
        <v>656</v>
      </c>
      <c r="H2733">
        <v>2</v>
      </c>
      <c r="I2733">
        <v>2020</v>
      </c>
    </row>
    <row r="2734" spans="1:9" x14ac:dyDescent="0.25">
      <c r="A2734">
        <v>3064</v>
      </c>
      <c r="B2734" t="s">
        <v>1956</v>
      </c>
      <c r="C2734" t="s">
        <v>868</v>
      </c>
      <c r="D2734">
        <v>23</v>
      </c>
      <c r="E2734" t="s">
        <v>4178</v>
      </c>
      <c r="F2734" t="s">
        <v>4177</v>
      </c>
      <c r="G2734" t="s">
        <v>656</v>
      </c>
      <c r="H2734">
        <v>2</v>
      </c>
      <c r="I2734">
        <v>2020</v>
      </c>
    </row>
    <row r="2735" spans="1:9" x14ac:dyDescent="0.25">
      <c r="A2735">
        <v>3065</v>
      </c>
      <c r="B2735" t="s">
        <v>1954</v>
      </c>
      <c r="C2735" t="s">
        <v>684</v>
      </c>
      <c r="D2735">
        <v>22</v>
      </c>
      <c r="E2735" t="s">
        <v>4178</v>
      </c>
      <c r="F2735" t="s">
        <v>4177</v>
      </c>
      <c r="G2735" t="s">
        <v>656</v>
      </c>
      <c r="H2735">
        <v>2</v>
      </c>
      <c r="I2735">
        <v>2020</v>
      </c>
    </row>
    <row r="2736" spans="1:9" x14ac:dyDescent="0.25">
      <c r="A2736">
        <v>3066</v>
      </c>
      <c r="B2736" t="s">
        <v>1953</v>
      </c>
      <c r="C2736" t="s">
        <v>65</v>
      </c>
      <c r="D2736">
        <v>15</v>
      </c>
      <c r="E2736" t="s">
        <v>4176</v>
      </c>
      <c r="F2736" t="s">
        <v>4177</v>
      </c>
      <c r="G2736" t="s">
        <v>656</v>
      </c>
      <c r="H2736">
        <v>2</v>
      </c>
      <c r="I2736">
        <v>2020</v>
      </c>
    </row>
    <row r="2737" spans="1:9" x14ac:dyDescent="0.25">
      <c r="A2737">
        <v>3069</v>
      </c>
      <c r="B2737" t="s">
        <v>1952</v>
      </c>
      <c r="C2737" t="s">
        <v>299</v>
      </c>
      <c r="D2737">
        <v>27</v>
      </c>
      <c r="E2737" t="s">
        <v>4179</v>
      </c>
      <c r="F2737" t="s">
        <v>4177</v>
      </c>
      <c r="G2737" t="s">
        <v>656</v>
      </c>
      <c r="H2737">
        <v>2</v>
      </c>
      <c r="I2737">
        <v>2020</v>
      </c>
    </row>
    <row r="2738" spans="1:9" x14ac:dyDescent="0.25">
      <c r="A2738">
        <v>3070</v>
      </c>
      <c r="B2738" t="s">
        <v>1951</v>
      </c>
      <c r="C2738" t="s">
        <v>868</v>
      </c>
      <c r="D2738">
        <v>23</v>
      </c>
      <c r="E2738" t="s">
        <v>4178</v>
      </c>
      <c r="F2738" t="s">
        <v>4177</v>
      </c>
      <c r="G2738" t="s">
        <v>656</v>
      </c>
      <c r="H2738">
        <v>2</v>
      </c>
      <c r="I2738">
        <v>2020</v>
      </c>
    </row>
    <row r="2739" spans="1:9" x14ac:dyDescent="0.25">
      <c r="A2739">
        <v>3073</v>
      </c>
      <c r="B2739" t="s">
        <v>1948</v>
      </c>
      <c r="C2739" t="s">
        <v>65</v>
      </c>
      <c r="D2739">
        <v>15</v>
      </c>
      <c r="E2739" t="s">
        <v>4176</v>
      </c>
      <c r="F2739" t="s">
        <v>4177</v>
      </c>
      <c r="G2739" t="s">
        <v>656</v>
      </c>
      <c r="H2739">
        <v>2</v>
      </c>
      <c r="I2739">
        <v>2020</v>
      </c>
    </row>
    <row r="2740" spans="1:9" x14ac:dyDescent="0.25">
      <c r="A2740">
        <v>3080</v>
      </c>
      <c r="B2740" t="s">
        <v>688</v>
      </c>
      <c r="C2740" t="s">
        <v>687</v>
      </c>
      <c r="D2740">
        <v>82</v>
      </c>
      <c r="E2740" t="s">
        <v>878</v>
      </c>
      <c r="F2740" t="s">
        <v>4168</v>
      </c>
      <c r="G2740" t="s">
        <v>669</v>
      </c>
      <c r="H2740">
        <v>1</v>
      </c>
      <c r="I2740">
        <v>2020</v>
      </c>
    </row>
    <row r="2741" spans="1:9" x14ac:dyDescent="0.25">
      <c r="A2741">
        <v>3081</v>
      </c>
      <c r="B2741" t="s">
        <v>1938</v>
      </c>
      <c r="C2741" t="s">
        <v>1614</v>
      </c>
      <c r="D2741">
        <v>71</v>
      </c>
      <c r="E2741" t="s">
        <v>1614</v>
      </c>
      <c r="F2741" t="s">
        <v>4177</v>
      </c>
      <c r="G2741" t="s">
        <v>669</v>
      </c>
      <c r="H2741">
        <v>1</v>
      </c>
      <c r="I2741">
        <v>2020</v>
      </c>
    </row>
    <row r="2742" spans="1:9" x14ac:dyDescent="0.25">
      <c r="A2742">
        <v>3082</v>
      </c>
      <c r="B2742" t="s">
        <v>923</v>
      </c>
      <c r="C2742" t="s">
        <v>897</v>
      </c>
      <c r="D2742">
        <v>3</v>
      </c>
      <c r="E2742" t="s">
        <v>4165</v>
      </c>
      <c r="F2742" t="s">
        <v>4164</v>
      </c>
      <c r="G2742" t="s">
        <v>669</v>
      </c>
      <c r="H2742">
        <v>1</v>
      </c>
      <c r="I2742">
        <v>2020</v>
      </c>
    </row>
    <row r="2743" spans="1:9" x14ac:dyDescent="0.25">
      <c r="A2743">
        <v>3083</v>
      </c>
      <c r="B2743" t="s">
        <v>1706</v>
      </c>
      <c r="C2743" t="s">
        <v>682</v>
      </c>
      <c r="D2743">
        <v>20</v>
      </c>
      <c r="E2743" t="s">
        <v>682</v>
      </c>
      <c r="F2743" t="s">
        <v>4177</v>
      </c>
      <c r="G2743" t="s">
        <v>669</v>
      </c>
      <c r="H2743">
        <v>1</v>
      </c>
      <c r="I2743">
        <v>2020</v>
      </c>
    </row>
    <row r="2744" spans="1:9" x14ac:dyDescent="0.25">
      <c r="A2744">
        <v>3084</v>
      </c>
      <c r="B2744" t="s">
        <v>1933</v>
      </c>
      <c r="C2744" t="s">
        <v>1236</v>
      </c>
      <c r="D2744">
        <v>60</v>
      </c>
      <c r="E2744" t="s">
        <v>4193</v>
      </c>
      <c r="F2744" t="s">
        <v>4189</v>
      </c>
      <c r="G2744" t="s">
        <v>669</v>
      </c>
      <c r="H2744">
        <v>1</v>
      </c>
      <c r="I2744">
        <v>2020</v>
      </c>
    </row>
    <row r="2745" spans="1:9" x14ac:dyDescent="0.25">
      <c r="A2745">
        <v>3086</v>
      </c>
      <c r="B2745" t="s">
        <v>1904</v>
      </c>
      <c r="C2745" t="s">
        <v>851</v>
      </c>
      <c r="D2745">
        <v>43</v>
      </c>
      <c r="E2745" t="s">
        <v>4188</v>
      </c>
      <c r="F2745" t="s">
        <v>4189</v>
      </c>
      <c r="G2745" t="s">
        <v>656</v>
      </c>
      <c r="H2745">
        <v>2</v>
      </c>
      <c r="I2745">
        <v>2020</v>
      </c>
    </row>
    <row r="2746" spans="1:9" x14ac:dyDescent="0.25">
      <c r="A2746">
        <v>3087</v>
      </c>
      <c r="B2746" t="s">
        <v>1903</v>
      </c>
      <c r="C2746" t="s">
        <v>917</v>
      </c>
      <c r="D2746">
        <v>83</v>
      </c>
      <c r="E2746" t="s">
        <v>4188</v>
      </c>
      <c r="F2746" t="s">
        <v>4189</v>
      </c>
      <c r="G2746" t="s">
        <v>656</v>
      </c>
      <c r="H2746">
        <v>2</v>
      </c>
      <c r="I2746">
        <v>2020</v>
      </c>
    </row>
    <row r="2747" spans="1:9" x14ac:dyDescent="0.25">
      <c r="A2747">
        <v>3088</v>
      </c>
      <c r="B2747" t="s">
        <v>1748</v>
      </c>
      <c r="C2747" t="s">
        <v>878</v>
      </c>
      <c r="D2747">
        <v>91</v>
      </c>
      <c r="E2747" t="s">
        <v>878</v>
      </c>
      <c r="F2747" t="s">
        <v>4168</v>
      </c>
      <c r="G2747" t="s">
        <v>656</v>
      </c>
      <c r="H2747">
        <v>2</v>
      </c>
      <c r="I2747">
        <v>2020</v>
      </c>
    </row>
    <row r="2748" spans="1:9" x14ac:dyDescent="0.25">
      <c r="A2748">
        <v>3089</v>
      </c>
      <c r="B2748" t="s">
        <v>1747</v>
      </c>
      <c r="C2748" t="s">
        <v>839</v>
      </c>
      <c r="D2748">
        <v>89</v>
      </c>
      <c r="E2748" t="s">
        <v>839</v>
      </c>
      <c r="F2748" t="s">
        <v>4168</v>
      </c>
      <c r="G2748" t="s">
        <v>656</v>
      </c>
      <c r="H2748">
        <v>2</v>
      </c>
      <c r="I2748">
        <v>2020</v>
      </c>
    </row>
    <row r="2749" spans="1:9" x14ac:dyDescent="0.25">
      <c r="A2749">
        <v>3090</v>
      </c>
      <c r="B2749" t="s">
        <v>1746</v>
      </c>
      <c r="C2749" t="s">
        <v>895</v>
      </c>
      <c r="D2749">
        <v>13</v>
      </c>
      <c r="E2749" t="s">
        <v>895</v>
      </c>
      <c r="F2749" t="s">
        <v>4171</v>
      </c>
      <c r="G2749" t="s">
        <v>656</v>
      </c>
      <c r="H2749">
        <v>2</v>
      </c>
      <c r="I2749">
        <v>2020</v>
      </c>
    </row>
    <row r="2750" spans="1:9" x14ac:dyDescent="0.25">
      <c r="A2750">
        <v>3092</v>
      </c>
      <c r="B2750" t="s">
        <v>750</v>
      </c>
      <c r="C2750" t="s">
        <v>749</v>
      </c>
      <c r="D2750">
        <v>63</v>
      </c>
      <c r="E2750" t="s">
        <v>4193</v>
      </c>
      <c r="F2750" t="s">
        <v>4189</v>
      </c>
      <c r="G2750" t="s">
        <v>656</v>
      </c>
      <c r="H2750">
        <v>2</v>
      </c>
      <c r="I2750">
        <v>2020</v>
      </c>
    </row>
    <row r="2751" spans="1:9" x14ac:dyDescent="0.25">
      <c r="A2751">
        <v>3093</v>
      </c>
      <c r="B2751" t="s">
        <v>1899</v>
      </c>
      <c r="C2751" t="s">
        <v>659</v>
      </c>
      <c r="D2751">
        <v>35</v>
      </c>
      <c r="E2751" t="s">
        <v>4175</v>
      </c>
      <c r="F2751" t="s">
        <v>4171</v>
      </c>
      <c r="G2751" t="s">
        <v>656</v>
      </c>
      <c r="H2751">
        <v>2</v>
      </c>
      <c r="I2751">
        <v>2020</v>
      </c>
    </row>
    <row r="2752" spans="1:9" x14ac:dyDescent="0.25">
      <c r="A2752">
        <v>3096</v>
      </c>
      <c r="B2752" t="s">
        <v>1896</v>
      </c>
      <c r="C2752" t="s">
        <v>65</v>
      </c>
      <c r="D2752">
        <v>15</v>
      </c>
      <c r="E2752" t="s">
        <v>4176</v>
      </c>
      <c r="F2752" t="s">
        <v>4177</v>
      </c>
      <c r="G2752" t="s">
        <v>656</v>
      </c>
      <c r="H2752">
        <v>2</v>
      </c>
      <c r="I2752">
        <v>2020</v>
      </c>
    </row>
    <row r="2753" spans="1:9" x14ac:dyDescent="0.25">
      <c r="A2753">
        <v>3097</v>
      </c>
      <c r="B2753" t="s">
        <v>1895</v>
      </c>
      <c r="C2753" t="s">
        <v>65</v>
      </c>
      <c r="D2753">
        <v>15</v>
      </c>
      <c r="E2753" t="s">
        <v>4176</v>
      </c>
      <c r="F2753" t="s">
        <v>4177</v>
      </c>
      <c r="G2753" t="s">
        <v>656</v>
      </c>
      <c r="H2753">
        <v>2</v>
      </c>
      <c r="I2753">
        <v>2020</v>
      </c>
    </row>
    <row r="2754" spans="1:9" x14ac:dyDescent="0.25">
      <c r="A2754">
        <v>3098</v>
      </c>
      <c r="B2754" t="s">
        <v>1894</v>
      </c>
      <c r="C2754" t="s">
        <v>897</v>
      </c>
      <c r="D2754">
        <v>3</v>
      </c>
      <c r="E2754" t="s">
        <v>4165</v>
      </c>
      <c r="F2754" t="s">
        <v>4164</v>
      </c>
      <c r="G2754" t="s">
        <v>656</v>
      </c>
      <c r="H2754">
        <v>2</v>
      </c>
      <c r="I2754">
        <v>2020</v>
      </c>
    </row>
    <row r="2755" spans="1:9" x14ac:dyDescent="0.25">
      <c r="A2755">
        <v>3099</v>
      </c>
      <c r="B2755" t="s">
        <v>1893</v>
      </c>
      <c r="C2755" t="s">
        <v>1219</v>
      </c>
      <c r="D2755">
        <v>42</v>
      </c>
      <c r="E2755" t="s">
        <v>4188</v>
      </c>
      <c r="F2755" t="s">
        <v>4189</v>
      </c>
      <c r="G2755" t="s">
        <v>656</v>
      </c>
      <c r="H2755">
        <v>2</v>
      </c>
      <c r="I2755">
        <v>2020</v>
      </c>
    </row>
    <row r="2756" spans="1:9" x14ac:dyDescent="0.25">
      <c r="A2756">
        <v>3102</v>
      </c>
      <c r="B2756" t="s">
        <v>1889</v>
      </c>
      <c r="C2756" t="s">
        <v>1514</v>
      </c>
      <c r="D2756">
        <v>47</v>
      </c>
      <c r="E2756" t="s">
        <v>980</v>
      </c>
      <c r="F2756" t="s">
        <v>4189</v>
      </c>
      <c r="G2756" t="s">
        <v>656</v>
      </c>
      <c r="H2756">
        <v>2</v>
      </c>
      <c r="I2756">
        <v>2020</v>
      </c>
    </row>
    <row r="2757" spans="1:9" x14ac:dyDescent="0.25">
      <c r="A2757">
        <v>3104</v>
      </c>
      <c r="B2757" t="s">
        <v>1887</v>
      </c>
      <c r="C2757" t="s">
        <v>742</v>
      </c>
      <c r="D2757">
        <v>48</v>
      </c>
      <c r="E2757" t="s">
        <v>4165</v>
      </c>
      <c r="F2757" t="s">
        <v>4164</v>
      </c>
      <c r="G2757" t="s">
        <v>656</v>
      </c>
      <c r="H2757">
        <v>2</v>
      </c>
      <c r="I2757">
        <v>2020</v>
      </c>
    </row>
    <row r="2758" spans="1:9" x14ac:dyDescent="0.25">
      <c r="A2758">
        <v>3105</v>
      </c>
      <c r="B2758" t="s">
        <v>1886</v>
      </c>
      <c r="C2758" t="s">
        <v>301</v>
      </c>
      <c r="D2758">
        <v>26</v>
      </c>
      <c r="E2758" t="s">
        <v>4179</v>
      </c>
      <c r="F2758" t="s">
        <v>4177</v>
      </c>
      <c r="G2758" t="s">
        <v>656</v>
      </c>
      <c r="H2758">
        <v>2</v>
      </c>
      <c r="I2758">
        <v>2020</v>
      </c>
    </row>
    <row r="2759" spans="1:9" x14ac:dyDescent="0.25">
      <c r="A2759">
        <v>3106</v>
      </c>
      <c r="B2759" t="s">
        <v>1885</v>
      </c>
      <c r="C2759" t="s">
        <v>684</v>
      </c>
      <c r="D2759">
        <v>22</v>
      </c>
      <c r="E2759" t="s">
        <v>4178</v>
      </c>
      <c r="F2759" t="s">
        <v>4177</v>
      </c>
      <c r="G2759" t="s">
        <v>656</v>
      </c>
      <c r="H2759">
        <v>2</v>
      </c>
      <c r="I2759">
        <v>2020</v>
      </c>
    </row>
    <row r="2760" spans="1:9" x14ac:dyDescent="0.25">
      <c r="A2760">
        <v>3107</v>
      </c>
      <c r="B2760" t="s">
        <v>1883</v>
      </c>
      <c r="C2760" t="s">
        <v>693</v>
      </c>
      <c r="D2760">
        <v>56</v>
      </c>
      <c r="E2760" t="s">
        <v>4193</v>
      </c>
      <c r="F2760" t="s">
        <v>4189</v>
      </c>
      <c r="G2760" t="s">
        <v>656</v>
      </c>
      <c r="H2760">
        <v>2</v>
      </c>
      <c r="I2760">
        <v>2020</v>
      </c>
    </row>
    <row r="2761" spans="1:9" x14ac:dyDescent="0.25">
      <c r="A2761">
        <v>3108</v>
      </c>
      <c r="B2761" t="s">
        <v>1882</v>
      </c>
      <c r="C2761" t="s">
        <v>880</v>
      </c>
      <c r="D2761">
        <v>58</v>
      </c>
      <c r="E2761" t="s">
        <v>4188</v>
      </c>
      <c r="F2761" t="s">
        <v>4189</v>
      </c>
      <c r="G2761" t="s">
        <v>656</v>
      </c>
      <c r="H2761">
        <v>2</v>
      </c>
      <c r="I2761">
        <v>2020</v>
      </c>
    </row>
    <row r="2762" spans="1:9" x14ac:dyDescent="0.25">
      <c r="A2762">
        <v>3109</v>
      </c>
      <c r="B2762" t="s">
        <v>1881</v>
      </c>
      <c r="C2762" t="s">
        <v>299</v>
      </c>
      <c r="D2762">
        <v>27</v>
      </c>
      <c r="E2762" t="s">
        <v>4179</v>
      </c>
      <c r="F2762" t="s">
        <v>4177</v>
      </c>
      <c r="G2762" t="s">
        <v>656</v>
      </c>
      <c r="H2762">
        <v>2</v>
      </c>
      <c r="I2762">
        <v>2020</v>
      </c>
    </row>
    <row r="2763" spans="1:9" x14ac:dyDescent="0.25">
      <c r="A2763">
        <v>3110</v>
      </c>
      <c r="B2763" t="s">
        <v>1880</v>
      </c>
      <c r="C2763" t="s">
        <v>1022</v>
      </c>
      <c r="D2763">
        <v>85</v>
      </c>
      <c r="E2763" t="s">
        <v>1080</v>
      </c>
      <c r="F2763" t="s">
        <v>4189</v>
      </c>
      <c r="G2763" t="s">
        <v>656</v>
      </c>
      <c r="H2763">
        <v>2</v>
      </c>
      <c r="I2763">
        <v>2020</v>
      </c>
    </row>
    <row r="2764" spans="1:9" x14ac:dyDescent="0.25">
      <c r="A2764">
        <v>3111</v>
      </c>
      <c r="B2764" t="s">
        <v>1874</v>
      </c>
      <c r="C2764" t="s">
        <v>767</v>
      </c>
      <c r="D2764">
        <v>44</v>
      </c>
      <c r="E2764" t="s">
        <v>4191</v>
      </c>
      <c r="F2764" t="s">
        <v>4189</v>
      </c>
      <c r="G2764" t="s">
        <v>656</v>
      </c>
      <c r="H2764">
        <v>2</v>
      </c>
      <c r="I2764">
        <v>2020</v>
      </c>
    </row>
    <row r="2765" spans="1:9" x14ac:dyDescent="0.25">
      <c r="A2765">
        <v>3112</v>
      </c>
      <c r="B2765" t="s">
        <v>1873</v>
      </c>
      <c r="C2765" t="s">
        <v>736</v>
      </c>
      <c r="D2765">
        <v>8</v>
      </c>
      <c r="E2765" t="s">
        <v>4169</v>
      </c>
      <c r="F2765" t="s">
        <v>4164</v>
      </c>
      <c r="G2765" t="s">
        <v>656</v>
      </c>
      <c r="H2765">
        <v>2</v>
      </c>
      <c r="I2765">
        <v>2020</v>
      </c>
    </row>
    <row r="2766" spans="1:9" x14ac:dyDescent="0.25">
      <c r="A2766">
        <v>3113</v>
      </c>
      <c r="B2766" t="s">
        <v>1872</v>
      </c>
      <c r="C2766" t="s">
        <v>301</v>
      </c>
      <c r="D2766">
        <v>26</v>
      </c>
      <c r="E2766" t="s">
        <v>4179</v>
      </c>
      <c r="F2766" t="s">
        <v>4177</v>
      </c>
      <c r="G2766" t="s">
        <v>656</v>
      </c>
      <c r="H2766">
        <v>2</v>
      </c>
      <c r="I2766">
        <v>2020</v>
      </c>
    </row>
    <row r="2767" spans="1:9" x14ac:dyDescent="0.25">
      <c r="A2767">
        <v>3114</v>
      </c>
      <c r="B2767" t="s">
        <v>1900</v>
      </c>
      <c r="C2767" t="s">
        <v>294</v>
      </c>
      <c r="D2767">
        <v>31</v>
      </c>
      <c r="E2767" t="s">
        <v>4179</v>
      </c>
      <c r="F2767" t="s">
        <v>4177</v>
      </c>
      <c r="G2767" t="s">
        <v>656</v>
      </c>
      <c r="H2767">
        <v>2</v>
      </c>
      <c r="I2767">
        <v>2020</v>
      </c>
    </row>
    <row r="2768" spans="1:9" x14ac:dyDescent="0.25">
      <c r="A2768">
        <v>3115</v>
      </c>
      <c r="B2768" t="s">
        <v>4794</v>
      </c>
      <c r="C2768" t="s">
        <v>691</v>
      </c>
      <c r="D2768">
        <v>21</v>
      </c>
      <c r="E2768" t="s">
        <v>691</v>
      </c>
      <c r="F2768" t="s">
        <v>4177</v>
      </c>
      <c r="G2768" t="s">
        <v>656</v>
      </c>
      <c r="H2768">
        <v>2</v>
      </c>
      <c r="I2768">
        <v>2020</v>
      </c>
    </row>
    <row r="2769" spans="1:9" x14ac:dyDescent="0.25">
      <c r="A2769">
        <v>3117</v>
      </c>
      <c r="B2769" t="s">
        <v>1870</v>
      </c>
      <c r="C2769" t="s">
        <v>301</v>
      </c>
      <c r="D2769">
        <v>26</v>
      </c>
      <c r="E2769" t="s">
        <v>4179</v>
      </c>
      <c r="F2769" t="s">
        <v>4177</v>
      </c>
      <c r="G2769" t="s">
        <v>656</v>
      </c>
      <c r="H2769">
        <v>2</v>
      </c>
      <c r="I2769">
        <v>2020</v>
      </c>
    </row>
    <row r="2770" spans="1:9" x14ac:dyDescent="0.25">
      <c r="A2770">
        <v>3118</v>
      </c>
      <c r="B2770" t="s">
        <v>1869</v>
      </c>
      <c r="C2770" t="s">
        <v>663</v>
      </c>
      <c r="D2770">
        <v>99</v>
      </c>
      <c r="E2770" t="s">
        <v>663</v>
      </c>
      <c r="F2770" t="s">
        <v>4171</v>
      </c>
      <c r="G2770" t="s">
        <v>656</v>
      </c>
      <c r="H2770">
        <v>2</v>
      </c>
      <c r="I2770">
        <v>2020</v>
      </c>
    </row>
    <row r="2771" spans="1:9" x14ac:dyDescent="0.25">
      <c r="A2771">
        <v>3119</v>
      </c>
      <c r="B2771" t="s">
        <v>1868</v>
      </c>
      <c r="C2771" t="s">
        <v>301</v>
      </c>
      <c r="D2771">
        <v>26</v>
      </c>
      <c r="E2771" t="s">
        <v>4179</v>
      </c>
      <c r="F2771" t="s">
        <v>4177</v>
      </c>
      <c r="G2771" t="s">
        <v>656</v>
      </c>
      <c r="H2771">
        <v>2</v>
      </c>
      <c r="I2771">
        <v>2020</v>
      </c>
    </row>
    <row r="2772" spans="1:9" x14ac:dyDescent="0.25">
      <c r="A2772">
        <v>3120</v>
      </c>
      <c r="B2772" t="s">
        <v>1867</v>
      </c>
      <c r="C2772" t="s">
        <v>673</v>
      </c>
      <c r="D2772">
        <v>34</v>
      </c>
      <c r="E2772" t="s">
        <v>4175</v>
      </c>
      <c r="F2772" t="s">
        <v>4171</v>
      </c>
      <c r="G2772" t="s">
        <v>656</v>
      </c>
      <c r="H2772">
        <v>2</v>
      </c>
      <c r="I2772">
        <v>2020</v>
      </c>
    </row>
    <row r="2773" spans="1:9" x14ac:dyDescent="0.25">
      <c r="A2773">
        <v>3121</v>
      </c>
      <c r="B2773" t="s">
        <v>1866</v>
      </c>
      <c r="C2773" t="s">
        <v>802</v>
      </c>
      <c r="D2773">
        <v>12</v>
      </c>
      <c r="E2773" t="s">
        <v>802</v>
      </c>
      <c r="F2773" t="s">
        <v>4171</v>
      </c>
      <c r="G2773" t="s">
        <v>656</v>
      </c>
      <c r="H2773">
        <v>2</v>
      </c>
      <c r="I2773">
        <v>2020</v>
      </c>
    </row>
    <row r="2774" spans="1:9" x14ac:dyDescent="0.25">
      <c r="A2774">
        <v>3122</v>
      </c>
      <c r="B2774" t="s">
        <v>1865</v>
      </c>
      <c r="C2774" t="s">
        <v>736</v>
      </c>
      <c r="D2774">
        <v>8</v>
      </c>
      <c r="E2774" t="s">
        <v>4169</v>
      </c>
      <c r="F2774" t="s">
        <v>4164</v>
      </c>
      <c r="G2774" t="s">
        <v>656</v>
      </c>
      <c r="H2774">
        <v>2</v>
      </c>
      <c r="I2774">
        <v>2020</v>
      </c>
    </row>
    <row r="2775" spans="1:9" x14ac:dyDescent="0.25">
      <c r="A2775">
        <v>3123</v>
      </c>
      <c r="B2775" t="s">
        <v>1633</v>
      </c>
      <c r="C2775" t="s">
        <v>663</v>
      </c>
      <c r="D2775">
        <v>99</v>
      </c>
      <c r="E2775" t="s">
        <v>663</v>
      </c>
      <c r="F2775" t="s">
        <v>4171</v>
      </c>
      <c r="G2775" t="s">
        <v>656</v>
      </c>
      <c r="H2775">
        <v>2</v>
      </c>
      <c r="I2775">
        <v>2020</v>
      </c>
    </row>
    <row r="2776" spans="1:9" x14ac:dyDescent="0.25">
      <c r="A2776">
        <v>3124</v>
      </c>
      <c r="B2776" t="s">
        <v>1644</v>
      </c>
      <c r="C2776" t="s">
        <v>684</v>
      </c>
      <c r="D2776">
        <v>22</v>
      </c>
      <c r="E2776" t="s">
        <v>4178</v>
      </c>
      <c r="F2776" t="s">
        <v>4177</v>
      </c>
      <c r="G2776" t="s">
        <v>656</v>
      </c>
      <c r="H2776">
        <v>2</v>
      </c>
      <c r="I2776">
        <v>2020</v>
      </c>
    </row>
    <row r="2777" spans="1:9" x14ac:dyDescent="0.25">
      <c r="A2777">
        <v>3125</v>
      </c>
      <c r="B2777" t="s">
        <v>1647</v>
      </c>
      <c r="C2777" t="s">
        <v>807</v>
      </c>
      <c r="D2777">
        <v>25</v>
      </c>
      <c r="E2777" t="s">
        <v>4179</v>
      </c>
      <c r="F2777" t="s">
        <v>4177</v>
      </c>
      <c r="G2777" t="s">
        <v>656</v>
      </c>
      <c r="H2777">
        <v>2</v>
      </c>
      <c r="I2777">
        <v>2020</v>
      </c>
    </row>
    <row r="2778" spans="1:9" x14ac:dyDescent="0.25">
      <c r="A2778">
        <v>3127</v>
      </c>
      <c r="B2778" t="s">
        <v>1634</v>
      </c>
      <c r="C2778" t="s">
        <v>736</v>
      </c>
      <c r="D2778">
        <v>8</v>
      </c>
      <c r="E2778" t="s">
        <v>4169</v>
      </c>
      <c r="F2778" t="s">
        <v>4164</v>
      </c>
      <c r="G2778" t="s">
        <v>656</v>
      </c>
      <c r="H2778">
        <v>2</v>
      </c>
      <c r="I2778">
        <v>2020</v>
      </c>
    </row>
    <row r="2779" spans="1:9" x14ac:dyDescent="0.25">
      <c r="A2779">
        <v>3128</v>
      </c>
      <c r="B2779" t="s">
        <v>1864</v>
      </c>
      <c r="C2779" t="s">
        <v>794</v>
      </c>
      <c r="D2779">
        <v>40</v>
      </c>
      <c r="E2779" t="s">
        <v>4188</v>
      </c>
      <c r="F2779" t="s">
        <v>4189</v>
      </c>
      <c r="G2779" t="s">
        <v>656</v>
      </c>
      <c r="H2779">
        <v>2</v>
      </c>
      <c r="I2779">
        <v>2020</v>
      </c>
    </row>
    <row r="2780" spans="1:9" x14ac:dyDescent="0.25">
      <c r="A2780">
        <v>3129</v>
      </c>
      <c r="B2780" t="s">
        <v>4795</v>
      </c>
      <c r="C2780" t="s">
        <v>807</v>
      </c>
      <c r="D2780">
        <v>25</v>
      </c>
      <c r="E2780" t="s">
        <v>4179</v>
      </c>
      <c r="F2780" t="s">
        <v>4177</v>
      </c>
      <c r="G2780" t="s">
        <v>656</v>
      </c>
      <c r="H2780">
        <v>2</v>
      </c>
      <c r="I2780">
        <v>2020</v>
      </c>
    </row>
    <row r="2781" spans="1:9" x14ac:dyDescent="0.25">
      <c r="A2781">
        <v>3132</v>
      </c>
      <c r="B2781" t="s">
        <v>1861</v>
      </c>
      <c r="C2781" t="s">
        <v>792</v>
      </c>
      <c r="D2781">
        <v>6</v>
      </c>
      <c r="E2781" t="s">
        <v>4169</v>
      </c>
      <c r="F2781" t="s">
        <v>4164</v>
      </c>
      <c r="G2781" t="s">
        <v>656</v>
      </c>
      <c r="H2781">
        <v>2</v>
      </c>
      <c r="I2781">
        <v>2020</v>
      </c>
    </row>
    <row r="2782" spans="1:9" x14ac:dyDescent="0.25">
      <c r="A2782">
        <v>3133</v>
      </c>
      <c r="B2782" t="s">
        <v>1860</v>
      </c>
      <c r="C2782" t="s">
        <v>684</v>
      </c>
      <c r="D2782">
        <v>22</v>
      </c>
      <c r="E2782" t="s">
        <v>4178</v>
      </c>
      <c r="F2782" t="s">
        <v>4177</v>
      </c>
      <c r="G2782" t="s">
        <v>656</v>
      </c>
      <c r="H2782">
        <v>2</v>
      </c>
      <c r="I2782">
        <v>2020</v>
      </c>
    </row>
    <row r="2783" spans="1:9" x14ac:dyDescent="0.25">
      <c r="A2783">
        <v>3134</v>
      </c>
      <c r="B2783" t="s">
        <v>1858</v>
      </c>
      <c r="C2783" t="s">
        <v>797</v>
      </c>
      <c r="D2783">
        <v>65</v>
      </c>
      <c r="E2783" t="s">
        <v>4191</v>
      </c>
      <c r="F2783" t="s">
        <v>4189</v>
      </c>
      <c r="G2783" t="s">
        <v>656</v>
      </c>
      <c r="H2783">
        <v>2</v>
      </c>
      <c r="I2783">
        <v>2020</v>
      </c>
    </row>
    <row r="2784" spans="1:9" x14ac:dyDescent="0.25">
      <c r="A2784">
        <v>3135</v>
      </c>
      <c r="B2784" t="s">
        <v>1857</v>
      </c>
      <c r="C2784" t="s">
        <v>819</v>
      </c>
      <c r="D2784">
        <v>101</v>
      </c>
      <c r="E2784" t="s">
        <v>4187</v>
      </c>
      <c r="F2784" t="s">
        <v>4187</v>
      </c>
      <c r="G2784" t="s">
        <v>656</v>
      </c>
      <c r="H2784">
        <v>2</v>
      </c>
      <c r="I2784">
        <v>2020</v>
      </c>
    </row>
    <row r="2785" spans="1:9" x14ac:dyDescent="0.25">
      <c r="A2785">
        <v>3136</v>
      </c>
      <c r="B2785" t="s">
        <v>1856</v>
      </c>
      <c r="C2785" t="s">
        <v>802</v>
      </c>
      <c r="D2785">
        <v>12</v>
      </c>
      <c r="E2785" t="s">
        <v>802</v>
      </c>
      <c r="F2785" t="s">
        <v>4171</v>
      </c>
      <c r="G2785" t="s">
        <v>656</v>
      </c>
      <c r="H2785">
        <v>2</v>
      </c>
      <c r="I2785">
        <v>2020</v>
      </c>
    </row>
    <row r="2786" spans="1:9" x14ac:dyDescent="0.25">
      <c r="A2786">
        <v>3138</v>
      </c>
      <c r="B2786" t="s">
        <v>1854</v>
      </c>
      <c r="C2786" t="s">
        <v>802</v>
      </c>
      <c r="D2786">
        <v>12</v>
      </c>
      <c r="E2786" t="s">
        <v>802</v>
      </c>
      <c r="F2786" t="s">
        <v>4171</v>
      </c>
      <c r="G2786" t="s">
        <v>656</v>
      </c>
      <c r="H2786">
        <v>2</v>
      </c>
      <c r="I2786">
        <v>2020</v>
      </c>
    </row>
    <row r="2787" spans="1:9" x14ac:dyDescent="0.25">
      <c r="A2787">
        <v>3139</v>
      </c>
      <c r="B2787" t="s">
        <v>1853</v>
      </c>
      <c r="C2787" t="s">
        <v>885</v>
      </c>
      <c r="D2787">
        <v>1</v>
      </c>
      <c r="E2787" t="s">
        <v>885</v>
      </c>
      <c r="F2787" t="s">
        <v>4164</v>
      </c>
      <c r="G2787" t="s">
        <v>656</v>
      </c>
      <c r="H2787">
        <v>2</v>
      </c>
      <c r="I2787">
        <v>2020</v>
      </c>
    </row>
    <row r="2788" spans="1:9" x14ac:dyDescent="0.25">
      <c r="A2788">
        <v>3142</v>
      </c>
      <c r="B2788" t="s">
        <v>1744</v>
      </c>
      <c r="C2788" t="s">
        <v>864</v>
      </c>
      <c r="D2788">
        <v>14</v>
      </c>
      <c r="E2788" t="s">
        <v>864</v>
      </c>
      <c r="F2788" t="s">
        <v>4171</v>
      </c>
      <c r="G2788" t="s">
        <v>656</v>
      </c>
      <c r="H2788">
        <v>2</v>
      </c>
      <c r="I2788">
        <v>2020</v>
      </c>
    </row>
    <row r="2789" spans="1:9" x14ac:dyDescent="0.25">
      <c r="A2789">
        <v>3143</v>
      </c>
      <c r="B2789" t="s">
        <v>1743</v>
      </c>
      <c r="C2789" t="s">
        <v>864</v>
      </c>
      <c r="D2789">
        <v>14</v>
      </c>
      <c r="E2789" t="s">
        <v>864</v>
      </c>
      <c r="F2789" t="s">
        <v>4171</v>
      </c>
      <c r="G2789" t="s">
        <v>656</v>
      </c>
      <c r="H2789">
        <v>2</v>
      </c>
      <c r="I2789">
        <v>2020</v>
      </c>
    </row>
    <row r="2790" spans="1:9" x14ac:dyDescent="0.25">
      <c r="A2790">
        <v>3144</v>
      </c>
      <c r="B2790" t="s">
        <v>1742</v>
      </c>
      <c r="C2790" t="s">
        <v>864</v>
      </c>
      <c r="D2790">
        <v>14</v>
      </c>
      <c r="E2790" t="s">
        <v>864</v>
      </c>
      <c r="F2790" t="s">
        <v>4171</v>
      </c>
      <c r="G2790" t="s">
        <v>656</v>
      </c>
      <c r="H2790">
        <v>2</v>
      </c>
      <c r="I2790">
        <v>2020</v>
      </c>
    </row>
    <row r="2791" spans="1:9" x14ac:dyDescent="0.25">
      <c r="A2791">
        <v>3145</v>
      </c>
      <c r="B2791" t="s">
        <v>1741</v>
      </c>
      <c r="C2791" t="s">
        <v>864</v>
      </c>
      <c r="D2791">
        <v>14</v>
      </c>
      <c r="E2791" t="s">
        <v>864</v>
      </c>
      <c r="F2791" t="s">
        <v>4171</v>
      </c>
      <c r="G2791" t="s">
        <v>656</v>
      </c>
      <c r="H2791">
        <v>2</v>
      </c>
      <c r="I2791">
        <v>2020</v>
      </c>
    </row>
    <row r="2792" spans="1:9" x14ac:dyDescent="0.25">
      <c r="A2792">
        <v>3146</v>
      </c>
      <c r="B2792" t="s">
        <v>1740</v>
      </c>
      <c r="C2792" t="s">
        <v>295</v>
      </c>
      <c r="D2792">
        <v>30</v>
      </c>
      <c r="E2792" t="s">
        <v>4179</v>
      </c>
      <c r="F2792" t="s">
        <v>4177</v>
      </c>
      <c r="G2792" t="s">
        <v>656</v>
      </c>
      <c r="H2792">
        <v>2</v>
      </c>
      <c r="I2792">
        <v>2020</v>
      </c>
    </row>
    <row r="2793" spans="1:9" x14ac:dyDescent="0.25">
      <c r="A2793">
        <v>3147</v>
      </c>
      <c r="B2793" t="s">
        <v>1739</v>
      </c>
      <c r="C2793" t="s">
        <v>1738</v>
      </c>
      <c r="D2793">
        <v>55</v>
      </c>
      <c r="E2793" t="s">
        <v>4194</v>
      </c>
      <c r="F2793" t="s">
        <v>4189</v>
      </c>
      <c r="G2793" t="s">
        <v>656</v>
      </c>
      <c r="H2793">
        <v>2</v>
      </c>
      <c r="I2793">
        <v>2020</v>
      </c>
    </row>
    <row r="2794" spans="1:9" x14ac:dyDescent="0.25">
      <c r="A2794">
        <v>3148</v>
      </c>
      <c r="B2794" t="s">
        <v>1737</v>
      </c>
      <c r="C2794" t="s">
        <v>726</v>
      </c>
      <c r="D2794">
        <v>2</v>
      </c>
      <c r="E2794" t="s">
        <v>726</v>
      </c>
      <c r="F2794" t="s">
        <v>4164</v>
      </c>
      <c r="G2794" t="s">
        <v>656</v>
      </c>
      <c r="H2794">
        <v>2</v>
      </c>
      <c r="I2794">
        <v>2020</v>
      </c>
    </row>
    <row r="2795" spans="1:9" x14ac:dyDescent="0.25">
      <c r="A2795">
        <v>3150</v>
      </c>
      <c r="B2795" t="s">
        <v>1736</v>
      </c>
      <c r="C2795" t="s">
        <v>726</v>
      </c>
      <c r="D2795">
        <v>2</v>
      </c>
      <c r="E2795" t="s">
        <v>726</v>
      </c>
      <c r="F2795" t="s">
        <v>4164</v>
      </c>
      <c r="G2795" t="s">
        <v>656</v>
      </c>
      <c r="H2795">
        <v>2</v>
      </c>
      <c r="I2795">
        <v>2020</v>
      </c>
    </row>
    <row r="2796" spans="1:9" x14ac:dyDescent="0.25">
      <c r="A2796">
        <v>3151</v>
      </c>
      <c r="B2796" t="s">
        <v>1735</v>
      </c>
      <c r="C2796" t="s">
        <v>802</v>
      </c>
      <c r="D2796">
        <v>12</v>
      </c>
      <c r="E2796" t="s">
        <v>802</v>
      </c>
      <c r="F2796" t="s">
        <v>4171</v>
      </c>
      <c r="G2796" t="s">
        <v>656</v>
      </c>
      <c r="H2796">
        <v>2</v>
      </c>
      <c r="I2796">
        <v>2020</v>
      </c>
    </row>
    <row r="2797" spans="1:9" x14ac:dyDescent="0.25">
      <c r="A2797">
        <v>3152</v>
      </c>
      <c r="B2797" t="s">
        <v>1733</v>
      </c>
      <c r="C2797" t="s">
        <v>679</v>
      </c>
      <c r="D2797">
        <v>32</v>
      </c>
      <c r="E2797" t="s">
        <v>4175</v>
      </c>
      <c r="F2797" t="s">
        <v>4171</v>
      </c>
      <c r="G2797" t="s">
        <v>656</v>
      </c>
      <c r="H2797">
        <v>2</v>
      </c>
      <c r="I2797">
        <v>2020</v>
      </c>
    </row>
    <row r="2798" spans="1:9" x14ac:dyDescent="0.25">
      <c r="A2798">
        <v>3153</v>
      </c>
      <c r="B2798" t="s">
        <v>1732</v>
      </c>
      <c r="C2798" t="s">
        <v>693</v>
      </c>
      <c r="D2798">
        <v>56</v>
      </c>
      <c r="E2798" t="s">
        <v>4193</v>
      </c>
      <c r="F2798" t="s">
        <v>4189</v>
      </c>
      <c r="G2798" t="s">
        <v>656</v>
      </c>
      <c r="H2798">
        <v>2</v>
      </c>
      <c r="I2798">
        <v>2020</v>
      </c>
    </row>
    <row r="2799" spans="1:9" x14ac:dyDescent="0.25">
      <c r="A2799">
        <v>3154</v>
      </c>
      <c r="B2799" t="s">
        <v>1731</v>
      </c>
      <c r="C2799" t="s">
        <v>1028</v>
      </c>
      <c r="D2799">
        <v>33</v>
      </c>
      <c r="E2799" t="s">
        <v>4175</v>
      </c>
      <c r="F2799" t="s">
        <v>4171</v>
      </c>
      <c r="G2799" t="s">
        <v>656</v>
      </c>
      <c r="H2799">
        <v>2</v>
      </c>
      <c r="I2799">
        <v>2020</v>
      </c>
    </row>
    <row r="2800" spans="1:9" x14ac:dyDescent="0.25">
      <c r="A2800">
        <v>3156</v>
      </c>
      <c r="B2800" t="s">
        <v>1271</v>
      </c>
      <c r="C2800" t="s">
        <v>831</v>
      </c>
      <c r="D2800">
        <v>5</v>
      </c>
      <c r="E2800" t="s">
        <v>831</v>
      </c>
      <c r="F2800" t="s">
        <v>4168</v>
      </c>
      <c r="G2800" t="s">
        <v>656</v>
      </c>
      <c r="H2800">
        <v>2</v>
      </c>
      <c r="I2800">
        <v>2020</v>
      </c>
    </row>
    <row r="2801" spans="1:9" x14ac:dyDescent="0.25">
      <c r="A2801">
        <v>3157</v>
      </c>
      <c r="B2801" t="s">
        <v>1729</v>
      </c>
      <c r="C2801" t="s">
        <v>819</v>
      </c>
      <c r="D2801">
        <v>101</v>
      </c>
      <c r="E2801" t="s">
        <v>4187</v>
      </c>
      <c r="F2801" t="s">
        <v>4187</v>
      </c>
      <c r="G2801" t="s">
        <v>656</v>
      </c>
      <c r="H2801">
        <v>2</v>
      </c>
      <c r="I2801">
        <v>2020</v>
      </c>
    </row>
    <row r="2802" spans="1:9" x14ac:dyDescent="0.25">
      <c r="A2802">
        <v>3158</v>
      </c>
      <c r="B2802" t="s">
        <v>1728</v>
      </c>
      <c r="C2802" t="s">
        <v>299</v>
      </c>
      <c r="D2802">
        <v>27</v>
      </c>
      <c r="E2802" t="s">
        <v>4179</v>
      </c>
      <c r="F2802" t="s">
        <v>4177</v>
      </c>
      <c r="G2802" t="s">
        <v>656</v>
      </c>
      <c r="H2802">
        <v>2</v>
      </c>
      <c r="I2802">
        <v>2020</v>
      </c>
    </row>
    <row r="2803" spans="1:9" x14ac:dyDescent="0.25">
      <c r="A2803">
        <v>3159</v>
      </c>
      <c r="B2803" t="s">
        <v>1727</v>
      </c>
      <c r="C2803" t="s">
        <v>296</v>
      </c>
      <c r="D2803">
        <v>97</v>
      </c>
      <c r="E2803" t="s">
        <v>4179</v>
      </c>
      <c r="F2803" t="s">
        <v>4177</v>
      </c>
      <c r="G2803" t="s">
        <v>656</v>
      </c>
      <c r="H2803">
        <v>2</v>
      </c>
      <c r="I2803">
        <v>2020</v>
      </c>
    </row>
    <row r="2804" spans="1:9" x14ac:dyDescent="0.25">
      <c r="A2804">
        <v>3160</v>
      </c>
      <c r="B2804" t="s">
        <v>1726</v>
      </c>
      <c r="C2804" t="s">
        <v>301</v>
      </c>
      <c r="D2804">
        <v>26</v>
      </c>
      <c r="E2804" t="s">
        <v>4179</v>
      </c>
      <c r="F2804" t="s">
        <v>4177</v>
      </c>
      <c r="G2804" t="s">
        <v>656</v>
      </c>
      <c r="H2804">
        <v>2</v>
      </c>
      <c r="I2804">
        <v>2020</v>
      </c>
    </row>
    <row r="2805" spans="1:9" x14ac:dyDescent="0.25">
      <c r="A2805">
        <v>3161</v>
      </c>
      <c r="B2805" t="s">
        <v>1725</v>
      </c>
      <c r="C2805" t="s">
        <v>684</v>
      </c>
      <c r="D2805">
        <v>22</v>
      </c>
      <c r="E2805" t="s">
        <v>4178</v>
      </c>
      <c r="F2805" t="s">
        <v>4177</v>
      </c>
      <c r="G2805" t="s">
        <v>656</v>
      </c>
      <c r="H2805">
        <v>2</v>
      </c>
      <c r="I2805">
        <v>2020</v>
      </c>
    </row>
    <row r="2806" spans="1:9" x14ac:dyDescent="0.25">
      <c r="A2806">
        <v>3162</v>
      </c>
      <c r="B2806" t="s">
        <v>1723</v>
      </c>
      <c r="C2806" t="s">
        <v>684</v>
      </c>
      <c r="D2806">
        <v>22</v>
      </c>
      <c r="E2806" t="s">
        <v>4178</v>
      </c>
      <c r="F2806" t="s">
        <v>4177</v>
      </c>
      <c r="G2806" t="s">
        <v>656</v>
      </c>
      <c r="H2806">
        <v>2</v>
      </c>
      <c r="I2806">
        <v>2020</v>
      </c>
    </row>
    <row r="2807" spans="1:9" x14ac:dyDescent="0.25">
      <c r="A2807">
        <v>3163</v>
      </c>
      <c r="B2807" t="s">
        <v>1722</v>
      </c>
      <c r="C2807" t="s">
        <v>691</v>
      </c>
      <c r="D2807">
        <v>21</v>
      </c>
      <c r="E2807" t="s">
        <v>691</v>
      </c>
      <c r="F2807" t="s">
        <v>4177</v>
      </c>
      <c r="G2807" t="s">
        <v>656</v>
      </c>
      <c r="H2807">
        <v>2</v>
      </c>
      <c r="I2807">
        <v>2020</v>
      </c>
    </row>
    <row r="2808" spans="1:9" x14ac:dyDescent="0.25">
      <c r="A2808">
        <v>3164</v>
      </c>
      <c r="B2808" t="s">
        <v>1721</v>
      </c>
      <c r="C2808" t="s">
        <v>756</v>
      </c>
      <c r="D2808">
        <v>19</v>
      </c>
      <c r="E2808" t="s">
        <v>894</v>
      </c>
      <c r="F2808" t="s">
        <v>4177</v>
      </c>
      <c r="G2808" t="s">
        <v>656</v>
      </c>
      <c r="H2808">
        <v>2</v>
      </c>
      <c r="I2808">
        <v>2020</v>
      </c>
    </row>
    <row r="2809" spans="1:9" x14ac:dyDescent="0.25">
      <c r="A2809">
        <v>3165</v>
      </c>
      <c r="B2809" t="s">
        <v>1720</v>
      </c>
      <c r="C2809" t="s">
        <v>896</v>
      </c>
      <c r="D2809">
        <v>7</v>
      </c>
      <c r="E2809" t="s">
        <v>4169</v>
      </c>
      <c r="F2809" t="s">
        <v>4164</v>
      </c>
      <c r="G2809" t="s">
        <v>656</v>
      </c>
      <c r="H2809">
        <v>2</v>
      </c>
      <c r="I2809">
        <v>2020</v>
      </c>
    </row>
    <row r="2810" spans="1:9" x14ac:dyDescent="0.25">
      <c r="A2810">
        <v>3166</v>
      </c>
      <c r="B2810" t="s">
        <v>1719</v>
      </c>
      <c r="C2810" t="s">
        <v>885</v>
      </c>
      <c r="D2810">
        <v>1</v>
      </c>
      <c r="E2810" t="s">
        <v>885</v>
      </c>
      <c r="F2810" t="s">
        <v>4164</v>
      </c>
      <c r="G2810" t="s">
        <v>656</v>
      </c>
      <c r="H2810">
        <v>2</v>
      </c>
      <c r="I2810">
        <v>2020</v>
      </c>
    </row>
    <row r="2811" spans="1:9" x14ac:dyDescent="0.25">
      <c r="A2811">
        <v>3167</v>
      </c>
      <c r="B2811" t="s">
        <v>1718</v>
      </c>
      <c r="C2811" t="s">
        <v>813</v>
      </c>
      <c r="D2811">
        <v>24</v>
      </c>
      <c r="E2811" t="s">
        <v>4179</v>
      </c>
      <c r="F2811" t="s">
        <v>4177</v>
      </c>
      <c r="G2811" t="s">
        <v>656</v>
      </c>
      <c r="H2811">
        <v>2</v>
      </c>
      <c r="I2811">
        <v>2020</v>
      </c>
    </row>
    <row r="2812" spans="1:9" x14ac:dyDescent="0.25">
      <c r="A2812">
        <v>3168</v>
      </c>
      <c r="B2812" t="s">
        <v>1717</v>
      </c>
      <c r="C2812" t="s">
        <v>1028</v>
      </c>
      <c r="D2812">
        <v>33</v>
      </c>
      <c r="E2812" t="s">
        <v>4175</v>
      </c>
      <c r="F2812" t="s">
        <v>4171</v>
      </c>
      <c r="G2812" t="s">
        <v>656</v>
      </c>
      <c r="H2812">
        <v>2</v>
      </c>
      <c r="I2812">
        <v>2020</v>
      </c>
    </row>
    <row r="2813" spans="1:9" x14ac:dyDescent="0.25">
      <c r="A2813">
        <v>3169</v>
      </c>
      <c r="B2813" t="s">
        <v>1716</v>
      </c>
      <c r="C2813" t="s">
        <v>299</v>
      </c>
      <c r="D2813">
        <v>27</v>
      </c>
      <c r="E2813" t="s">
        <v>4179</v>
      </c>
      <c r="F2813" t="s">
        <v>4177</v>
      </c>
      <c r="G2813" t="s">
        <v>656</v>
      </c>
      <c r="H2813">
        <v>2</v>
      </c>
      <c r="I2813">
        <v>2020</v>
      </c>
    </row>
    <row r="2814" spans="1:9" x14ac:dyDescent="0.25">
      <c r="A2814">
        <v>3170</v>
      </c>
      <c r="B2814" t="s">
        <v>4796</v>
      </c>
      <c r="C2814" t="s">
        <v>296</v>
      </c>
      <c r="D2814">
        <v>97</v>
      </c>
      <c r="E2814" t="s">
        <v>4179</v>
      </c>
      <c r="F2814" t="s">
        <v>4177</v>
      </c>
      <c r="G2814" t="s">
        <v>656</v>
      </c>
      <c r="H2814">
        <v>2</v>
      </c>
      <c r="I2814">
        <v>2020</v>
      </c>
    </row>
    <row r="2815" spans="1:9" x14ac:dyDescent="0.25">
      <c r="A2815">
        <v>3171</v>
      </c>
      <c r="B2815" t="s">
        <v>1592</v>
      </c>
      <c r="C2815" t="s">
        <v>301</v>
      </c>
      <c r="D2815">
        <v>26</v>
      </c>
      <c r="E2815" t="s">
        <v>4179</v>
      </c>
      <c r="F2815" t="s">
        <v>4177</v>
      </c>
      <c r="G2815" t="s">
        <v>656</v>
      </c>
      <c r="H2815">
        <v>2</v>
      </c>
      <c r="I2815">
        <v>2020</v>
      </c>
    </row>
    <row r="2816" spans="1:9" x14ac:dyDescent="0.25">
      <c r="A2816">
        <v>3174</v>
      </c>
      <c r="B2816" t="s">
        <v>1705</v>
      </c>
      <c r="C2816" t="s">
        <v>705</v>
      </c>
      <c r="D2816">
        <v>70</v>
      </c>
      <c r="E2816" t="s">
        <v>4193</v>
      </c>
      <c r="F2816" t="s">
        <v>4189</v>
      </c>
      <c r="G2816" t="s">
        <v>669</v>
      </c>
      <c r="H2816">
        <v>1</v>
      </c>
      <c r="I2816">
        <v>2020</v>
      </c>
    </row>
    <row r="2817" spans="1:9" x14ac:dyDescent="0.25">
      <c r="A2817">
        <v>3176</v>
      </c>
      <c r="B2817" t="s">
        <v>1704</v>
      </c>
      <c r="C2817" t="s">
        <v>1514</v>
      </c>
      <c r="D2817">
        <v>47</v>
      </c>
      <c r="E2817" t="s">
        <v>980</v>
      </c>
      <c r="F2817" t="s">
        <v>4189</v>
      </c>
      <c r="G2817" t="s">
        <v>669</v>
      </c>
      <c r="H2817">
        <v>1</v>
      </c>
      <c r="I2817">
        <v>2020</v>
      </c>
    </row>
    <row r="2818" spans="1:9" x14ac:dyDescent="0.25">
      <c r="A2818">
        <v>3178</v>
      </c>
      <c r="B2818" t="s">
        <v>1702</v>
      </c>
      <c r="C2818" t="s">
        <v>684</v>
      </c>
      <c r="D2818">
        <v>22</v>
      </c>
      <c r="E2818" t="s">
        <v>4178</v>
      </c>
      <c r="F2818" t="s">
        <v>4177</v>
      </c>
      <c r="G2818" t="s">
        <v>656</v>
      </c>
      <c r="H2818">
        <v>2</v>
      </c>
      <c r="I2818">
        <v>2020</v>
      </c>
    </row>
    <row r="2819" spans="1:9" x14ac:dyDescent="0.25">
      <c r="A2819">
        <v>3180</v>
      </c>
      <c r="B2819" t="s">
        <v>1700</v>
      </c>
      <c r="C2819" t="s">
        <v>1022</v>
      </c>
      <c r="D2819">
        <v>85</v>
      </c>
      <c r="E2819" t="s">
        <v>1080</v>
      </c>
      <c r="F2819" t="s">
        <v>4189</v>
      </c>
      <c r="G2819" t="s">
        <v>656</v>
      </c>
      <c r="H2819">
        <v>2</v>
      </c>
      <c r="I2819">
        <v>2020</v>
      </c>
    </row>
    <row r="2820" spans="1:9" x14ac:dyDescent="0.25">
      <c r="A2820">
        <v>3182</v>
      </c>
      <c r="B2820" t="s">
        <v>1701</v>
      </c>
      <c r="C2820" t="s">
        <v>1022</v>
      </c>
      <c r="D2820">
        <v>85</v>
      </c>
      <c r="E2820" t="s">
        <v>1080</v>
      </c>
      <c r="F2820" t="s">
        <v>4189</v>
      </c>
      <c r="G2820" t="s">
        <v>656</v>
      </c>
      <c r="H2820">
        <v>2</v>
      </c>
      <c r="I2820">
        <v>2020</v>
      </c>
    </row>
    <row r="2821" spans="1:9" x14ac:dyDescent="0.25">
      <c r="A2821">
        <v>3184</v>
      </c>
      <c r="B2821" t="s">
        <v>1699</v>
      </c>
      <c r="C2821" t="s">
        <v>1055</v>
      </c>
      <c r="D2821">
        <v>69</v>
      </c>
      <c r="E2821" t="s">
        <v>4194</v>
      </c>
      <c r="F2821" t="s">
        <v>4189</v>
      </c>
      <c r="G2821" t="s">
        <v>669</v>
      </c>
      <c r="H2821">
        <v>1</v>
      </c>
      <c r="I2821">
        <v>2020</v>
      </c>
    </row>
    <row r="2822" spans="1:9" x14ac:dyDescent="0.25">
      <c r="A2822">
        <v>3188</v>
      </c>
      <c r="B2822" t="s">
        <v>1698</v>
      </c>
      <c r="C2822" t="s">
        <v>684</v>
      </c>
      <c r="D2822">
        <v>22</v>
      </c>
      <c r="E2822" t="s">
        <v>4178</v>
      </c>
      <c r="F2822" t="s">
        <v>4177</v>
      </c>
      <c r="G2822" t="s">
        <v>669</v>
      </c>
      <c r="H2822">
        <v>1</v>
      </c>
      <c r="I2822">
        <v>2020</v>
      </c>
    </row>
    <row r="2823" spans="1:9" x14ac:dyDescent="0.25">
      <c r="A2823">
        <v>3190</v>
      </c>
      <c r="B2823" t="s">
        <v>1674</v>
      </c>
      <c r="C2823" t="s">
        <v>679</v>
      </c>
      <c r="D2823">
        <v>32</v>
      </c>
      <c r="E2823" t="s">
        <v>4175</v>
      </c>
      <c r="F2823" t="s">
        <v>4171</v>
      </c>
      <c r="G2823" t="s">
        <v>669</v>
      </c>
      <c r="H2823">
        <v>1</v>
      </c>
      <c r="I2823">
        <v>2020</v>
      </c>
    </row>
    <row r="2824" spans="1:9" x14ac:dyDescent="0.25">
      <c r="A2824">
        <v>3192</v>
      </c>
      <c r="B2824" t="s">
        <v>1008</v>
      </c>
      <c r="C2824" t="s">
        <v>730</v>
      </c>
      <c r="D2824">
        <v>66</v>
      </c>
      <c r="E2824" t="s">
        <v>4193</v>
      </c>
      <c r="F2824" t="s">
        <v>4189</v>
      </c>
      <c r="G2824" t="s">
        <v>669</v>
      </c>
      <c r="H2824">
        <v>1</v>
      </c>
      <c r="I2824">
        <v>2020</v>
      </c>
    </row>
    <row r="2825" spans="1:9" x14ac:dyDescent="0.25">
      <c r="A2825">
        <v>3194</v>
      </c>
      <c r="B2825" t="s">
        <v>1690</v>
      </c>
      <c r="C2825" t="s">
        <v>1538</v>
      </c>
      <c r="D2825">
        <v>36</v>
      </c>
      <c r="E2825" t="s">
        <v>4184</v>
      </c>
      <c r="F2825" t="s">
        <v>4171</v>
      </c>
      <c r="G2825" t="s">
        <v>669</v>
      </c>
      <c r="H2825">
        <v>1</v>
      </c>
      <c r="I2825">
        <v>2020</v>
      </c>
    </row>
    <row r="2826" spans="1:9" x14ac:dyDescent="0.25">
      <c r="A2826">
        <v>3198</v>
      </c>
      <c r="B2826" t="s">
        <v>1689</v>
      </c>
      <c r="C2826" t="s">
        <v>707</v>
      </c>
      <c r="D2826">
        <v>59</v>
      </c>
      <c r="E2826" t="s">
        <v>980</v>
      </c>
      <c r="F2826" t="s">
        <v>4189</v>
      </c>
      <c r="G2826" t="s">
        <v>669</v>
      </c>
      <c r="H2826">
        <v>1</v>
      </c>
      <c r="I2826">
        <v>2020</v>
      </c>
    </row>
    <row r="2827" spans="1:9" x14ac:dyDescent="0.25">
      <c r="A2827">
        <v>3200</v>
      </c>
      <c r="B2827" t="s">
        <v>1687</v>
      </c>
      <c r="C2827" t="s">
        <v>714</v>
      </c>
      <c r="D2827">
        <v>52</v>
      </c>
      <c r="E2827" t="s">
        <v>4198</v>
      </c>
      <c r="F2827" t="s">
        <v>4189</v>
      </c>
      <c r="G2827" t="s">
        <v>669</v>
      </c>
      <c r="H2827">
        <v>1</v>
      </c>
      <c r="I2827">
        <v>2020</v>
      </c>
    </row>
    <row r="2828" spans="1:9" x14ac:dyDescent="0.25">
      <c r="A2828">
        <v>3202</v>
      </c>
      <c r="B2828" t="s">
        <v>1686</v>
      </c>
      <c r="C2828" t="s">
        <v>749</v>
      </c>
      <c r="D2828">
        <v>63</v>
      </c>
      <c r="E2828" t="s">
        <v>4193</v>
      </c>
      <c r="F2828" t="s">
        <v>4189</v>
      </c>
      <c r="G2828" t="s">
        <v>669</v>
      </c>
      <c r="H2828">
        <v>1</v>
      </c>
      <c r="I2828">
        <v>2020</v>
      </c>
    </row>
    <row r="2829" spans="1:9" x14ac:dyDescent="0.25">
      <c r="A2829">
        <v>3204</v>
      </c>
      <c r="B2829" t="s">
        <v>1685</v>
      </c>
      <c r="C2829" t="s">
        <v>1236</v>
      </c>
      <c r="D2829">
        <v>60</v>
      </c>
      <c r="E2829" t="s">
        <v>4193</v>
      </c>
      <c r="F2829" t="s">
        <v>4189</v>
      </c>
      <c r="G2829" t="s">
        <v>669</v>
      </c>
      <c r="H2829">
        <v>1</v>
      </c>
      <c r="I2829">
        <v>2020</v>
      </c>
    </row>
    <row r="2830" spans="1:9" x14ac:dyDescent="0.25">
      <c r="A2830">
        <v>3206</v>
      </c>
      <c r="B2830" t="s">
        <v>1684</v>
      </c>
      <c r="C2830" t="s">
        <v>738</v>
      </c>
      <c r="D2830">
        <v>61</v>
      </c>
      <c r="E2830" t="s">
        <v>4193</v>
      </c>
      <c r="F2830" t="s">
        <v>4189</v>
      </c>
      <c r="G2830" t="s">
        <v>669</v>
      </c>
      <c r="H2830">
        <v>1</v>
      </c>
      <c r="I2830">
        <v>2020</v>
      </c>
    </row>
    <row r="2831" spans="1:9" x14ac:dyDescent="0.25">
      <c r="A2831">
        <v>3208</v>
      </c>
      <c r="B2831" t="s">
        <v>1683</v>
      </c>
      <c r="C2831" t="s">
        <v>716</v>
      </c>
      <c r="D2831">
        <v>68</v>
      </c>
      <c r="E2831" t="s">
        <v>4193</v>
      </c>
      <c r="F2831" t="s">
        <v>4189</v>
      </c>
      <c r="G2831" t="s">
        <v>669</v>
      </c>
      <c r="H2831">
        <v>1</v>
      </c>
      <c r="I2831">
        <v>2020</v>
      </c>
    </row>
    <row r="2832" spans="1:9" x14ac:dyDescent="0.25">
      <c r="A2832">
        <v>3210</v>
      </c>
      <c r="B2832" t="s">
        <v>1682</v>
      </c>
      <c r="C2832" t="s">
        <v>897</v>
      </c>
      <c r="D2832">
        <v>3</v>
      </c>
      <c r="E2832" t="s">
        <v>4165</v>
      </c>
      <c r="F2832" t="s">
        <v>4164</v>
      </c>
      <c r="G2832" t="s">
        <v>669</v>
      </c>
      <c r="H2832">
        <v>1</v>
      </c>
      <c r="I2832">
        <v>2020</v>
      </c>
    </row>
    <row r="2833" spans="1:9" x14ac:dyDescent="0.25">
      <c r="A2833">
        <v>3212</v>
      </c>
      <c r="B2833" t="s">
        <v>1681</v>
      </c>
      <c r="C2833" t="s">
        <v>726</v>
      </c>
      <c r="D2833">
        <v>2</v>
      </c>
      <c r="E2833" t="s">
        <v>726</v>
      </c>
      <c r="F2833" t="s">
        <v>4164</v>
      </c>
      <c r="G2833" t="s">
        <v>669</v>
      </c>
      <c r="H2833">
        <v>1</v>
      </c>
      <c r="I2833">
        <v>2020</v>
      </c>
    </row>
    <row r="2834" spans="1:9" x14ac:dyDescent="0.25">
      <c r="A2834">
        <v>3214</v>
      </c>
      <c r="B2834" t="s">
        <v>1680</v>
      </c>
      <c r="C2834" t="s">
        <v>885</v>
      </c>
      <c r="D2834">
        <v>1</v>
      </c>
      <c r="E2834" t="s">
        <v>885</v>
      </c>
      <c r="F2834" t="s">
        <v>4164</v>
      </c>
      <c r="G2834" t="s">
        <v>669</v>
      </c>
      <c r="H2834">
        <v>1</v>
      </c>
      <c r="I2834">
        <v>2020</v>
      </c>
    </row>
    <row r="2835" spans="1:9" x14ac:dyDescent="0.25">
      <c r="A2835">
        <v>3216</v>
      </c>
      <c r="B2835" t="s">
        <v>1098</v>
      </c>
      <c r="C2835" t="s">
        <v>1080</v>
      </c>
      <c r="D2835">
        <v>49</v>
      </c>
      <c r="E2835" t="s">
        <v>1080</v>
      </c>
      <c r="F2835" t="s">
        <v>4189</v>
      </c>
      <c r="G2835" t="s">
        <v>669</v>
      </c>
      <c r="H2835">
        <v>1</v>
      </c>
      <c r="I2835">
        <v>2020</v>
      </c>
    </row>
    <row r="2836" spans="1:9" x14ac:dyDescent="0.25">
      <c r="A2836">
        <v>3218</v>
      </c>
      <c r="B2836" t="s">
        <v>1678</v>
      </c>
      <c r="C2836" t="s">
        <v>1259</v>
      </c>
      <c r="D2836">
        <v>57</v>
      </c>
      <c r="E2836" t="s">
        <v>4188</v>
      </c>
      <c r="F2836" t="s">
        <v>4189</v>
      </c>
      <c r="G2836" t="s">
        <v>669</v>
      </c>
      <c r="H2836">
        <v>1</v>
      </c>
      <c r="I2836">
        <v>2020</v>
      </c>
    </row>
    <row r="2837" spans="1:9" x14ac:dyDescent="0.25">
      <c r="A2837">
        <v>3220</v>
      </c>
      <c r="B2837" t="s">
        <v>1677</v>
      </c>
      <c r="C2837" t="s">
        <v>678</v>
      </c>
      <c r="D2837">
        <v>41</v>
      </c>
      <c r="E2837" t="s">
        <v>4188</v>
      </c>
      <c r="F2837" t="s">
        <v>4189</v>
      </c>
      <c r="G2837" t="s">
        <v>669</v>
      </c>
      <c r="H2837">
        <v>1</v>
      </c>
      <c r="I2837">
        <v>2020</v>
      </c>
    </row>
    <row r="2838" spans="1:9" x14ac:dyDescent="0.25">
      <c r="A2838">
        <v>3222</v>
      </c>
      <c r="B2838" t="s">
        <v>1676</v>
      </c>
      <c r="C2838" t="s">
        <v>710</v>
      </c>
      <c r="D2838">
        <v>53</v>
      </c>
      <c r="E2838" t="s">
        <v>4198</v>
      </c>
      <c r="F2838" t="s">
        <v>4189</v>
      </c>
      <c r="G2838" t="s">
        <v>669</v>
      </c>
      <c r="H2838">
        <v>1</v>
      </c>
      <c r="I2838">
        <v>2020</v>
      </c>
    </row>
    <row r="2839" spans="1:9" x14ac:dyDescent="0.25">
      <c r="A2839">
        <v>3224</v>
      </c>
      <c r="B2839" t="s">
        <v>911</v>
      </c>
      <c r="C2839" t="s">
        <v>848</v>
      </c>
      <c r="D2839">
        <v>62</v>
      </c>
      <c r="E2839" t="s">
        <v>4193</v>
      </c>
      <c r="F2839" t="s">
        <v>4189</v>
      </c>
      <c r="G2839" t="s">
        <v>669</v>
      </c>
      <c r="H2839">
        <v>1</v>
      </c>
      <c r="I2839">
        <v>2020</v>
      </c>
    </row>
    <row r="2840" spans="1:9" x14ac:dyDescent="0.25">
      <c r="A2840">
        <v>3226</v>
      </c>
      <c r="B2840" t="s">
        <v>4797</v>
      </c>
      <c r="C2840" t="s">
        <v>1219</v>
      </c>
      <c r="D2840">
        <v>42</v>
      </c>
      <c r="E2840" t="s">
        <v>4188</v>
      </c>
      <c r="F2840" t="s">
        <v>4189</v>
      </c>
      <c r="G2840" t="s">
        <v>669</v>
      </c>
      <c r="H2840">
        <v>1</v>
      </c>
      <c r="I2840">
        <v>2020</v>
      </c>
    </row>
    <row r="2841" spans="1:9" x14ac:dyDescent="0.25">
      <c r="A2841">
        <v>3228</v>
      </c>
      <c r="B2841" t="s">
        <v>1673</v>
      </c>
      <c r="C2841" t="s">
        <v>813</v>
      </c>
      <c r="D2841">
        <v>24</v>
      </c>
      <c r="E2841" t="s">
        <v>4179</v>
      </c>
      <c r="F2841" t="s">
        <v>4177</v>
      </c>
      <c r="G2841" t="s">
        <v>669</v>
      </c>
      <c r="H2841">
        <v>1</v>
      </c>
      <c r="I2841">
        <v>2020</v>
      </c>
    </row>
    <row r="2842" spans="1:9" x14ac:dyDescent="0.25">
      <c r="A2842">
        <v>3230</v>
      </c>
      <c r="B2842" t="s">
        <v>1671</v>
      </c>
      <c r="C2842" t="s">
        <v>878</v>
      </c>
      <c r="D2842">
        <v>91</v>
      </c>
      <c r="E2842" t="s">
        <v>878</v>
      </c>
      <c r="F2842" t="s">
        <v>4168</v>
      </c>
      <c r="G2842" t="s">
        <v>656</v>
      </c>
      <c r="H2842">
        <v>2</v>
      </c>
      <c r="I2842">
        <v>2020</v>
      </c>
    </row>
    <row r="2843" spans="1:9" x14ac:dyDescent="0.25">
      <c r="A2843">
        <v>3232</v>
      </c>
      <c r="B2843" t="s">
        <v>1670</v>
      </c>
      <c r="C2843" t="s">
        <v>839</v>
      </c>
      <c r="D2843">
        <v>89</v>
      </c>
      <c r="E2843" t="s">
        <v>839</v>
      </c>
      <c r="F2843" t="s">
        <v>4168</v>
      </c>
      <c r="G2843" t="s">
        <v>656</v>
      </c>
      <c r="H2843">
        <v>2</v>
      </c>
      <c r="I2843">
        <v>2020</v>
      </c>
    </row>
    <row r="2844" spans="1:9" x14ac:dyDescent="0.25">
      <c r="A2844">
        <v>3236</v>
      </c>
      <c r="B2844" t="s">
        <v>4798</v>
      </c>
      <c r="C2844" t="s">
        <v>807</v>
      </c>
      <c r="D2844">
        <v>25</v>
      </c>
      <c r="E2844" t="s">
        <v>4179</v>
      </c>
      <c r="F2844" t="s">
        <v>4177</v>
      </c>
      <c r="G2844" t="s">
        <v>656</v>
      </c>
      <c r="H2844">
        <v>2</v>
      </c>
      <c r="I2844">
        <v>2020</v>
      </c>
    </row>
    <row r="2845" spans="1:9" x14ac:dyDescent="0.25">
      <c r="A2845">
        <v>3238</v>
      </c>
      <c r="B2845" t="s">
        <v>1663</v>
      </c>
      <c r="C2845" t="s">
        <v>295</v>
      </c>
      <c r="D2845">
        <v>30</v>
      </c>
      <c r="E2845" t="s">
        <v>4179</v>
      </c>
      <c r="F2845" t="s">
        <v>4177</v>
      </c>
      <c r="G2845" t="s">
        <v>656</v>
      </c>
      <c r="H2845">
        <v>2</v>
      </c>
      <c r="I2845">
        <v>2020</v>
      </c>
    </row>
    <row r="2846" spans="1:9" x14ac:dyDescent="0.25">
      <c r="A2846">
        <v>3240</v>
      </c>
      <c r="B2846" t="s">
        <v>1662</v>
      </c>
      <c r="C2846" t="s">
        <v>295</v>
      </c>
      <c r="D2846">
        <v>30</v>
      </c>
      <c r="E2846" t="s">
        <v>4179</v>
      </c>
      <c r="F2846" t="s">
        <v>4177</v>
      </c>
      <c r="G2846" t="s">
        <v>656</v>
      </c>
      <c r="H2846">
        <v>2</v>
      </c>
      <c r="I2846">
        <v>2020</v>
      </c>
    </row>
    <row r="2847" spans="1:9" x14ac:dyDescent="0.25">
      <c r="A2847">
        <v>3242</v>
      </c>
      <c r="B2847" t="s">
        <v>1661</v>
      </c>
      <c r="C2847" t="s">
        <v>295</v>
      </c>
      <c r="D2847">
        <v>30</v>
      </c>
      <c r="E2847" t="s">
        <v>4179</v>
      </c>
      <c r="F2847" t="s">
        <v>4177</v>
      </c>
      <c r="G2847" t="s">
        <v>656</v>
      </c>
      <c r="H2847">
        <v>2</v>
      </c>
      <c r="I2847">
        <v>2020</v>
      </c>
    </row>
    <row r="2848" spans="1:9" x14ac:dyDescent="0.25">
      <c r="A2848">
        <v>3244</v>
      </c>
      <c r="B2848" t="s">
        <v>1660</v>
      </c>
      <c r="C2848" t="s">
        <v>682</v>
      </c>
      <c r="D2848">
        <v>20</v>
      </c>
      <c r="E2848" t="s">
        <v>682</v>
      </c>
      <c r="F2848" t="s">
        <v>4177</v>
      </c>
      <c r="G2848" t="s">
        <v>656</v>
      </c>
      <c r="H2848">
        <v>2</v>
      </c>
      <c r="I2848">
        <v>2020</v>
      </c>
    </row>
    <row r="2849" spans="1:9" x14ac:dyDescent="0.25">
      <c r="A2849">
        <v>3246</v>
      </c>
      <c r="B2849" t="s">
        <v>1659</v>
      </c>
      <c r="C2849" t="s">
        <v>682</v>
      </c>
      <c r="D2849">
        <v>20</v>
      </c>
      <c r="E2849" t="s">
        <v>682</v>
      </c>
      <c r="F2849" t="s">
        <v>4177</v>
      </c>
      <c r="G2849" t="s">
        <v>656</v>
      </c>
      <c r="H2849">
        <v>2</v>
      </c>
      <c r="I2849">
        <v>2020</v>
      </c>
    </row>
    <row r="2850" spans="1:9" x14ac:dyDescent="0.25">
      <c r="A2850">
        <v>3248</v>
      </c>
      <c r="B2850" t="s">
        <v>1691</v>
      </c>
      <c r="C2850" t="s">
        <v>65</v>
      </c>
      <c r="D2850">
        <v>15</v>
      </c>
      <c r="E2850" t="s">
        <v>4176</v>
      </c>
      <c r="F2850" t="s">
        <v>4177</v>
      </c>
      <c r="G2850" t="s">
        <v>656</v>
      </c>
      <c r="H2850">
        <v>2</v>
      </c>
      <c r="I2850">
        <v>2020</v>
      </c>
    </row>
    <row r="2851" spans="1:9" x14ac:dyDescent="0.25">
      <c r="A2851">
        <v>3254</v>
      </c>
      <c r="B2851" t="s">
        <v>1658</v>
      </c>
      <c r="C2851" t="s">
        <v>673</v>
      </c>
      <c r="D2851">
        <v>34</v>
      </c>
      <c r="E2851" t="s">
        <v>4175</v>
      </c>
      <c r="F2851" t="s">
        <v>4171</v>
      </c>
      <c r="G2851" t="s">
        <v>656</v>
      </c>
      <c r="H2851">
        <v>2</v>
      </c>
      <c r="I2851">
        <v>2020</v>
      </c>
    </row>
    <row r="2852" spans="1:9" x14ac:dyDescent="0.25">
      <c r="A2852">
        <v>3258</v>
      </c>
      <c r="B2852" t="s">
        <v>1652</v>
      </c>
      <c r="C2852" t="s">
        <v>295</v>
      </c>
      <c r="D2852">
        <v>30</v>
      </c>
      <c r="E2852" t="s">
        <v>4179</v>
      </c>
      <c r="F2852" t="s">
        <v>4177</v>
      </c>
      <c r="G2852" t="s">
        <v>656</v>
      </c>
      <c r="H2852">
        <v>2</v>
      </c>
      <c r="I2852">
        <v>2020</v>
      </c>
    </row>
    <row r="2853" spans="1:9" x14ac:dyDescent="0.25">
      <c r="A2853">
        <v>3261</v>
      </c>
      <c r="B2853" t="s">
        <v>1576</v>
      </c>
      <c r="C2853" t="s">
        <v>659</v>
      </c>
      <c r="D2853">
        <v>35</v>
      </c>
      <c r="E2853" t="s">
        <v>4175</v>
      </c>
      <c r="F2853" t="s">
        <v>4171</v>
      </c>
      <c r="G2853" t="s">
        <v>669</v>
      </c>
      <c r="H2853">
        <v>1</v>
      </c>
      <c r="I2853">
        <v>2020</v>
      </c>
    </row>
    <row r="2854" spans="1:9" x14ac:dyDescent="0.25">
      <c r="A2854">
        <v>3264</v>
      </c>
      <c r="B2854" t="s">
        <v>1530</v>
      </c>
      <c r="C2854" t="s">
        <v>663</v>
      </c>
      <c r="D2854">
        <v>99</v>
      </c>
      <c r="E2854" t="s">
        <v>663</v>
      </c>
      <c r="F2854" t="s">
        <v>4171</v>
      </c>
      <c r="G2854" t="s">
        <v>656</v>
      </c>
      <c r="H2854">
        <v>2</v>
      </c>
      <c r="I2854">
        <v>2020</v>
      </c>
    </row>
    <row r="2855" spans="1:9" x14ac:dyDescent="0.25">
      <c r="A2855">
        <v>3267</v>
      </c>
      <c r="B2855" t="s">
        <v>1531</v>
      </c>
      <c r="C2855" t="s">
        <v>663</v>
      </c>
      <c r="D2855">
        <v>99</v>
      </c>
      <c r="E2855" t="s">
        <v>663</v>
      </c>
      <c r="F2855" t="s">
        <v>4171</v>
      </c>
      <c r="G2855" t="s">
        <v>656</v>
      </c>
      <c r="H2855">
        <v>2</v>
      </c>
      <c r="I2855">
        <v>2020</v>
      </c>
    </row>
    <row r="2856" spans="1:9" x14ac:dyDescent="0.25">
      <c r="A2856">
        <v>3270</v>
      </c>
      <c r="B2856" t="s">
        <v>1532</v>
      </c>
      <c r="C2856" t="s">
        <v>663</v>
      </c>
      <c r="D2856">
        <v>99</v>
      </c>
      <c r="E2856" t="s">
        <v>663</v>
      </c>
      <c r="F2856" t="s">
        <v>4171</v>
      </c>
      <c r="G2856" t="s">
        <v>656</v>
      </c>
      <c r="H2856">
        <v>2</v>
      </c>
      <c r="I2856">
        <v>2020</v>
      </c>
    </row>
    <row r="2857" spans="1:9" x14ac:dyDescent="0.25">
      <c r="A2857">
        <v>3273</v>
      </c>
      <c r="B2857" t="s">
        <v>1533</v>
      </c>
      <c r="C2857" t="s">
        <v>294</v>
      </c>
      <c r="D2857">
        <v>31</v>
      </c>
      <c r="E2857" t="s">
        <v>4179</v>
      </c>
      <c r="F2857" t="s">
        <v>4177</v>
      </c>
      <c r="G2857" t="s">
        <v>656</v>
      </c>
      <c r="H2857">
        <v>2</v>
      </c>
      <c r="I2857">
        <v>2020</v>
      </c>
    </row>
    <row r="2858" spans="1:9" x14ac:dyDescent="0.25">
      <c r="A2858">
        <v>3279</v>
      </c>
      <c r="B2858" t="s">
        <v>1534</v>
      </c>
      <c r="C2858" t="s">
        <v>726</v>
      </c>
      <c r="D2858">
        <v>2</v>
      </c>
      <c r="E2858" t="s">
        <v>726</v>
      </c>
      <c r="F2858" t="s">
        <v>4164</v>
      </c>
      <c r="G2858" t="s">
        <v>656</v>
      </c>
      <c r="H2858">
        <v>2</v>
      </c>
      <c r="I2858">
        <v>2020</v>
      </c>
    </row>
    <row r="2859" spans="1:9" x14ac:dyDescent="0.25">
      <c r="A2859">
        <v>3282</v>
      </c>
      <c r="B2859" t="s">
        <v>1535</v>
      </c>
      <c r="C2859" t="s">
        <v>917</v>
      </c>
      <c r="D2859">
        <v>83</v>
      </c>
      <c r="E2859" t="s">
        <v>4188</v>
      </c>
      <c r="F2859" t="s">
        <v>4189</v>
      </c>
      <c r="G2859" t="s">
        <v>656</v>
      </c>
      <c r="H2859">
        <v>2</v>
      </c>
      <c r="I2859">
        <v>2020</v>
      </c>
    </row>
    <row r="2860" spans="1:9" x14ac:dyDescent="0.25">
      <c r="A2860">
        <v>3285</v>
      </c>
      <c r="B2860" t="s">
        <v>1537</v>
      </c>
      <c r="C2860" t="s">
        <v>705</v>
      </c>
      <c r="D2860">
        <v>70</v>
      </c>
      <c r="E2860" t="s">
        <v>4193</v>
      </c>
      <c r="F2860" t="s">
        <v>4189</v>
      </c>
      <c r="G2860" t="s">
        <v>656</v>
      </c>
      <c r="H2860">
        <v>2</v>
      </c>
      <c r="I2860">
        <v>2020</v>
      </c>
    </row>
    <row r="2861" spans="1:9" x14ac:dyDescent="0.25">
      <c r="A2861">
        <v>3288</v>
      </c>
      <c r="B2861" t="s">
        <v>1539</v>
      </c>
      <c r="C2861" t="s">
        <v>1538</v>
      </c>
      <c r="D2861">
        <v>36</v>
      </c>
      <c r="E2861" t="s">
        <v>4184</v>
      </c>
      <c r="F2861" t="s">
        <v>4171</v>
      </c>
      <c r="G2861" t="s">
        <v>656</v>
      </c>
      <c r="H2861">
        <v>2</v>
      </c>
      <c r="I2861">
        <v>2020</v>
      </c>
    </row>
    <row r="2862" spans="1:9" x14ac:dyDescent="0.25">
      <c r="A2862">
        <v>3291</v>
      </c>
      <c r="B2862" t="s">
        <v>1540</v>
      </c>
      <c r="C2862" t="s">
        <v>1538</v>
      </c>
      <c r="D2862">
        <v>36</v>
      </c>
      <c r="E2862" t="s">
        <v>4184</v>
      </c>
      <c r="F2862" t="s">
        <v>4171</v>
      </c>
      <c r="G2862" t="s">
        <v>656</v>
      </c>
      <c r="H2862">
        <v>2</v>
      </c>
      <c r="I2862">
        <v>2020</v>
      </c>
    </row>
    <row r="2863" spans="1:9" x14ac:dyDescent="0.25">
      <c r="A2863">
        <v>3294</v>
      </c>
      <c r="B2863" t="s">
        <v>1541</v>
      </c>
      <c r="C2863" t="s">
        <v>839</v>
      </c>
      <c r="D2863">
        <v>89</v>
      </c>
      <c r="E2863" t="s">
        <v>839</v>
      </c>
      <c r="F2863" t="s">
        <v>4168</v>
      </c>
      <c r="G2863" t="s">
        <v>656</v>
      </c>
      <c r="H2863">
        <v>2</v>
      </c>
      <c r="I2863">
        <v>2020</v>
      </c>
    </row>
    <row r="2864" spans="1:9" x14ac:dyDescent="0.25">
      <c r="A2864">
        <v>3297</v>
      </c>
      <c r="B2864" t="s">
        <v>4799</v>
      </c>
      <c r="C2864" t="s">
        <v>663</v>
      </c>
      <c r="D2864">
        <v>99</v>
      </c>
      <c r="E2864" t="s">
        <v>663</v>
      </c>
      <c r="F2864" t="s">
        <v>4171</v>
      </c>
      <c r="G2864" t="s">
        <v>656</v>
      </c>
      <c r="H2864">
        <v>2</v>
      </c>
      <c r="I2864">
        <v>2020</v>
      </c>
    </row>
    <row r="2865" spans="1:9" x14ac:dyDescent="0.25">
      <c r="A2865">
        <v>3300</v>
      </c>
      <c r="B2865" t="s">
        <v>1542</v>
      </c>
      <c r="C2865" t="s">
        <v>65</v>
      </c>
      <c r="D2865">
        <v>15</v>
      </c>
      <c r="E2865" t="s">
        <v>4176</v>
      </c>
      <c r="F2865" t="s">
        <v>4177</v>
      </c>
      <c r="G2865" t="s">
        <v>656</v>
      </c>
      <c r="H2865">
        <v>2</v>
      </c>
      <c r="I2865">
        <v>2020</v>
      </c>
    </row>
    <row r="2866" spans="1:9" x14ac:dyDescent="0.25">
      <c r="A2866">
        <v>3303</v>
      </c>
      <c r="B2866" t="s">
        <v>4800</v>
      </c>
      <c r="C2866" t="s">
        <v>797</v>
      </c>
      <c r="D2866">
        <v>65</v>
      </c>
      <c r="E2866" t="s">
        <v>4191</v>
      </c>
      <c r="F2866" t="s">
        <v>4189</v>
      </c>
      <c r="G2866" t="s">
        <v>656</v>
      </c>
      <c r="H2866">
        <v>2</v>
      </c>
      <c r="I2866">
        <v>2020</v>
      </c>
    </row>
    <row r="2867" spans="1:9" x14ac:dyDescent="0.25">
      <c r="A2867">
        <v>3306</v>
      </c>
      <c r="B2867" t="s">
        <v>1547</v>
      </c>
      <c r="C2867" t="s">
        <v>819</v>
      </c>
      <c r="D2867">
        <v>101</v>
      </c>
      <c r="E2867" t="s">
        <v>4187</v>
      </c>
      <c r="F2867" t="s">
        <v>4187</v>
      </c>
      <c r="G2867" t="s">
        <v>656</v>
      </c>
      <c r="H2867">
        <v>2</v>
      </c>
      <c r="I2867">
        <v>2020</v>
      </c>
    </row>
    <row r="2868" spans="1:9" x14ac:dyDescent="0.25">
      <c r="A2868">
        <v>3309</v>
      </c>
      <c r="B2868" t="s">
        <v>1550</v>
      </c>
      <c r="C2868" t="s">
        <v>738</v>
      </c>
      <c r="D2868">
        <v>61</v>
      </c>
      <c r="E2868" t="s">
        <v>4193</v>
      </c>
      <c r="F2868" t="s">
        <v>4189</v>
      </c>
      <c r="G2868" t="s">
        <v>656</v>
      </c>
      <c r="H2868">
        <v>2</v>
      </c>
      <c r="I2868">
        <v>2020</v>
      </c>
    </row>
    <row r="2869" spans="1:9" x14ac:dyDescent="0.25">
      <c r="A2869">
        <v>3312</v>
      </c>
      <c r="B2869" t="s">
        <v>1551</v>
      </c>
      <c r="C2869" t="s">
        <v>980</v>
      </c>
      <c r="D2869">
        <v>67</v>
      </c>
      <c r="E2869" t="s">
        <v>980</v>
      </c>
      <c r="F2869" t="s">
        <v>4189</v>
      </c>
      <c r="G2869" t="s">
        <v>656</v>
      </c>
      <c r="H2869">
        <v>2</v>
      </c>
      <c r="I2869">
        <v>2020</v>
      </c>
    </row>
    <row r="2870" spans="1:9" x14ac:dyDescent="0.25">
      <c r="A2870">
        <v>3315</v>
      </c>
      <c r="B2870" t="s">
        <v>4801</v>
      </c>
      <c r="C2870" t="s">
        <v>1055</v>
      </c>
      <c r="D2870">
        <v>69</v>
      </c>
      <c r="E2870" t="s">
        <v>4194</v>
      </c>
      <c r="F2870" t="s">
        <v>4189</v>
      </c>
      <c r="G2870" t="s">
        <v>656</v>
      </c>
      <c r="H2870">
        <v>2</v>
      </c>
      <c r="I2870">
        <v>2020</v>
      </c>
    </row>
    <row r="2871" spans="1:9" x14ac:dyDescent="0.25">
      <c r="A2871">
        <v>3327</v>
      </c>
      <c r="B2871" t="s">
        <v>1558</v>
      </c>
      <c r="C2871" t="s">
        <v>864</v>
      </c>
      <c r="D2871">
        <v>14</v>
      </c>
      <c r="E2871" t="s">
        <v>864</v>
      </c>
      <c r="F2871" t="s">
        <v>4171</v>
      </c>
      <c r="G2871" t="s">
        <v>656</v>
      </c>
      <c r="H2871">
        <v>2</v>
      </c>
      <c r="I2871">
        <v>2020</v>
      </c>
    </row>
    <row r="2872" spans="1:9" x14ac:dyDescent="0.25">
      <c r="A2872">
        <v>3330</v>
      </c>
      <c r="B2872" t="s">
        <v>1560</v>
      </c>
      <c r="C2872" t="s">
        <v>1559</v>
      </c>
      <c r="D2872">
        <v>96</v>
      </c>
      <c r="E2872" t="s">
        <v>4179</v>
      </c>
      <c r="F2872" t="s">
        <v>4177</v>
      </c>
      <c r="G2872" t="s">
        <v>656</v>
      </c>
      <c r="H2872">
        <v>2</v>
      </c>
      <c r="I2872">
        <v>2020</v>
      </c>
    </row>
    <row r="2873" spans="1:9" x14ac:dyDescent="0.25">
      <c r="A2873">
        <v>3333</v>
      </c>
      <c r="B2873" t="s">
        <v>1561</v>
      </c>
      <c r="C2873" t="s">
        <v>880</v>
      </c>
      <c r="D2873">
        <v>58</v>
      </c>
      <c r="E2873" t="s">
        <v>4188</v>
      </c>
      <c r="F2873" t="s">
        <v>4189</v>
      </c>
      <c r="G2873" t="s">
        <v>656</v>
      </c>
      <c r="H2873">
        <v>2</v>
      </c>
      <c r="I2873">
        <v>2020</v>
      </c>
    </row>
    <row r="2874" spans="1:9" x14ac:dyDescent="0.25">
      <c r="A2874">
        <v>3339</v>
      </c>
      <c r="B2874" t="s">
        <v>1565</v>
      </c>
      <c r="C2874" t="s">
        <v>682</v>
      </c>
      <c r="D2874">
        <v>20</v>
      </c>
      <c r="E2874" t="s">
        <v>682</v>
      </c>
      <c r="F2874" t="s">
        <v>4177</v>
      </c>
      <c r="G2874" t="s">
        <v>656</v>
      </c>
      <c r="H2874">
        <v>2</v>
      </c>
      <c r="I2874">
        <v>2020</v>
      </c>
    </row>
    <row r="2875" spans="1:9" x14ac:dyDescent="0.25">
      <c r="A2875">
        <v>3342</v>
      </c>
      <c r="B2875" t="s">
        <v>1566</v>
      </c>
      <c r="C2875" t="s">
        <v>65</v>
      </c>
      <c r="D2875">
        <v>15</v>
      </c>
      <c r="E2875" t="s">
        <v>4176</v>
      </c>
      <c r="F2875" t="s">
        <v>4177</v>
      </c>
      <c r="G2875" t="s">
        <v>656</v>
      </c>
      <c r="H2875">
        <v>2</v>
      </c>
      <c r="I2875">
        <v>2020</v>
      </c>
    </row>
    <row r="2876" spans="1:9" x14ac:dyDescent="0.25">
      <c r="A2876">
        <v>3345</v>
      </c>
      <c r="B2876" t="s">
        <v>1567</v>
      </c>
      <c r="C2876" t="s">
        <v>693</v>
      </c>
      <c r="D2876">
        <v>56</v>
      </c>
      <c r="E2876" t="s">
        <v>4193</v>
      </c>
      <c r="F2876" t="s">
        <v>4189</v>
      </c>
      <c r="G2876" t="s">
        <v>656</v>
      </c>
      <c r="H2876">
        <v>2</v>
      </c>
      <c r="I2876">
        <v>2020</v>
      </c>
    </row>
    <row r="2877" spans="1:9" x14ac:dyDescent="0.25">
      <c r="A2877">
        <v>3348</v>
      </c>
      <c r="B2877" t="s">
        <v>1570</v>
      </c>
      <c r="C2877" t="s">
        <v>673</v>
      </c>
      <c r="D2877">
        <v>34</v>
      </c>
      <c r="E2877" t="s">
        <v>4175</v>
      </c>
      <c r="F2877" t="s">
        <v>4171</v>
      </c>
      <c r="G2877" t="s">
        <v>656</v>
      </c>
      <c r="H2877">
        <v>2</v>
      </c>
      <c r="I2877">
        <v>2020</v>
      </c>
    </row>
    <row r="2878" spans="1:9" x14ac:dyDescent="0.25">
      <c r="A2878">
        <v>3351</v>
      </c>
      <c r="B2878" t="s">
        <v>1571</v>
      </c>
      <c r="C2878" t="s">
        <v>299</v>
      </c>
      <c r="D2878">
        <v>27</v>
      </c>
      <c r="E2878" t="s">
        <v>4179</v>
      </c>
      <c r="F2878" t="s">
        <v>4177</v>
      </c>
      <c r="G2878" t="s">
        <v>656</v>
      </c>
      <c r="H2878">
        <v>2</v>
      </c>
      <c r="I2878">
        <v>2020</v>
      </c>
    </row>
    <row r="2879" spans="1:9" x14ac:dyDescent="0.25">
      <c r="A2879">
        <v>3357</v>
      </c>
      <c r="B2879" t="s">
        <v>1524</v>
      </c>
      <c r="C2879" t="s">
        <v>65</v>
      </c>
      <c r="D2879">
        <v>15</v>
      </c>
      <c r="E2879" t="s">
        <v>4176</v>
      </c>
      <c r="F2879" t="s">
        <v>4177</v>
      </c>
      <c r="G2879" t="s">
        <v>656</v>
      </c>
      <c r="H2879">
        <v>2</v>
      </c>
      <c r="I2879">
        <v>2020</v>
      </c>
    </row>
    <row r="2880" spans="1:9" x14ac:dyDescent="0.25">
      <c r="A2880">
        <v>3360</v>
      </c>
      <c r="B2880" t="s">
        <v>1573</v>
      </c>
      <c r="C2880" t="s">
        <v>65</v>
      </c>
      <c r="D2880">
        <v>15</v>
      </c>
      <c r="E2880" t="s">
        <v>4176</v>
      </c>
      <c r="F2880" t="s">
        <v>4177</v>
      </c>
      <c r="G2880" t="s">
        <v>656</v>
      </c>
      <c r="H2880">
        <v>2</v>
      </c>
      <c r="I2880">
        <v>2020</v>
      </c>
    </row>
    <row r="2881" spans="1:9" x14ac:dyDescent="0.25">
      <c r="A2881">
        <v>3369</v>
      </c>
      <c r="B2881" t="s">
        <v>1523</v>
      </c>
      <c r="C2881" t="s">
        <v>65</v>
      </c>
      <c r="D2881">
        <v>15</v>
      </c>
      <c r="E2881" t="s">
        <v>4176</v>
      </c>
      <c r="F2881" t="s">
        <v>4177</v>
      </c>
      <c r="G2881" t="s">
        <v>656</v>
      </c>
      <c r="H2881">
        <v>2</v>
      </c>
      <c r="I2881">
        <v>2020</v>
      </c>
    </row>
    <row r="2882" spans="1:9" x14ac:dyDescent="0.25">
      <c r="A2882">
        <v>3372</v>
      </c>
      <c r="B2882" t="s">
        <v>879</v>
      </c>
      <c r="C2882" t="s">
        <v>878</v>
      </c>
      <c r="D2882">
        <v>91</v>
      </c>
      <c r="E2882" t="s">
        <v>878</v>
      </c>
      <c r="F2882" t="s">
        <v>4168</v>
      </c>
      <c r="G2882" t="s">
        <v>656</v>
      </c>
      <c r="H2882">
        <v>2</v>
      </c>
      <c r="I2882">
        <v>2020</v>
      </c>
    </row>
    <row r="2883" spans="1:9" x14ac:dyDescent="0.25">
      <c r="A2883">
        <v>3375</v>
      </c>
      <c r="B2883" t="s">
        <v>1577</v>
      </c>
      <c r="C2883" t="s">
        <v>839</v>
      </c>
      <c r="D2883">
        <v>89</v>
      </c>
      <c r="E2883" t="s">
        <v>839</v>
      </c>
      <c r="F2883" t="s">
        <v>4168</v>
      </c>
      <c r="G2883" t="s">
        <v>656</v>
      </c>
      <c r="H2883">
        <v>2</v>
      </c>
      <c r="I2883">
        <v>2020</v>
      </c>
    </row>
    <row r="2884" spans="1:9" x14ac:dyDescent="0.25">
      <c r="A2884">
        <v>3378</v>
      </c>
      <c r="B2884" t="s">
        <v>1522</v>
      </c>
      <c r="C2884" t="s">
        <v>65</v>
      </c>
      <c r="D2884">
        <v>15</v>
      </c>
      <c r="E2884" t="s">
        <v>4176</v>
      </c>
      <c r="F2884" t="s">
        <v>4177</v>
      </c>
      <c r="G2884" t="s">
        <v>656</v>
      </c>
      <c r="H2884">
        <v>2</v>
      </c>
      <c r="I2884">
        <v>2020</v>
      </c>
    </row>
    <row r="2885" spans="1:9" x14ac:dyDescent="0.25">
      <c r="A2885">
        <v>3381</v>
      </c>
      <c r="B2885" t="s">
        <v>884</v>
      </c>
      <c r="C2885" t="s">
        <v>299</v>
      </c>
      <c r="D2885">
        <v>27</v>
      </c>
      <c r="E2885" t="s">
        <v>4179</v>
      </c>
      <c r="F2885" t="s">
        <v>4177</v>
      </c>
      <c r="G2885" t="s">
        <v>656</v>
      </c>
      <c r="H2885">
        <v>2</v>
      </c>
      <c r="I2885">
        <v>2020</v>
      </c>
    </row>
    <row r="2886" spans="1:9" x14ac:dyDescent="0.25">
      <c r="A2886">
        <v>3384</v>
      </c>
      <c r="B2886" t="s">
        <v>1578</v>
      </c>
      <c r="C2886" t="s">
        <v>1236</v>
      </c>
      <c r="D2886">
        <v>60</v>
      </c>
      <c r="E2886" t="s">
        <v>4193</v>
      </c>
      <c r="F2886" t="s">
        <v>4189</v>
      </c>
      <c r="G2886" t="s">
        <v>656</v>
      </c>
      <c r="H2886">
        <v>2</v>
      </c>
      <c r="I2886">
        <v>2020</v>
      </c>
    </row>
    <row r="2887" spans="1:9" x14ac:dyDescent="0.25">
      <c r="A2887">
        <v>3387</v>
      </c>
      <c r="B2887" t="s">
        <v>1521</v>
      </c>
      <c r="C2887" t="s">
        <v>65</v>
      </c>
      <c r="D2887">
        <v>15</v>
      </c>
      <c r="E2887" t="s">
        <v>4176</v>
      </c>
      <c r="F2887" t="s">
        <v>4177</v>
      </c>
      <c r="G2887" t="s">
        <v>656</v>
      </c>
      <c r="H2887">
        <v>2</v>
      </c>
      <c r="I2887">
        <v>2020</v>
      </c>
    </row>
    <row r="2888" spans="1:9" x14ac:dyDescent="0.25">
      <c r="A2888">
        <v>3390</v>
      </c>
      <c r="B2888" t="s">
        <v>1520</v>
      </c>
      <c r="C2888" t="s">
        <v>894</v>
      </c>
      <c r="D2888">
        <v>18</v>
      </c>
      <c r="E2888" t="s">
        <v>894</v>
      </c>
      <c r="F2888" t="s">
        <v>4177</v>
      </c>
      <c r="G2888" t="s">
        <v>656</v>
      </c>
      <c r="H2888">
        <v>2</v>
      </c>
      <c r="I2888">
        <v>2020</v>
      </c>
    </row>
    <row r="2889" spans="1:9" x14ac:dyDescent="0.25">
      <c r="A2889">
        <v>3393</v>
      </c>
      <c r="B2889" t="s">
        <v>1519</v>
      </c>
      <c r="C2889" t="s">
        <v>955</v>
      </c>
      <c r="D2889">
        <v>29</v>
      </c>
      <c r="E2889" t="s">
        <v>4179</v>
      </c>
      <c r="F2889" t="s">
        <v>4177</v>
      </c>
      <c r="G2889" t="s">
        <v>656</v>
      </c>
      <c r="H2889">
        <v>2</v>
      </c>
      <c r="I2889">
        <v>2020</v>
      </c>
    </row>
    <row r="2890" spans="1:9" x14ac:dyDescent="0.25">
      <c r="A2890">
        <v>3396</v>
      </c>
      <c r="B2890" t="s">
        <v>1581</v>
      </c>
      <c r="C2890" t="s">
        <v>917</v>
      </c>
      <c r="D2890">
        <v>83</v>
      </c>
      <c r="E2890" t="s">
        <v>4188</v>
      </c>
      <c r="F2890" t="s">
        <v>4189</v>
      </c>
      <c r="G2890" t="s">
        <v>656</v>
      </c>
      <c r="H2890">
        <v>2</v>
      </c>
      <c r="I2890">
        <v>2020</v>
      </c>
    </row>
    <row r="2891" spans="1:9" x14ac:dyDescent="0.25">
      <c r="A2891">
        <v>3399</v>
      </c>
      <c r="B2891" t="s">
        <v>1582</v>
      </c>
      <c r="C2891" t="s">
        <v>767</v>
      </c>
      <c r="D2891">
        <v>44</v>
      </c>
      <c r="E2891" t="s">
        <v>4191</v>
      </c>
      <c r="F2891" t="s">
        <v>4189</v>
      </c>
      <c r="G2891" t="s">
        <v>656</v>
      </c>
      <c r="H2891">
        <v>2</v>
      </c>
      <c r="I2891">
        <v>2020</v>
      </c>
    </row>
    <row r="2892" spans="1:9" x14ac:dyDescent="0.25">
      <c r="A2892">
        <v>3402</v>
      </c>
      <c r="B2892" t="s">
        <v>1584</v>
      </c>
      <c r="C2892" t="s">
        <v>848</v>
      </c>
      <c r="D2892">
        <v>62</v>
      </c>
      <c r="E2892" t="s">
        <v>4193</v>
      </c>
      <c r="F2892" t="s">
        <v>4189</v>
      </c>
      <c r="G2892" t="s">
        <v>656</v>
      </c>
      <c r="H2892">
        <v>2</v>
      </c>
      <c r="I2892">
        <v>2020</v>
      </c>
    </row>
    <row r="2893" spans="1:9" x14ac:dyDescent="0.25">
      <c r="A2893">
        <v>3408</v>
      </c>
      <c r="B2893" t="s">
        <v>1585</v>
      </c>
      <c r="C2893" t="s">
        <v>710</v>
      </c>
      <c r="D2893">
        <v>53</v>
      </c>
      <c r="E2893" t="s">
        <v>4198</v>
      </c>
      <c r="F2893" t="s">
        <v>4189</v>
      </c>
      <c r="G2893" t="s">
        <v>656</v>
      </c>
      <c r="H2893">
        <v>2</v>
      </c>
      <c r="I2893">
        <v>2020</v>
      </c>
    </row>
    <row r="2894" spans="1:9" x14ac:dyDescent="0.25">
      <c r="A2894">
        <v>3414</v>
      </c>
      <c r="B2894" t="s">
        <v>1516</v>
      </c>
      <c r="C2894" t="s">
        <v>736</v>
      </c>
      <c r="D2894">
        <v>8</v>
      </c>
      <c r="E2894" t="s">
        <v>4169</v>
      </c>
      <c r="F2894" t="s">
        <v>4164</v>
      </c>
      <c r="G2894" t="s">
        <v>656</v>
      </c>
      <c r="H2894">
        <v>2</v>
      </c>
      <c r="I2894">
        <v>2020</v>
      </c>
    </row>
    <row r="2895" spans="1:9" x14ac:dyDescent="0.25">
      <c r="A2895">
        <v>3420</v>
      </c>
      <c r="B2895" t="s">
        <v>1588</v>
      </c>
      <c r="C2895" t="s">
        <v>703</v>
      </c>
      <c r="D2895">
        <v>16</v>
      </c>
      <c r="E2895" t="s">
        <v>703</v>
      </c>
      <c r="F2895" t="s">
        <v>4177</v>
      </c>
      <c r="G2895" t="s">
        <v>656</v>
      </c>
      <c r="H2895">
        <v>2</v>
      </c>
      <c r="I2895">
        <v>2020</v>
      </c>
    </row>
    <row r="2896" spans="1:9" x14ac:dyDescent="0.25">
      <c r="A2896">
        <v>3426</v>
      </c>
      <c r="B2896" t="s">
        <v>1590</v>
      </c>
      <c r="C2896" t="s">
        <v>703</v>
      </c>
      <c r="D2896">
        <v>16</v>
      </c>
      <c r="E2896" t="s">
        <v>703</v>
      </c>
      <c r="F2896" t="s">
        <v>4177</v>
      </c>
      <c r="G2896" t="s">
        <v>656</v>
      </c>
      <c r="H2896">
        <v>2</v>
      </c>
      <c r="I2896">
        <v>2020</v>
      </c>
    </row>
    <row r="2897" spans="1:9" x14ac:dyDescent="0.25">
      <c r="A2897">
        <v>3429</v>
      </c>
      <c r="B2897" t="s">
        <v>1591</v>
      </c>
      <c r="C2897" t="s">
        <v>955</v>
      </c>
      <c r="D2897">
        <v>29</v>
      </c>
      <c r="E2897" t="s">
        <v>4179</v>
      </c>
      <c r="F2897" t="s">
        <v>4177</v>
      </c>
      <c r="G2897" t="s">
        <v>656</v>
      </c>
      <c r="H2897">
        <v>2</v>
      </c>
      <c r="I2897">
        <v>2020</v>
      </c>
    </row>
    <row r="2898" spans="1:9" x14ac:dyDescent="0.25">
      <c r="A2898">
        <v>3432</v>
      </c>
      <c r="B2898" t="s">
        <v>4802</v>
      </c>
      <c r="C2898" t="s">
        <v>299</v>
      </c>
      <c r="D2898">
        <v>27</v>
      </c>
      <c r="E2898" t="s">
        <v>4179</v>
      </c>
      <c r="F2898" t="s">
        <v>4177</v>
      </c>
      <c r="G2898" t="s">
        <v>656</v>
      </c>
      <c r="H2898">
        <v>2</v>
      </c>
      <c r="I2898">
        <v>2020</v>
      </c>
    </row>
    <row r="2899" spans="1:9" x14ac:dyDescent="0.25">
      <c r="A2899">
        <v>3435</v>
      </c>
      <c r="B2899" t="s">
        <v>1593</v>
      </c>
      <c r="C2899" t="s">
        <v>294</v>
      </c>
      <c r="D2899">
        <v>31</v>
      </c>
      <c r="E2899" t="s">
        <v>4179</v>
      </c>
      <c r="F2899" t="s">
        <v>4177</v>
      </c>
      <c r="G2899" t="s">
        <v>656</v>
      </c>
      <c r="H2899">
        <v>2</v>
      </c>
      <c r="I2899">
        <v>2020</v>
      </c>
    </row>
    <row r="2900" spans="1:9" x14ac:dyDescent="0.25">
      <c r="A2900">
        <v>3441</v>
      </c>
      <c r="B2900" t="s">
        <v>1595</v>
      </c>
      <c r="C2900" t="s">
        <v>691</v>
      </c>
      <c r="D2900">
        <v>21</v>
      </c>
      <c r="E2900" t="s">
        <v>691</v>
      </c>
      <c r="F2900" t="s">
        <v>4177</v>
      </c>
      <c r="G2900" t="s">
        <v>656</v>
      </c>
      <c r="H2900">
        <v>2</v>
      </c>
      <c r="I2900">
        <v>2020</v>
      </c>
    </row>
    <row r="2901" spans="1:9" x14ac:dyDescent="0.25">
      <c r="A2901">
        <v>3447</v>
      </c>
      <c r="B2901" t="s">
        <v>1597</v>
      </c>
      <c r="C2901" t="s">
        <v>802</v>
      </c>
      <c r="D2901">
        <v>12</v>
      </c>
      <c r="E2901" t="s">
        <v>802</v>
      </c>
      <c r="F2901" t="s">
        <v>4171</v>
      </c>
      <c r="G2901" t="s">
        <v>656</v>
      </c>
      <c r="H2901">
        <v>2</v>
      </c>
      <c r="I2901">
        <v>2020</v>
      </c>
    </row>
    <row r="2902" spans="1:9" x14ac:dyDescent="0.25">
      <c r="A2902">
        <v>3450</v>
      </c>
      <c r="B2902" t="s">
        <v>1598</v>
      </c>
      <c r="C2902" t="s">
        <v>684</v>
      </c>
      <c r="D2902">
        <v>22</v>
      </c>
      <c r="E2902" t="s">
        <v>4178</v>
      </c>
      <c r="F2902" t="s">
        <v>4177</v>
      </c>
      <c r="G2902" t="s">
        <v>656</v>
      </c>
      <c r="H2902">
        <v>2</v>
      </c>
      <c r="I2902">
        <v>2020</v>
      </c>
    </row>
    <row r="2903" spans="1:9" x14ac:dyDescent="0.25">
      <c r="A2903">
        <v>3456</v>
      </c>
      <c r="B2903" t="s">
        <v>849</v>
      </c>
      <c r="C2903" t="s">
        <v>792</v>
      </c>
      <c r="D2903">
        <v>6</v>
      </c>
      <c r="E2903" t="s">
        <v>4169</v>
      </c>
      <c r="F2903" t="s">
        <v>4164</v>
      </c>
      <c r="G2903" t="s">
        <v>656</v>
      </c>
      <c r="H2903">
        <v>2</v>
      </c>
      <c r="I2903">
        <v>2020</v>
      </c>
    </row>
    <row r="2904" spans="1:9" x14ac:dyDescent="0.25">
      <c r="A2904">
        <v>3459</v>
      </c>
      <c r="B2904" t="s">
        <v>1599</v>
      </c>
      <c r="C2904" t="s">
        <v>792</v>
      </c>
      <c r="D2904">
        <v>6</v>
      </c>
      <c r="E2904" t="s">
        <v>4169</v>
      </c>
      <c r="F2904" t="s">
        <v>4164</v>
      </c>
      <c r="G2904" t="s">
        <v>656</v>
      </c>
      <c r="H2904">
        <v>2</v>
      </c>
      <c r="I2904">
        <v>2020</v>
      </c>
    </row>
    <row r="2905" spans="1:9" x14ac:dyDescent="0.25">
      <c r="A2905">
        <v>3462</v>
      </c>
      <c r="B2905" t="s">
        <v>1600</v>
      </c>
      <c r="C2905" t="s">
        <v>792</v>
      </c>
      <c r="D2905">
        <v>6</v>
      </c>
      <c r="E2905" t="s">
        <v>4169</v>
      </c>
      <c r="F2905" t="s">
        <v>4164</v>
      </c>
      <c r="G2905" t="s">
        <v>656</v>
      </c>
      <c r="H2905">
        <v>2</v>
      </c>
      <c r="I2905">
        <v>2020</v>
      </c>
    </row>
    <row r="2906" spans="1:9" x14ac:dyDescent="0.25">
      <c r="A2906">
        <v>3471</v>
      </c>
      <c r="B2906" t="s">
        <v>1564</v>
      </c>
      <c r="C2906" t="s">
        <v>684</v>
      </c>
      <c r="D2906">
        <v>22</v>
      </c>
      <c r="E2906" t="s">
        <v>4178</v>
      </c>
      <c r="F2906" t="s">
        <v>4177</v>
      </c>
      <c r="G2906" t="s">
        <v>669</v>
      </c>
      <c r="H2906">
        <v>1</v>
      </c>
      <c r="I2906">
        <v>2020</v>
      </c>
    </row>
    <row r="2907" spans="1:9" x14ac:dyDescent="0.25">
      <c r="A2907">
        <v>3474</v>
      </c>
      <c r="B2907" t="s">
        <v>1615</v>
      </c>
      <c r="C2907" t="s">
        <v>1614</v>
      </c>
      <c r="D2907">
        <v>71</v>
      </c>
      <c r="E2907" t="s">
        <v>1614</v>
      </c>
      <c r="F2907" t="s">
        <v>4177</v>
      </c>
      <c r="G2907" t="s">
        <v>669</v>
      </c>
      <c r="H2907">
        <v>1</v>
      </c>
      <c r="I2907">
        <v>2020</v>
      </c>
    </row>
    <row r="2908" spans="1:9" x14ac:dyDescent="0.25">
      <c r="A2908">
        <v>3477</v>
      </c>
      <c r="B2908" t="s">
        <v>1616</v>
      </c>
      <c r="C2908" t="s">
        <v>1614</v>
      </c>
      <c r="D2908">
        <v>71</v>
      </c>
      <c r="E2908" t="s">
        <v>1614</v>
      </c>
      <c r="F2908" t="s">
        <v>4177</v>
      </c>
      <c r="G2908" t="s">
        <v>669</v>
      </c>
      <c r="H2908">
        <v>1</v>
      </c>
      <c r="I2908">
        <v>2020</v>
      </c>
    </row>
    <row r="2909" spans="1:9" x14ac:dyDescent="0.25">
      <c r="A2909">
        <v>3480</v>
      </c>
      <c r="B2909" t="s">
        <v>698</v>
      </c>
      <c r="C2909" t="s">
        <v>691</v>
      </c>
      <c r="D2909">
        <v>21</v>
      </c>
      <c r="E2909" t="s">
        <v>691</v>
      </c>
      <c r="F2909" t="s">
        <v>4177</v>
      </c>
      <c r="G2909" t="s">
        <v>669</v>
      </c>
      <c r="H2909">
        <v>1</v>
      </c>
      <c r="I2909">
        <v>2020</v>
      </c>
    </row>
    <row r="2910" spans="1:9" x14ac:dyDescent="0.25">
      <c r="A2910">
        <v>3483</v>
      </c>
      <c r="B2910" t="s">
        <v>1617</v>
      </c>
      <c r="C2910" t="s">
        <v>710</v>
      </c>
      <c r="D2910">
        <v>53</v>
      </c>
      <c r="E2910" t="s">
        <v>4198</v>
      </c>
      <c r="F2910" t="s">
        <v>4189</v>
      </c>
      <c r="G2910" t="s">
        <v>669</v>
      </c>
      <c r="H2910">
        <v>1</v>
      </c>
      <c r="I2910">
        <v>2020</v>
      </c>
    </row>
    <row r="2911" spans="1:9" x14ac:dyDescent="0.25">
      <c r="A2911">
        <v>3486</v>
      </c>
      <c r="B2911" t="s">
        <v>921</v>
      </c>
      <c r="C2911" t="s">
        <v>897</v>
      </c>
      <c r="D2911">
        <v>3</v>
      </c>
      <c r="E2911" t="s">
        <v>4165</v>
      </c>
      <c r="F2911" t="s">
        <v>4164</v>
      </c>
      <c r="G2911" t="s">
        <v>669</v>
      </c>
      <c r="H2911">
        <v>1</v>
      </c>
      <c r="I2911">
        <v>2020</v>
      </c>
    </row>
    <row r="2912" spans="1:9" x14ac:dyDescent="0.25">
      <c r="A2912">
        <v>3489</v>
      </c>
      <c r="B2912" t="s">
        <v>1529</v>
      </c>
      <c r="C2912" t="s">
        <v>1528</v>
      </c>
      <c r="D2912">
        <v>51</v>
      </c>
      <c r="E2912" t="s">
        <v>4193</v>
      </c>
      <c r="F2912" t="s">
        <v>4189</v>
      </c>
      <c r="G2912" t="s">
        <v>669</v>
      </c>
      <c r="H2912">
        <v>1</v>
      </c>
      <c r="I2912">
        <v>2020</v>
      </c>
    </row>
    <row r="2913" spans="1:9" x14ac:dyDescent="0.25">
      <c r="A2913">
        <v>3492</v>
      </c>
      <c r="B2913" t="s">
        <v>1515</v>
      </c>
      <c r="C2913" t="s">
        <v>1514</v>
      </c>
      <c r="D2913">
        <v>47</v>
      </c>
      <c r="E2913" t="s">
        <v>980</v>
      </c>
      <c r="F2913" t="s">
        <v>4189</v>
      </c>
      <c r="G2913" t="s">
        <v>669</v>
      </c>
      <c r="H2913">
        <v>1</v>
      </c>
      <c r="I2913">
        <v>2020</v>
      </c>
    </row>
    <row r="2914" spans="1:9" x14ac:dyDescent="0.25">
      <c r="A2914">
        <v>3498</v>
      </c>
      <c r="B2914" t="s">
        <v>1527</v>
      </c>
      <c r="C2914" t="s">
        <v>1080</v>
      </c>
      <c r="D2914">
        <v>49</v>
      </c>
      <c r="E2914" t="s">
        <v>1080</v>
      </c>
      <c r="F2914" t="s">
        <v>4189</v>
      </c>
      <c r="G2914" t="s">
        <v>669</v>
      </c>
      <c r="H2914">
        <v>1</v>
      </c>
      <c r="I2914">
        <v>2020</v>
      </c>
    </row>
    <row r="2915" spans="1:9" x14ac:dyDescent="0.25">
      <c r="A2915">
        <v>3196</v>
      </c>
      <c r="B2915" t="s">
        <v>1697</v>
      </c>
      <c r="C2915" t="s">
        <v>676</v>
      </c>
      <c r="D2915">
        <v>4</v>
      </c>
      <c r="E2915" t="s">
        <v>676</v>
      </c>
      <c r="F2915" t="s">
        <v>4164</v>
      </c>
      <c r="G2915" t="s">
        <v>669</v>
      </c>
      <c r="H2915">
        <v>1</v>
      </c>
      <c r="I2915">
        <v>2020</v>
      </c>
    </row>
    <row r="2916" spans="1:9" x14ac:dyDescent="0.25">
      <c r="A2916">
        <v>3091</v>
      </c>
      <c r="B2916" t="s">
        <v>4448</v>
      </c>
      <c r="C2916" t="s">
        <v>676</v>
      </c>
      <c r="D2916">
        <v>4</v>
      </c>
      <c r="E2916" t="s">
        <v>676</v>
      </c>
      <c r="F2916" t="s">
        <v>4164</v>
      </c>
      <c r="G2916" t="s">
        <v>656</v>
      </c>
      <c r="H2916">
        <v>2</v>
      </c>
      <c r="I2916">
        <v>2020</v>
      </c>
    </row>
    <row r="2917" spans="1:9" x14ac:dyDescent="0.25">
      <c r="A2917">
        <v>3072</v>
      </c>
      <c r="B2917" t="s">
        <v>1949</v>
      </c>
      <c r="C2917" t="s">
        <v>676</v>
      </c>
      <c r="D2917">
        <v>4</v>
      </c>
      <c r="E2917" t="s">
        <v>676</v>
      </c>
      <c r="F2917" t="s">
        <v>4164</v>
      </c>
      <c r="G2917" t="s">
        <v>656</v>
      </c>
      <c r="H2917">
        <v>2</v>
      </c>
      <c r="I2917">
        <v>2020</v>
      </c>
    </row>
    <row r="2918" spans="1:9" x14ac:dyDescent="0.25">
      <c r="A2918">
        <v>3071</v>
      </c>
      <c r="B2918" t="s">
        <v>1950</v>
      </c>
      <c r="C2918" t="s">
        <v>676</v>
      </c>
      <c r="D2918">
        <v>4</v>
      </c>
      <c r="E2918" t="s">
        <v>676</v>
      </c>
      <c r="F2918" t="s">
        <v>4164</v>
      </c>
      <c r="G2918" t="s">
        <v>656</v>
      </c>
      <c r="H2918">
        <v>2</v>
      </c>
      <c r="I2918">
        <v>2020</v>
      </c>
    </row>
    <row r="2919" spans="1:9" x14ac:dyDescent="0.25">
      <c r="A2919">
        <v>3014</v>
      </c>
      <c r="B2919" t="s">
        <v>1998</v>
      </c>
      <c r="C2919" t="s">
        <v>676</v>
      </c>
      <c r="D2919">
        <v>4</v>
      </c>
      <c r="E2919" t="s">
        <v>676</v>
      </c>
      <c r="F2919" t="s">
        <v>4164</v>
      </c>
      <c r="G2919" t="s">
        <v>656</v>
      </c>
      <c r="H2919">
        <v>2</v>
      </c>
      <c r="I2919">
        <v>2020</v>
      </c>
    </row>
    <row r="2920" spans="1:9" x14ac:dyDescent="0.25">
      <c r="A2920">
        <v>2984</v>
      </c>
      <c r="B2920" t="s">
        <v>2023</v>
      </c>
      <c r="C2920" t="s">
        <v>676</v>
      </c>
      <c r="D2920">
        <v>4</v>
      </c>
      <c r="E2920" t="s">
        <v>676</v>
      </c>
      <c r="F2920" t="s">
        <v>4164</v>
      </c>
      <c r="G2920" t="s">
        <v>656</v>
      </c>
      <c r="H2920">
        <v>2</v>
      </c>
      <c r="I2920">
        <v>2020</v>
      </c>
    </row>
    <row r="2921" spans="1:9" x14ac:dyDescent="0.25">
      <c r="A2921">
        <v>2925</v>
      </c>
      <c r="B2921" t="s">
        <v>1621</v>
      </c>
      <c r="C2921" t="s">
        <v>676</v>
      </c>
      <c r="D2921">
        <v>4</v>
      </c>
      <c r="E2921" t="s">
        <v>676</v>
      </c>
      <c r="F2921" t="s">
        <v>4164</v>
      </c>
      <c r="G2921" t="s">
        <v>656</v>
      </c>
      <c r="H2921">
        <v>2</v>
      </c>
      <c r="I2921">
        <v>2020</v>
      </c>
    </row>
    <row r="2922" spans="1:9" x14ac:dyDescent="0.25">
      <c r="A2922">
        <v>2871</v>
      </c>
      <c r="B2922" t="s">
        <v>4803</v>
      </c>
      <c r="C2922" t="s">
        <v>676</v>
      </c>
      <c r="D2922">
        <v>4</v>
      </c>
      <c r="E2922" t="s">
        <v>676</v>
      </c>
      <c r="F2922" t="s">
        <v>4164</v>
      </c>
      <c r="G2922" t="s">
        <v>656</v>
      </c>
      <c r="H2922">
        <v>2</v>
      </c>
      <c r="I2922">
        <v>2020</v>
      </c>
    </row>
    <row r="2923" spans="1:9" x14ac:dyDescent="0.25">
      <c r="A2923">
        <v>2870</v>
      </c>
      <c r="B2923" t="s">
        <v>2096</v>
      </c>
      <c r="C2923" t="s">
        <v>676</v>
      </c>
      <c r="D2923">
        <v>4</v>
      </c>
      <c r="E2923" t="s">
        <v>676</v>
      </c>
      <c r="F2923" t="s">
        <v>4164</v>
      </c>
      <c r="G2923" t="s">
        <v>656</v>
      </c>
      <c r="H2923">
        <v>2</v>
      </c>
      <c r="I2923">
        <v>2020</v>
      </c>
    </row>
    <row r="2924" spans="1:9" x14ac:dyDescent="0.25">
      <c r="A2924">
        <v>2734</v>
      </c>
      <c r="B2924" t="s">
        <v>2197</v>
      </c>
      <c r="C2924" t="s">
        <v>676</v>
      </c>
      <c r="D2924">
        <v>4</v>
      </c>
      <c r="E2924" t="s">
        <v>676</v>
      </c>
      <c r="F2924" t="s">
        <v>4164</v>
      </c>
      <c r="G2924" t="s">
        <v>656</v>
      </c>
      <c r="H2924">
        <v>2</v>
      </c>
      <c r="I2924">
        <v>2020</v>
      </c>
    </row>
    <row r="2925" spans="1:9" x14ac:dyDescent="0.25">
      <c r="A2925">
        <v>2733</v>
      </c>
      <c r="B2925" t="s">
        <v>2199</v>
      </c>
      <c r="C2925" t="s">
        <v>676</v>
      </c>
      <c r="D2925">
        <v>4</v>
      </c>
      <c r="E2925" t="s">
        <v>676</v>
      </c>
      <c r="F2925" t="s">
        <v>4164</v>
      </c>
      <c r="G2925" t="s">
        <v>656</v>
      </c>
      <c r="H2925">
        <v>2</v>
      </c>
      <c r="I2925">
        <v>2020</v>
      </c>
    </row>
    <row r="2926" spans="1:9" x14ac:dyDescent="0.25">
      <c r="A2926">
        <v>2732</v>
      </c>
      <c r="B2926" t="s">
        <v>2200</v>
      </c>
      <c r="C2926" t="s">
        <v>676</v>
      </c>
      <c r="D2926">
        <v>4</v>
      </c>
      <c r="E2926" t="s">
        <v>676</v>
      </c>
      <c r="F2926" t="s">
        <v>4164</v>
      </c>
      <c r="G2926" t="s">
        <v>656</v>
      </c>
      <c r="H2926">
        <v>2</v>
      </c>
      <c r="I2926">
        <v>2020</v>
      </c>
    </row>
    <row r="2927" spans="1:9" x14ac:dyDescent="0.25">
      <c r="A2927">
        <v>2543</v>
      </c>
      <c r="B2927" t="s">
        <v>2323</v>
      </c>
      <c r="C2927" t="s">
        <v>676</v>
      </c>
      <c r="D2927">
        <v>4</v>
      </c>
      <c r="E2927" t="s">
        <v>676</v>
      </c>
      <c r="F2927" t="s">
        <v>4164</v>
      </c>
      <c r="G2927" t="s">
        <v>656</v>
      </c>
      <c r="H2927">
        <v>2</v>
      </c>
      <c r="I2927">
        <v>2020</v>
      </c>
    </row>
    <row r="2928" spans="1:9" x14ac:dyDescent="0.25">
      <c r="A2928">
        <v>2516</v>
      </c>
      <c r="B2928" t="s">
        <v>2347</v>
      </c>
      <c r="C2928" t="s">
        <v>676</v>
      </c>
      <c r="D2928">
        <v>4</v>
      </c>
      <c r="E2928" t="s">
        <v>676</v>
      </c>
      <c r="F2928" t="s">
        <v>4164</v>
      </c>
      <c r="G2928" t="s">
        <v>656</v>
      </c>
      <c r="H2928">
        <v>2</v>
      </c>
      <c r="I2928">
        <v>2020</v>
      </c>
    </row>
    <row r="2929" spans="1:9" x14ac:dyDescent="0.25">
      <c r="A2929">
        <v>2378</v>
      </c>
      <c r="B2929" t="s">
        <v>2445</v>
      </c>
      <c r="C2929" t="s">
        <v>676</v>
      </c>
      <c r="D2929">
        <v>4</v>
      </c>
      <c r="E2929" t="s">
        <v>676</v>
      </c>
      <c r="F2929" t="s">
        <v>4164</v>
      </c>
      <c r="G2929" t="s">
        <v>656</v>
      </c>
      <c r="H2929">
        <v>2</v>
      </c>
      <c r="I2929">
        <v>2020</v>
      </c>
    </row>
    <row r="2930" spans="1:9" x14ac:dyDescent="0.25">
      <c r="A2930">
        <v>2377</v>
      </c>
      <c r="B2930" t="s">
        <v>2446</v>
      </c>
      <c r="C2930" t="s">
        <v>676</v>
      </c>
      <c r="D2930">
        <v>4</v>
      </c>
      <c r="E2930" t="s">
        <v>676</v>
      </c>
      <c r="F2930" t="s">
        <v>4164</v>
      </c>
      <c r="G2930" t="s">
        <v>656</v>
      </c>
      <c r="H2930">
        <v>2</v>
      </c>
      <c r="I2930">
        <v>2020</v>
      </c>
    </row>
    <row r="2931" spans="1:9" x14ac:dyDescent="0.25">
      <c r="A2931">
        <v>2309</v>
      </c>
      <c r="B2931" t="s">
        <v>2518</v>
      </c>
      <c r="C2931" t="s">
        <v>676</v>
      </c>
      <c r="D2931">
        <v>4</v>
      </c>
      <c r="E2931" t="s">
        <v>676</v>
      </c>
      <c r="F2931" t="s">
        <v>4164</v>
      </c>
      <c r="G2931" t="s">
        <v>656</v>
      </c>
      <c r="H2931">
        <v>2</v>
      </c>
      <c r="I2931">
        <v>2020</v>
      </c>
    </row>
    <row r="2932" spans="1:9" x14ac:dyDescent="0.25">
      <c r="A2932">
        <v>2280</v>
      </c>
      <c r="B2932" t="s">
        <v>1638</v>
      </c>
      <c r="C2932" t="s">
        <v>676</v>
      </c>
      <c r="D2932">
        <v>4</v>
      </c>
      <c r="E2932" t="s">
        <v>676</v>
      </c>
      <c r="F2932" t="s">
        <v>4164</v>
      </c>
      <c r="G2932" t="s">
        <v>656</v>
      </c>
      <c r="H2932">
        <v>2</v>
      </c>
      <c r="I2932">
        <v>2020</v>
      </c>
    </row>
    <row r="2933" spans="1:9" x14ac:dyDescent="0.25">
      <c r="A2933">
        <v>2279</v>
      </c>
      <c r="B2933" t="s">
        <v>1639</v>
      </c>
      <c r="C2933" t="s">
        <v>676</v>
      </c>
      <c r="D2933">
        <v>4</v>
      </c>
      <c r="E2933" t="s">
        <v>676</v>
      </c>
      <c r="F2933" t="s">
        <v>4164</v>
      </c>
      <c r="G2933" t="s">
        <v>656</v>
      </c>
      <c r="H2933">
        <v>2</v>
      </c>
      <c r="I2933">
        <v>2020</v>
      </c>
    </row>
    <row r="2934" spans="1:9" x14ac:dyDescent="0.25">
      <c r="A2934">
        <v>2278</v>
      </c>
      <c r="B2934" t="s">
        <v>4804</v>
      </c>
      <c r="C2934" t="s">
        <v>676</v>
      </c>
      <c r="D2934">
        <v>4</v>
      </c>
      <c r="E2934" t="s">
        <v>676</v>
      </c>
      <c r="F2934" t="s">
        <v>4164</v>
      </c>
      <c r="G2934" t="s">
        <v>656</v>
      </c>
      <c r="H2934">
        <v>2</v>
      </c>
      <c r="I2934">
        <v>2020</v>
      </c>
    </row>
    <row r="2935" spans="1:9" x14ac:dyDescent="0.25">
      <c r="A2935">
        <v>1759</v>
      </c>
      <c r="B2935" t="s">
        <v>2850</v>
      </c>
      <c r="C2935" t="s">
        <v>676</v>
      </c>
      <c r="D2935">
        <v>4</v>
      </c>
      <c r="E2935" t="s">
        <v>676</v>
      </c>
      <c r="F2935" t="s">
        <v>4164</v>
      </c>
      <c r="G2935" t="s">
        <v>656</v>
      </c>
      <c r="H2935">
        <v>2</v>
      </c>
      <c r="I2935">
        <v>2020</v>
      </c>
    </row>
    <row r="2936" spans="1:9" x14ac:dyDescent="0.25">
      <c r="A2936">
        <v>1709</v>
      </c>
      <c r="B2936" t="s">
        <v>2885</v>
      </c>
      <c r="C2936" t="s">
        <v>676</v>
      </c>
      <c r="D2936">
        <v>4</v>
      </c>
      <c r="E2936" t="s">
        <v>676</v>
      </c>
      <c r="F2936" t="s">
        <v>4164</v>
      </c>
      <c r="G2936" t="s">
        <v>656</v>
      </c>
      <c r="H2936">
        <v>2</v>
      </c>
      <c r="I2936">
        <v>2020</v>
      </c>
    </row>
    <row r="2937" spans="1:9" x14ac:dyDescent="0.25">
      <c r="A2937">
        <v>1708</v>
      </c>
      <c r="B2937" t="s">
        <v>2886</v>
      </c>
      <c r="C2937" t="s">
        <v>676</v>
      </c>
      <c r="D2937">
        <v>4</v>
      </c>
      <c r="E2937" t="s">
        <v>676</v>
      </c>
      <c r="F2937" t="s">
        <v>4164</v>
      </c>
      <c r="G2937" t="s">
        <v>656</v>
      </c>
      <c r="H2937">
        <v>2</v>
      </c>
      <c r="I2937">
        <v>2020</v>
      </c>
    </row>
    <row r="2938" spans="1:9" x14ac:dyDescent="0.25">
      <c r="A2938">
        <v>1436</v>
      </c>
      <c r="B2938" t="s">
        <v>3061</v>
      </c>
      <c r="C2938" t="s">
        <v>676</v>
      </c>
      <c r="D2938">
        <v>4</v>
      </c>
      <c r="E2938" t="s">
        <v>676</v>
      </c>
      <c r="F2938" t="s">
        <v>4164</v>
      </c>
      <c r="G2938" t="s">
        <v>656</v>
      </c>
      <c r="H2938">
        <v>2</v>
      </c>
      <c r="I2938">
        <v>2020</v>
      </c>
    </row>
    <row r="2939" spans="1:9" x14ac:dyDescent="0.25">
      <c r="A2939">
        <v>1435</v>
      </c>
      <c r="B2939" t="s">
        <v>3062</v>
      </c>
      <c r="C2939" t="s">
        <v>676</v>
      </c>
      <c r="D2939">
        <v>4</v>
      </c>
      <c r="E2939" t="s">
        <v>676</v>
      </c>
      <c r="F2939" t="s">
        <v>4164</v>
      </c>
      <c r="G2939" t="s">
        <v>656</v>
      </c>
      <c r="H2939">
        <v>2</v>
      </c>
      <c r="I2939">
        <v>2020</v>
      </c>
    </row>
    <row r="2940" spans="1:9" x14ac:dyDescent="0.25">
      <c r="A2940">
        <v>1434</v>
      </c>
      <c r="B2940" t="s">
        <v>3063</v>
      </c>
      <c r="C2940" t="s">
        <v>676</v>
      </c>
      <c r="D2940">
        <v>4</v>
      </c>
      <c r="E2940" t="s">
        <v>676</v>
      </c>
      <c r="F2940" t="s">
        <v>4164</v>
      </c>
      <c r="G2940" t="s">
        <v>656</v>
      </c>
      <c r="H2940">
        <v>2</v>
      </c>
      <c r="I2940">
        <v>2020</v>
      </c>
    </row>
    <row r="2941" spans="1:9" x14ac:dyDescent="0.25">
      <c r="A2941">
        <v>1433</v>
      </c>
      <c r="B2941" t="s">
        <v>3064</v>
      </c>
      <c r="C2941" t="s">
        <v>676</v>
      </c>
      <c r="D2941">
        <v>4</v>
      </c>
      <c r="E2941" t="s">
        <v>676</v>
      </c>
      <c r="F2941" t="s">
        <v>4164</v>
      </c>
      <c r="G2941" t="s">
        <v>656</v>
      </c>
      <c r="H2941">
        <v>2</v>
      </c>
      <c r="I2941">
        <v>2020</v>
      </c>
    </row>
    <row r="2942" spans="1:9" x14ac:dyDescent="0.25">
      <c r="A2942">
        <v>1432</v>
      </c>
      <c r="B2942" t="s">
        <v>4805</v>
      </c>
      <c r="C2942" t="s">
        <v>676</v>
      </c>
      <c r="D2942">
        <v>4</v>
      </c>
      <c r="E2942" t="s">
        <v>676</v>
      </c>
      <c r="F2942" t="s">
        <v>4164</v>
      </c>
      <c r="G2942" t="s">
        <v>656</v>
      </c>
      <c r="H2942">
        <v>2</v>
      </c>
      <c r="I2942">
        <v>2020</v>
      </c>
    </row>
    <row r="2943" spans="1:9" x14ac:dyDescent="0.25">
      <c r="A2943">
        <v>1431</v>
      </c>
      <c r="B2943" t="s">
        <v>2569</v>
      </c>
      <c r="C2943" t="s">
        <v>676</v>
      </c>
      <c r="D2943">
        <v>4</v>
      </c>
      <c r="E2943" t="s">
        <v>676</v>
      </c>
      <c r="F2943" t="s">
        <v>4164</v>
      </c>
      <c r="G2943" t="s">
        <v>656</v>
      </c>
      <c r="H2943">
        <v>2</v>
      </c>
      <c r="I2943">
        <v>2020</v>
      </c>
    </row>
    <row r="2944" spans="1:9" x14ac:dyDescent="0.25">
      <c r="A2944">
        <v>1430</v>
      </c>
      <c r="B2944" t="s">
        <v>3065</v>
      </c>
      <c r="C2944" t="s">
        <v>676</v>
      </c>
      <c r="D2944">
        <v>4</v>
      </c>
      <c r="E2944" t="s">
        <v>676</v>
      </c>
      <c r="F2944" t="s">
        <v>4164</v>
      </c>
      <c r="G2944" t="s">
        <v>656</v>
      </c>
      <c r="H2944">
        <v>2</v>
      </c>
      <c r="I2944">
        <v>2020</v>
      </c>
    </row>
    <row r="2945" spans="1:9" x14ac:dyDescent="0.25">
      <c r="A2945">
        <v>1429</v>
      </c>
      <c r="B2945" t="s">
        <v>4806</v>
      </c>
      <c r="C2945" t="s">
        <v>676</v>
      </c>
      <c r="D2945">
        <v>4</v>
      </c>
      <c r="E2945" t="s">
        <v>676</v>
      </c>
      <c r="F2945" t="s">
        <v>4164</v>
      </c>
      <c r="G2945" t="s">
        <v>656</v>
      </c>
      <c r="H2945">
        <v>2</v>
      </c>
      <c r="I2945">
        <v>2020</v>
      </c>
    </row>
    <row r="2946" spans="1:9" x14ac:dyDescent="0.25">
      <c r="A2946">
        <v>1428</v>
      </c>
      <c r="B2946" t="s">
        <v>4807</v>
      </c>
      <c r="C2946" t="s">
        <v>676</v>
      </c>
      <c r="D2946">
        <v>4</v>
      </c>
      <c r="E2946" t="s">
        <v>676</v>
      </c>
      <c r="F2946" t="s">
        <v>4164</v>
      </c>
      <c r="G2946" t="s">
        <v>656</v>
      </c>
      <c r="H2946">
        <v>2</v>
      </c>
      <c r="I2946">
        <v>2020</v>
      </c>
    </row>
    <row r="2947" spans="1:9" x14ac:dyDescent="0.25">
      <c r="A2947">
        <v>1427</v>
      </c>
      <c r="B2947" t="s">
        <v>4808</v>
      </c>
      <c r="C2947" t="s">
        <v>676</v>
      </c>
      <c r="D2947">
        <v>4</v>
      </c>
      <c r="E2947" t="s">
        <v>676</v>
      </c>
      <c r="F2947" t="s">
        <v>4164</v>
      </c>
      <c r="G2947" t="s">
        <v>656</v>
      </c>
      <c r="H2947">
        <v>2</v>
      </c>
      <c r="I2947">
        <v>2020</v>
      </c>
    </row>
    <row r="2948" spans="1:9" x14ac:dyDescent="0.25">
      <c r="A2948">
        <v>1426</v>
      </c>
      <c r="B2948" t="s">
        <v>3066</v>
      </c>
      <c r="C2948" t="s">
        <v>676</v>
      </c>
      <c r="D2948">
        <v>4</v>
      </c>
      <c r="E2948" t="s">
        <v>676</v>
      </c>
      <c r="F2948" t="s">
        <v>4164</v>
      </c>
      <c r="G2948" t="s">
        <v>656</v>
      </c>
      <c r="H2948">
        <v>2</v>
      </c>
      <c r="I2948">
        <v>2020</v>
      </c>
    </row>
    <row r="2949" spans="1:9" x14ac:dyDescent="0.25">
      <c r="A2949">
        <v>1397</v>
      </c>
      <c r="B2949" t="s">
        <v>3087</v>
      </c>
      <c r="C2949" t="s">
        <v>676</v>
      </c>
      <c r="D2949">
        <v>4</v>
      </c>
      <c r="E2949" t="s">
        <v>676</v>
      </c>
      <c r="F2949" t="s">
        <v>4164</v>
      </c>
      <c r="G2949" t="s">
        <v>656</v>
      </c>
      <c r="H2949">
        <v>2</v>
      </c>
      <c r="I2949">
        <v>2020</v>
      </c>
    </row>
    <row r="2950" spans="1:9" x14ac:dyDescent="0.25">
      <c r="A2950">
        <v>1277</v>
      </c>
      <c r="B2950" t="s">
        <v>3168</v>
      </c>
      <c r="C2950" t="s">
        <v>676</v>
      </c>
      <c r="D2950">
        <v>4</v>
      </c>
      <c r="E2950" t="s">
        <v>676</v>
      </c>
      <c r="F2950" t="s">
        <v>4164</v>
      </c>
      <c r="G2950" t="s">
        <v>656</v>
      </c>
      <c r="H2950">
        <v>2</v>
      </c>
      <c r="I2950">
        <v>2020</v>
      </c>
    </row>
    <row r="2951" spans="1:9" x14ac:dyDescent="0.25">
      <c r="A2951">
        <v>1276</v>
      </c>
      <c r="B2951" t="s">
        <v>3169</v>
      </c>
      <c r="C2951" t="s">
        <v>676</v>
      </c>
      <c r="D2951">
        <v>4</v>
      </c>
      <c r="E2951" t="s">
        <v>676</v>
      </c>
      <c r="F2951" t="s">
        <v>4164</v>
      </c>
      <c r="G2951" t="s">
        <v>656</v>
      </c>
      <c r="H2951">
        <v>2</v>
      </c>
      <c r="I2951">
        <v>2020</v>
      </c>
    </row>
    <row r="2952" spans="1:9" x14ac:dyDescent="0.25">
      <c r="A2952">
        <v>1275</v>
      </c>
      <c r="B2952" t="s">
        <v>3170</v>
      </c>
      <c r="C2952" t="s">
        <v>676</v>
      </c>
      <c r="D2952">
        <v>4</v>
      </c>
      <c r="E2952" t="s">
        <v>676</v>
      </c>
      <c r="F2952" t="s">
        <v>4164</v>
      </c>
      <c r="G2952" t="s">
        <v>656</v>
      </c>
      <c r="H2952">
        <v>2</v>
      </c>
      <c r="I2952">
        <v>2020</v>
      </c>
    </row>
    <row r="2953" spans="1:9" x14ac:dyDescent="0.25">
      <c r="A2953">
        <v>1274</v>
      </c>
      <c r="B2953" t="s">
        <v>4809</v>
      </c>
      <c r="C2953" t="s">
        <v>676</v>
      </c>
      <c r="D2953">
        <v>4</v>
      </c>
      <c r="E2953" t="s">
        <v>676</v>
      </c>
      <c r="F2953" t="s">
        <v>4164</v>
      </c>
      <c r="G2953" t="s">
        <v>656</v>
      </c>
      <c r="H2953">
        <v>2</v>
      </c>
      <c r="I2953">
        <v>2020</v>
      </c>
    </row>
    <row r="2954" spans="1:9" x14ac:dyDescent="0.25">
      <c r="A2954">
        <v>1243</v>
      </c>
      <c r="B2954" t="s">
        <v>3193</v>
      </c>
      <c r="C2954" t="s">
        <v>676</v>
      </c>
      <c r="D2954">
        <v>4</v>
      </c>
      <c r="E2954" t="s">
        <v>676</v>
      </c>
      <c r="F2954" t="s">
        <v>4164</v>
      </c>
      <c r="G2954" t="s">
        <v>656</v>
      </c>
      <c r="H2954">
        <v>2</v>
      </c>
      <c r="I2954">
        <v>2020</v>
      </c>
    </row>
    <row r="2955" spans="1:9" x14ac:dyDescent="0.25">
      <c r="A2955">
        <v>1206</v>
      </c>
      <c r="B2955" t="s">
        <v>3211</v>
      </c>
      <c r="C2955" t="s">
        <v>676</v>
      </c>
      <c r="D2955">
        <v>4</v>
      </c>
      <c r="E2955" t="s">
        <v>676</v>
      </c>
      <c r="F2955" t="s">
        <v>4164</v>
      </c>
      <c r="G2955" t="s">
        <v>656</v>
      </c>
      <c r="H2955">
        <v>2</v>
      </c>
      <c r="I2955">
        <v>2020</v>
      </c>
    </row>
    <row r="2956" spans="1:9" x14ac:dyDescent="0.25">
      <c r="A2956">
        <v>1165</v>
      </c>
      <c r="B2956" t="s">
        <v>3227</v>
      </c>
      <c r="C2956" t="s">
        <v>676</v>
      </c>
      <c r="D2956">
        <v>4</v>
      </c>
      <c r="E2956" t="s">
        <v>676</v>
      </c>
      <c r="F2956" t="s">
        <v>4164</v>
      </c>
      <c r="G2956" t="s">
        <v>656</v>
      </c>
      <c r="H2956">
        <v>2</v>
      </c>
      <c r="I2956">
        <v>2020</v>
      </c>
    </row>
    <row r="2957" spans="1:9" x14ac:dyDescent="0.25">
      <c r="A2957">
        <v>899</v>
      </c>
      <c r="B2957" t="s">
        <v>2635</v>
      </c>
      <c r="C2957" t="s">
        <v>676</v>
      </c>
      <c r="D2957">
        <v>4</v>
      </c>
      <c r="E2957" t="s">
        <v>676</v>
      </c>
      <c r="F2957" t="s">
        <v>4164</v>
      </c>
      <c r="G2957" t="s">
        <v>656</v>
      </c>
      <c r="H2957">
        <v>2</v>
      </c>
      <c r="I2957">
        <v>2020</v>
      </c>
    </row>
    <row r="2958" spans="1:9" x14ac:dyDescent="0.25">
      <c r="A2958">
        <v>898</v>
      </c>
      <c r="B2958" t="s">
        <v>4810</v>
      </c>
      <c r="C2958" t="s">
        <v>676</v>
      </c>
      <c r="D2958">
        <v>4</v>
      </c>
      <c r="E2958" t="s">
        <v>676</v>
      </c>
      <c r="F2958" t="s">
        <v>4164</v>
      </c>
      <c r="G2958" t="s">
        <v>656</v>
      </c>
      <c r="H2958">
        <v>2</v>
      </c>
      <c r="I2958">
        <v>2020</v>
      </c>
    </row>
    <row r="2959" spans="1:9" x14ac:dyDescent="0.25">
      <c r="A2959">
        <v>4472</v>
      </c>
      <c r="B2959" t="s">
        <v>810</v>
      </c>
      <c r="C2959" t="s">
        <v>676</v>
      </c>
      <c r="D2959">
        <v>4</v>
      </c>
      <c r="E2959" t="s">
        <v>676</v>
      </c>
      <c r="F2959" t="s">
        <v>4164</v>
      </c>
      <c r="G2959" t="s">
        <v>656</v>
      </c>
      <c r="H2959">
        <v>2</v>
      </c>
      <c r="I2959">
        <v>2020</v>
      </c>
    </row>
    <row r="2960" spans="1:9" x14ac:dyDescent="0.25">
      <c r="A2960">
        <v>896</v>
      </c>
      <c r="B2960" t="s">
        <v>2198</v>
      </c>
      <c r="C2960" t="s">
        <v>676</v>
      </c>
      <c r="D2960">
        <v>4</v>
      </c>
      <c r="E2960" t="s">
        <v>676</v>
      </c>
      <c r="F2960" t="s">
        <v>4164</v>
      </c>
      <c r="G2960" t="s">
        <v>656</v>
      </c>
      <c r="H2960">
        <v>2</v>
      </c>
      <c r="I2960">
        <v>2020</v>
      </c>
    </row>
    <row r="2961" spans="1:9" x14ac:dyDescent="0.25">
      <c r="A2961">
        <v>895</v>
      </c>
      <c r="B2961" t="s">
        <v>4811</v>
      </c>
      <c r="C2961" t="s">
        <v>676</v>
      </c>
      <c r="D2961">
        <v>4</v>
      </c>
      <c r="E2961" t="s">
        <v>676</v>
      </c>
      <c r="F2961" t="s">
        <v>4164</v>
      </c>
      <c r="G2961" t="s">
        <v>656</v>
      </c>
      <c r="H2961">
        <v>2</v>
      </c>
      <c r="I2961">
        <v>2020</v>
      </c>
    </row>
    <row r="2962" spans="1:9" x14ac:dyDescent="0.25">
      <c r="A2962">
        <v>894</v>
      </c>
      <c r="B2962" t="s">
        <v>4812</v>
      </c>
      <c r="C2962" t="s">
        <v>676</v>
      </c>
      <c r="D2962">
        <v>4</v>
      </c>
      <c r="E2962" t="s">
        <v>676</v>
      </c>
      <c r="F2962" t="s">
        <v>4164</v>
      </c>
      <c r="G2962" t="s">
        <v>656</v>
      </c>
      <c r="H2962">
        <v>2</v>
      </c>
      <c r="I2962">
        <v>2020</v>
      </c>
    </row>
    <row r="2963" spans="1:9" x14ac:dyDescent="0.25">
      <c r="A2963">
        <v>529</v>
      </c>
      <c r="B2963" t="s">
        <v>1085</v>
      </c>
      <c r="C2963" t="s">
        <v>1028</v>
      </c>
      <c r="D2963">
        <v>33</v>
      </c>
      <c r="E2963" t="s">
        <v>4175</v>
      </c>
      <c r="F2963" t="s">
        <v>4171</v>
      </c>
      <c r="G2963" t="s">
        <v>669</v>
      </c>
      <c r="H2963">
        <v>1</v>
      </c>
      <c r="I2963">
        <v>2020</v>
      </c>
    </row>
    <row r="2964" spans="1:9" x14ac:dyDescent="0.25">
      <c r="A2964">
        <v>210</v>
      </c>
      <c r="B2964" t="s">
        <v>3908</v>
      </c>
      <c r="C2964" t="s">
        <v>710</v>
      </c>
      <c r="D2964">
        <v>53</v>
      </c>
      <c r="E2964" t="s">
        <v>4198</v>
      </c>
      <c r="F2964" t="s">
        <v>4189</v>
      </c>
      <c r="G2964" t="s">
        <v>669</v>
      </c>
      <c r="H2964">
        <v>1</v>
      </c>
      <c r="I2964">
        <v>2020</v>
      </c>
    </row>
    <row r="2965" spans="1:9" x14ac:dyDescent="0.25">
      <c r="A2965">
        <v>104</v>
      </c>
      <c r="B2965" t="s">
        <v>673</v>
      </c>
      <c r="C2965" t="s">
        <v>673</v>
      </c>
      <c r="D2965">
        <v>34</v>
      </c>
      <c r="E2965" t="s">
        <v>4175</v>
      </c>
      <c r="F2965" t="s">
        <v>4171</v>
      </c>
      <c r="G2965" t="s">
        <v>669</v>
      </c>
      <c r="H2965">
        <v>1</v>
      </c>
      <c r="I2965">
        <v>2020</v>
      </c>
    </row>
    <row r="2966" spans="1:9" x14ac:dyDescent="0.25">
      <c r="A2966">
        <v>13</v>
      </c>
      <c r="B2966" t="s">
        <v>936</v>
      </c>
      <c r="C2966" t="s">
        <v>676</v>
      </c>
      <c r="D2966">
        <v>4</v>
      </c>
      <c r="E2966" t="s">
        <v>676</v>
      </c>
      <c r="F2966" t="s">
        <v>4164</v>
      </c>
      <c r="G2966" t="s">
        <v>669</v>
      </c>
      <c r="H2966">
        <v>1</v>
      </c>
      <c r="I2966">
        <v>2020</v>
      </c>
    </row>
    <row r="2967" spans="1:9" x14ac:dyDescent="0.25">
      <c r="A2967">
        <v>12</v>
      </c>
      <c r="B2967" t="s">
        <v>676</v>
      </c>
      <c r="C2967" t="s">
        <v>676</v>
      </c>
      <c r="D2967">
        <v>4</v>
      </c>
      <c r="E2967" t="s">
        <v>676</v>
      </c>
      <c r="F2967" t="s">
        <v>4164</v>
      </c>
      <c r="G2967" t="s">
        <v>669</v>
      </c>
      <c r="H2967">
        <v>1</v>
      </c>
      <c r="I2967">
        <v>2020</v>
      </c>
    </row>
    <row r="2968" spans="1:9" x14ac:dyDescent="0.25">
      <c r="A2968">
        <v>3500</v>
      </c>
      <c r="B2968" t="s">
        <v>1507</v>
      </c>
      <c r="C2968" t="s">
        <v>699</v>
      </c>
      <c r="D2968">
        <v>10</v>
      </c>
      <c r="E2968" t="s">
        <v>663</v>
      </c>
      <c r="F2968" t="s">
        <v>4171</v>
      </c>
      <c r="G2968" t="s">
        <v>669</v>
      </c>
      <c r="H2968">
        <v>1</v>
      </c>
      <c r="I2968">
        <v>2020</v>
      </c>
    </row>
    <row r="2969" spans="1:9" x14ac:dyDescent="0.25">
      <c r="A2969">
        <v>3504</v>
      </c>
      <c r="B2969" t="s">
        <v>1237</v>
      </c>
      <c r="C2969" t="s">
        <v>1236</v>
      </c>
      <c r="D2969">
        <v>60</v>
      </c>
      <c r="E2969" t="s">
        <v>4193</v>
      </c>
      <c r="F2969" t="s">
        <v>4189</v>
      </c>
      <c r="G2969" t="s">
        <v>656</v>
      </c>
      <c r="H2969">
        <v>2</v>
      </c>
      <c r="I2969">
        <v>2020</v>
      </c>
    </row>
    <row r="2970" spans="1:9" x14ac:dyDescent="0.25">
      <c r="A2970">
        <v>3510</v>
      </c>
      <c r="B2970" t="s">
        <v>1234</v>
      </c>
      <c r="C2970" t="s">
        <v>917</v>
      </c>
      <c r="D2970">
        <v>83</v>
      </c>
      <c r="E2970" t="s">
        <v>4188</v>
      </c>
      <c r="F2970" t="s">
        <v>4189</v>
      </c>
      <c r="G2970" t="s">
        <v>656</v>
      </c>
      <c r="H2970">
        <v>2</v>
      </c>
      <c r="I2970">
        <v>2020</v>
      </c>
    </row>
    <row r="2971" spans="1:9" x14ac:dyDescent="0.25">
      <c r="A2971">
        <v>3513</v>
      </c>
      <c r="B2971" t="s">
        <v>1163</v>
      </c>
      <c r="C2971" t="s">
        <v>917</v>
      </c>
      <c r="D2971">
        <v>83</v>
      </c>
      <c r="E2971" t="s">
        <v>4188</v>
      </c>
      <c r="F2971" t="s">
        <v>4189</v>
      </c>
      <c r="G2971" t="s">
        <v>656</v>
      </c>
      <c r="H2971">
        <v>2</v>
      </c>
      <c r="I2971">
        <v>2020</v>
      </c>
    </row>
    <row r="2972" spans="1:9" x14ac:dyDescent="0.25">
      <c r="A2972">
        <v>3516</v>
      </c>
      <c r="B2972" t="s">
        <v>1158</v>
      </c>
      <c r="C2972" t="s">
        <v>917</v>
      </c>
      <c r="D2972">
        <v>83</v>
      </c>
      <c r="E2972" t="s">
        <v>4188</v>
      </c>
      <c r="F2972" t="s">
        <v>4189</v>
      </c>
      <c r="G2972" t="s">
        <v>656</v>
      </c>
      <c r="H2972">
        <v>2</v>
      </c>
      <c r="I2972">
        <v>2020</v>
      </c>
    </row>
    <row r="2973" spans="1:9" x14ac:dyDescent="0.25">
      <c r="A2973">
        <v>3519</v>
      </c>
      <c r="B2973" t="s">
        <v>1212</v>
      </c>
      <c r="C2973" t="s">
        <v>65</v>
      </c>
      <c r="D2973">
        <v>15</v>
      </c>
      <c r="E2973" t="s">
        <v>4176</v>
      </c>
      <c r="F2973" t="s">
        <v>4177</v>
      </c>
      <c r="G2973" t="s">
        <v>656</v>
      </c>
      <c r="H2973">
        <v>2</v>
      </c>
      <c r="I2973">
        <v>2020</v>
      </c>
    </row>
    <row r="2974" spans="1:9" x14ac:dyDescent="0.25">
      <c r="A2974">
        <v>3522</v>
      </c>
      <c r="B2974" t="s">
        <v>1232</v>
      </c>
      <c r="C2974" t="s">
        <v>295</v>
      </c>
      <c r="D2974">
        <v>30</v>
      </c>
      <c r="E2974" t="s">
        <v>4179</v>
      </c>
      <c r="F2974" t="s">
        <v>4177</v>
      </c>
      <c r="G2974" t="s">
        <v>656</v>
      </c>
      <c r="H2974">
        <v>2</v>
      </c>
      <c r="I2974">
        <v>2020</v>
      </c>
    </row>
    <row r="2975" spans="1:9" x14ac:dyDescent="0.25">
      <c r="A2975">
        <v>3525</v>
      </c>
      <c r="B2975" t="s">
        <v>1227</v>
      </c>
      <c r="C2975" t="s">
        <v>295</v>
      </c>
      <c r="D2975">
        <v>30</v>
      </c>
      <c r="E2975" t="s">
        <v>4179</v>
      </c>
      <c r="F2975" t="s">
        <v>4177</v>
      </c>
      <c r="G2975" t="s">
        <v>656</v>
      </c>
      <c r="H2975">
        <v>2</v>
      </c>
      <c r="I2975">
        <v>2020</v>
      </c>
    </row>
    <row r="2976" spans="1:9" x14ac:dyDescent="0.25">
      <c r="A2976">
        <v>3528</v>
      </c>
      <c r="B2976" t="s">
        <v>1220</v>
      </c>
      <c r="C2976" t="s">
        <v>1219</v>
      </c>
      <c r="D2976">
        <v>42</v>
      </c>
      <c r="E2976" t="s">
        <v>4188</v>
      </c>
      <c r="F2976" t="s">
        <v>4189</v>
      </c>
      <c r="G2976" t="s">
        <v>656</v>
      </c>
      <c r="H2976">
        <v>2</v>
      </c>
      <c r="I2976">
        <v>2020</v>
      </c>
    </row>
    <row r="2977" spans="1:9" x14ac:dyDescent="0.25">
      <c r="A2977">
        <v>3531</v>
      </c>
      <c r="B2977" t="s">
        <v>1238</v>
      </c>
      <c r="C2977" t="s">
        <v>65</v>
      </c>
      <c r="D2977">
        <v>15</v>
      </c>
      <c r="E2977" t="s">
        <v>4176</v>
      </c>
      <c r="F2977" t="s">
        <v>4177</v>
      </c>
      <c r="G2977" t="s">
        <v>656</v>
      </c>
      <c r="H2977">
        <v>2</v>
      </c>
      <c r="I2977">
        <v>2020</v>
      </c>
    </row>
    <row r="2978" spans="1:9" x14ac:dyDescent="0.25">
      <c r="A2978">
        <v>3534</v>
      </c>
      <c r="B2978" t="s">
        <v>1205</v>
      </c>
      <c r="C2978" t="s">
        <v>65</v>
      </c>
      <c r="D2978">
        <v>15</v>
      </c>
      <c r="E2978" t="s">
        <v>4176</v>
      </c>
      <c r="F2978" t="s">
        <v>4177</v>
      </c>
      <c r="G2978" t="s">
        <v>656</v>
      </c>
      <c r="H2978">
        <v>2</v>
      </c>
      <c r="I2978">
        <v>2020</v>
      </c>
    </row>
    <row r="2979" spans="1:9" x14ac:dyDescent="0.25">
      <c r="A2979">
        <v>3537</v>
      </c>
      <c r="B2979" t="s">
        <v>1204</v>
      </c>
      <c r="C2979" t="s">
        <v>980</v>
      </c>
      <c r="D2979">
        <v>67</v>
      </c>
      <c r="E2979" t="s">
        <v>980</v>
      </c>
      <c r="F2979" t="s">
        <v>4189</v>
      </c>
      <c r="G2979" t="s">
        <v>656</v>
      </c>
      <c r="H2979">
        <v>2</v>
      </c>
      <c r="I2979">
        <v>2020</v>
      </c>
    </row>
    <row r="2980" spans="1:9" x14ac:dyDescent="0.25">
      <c r="A2980">
        <v>3540</v>
      </c>
      <c r="B2980" t="s">
        <v>1197</v>
      </c>
      <c r="C2980" t="s">
        <v>909</v>
      </c>
      <c r="D2980">
        <v>39</v>
      </c>
      <c r="E2980" t="s">
        <v>4188</v>
      </c>
      <c r="F2980" t="s">
        <v>4189</v>
      </c>
      <c r="G2980" t="s">
        <v>656</v>
      </c>
      <c r="H2980">
        <v>2</v>
      </c>
      <c r="I2980">
        <v>2020</v>
      </c>
    </row>
    <row r="2981" spans="1:9" x14ac:dyDescent="0.25">
      <c r="A2981">
        <v>3543</v>
      </c>
      <c r="B2981" t="s">
        <v>1196</v>
      </c>
      <c r="C2981" t="s">
        <v>909</v>
      </c>
      <c r="D2981">
        <v>39</v>
      </c>
      <c r="E2981" t="s">
        <v>4188</v>
      </c>
      <c r="F2981" t="s">
        <v>4189</v>
      </c>
      <c r="G2981" t="s">
        <v>656</v>
      </c>
      <c r="H2981">
        <v>2</v>
      </c>
      <c r="I2981">
        <v>2020</v>
      </c>
    </row>
    <row r="2982" spans="1:9" x14ac:dyDescent="0.25">
      <c r="A2982">
        <v>3555</v>
      </c>
      <c r="B2982" t="s">
        <v>1193</v>
      </c>
      <c r="C2982" t="s">
        <v>792</v>
      </c>
      <c r="D2982">
        <v>6</v>
      </c>
      <c r="E2982" t="s">
        <v>4169</v>
      </c>
      <c r="F2982" t="s">
        <v>4164</v>
      </c>
      <c r="G2982" t="s">
        <v>656</v>
      </c>
      <c r="H2982">
        <v>2</v>
      </c>
      <c r="I2982">
        <v>2020</v>
      </c>
    </row>
    <row r="2983" spans="1:9" x14ac:dyDescent="0.25">
      <c r="A2983">
        <v>3558</v>
      </c>
      <c r="B2983" t="s">
        <v>1203</v>
      </c>
      <c r="C2983" t="s">
        <v>659</v>
      </c>
      <c r="D2983">
        <v>35</v>
      </c>
      <c r="E2983" t="s">
        <v>4175</v>
      </c>
      <c r="F2983" t="s">
        <v>4171</v>
      </c>
      <c r="G2983" t="s">
        <v>656</v>
      </c>
      <c r="H2983">
        <v>2</v>
      </c>
      <c r="I2983">
        <v>2020</v>
      </c>
    </row>
    <row r="2984" spans="1:9" x14ac:dyDescent="0.25">
      <c r="A2984">
        <v>3561</v>
      </c>
      <c r="B2984" t="s">
        <v>1202</v>
      </c>
      <c r="C2984" t="s">
        <v>659</v>
      </c>
      <c r="D2984">
        <v>35</v>
      </c>
      <c r="E2984" t="s">
        <v>4175</v>
      </c>
      <c r="F2984" t="s">
        <v>4171</v>
      </c>
      <c r="G2984" t="s">
        <v>656</v>
      </c>
      <c r="H2984">
        <v>2</v>
      </c>
      <c r="I2984">
        <v>2020</v>
      </c>
    </row>
    <row r="2985" spans="1:9" x14ac:dyDescent="0.25">
      <c r="A2985">
        <v>3564</v>
      </c>
      <c r="B2985" t="s">
        <v>1192</v>
      </c>
      <c r="C2985" t="s">
        <v>659</v>
      </c>
      <c r="D2985">
        <v>35</v>
      </c>
      <c r="E2985" t="s">
        <v>4175</v>
      </c>
      <c r="F2985" t="s">
        <v>4171</v>
      </c>
      <c r="G2985" t="s">
        <v>656</v>
      </c>
      <c r="H2985">
        <v>2</v>
      </c>
      <c r="I2985">
        <v>2020</v>
      </c>
    </row>
    <row r="2986" spans="1:9" x14ac:dyDescent="0.25">
      <c r="A2986">
        <v>3567</v>
      </c>
      <c r="B2986" t="s">
        <v>1191</v>
      </c>
      <c r="C2986" t="s">
        <v>673</v>
      </c>
      <c r="D2986">
        <v>34</v>
      </c>
      <c r="E2986" t="s">
        <v>4175</v>
      </c>
      <c r="F2986" t="s">
        <v>4171</v>
      </c>
      <c r="G2986" t="s">
        <v>656</v>
      </c>
      <c r="H2986">
        <v>2</v>
      </c>
      <c r="I2986">
        <v>2020</v>
      </c>
    </row>
    <row r="2987" spans="1:9" x14ac:dyDescent="0.25">
      <c r="A2987">
        <v>3570</v>
      </c>
      <c r="B2987" t="s">
        <v>1183</v>
      </c>
      <c r="C2987" t="s">
        <v>1182</v>
      </c>
      <c r="D2987">
        <v>46</v>
      </c>
      <c r="E2987" t="s">
        <v>4194</v>
      </c>
      <c r="F2987" t="s">
        <v>4189</v>
      </c>
      <c r="G2987" t="s">
        <v>656</v>
      </c>
      <c r="H2987">
        <v>2</v>
      </c>
      <c r="I2987">
        <v>2020</v>
      </c>
    </row>
    <row r="2988" spans="1:9" x14ac:dyDescent="0.25">
      <c r="A2988">
        <v>3573</v>
      </c>
      <c r="B2988" t="s">
        <v>4813</v>
      </c>
      <c r="C2988" t="s">
        <v>895</v>
      </c>
      <c r="D2988">
        <v>13</v>
      </c>
      <c r="E2988" t="s">
        <v>895</v>
      </c>
      <c r="F2988" t="s">
        <v>4171</v>
      </c>
      <c r="G2988" t="s">
        <v>656</v>
      </c>
      <c r="H2988">
        <v>2</v>
      </c>
      <c r="I2988">
        <v>2020</v>
      </c>
    </row>
    <row r="2989" spans="1:9" x14ac:dyDescent="0.25">
      <c r="A2989">
        <v>3579</v>
      </c>
      <c r="B2989" t="s">
        <v>1210</v>
      </c>
      <c r="C2989" t="s">
        <v>738</v>
      </c>
      <c r="D2989">
        <v>61</v>
      </c>
      <c r="E2989" t="s">
        <v>4193</v>
      </c>
      <c r="F2989" t="s">
        <v>4189</v>
      </c>
      <c r="G2989" t="s">
        <v>656</v>
      </c>
      <c r="H2989">
        <v>2</v>
      </c>
      <c r="I2989">
        <v>2020</v>
      </c>
    </row>
    <row r="2990" spans="1:9" x14ac:dyDescent="0.25">
      <c r="A2990">
        <v>3582</v>
      </c>
      <c r="B2990" t="s">
        <v>4814</v>
      </c>
      <c r="C2990" t="s">
        <v>738</v>
      </c>
      <c r="D2990">
        <v>61</v>
      </c>
      <c r="E2990" t="s">
        <v>4193</v>
      </c>
      <c r="F2990" t="s">
        <v>4189</v>
      </c>
      <c r="G2990" t="s">
        <v>656</v>
      </c>
      <c r="H2990">
        <v>2</v>
      </c>
      <c r="I2990">
        <v>2020</v>
      </c>
    </row>
    <row r="2991" spans="1:9" x14ac:dyDescent="0.25">
      <c r="A2991">
        <v>3585</v>
      </c>
      <c r="B2991" t="s">
        <v>1178</v>
      </c>
      <c r="C2991" t="s">
        <v>738</v>
      </c>
      <c r="D2991">
        <v>61</v>
      </c>
      <c r="E2991" t="s">
        <v>4193</v>
      </c>
      <c r="F2991" t="s">
        <v>4189</v>
      </c>
      <c r="G2991" t="s">
        <v>656</v>
      </c>
      <c r="H2991">
        <v>2</v>
      </c>
      <c r="I2991">
        <v>2020</v>
      </c>
    </row>
    <row r="2992" spans="1:9" x14ac:dyDescent="0.25">
      <c r="A2992">
        <v>3588</v>
      </c>
      <c r="B2992" t="s">
        <v>1177</v>
      </c>
      <c r="C2992" t="s">
        <v>738</v>
      </c>
      <c r="D2992">
        <v>61</v>
      </c>
      <c r="E2992" t="s">
        <v>4193</v>
      </c>
      <c r="F2992" t="s">
        <v>4189</v>
      </c>
      <c r="G2992" t="s">
        <v>656</v>
      </c>
      <c r="H2992">
        <v>2</v>
      </c>
      <c r="I2992">
        <v>2020</v>
      </c>
    </row>
    <row r="2993" spans="1:9" x14ac:dyDescent="0.25">
      <c r="A2993">
        <v>3591</v>
      </c>
      <c r="B2993" t="s">
        <v>1215</v>
      </c>
      <c r="C2993" t="s">
        <v>678</v>
      </c>
      <c r="D2993">
        <v>41</v>
      </c>
      <c r="E2993" t="s">
        <v>4188</v>
      </c>
      <c r="F2993" t="s">
        <v>4189</v>
      </c>
      <c r="G2993" t="s">
        <v>656</v>
      </c>
      <c r="H2993">
        <v>2</v>
      </c>
      <c r="I2993">
        <v>2020</v>
      </c>
    </row>
    <row r="2994" spans="1:9" x14ac:dyDescent="0.25">
      <c r="A2994">
        <v>3594</v>
      </c>
      <c r="B2994" t="s">
        <v>1184</v>
      </c>
      <c r="C2994" t="s">
        <v>678</v>
      </c>
      <c r="D2994">
        <v>41</v>
      </c>
      <c r="E2994" t="s">
        <v>4188</v>
      </c>
      <c r="F2994" t="s">
        <v>4189</v>
      </c>
      <c r="G2994" t="s">
        <v>656</v>
      </c>
      <c r="H2994">
        <v>2</v>
      </c>
      <c r="I2994">
        <v>2020</v>
      </c>
    </row>
    <row r="2995" spans="1:9" x14ac:dyDescent="0.25">
      <c r="A2995">
        <v>3597</v>
      </c>
      <c r="B2995" t="s">
        <v>1176</v>
      </c>
      <c r="C2995" t="s">
        <v>678</v>
      </c>
      <c r="D2995">
        <v>41</v>
      </c>
      <c r="E2995" t="s">
        <v>4188</v>
      </c>
      <c r="F2995" t="s">
        <v>4189</v>
      </c>
      <c r="G2995" t="s">
        <v>656</v>
      </c>
      <c r="H2995">
        <v>2</v>
      </c>
      <c r="I2995">
        <v>2020</v>
      </c>
    </row>
    <row r="2996" spans="1:9" x14ac:dyDescent="0.25">
      <c r="A2996">
        <v>3600</v>
      </c>
      <c r="B2996" t="s">
        <v>1214</v>
      </c>
      <c r="C2996" t="s">
        <v>691</v>
      </c>
      <c r="D2996">
        <v>21</v>
      </c>
      <c r="E2996" t="s">
        <v>691</v>
      </c>
      <c r="F2996" t="s">
        <v>4177</v>
      </c>
      <c r="G2996" t="s">
        <v>656</v>
      </c>
      <c r="H2996">
        <v>2</v>
      </c>
      <c r="I2996">
        <v>2020</v>
      </c>
    </row>
    <row r="2997" spans="1:9" x14ac:dyDescent="0.25">
      <c r="A2997">
        <v>3603</v>
      </c>
      <c r="B2997" t="s">
        <v>1174</v>
      </c>
      <c r="C2997" t="s">
        <v>691</v>
      </c>
      <c r="D2997">
        <v>21</v>
      </c>
      <c r="E2997" t="s">
        <v>691</v>
      </c>
      <c r="F2997" t="s">
        <v>4177</v>
      </c>
      <c r="G2997" t="s">
        <v>656</v>
      </c>
      <c r="H2997">
        <v>2</v>
      </c>
      <c r="I2997">
        <v>2020</v>
      </c>
    </row>
    <row r="2998" spans="1:9" x14ac:dyDescent="0.25">
      <c r="A2998">
        <v>3606</v>
      </c>
      <c r="B2998" t="s">
        <v>1173</v>
      </c>
      <c r="C2998" t="s">
        <v>730</v>
      </c>
      <c r="D2998">
        <v>66</v>
      </c>
      <c r="E2998" t="s">
        <v>4193</v>
      </c>
      <c r="F2998" t="s">
        <v>4189</v>
      </c>
      <c r="G2998" t="s">
        <v>656</v>
      </c>
      <c r="H2998">
        <v>2</v>
      </c>
      <c r="I2998">
        <v>2020</v>
      </c>
    </row>
    <row r="2999" spans="1:9" x14ac:dyDescent="0.25">
      <c r="A2999">
        <v>3609</v>
      </c>
      <c r="B2999" t="s">
        <v>811</v>
      </c>
      <c r="C2999" t="s">
        <v>676</v>
      </c>
      <c r="D2999">
        <v>4</v>
      </c>
      <c r="E2999" t="s">
        <v>676</v>
      </c>
      <c r="F2999" t="s">
        <v>4164</v>
      </c>
      <c r="G2999" t="s">
        <v>656</v>
      </c>
      <c r="H2999">
        <v>2</v>
      </c>
      <c r="I2999">
        <v>2020</v>
      </c>
    </row>
    <row r="3000" spans="1:9" x14ac:dyDescent="0.25">
      <c r="A3000">
        <v>3612</v>
      </c>
      <c r="B3000" t="s">
        <v>1172</v>
      </c>
      <c r="C3000" t="s">
        <v>676</v>
      </c>
      <c r="D3000">
        <v>4</v>
      </c>
      <c r="E3000" t="s">
        <v>676</v>
      </c>
      <c r="F3000" t="s">
        <v>4164</v>
      </c>
      <c r="G3000" t="s">
        <v>656</v>
      </c>
      <c r="H3000">
        <v>2</v>
      </c>
      <c r="I3000">
        <v>2020</v>
      </c>
    </row>
    <row r="3001" spans="1:9" x14ac:dyDescent="0.25">
      <c r="A3001">
        <v>3615</v>
      </c>
      <c r="B3001" t="s">
        <v>4815</v>
      </c>
      <c r="C3001" t="s">
        <v>676</v>
      </c>
      <c r="D3001">
        <v>4</v>
      </c>
      <c r="E3001" t="s">
        <v>676</v>
      </c>
      <c r="F3001" t="s">
        <v>4164</v>
      </c>
      <c r="G3001" t="s">
        <v>656</v>
      </c>
      <c r="H3001">
        <v>2</v>
      </c>
      <c r="I3001">
        <v>2020</v>
      </c>
    </row>
    <row r="3002" spans="1:9" x14ac:dyDescent="0.25">
      <c r="A3002">
        <v>3627</v>
      </c>
      <c r="B3002" t="s">
        <v>1168</v>
      </c>
      <c r="C3002" t="s">
        <v>1028</v>
      </c>
      <c r="D3002">
        <v>33</v>
      </c>
      <c r="E3002" t="s">
        <v>4175</v>
      </c>
      <c r="F3002" t="s">
        <v>4171</v>
      </c>
      <c r="G3002" t="s">
        <v>656</v>
      </c>
      <c r="H3002">
        <v>2</v>
      </c>
      <c r="I3002">
        <v>2020</v>
      </c>
    </row>
    <row r="3003" spans="1:9" x14ac:dyDescent="0.25">
      <c r="A3003">
        <v>3630</v>
      </c>
      <c r="B3003" t="s">
        <v>1167</v>
      </c>
      <c r="C3003" t="s">
        <v>1028</v>
      </c>
      <c r="D3003">
        <v>33</v>
      </c>
      <c r="E3003" t="s">
        <v>4175</v>
      </c>
      <c r="F3003" t="s">
        <v>4171</v>
      </c>
      <c r="G3003" t="s">
        <v>656</v>
      </c>
      <c r="H3003">
        <v>2</v>
      </c>
      <c r="I3003">
        <v>2020</v>
      </c>
    </row>
    <row r="3004" spans="1:9" x14ac:dyDescent="0.25">
      <c r="A3004">
        <v>3633</v>
      </c>
      <c r="B3004" t="s">
        <v>1166</v>
      </c>
      <c r="C3004" t="s">
        <v>1028</v>
      </c>
      <c r="D3004">
        <v>33</v>
      </c>
      <c r="E3004" t="s">
        <v>4175</v>
      </c>
      <c r="F3004" t="s">
        <v>4171</v>
      </c>
      <c r="G3004" t="s">
        <v>656</v>
      </c>
      <c r="H3004">
        <v>2</v>
      </c>
      <c r="I3004">
        <v>2020</v>
      </c>
    </row>
    <row r="3005" spans="1:9" x14ac:dyDescent="0.25">
      <c r="A3005">
        <v>3636</v>
      </c>
      <c r="B3005" t="s">
        <v>1164</v>
      </c>
      <c r="C3005" t="s">
        <v>294</v>
      </c>
      <c r="D3005">
        <v>31</v>
      </c>
      <c r="E3005" t="s">
        <v>4179</v>
      </c>
      <c r="F3005" t="s">
        <v>4177</v>
      </c>
      <c r="G3005" t="s">
        <v>656</v>
      </c>
      <c r="H3005">
        <v>2</v>
      </c>
      <c r="I3005">
        <v>2020</v>
      </c>
    </row>
    <row r="3006" spans="1:9" x14ac:dyDescent="0.25">
      <c r="A3006">
        <v>3639</v>
      </c>
      <c r="B3006" t="s">
        <v>1230</v>
      </c>
      <c r="C3006" t="s">
        <v>65</v>
      </c>
      <c r="D3006">
        <v>15</v>
      </c>
      <c r="E3006" t="s">
        <v>4176</v>
      </c>
      <c r="F3006" t="s">
        <v>4177</v>
      </c>
      <c r="G3006" t="s">
        <v>656</v>
      </c>
      <c r="H3006">
        <v>2</v>
      </c>
      <c r="I3006">
        <v>2020</v>
      </c>
    </row>
    <row r="3007" spans="1:9" x14ac:dyDescent="0.25">
      <c r="A3007">
        <v>3642</v>
      </c>
      <c r="B3007" t="s">
        <v>1224</v>
      </c>
      <c r="C3007" t="s">
        <v>301</v>
      </c>
      <c r="D3007">
        <v>26</v>
      </c>
      <c r="E3007" t="s">
        <v>4179</v>
      </c>
      <c r="F3007" t="s">
        <v>4177</v>
      </c>
      <c r="G3007" t="s">
        <v>656</v>
      </c>
      <c r="H3007">
        <v>2</v>
      </c>
      <c r="I3007">
        <v>2020</v>
      </c>
    </row>
    <row r="3008" spans="1:9" x14ac:dyDescent="0.25">
      <c r="A3008">
        <v>3645</v>
      </c>
      <c r="B3008" t="s">
        <v>1162</v>
      </c>
      <c r="C3008" t="s">
        <v>301</v>
      </c>
      <c r="D3008">
        <v>26</v>
      </c>
      <c r="E3008" t="s">
        <v>4179</v>
      </c>
      <c r="F3008" t="s">
        <v>4177</v>
      </c>
      <c r="G3008" t="s">
        <v>656</v>
      </c>
      <c r="H3008">
        <v>2</v>
      </c>
      <c r="I3008">
        <v>2020</v>
      </c>
    </row>
    <row r="3009" spans="1:9" x14ac:dyDescent="0.25">
      <c r="A3009">
        <v>3648</v>
      </c>
      <c r="B3009" t="s">
        <v>1223</v>
      </c>
      <c r="C3009" t="s">
        <v>756</v>
      </c>
      <c r="D3009">
        <v>19</v>
      </c>
      <c r="E3009" t="s">
        <v>894</v>
      </c>
      <c r="F3009" t="s">
        <v>4177</v>
      </c>
      <c r="G3009" t="s">
        <v>656</v>
      </c>
      <c r="H3009">
        <v>2</v>
      </c>
      <c r="I3009">
        <v>2020</v>
      </c>
    </row>
    <row r="3010" spans="1:9" x14ac:dyDescent="0.25">
      <c r="A3010">
        <v>3651</v>
      </c>
      <c r="B3010" t="s">
        <v>1222</v>
      </c>
      <c r="C3010" t="s">
        <v>756</v>
      </c>
      <c r="D3010">
        <v>19</v>
      </c>
      <c r="E3010" t="s">
        <v>894</v>
      </c>
      <c r="F3010" t="s">
        <v>4177</v>
      </c>
      <c r="G3010" t="s">
        <v>656</v>
      </c>
      <c r="H3010">
        <v>2</v>
      </c>
      <c r="I3010">
        <v>2020</v>
      </c>
    </row>
    <row r="3011" spans="1:9" x14ac:dyDescent="0.25">
      <c r="A3011">
        <v>3654</v>
      </c>
      <c r="B3011" t="s">
        <v>1199</v>
      </c>
      <c r="C3011" t="s">
        <v>756</v>
      </c>
      <c r="D3011">
        <v>19</v>
      </c>
      <c r="E3011" t="s">
        <v>894</v>
      </c>
      <c r="F3011" t="s">
        <v>4177</v>
      </c>
      <c r="G3011" t="s">
        <v>656</v>
      </c>
      <c r="H3011">
        <v>2</v>
      </c>
      <c r="I3011">
        <v>2020</v>
      </c>
    </row>
    <row r="3012" spans="1:9" x14ac:dyDescent="0.25">
      <c r="A3012">
        <v>3657</v>
      </c>
      <c r="B3012" t="s">
        <v>1157</v>
      </c>
      <c r="C3012" t="s">
        <v>756</v>
      </c>
      <c r="D3012">
        <v>19</v>
      </c>
      <c r="E3012" t="s">
        <v>894</v>
      </c>
      <c r="F3012" t="s">
        <v>4177</v>
      </c>
      <c r="G3012" t="s">
        <v>656</v>
      </c>
      <c r="H3012">
        <v>2</v>
      </c>
      <c r="I3012">
        <v>2020</v>
      </c>
    </row>
    <row r="3013" spans="1:9" x14ac:dyDescent="0.25">
      <c r="A3013">
        <v>3663</v>
      </c>
      <c r="B3013" t="s">
        <v>1218</v>
      </c>
      <c r="C3013" t="s">
        <v>880</v>
      </c>
      <c r="D3013">
        <v>58</v>
      </c>
      <c r="E3013" t="s">
        <v>4188</v>
      </c>
      <c r="F3013" t="s">
        <v>4189</v>
      </c>
      <c r="G3013" t="s">
        <v>656</v>
      </c>
      <c r="H3013">
        <v>2</v>
      </c>
      <c r="I3013">
        <v>2020</v>
      </c>
    </row>
    <row r="3014" spans="1:9" x14ac:dyDescent="0.25">
      <c r="A3014">
        <v>3666</v>
      </c>
      <c r="B3014" t="s">
        <v>1209</v>
      </c>
      <c r="C3014" t="s">
        <v>880</v>
      </c>
      <c r="D3014">
        <v>58</v>
      </c>
      <c r="E3014" t="s">
        <v>4188</v>
      </c>
      <c r="F3014" t="s">
        <v>4189</v>
      </c>
      <c r="G3014" t="s">
        <v>656</v>
      </c>
      <c r="H3014">
        <v>2</v>
      </c>
      <c r="I3014">
        <v>2020</v>
      </c>
    </row>
    <row r="3015" spans="1:9" x14ac:dyDescent="0.25">
      <c r="A3015">
        <v>3669</v>
      </c>
      <c r="B3015" t="s">
        <v>1154</v>
      </c>
      <c r="C3015" t="s">
        <v>880</v>
      </c>
      <c r="D3015">
        <v>58</v>
      </c>
      <c r="E3015" t="s">
        <v>4188</v>
      </c>
      <c r="F3015" t="s">
        <v>4189</v>
      </c>
      <c r="G3015" t="s">
        <v>656</v>
      </c>
      <c r="H3015">
        <v>2</v>
      </c>
      <c r="I3015">
        <v>2020</v>
      </c>
    </row>
    <row r="3016" spans="1:9" x14ac:dyDescent="0.25">
      <c r="A3016">
        <v>3672</v>
      </c>
      <c r="B3016" t="s">
        <v>1217</v>
      </c>
      <c r="C3016" t="s">
        <v>851</v>
      </c>
      <c r="D3016">
        <v>43</v>
      </c>
      <c r="E3016" t="s">
        <v>4188</v>
      </c>
      <c r="F3016" t="s">
        <v>4189</v>
      </c>
      <c r="G3016" t="s">
        <v>656</v>
      </c>
      <c r="H3016">
        <v>2</v>
      </c>
      <c r="I3016">
        <v>2020</v>
      </c>
    </row>
    <row r="3017" spans="1:9" x14ac:dyDescent="0.25">
      <c r="A3017">
        <v>3675</v>
      </c>
      <c r="B3017" t="s">
        <v>1216</v>
      </c>
      <c r="C3017" t="s">
        <v>851</v>
      </c>
      <c r="D3017">
        <v>43</v>
      </c>
      <c r="E3017" t="s">
        <v>4188</v>
      </c>
      <c r="F3017" t="s">
        <v>4189</v>
      </c>
      <c r="G3017" t="s">
        <v>656</v>
      </c>
      <c r="H3017">
        <v>2</v>
      </c>
      <c r="I3017">
        <v>2020</v>
      </c>
    </row>
    <row r="3018" spans="1:9" x14ac:dyDescent="0.25">
      <c r="A3018">
        <v>3678</v>
      </c>
      <c r="B3018" t="s">
        <v>1153</v>
      </c>
      <c r="C3018" t="s">
        <v>851</v>
      </c>
      <c r="D3018">
        <v>43</v>
      </c>
      <c r="E3018" t="s">
        <v>4188</v>
      </c>
      <c r="F3018" t="s">
        <v>4189</v>
      </c>
      <c r="G3018" t="s">
        <v>656</v>
      </c>
      <c r="H3018">
        <v>2</v>
      </c>
      <c r="I3018">
        <v>2020</v>
      </c>
    </row>
    <row r="3019" spans="1:9" x14ac:dyDescent="0.25">
      <c r="A3019">
        <v>3681</v>
      </c>
      <c r="B3019" t="s">
        <v>1201</v>
      </c>
      <c r="C3019" t="s">
        <v>705</v>
      </c>
      <c r="D3019">
        <v>70</v>
      </c>
      <c r="E3019" t="s">
        <v>4193</v>
      </c>
      <c r="F3019" t="s">
        <v>4189</v>
      </c>
      <c r="G3019" t="s">
        <v>656</v>
      </c>
      <c r="H3019">
        <v>2</v>
      </c>
      <c r="I3019">
        <v>2020</v>
      </c>
    </row>
    <row r="3020" spans="1:9" x14ac:dyDescent="0.25">
      <c r="A3020">
        <v>3684</v>
      </c>
      <c r="B3020" t="s">
        <v>1150</v>
      </c>
      <c r="C3020" t="s">
        <v>693</v>
      </c>
      <c r="D3020">
        <v>56</v>
      </c>
      <c r="E3020" t="s">
        <v>4193</v>
      </c>
      <c r="F3020" t="s">
        <v>4189</v>
      </c>
      <c r="G3020" t="s">
        <v>656</v>
      </c>
      <c r="H3020">
        <v>2</v>
      </c>
      <c r="I3020">
        <v>2020</v>
      </c>
    </row>
    <row r="3021" spans="1:9" x14ac:dyDescent="0.25">
      <c r="A3021">
        <v>3687</v>
      </c>
      <c r="B3021" t="s">
        <v>1151</v>
      </c>
      <c r="C3021" t="s">
        <v>705</v>
      </c>
      <c r="D3021">
        <v>70</v>
      </c>
      <c r="E3021" t="s">
        <v>4193</v>
      </c>
      <c r="F3021" t="s">
        <v>4189</v>
      </c>
      <c r="G3021" t="s">
        <v>656</v>
      </c>
      <c r="H3021">
        <v>2</v>
      </c>
      <c r="I3021">
        <v>2020</v>
      </c>
    </row>
    <row r="3022" spans="1:9" x14ac:dyDescent="0.25">
      <c r="A3022">
        <v>3693</v>
      </c>
      <c r="B3022" t="s">
        <v>1149</v>
      </c>
      <c r="C3022" t="s">
        <v>767</v>
      </c>
      <c r="D3022">
        <v>44</v>
      </c>
      <c r="E3022" t="s">
        <v>4191</v>
      </c>
      <c r="F3022" t="s">
        <v>4189</v>
      </c>
      <c r="G3022" t="s">
        <v>656</v>
      </c>
      <c r="H3022">
        <v>2</v>
      </c>
      <c r="I3022">
        <v>2020</v>
      </c>
    </row>
    <row r="3023" spans="1:9" x14ac:dyDescent="0.25">
      <c r="A3023">
        <v>3696</v>
      </c>
      <c r="B3023" t="s">
        <v>1148</v>
      </c>
      <c r="C3023" t="s">
        <v>767</v>
      </c>
      <c r="D3023">
        <v>44</v>
      </c>
      <c r="E3023" t="s">
        <v>4191</v>
      </c>
      <c r="F3023" t="s">
        <v>4189</v>
      </c>
      <c r="G3023" t="s">
        <v>656</v>
      </c>
      <c r="H3023">
        <v>2</v>
      </c>
      <c r="I3023">
        <v>2020</v>
      </c>
    </row>
    <row r="3024" spans="1:9" x14ac:dyDescent="0.25">
      <c r="A3024">
        <v>3699</v>
      </c>
      <c r="B3024" t="s">
        <v>1146</v>
      </c>
      <c r="C3024" t="s">
        <v>742</v>
      </c>
      <c r="D3024">
        <v>48</v>
      </c>
      <c r="E3024" t="s">
        <v>4165</v>
      </c>
      <c r="F3024" t="s">
        <v>4164</v>
      </c>
      <c r="G3024" t="s">
        <v>656</v>
      </c>
      <c r="H3024">
        <v>2</v>
      </c>
      <c r="I3024">
        <v>2020</v>
      </c>
    </row>
    <row r="3025" spans="1:9" x14ac:dyDescent="0.25">
      <c r="A3025">
        <v>3705</v>
      </c>
      <c r="B3025" t="s">
        <v>1226</v>
      </c>
      <c r="C3025" t="s">
        <v>955</v>
      </c>
      <c r="D3025">
        <v>29</v>
      </c>
      <c r="E3025" t="s">
        <v>4179</v>
      </c>
      <c r="F3025" t="s">
        <v>4177</v>
      </c>
      <c r="G3025" t="s">
        <v>656</v>
      </c>
      <c r="H3025">
        <v>2</v>
      </c>
      <c r="I3025">
        <v>2020</v>
      </c>
    </row>
    <row r="3026" spans="1:9" x14ac:dyDescent="0.25">
      <c r="A3026">
        <v>3708</v>
      </c>
      <c r="B3026" t="s">
        <v>1141</v>
      </c>
      <c r="C3026" t="s">
        <v>955</v>
      </c>
      <c r="D3026">
        <v>29</v>
      </c>
      <c r="E3026" t="s">
        <v>4179</v>
      </c>
      <c r="F3026" t="s">
        <v>4177</v>
      </c>
      <c r="G3026" t="s">
        <v>656</v>
      </c>
      <c r="H3026">
        <v>2</v>
      </c>
      <c r="I3026">
        <v>2020</v>
      </c>
    </row>
    <row r="3027" spans="1:9" x14ac:dyDescent="0.25">
      <c r="A3027">
        <v>3714</v>
      </c>
      <c r="B3027" t="s">
        <v>1171</v>
      </c>
      <c r="C3027" t="s">
        <v>807</v>
      </c>
      <c r="D3027">
        <v>25</v>
      </c>
      <c r="E3027" t="s">
        <v>4179</v>
      </c>
      <c r="F3027" t="s">
        <v>4177</v>
      </c>
      <c r="G3027" t="s">
        <v>656</v>
      </c>
      <c r="H3027">
        <v>2</v>
      </c>
      <c r="I3027">
        <v>2020</v>
      </c>
    </row>
    <row r="3028" spans="1:9" x14ac:dyDescent="0.25">
      <c r="A3028">
        <v>3717</v>
      </c>
      <c r="B3028" t="s">
        <v>1139</v>
      </c>
      <c r="C3028" t="s">
        <v>65</v>
      </c>
      <c r="D3028">
        <v>15</v>
      </c>
      <c r="E3028" t="s">
        <v>4176</v>
      </c>
      <c r="F3028" t="s">
        <v>4177</v>
      </c>
      <c r="G3028" t="s">
        <v>656</v>
      </c>
      <c r="H3028">
        <v>2</v>
      </c>
      <c r="I3028">
        <v>2020</v>
      </c>
    </row>
    <row r="3029" spans="1:9" x14ac:dyDescent="0.25">
      <c r="A3029">
        <v>3720</v>
      </c>
      <c r="B3029" t="s">
        <v>1195</v>
      </c>
      <c r="C3029" t="s">
        <v>65</v>
      </c>
      <c r="D3029">
        <v>15</v>
      </c>
      <c r="E3029" t="s">
        <v>4176</v>
      </c>
      <c r="F3029" t="s">
        <v>4177</v>
      </c>
      <c r="G3029" t="s">
        <v>656</v>
      </c>
      <c r="H3029">
        <v>2</v>
      </c>
      <c r="I3029">
        <v>2020</v>
      </c>
    </row>
    <row r="3030" spans="1:9" x14ac:dyDescent="0.25">
      <c r="A3030">
        <v>3723</v>
      </c>
      <c r="B3030" t="s">
        <v>1138</v>
      </c>
      <c r="C3030" t="s">
        <v>1022</v>
      </c>
      <c r="D3030">
        <v>85</v>
      </c>
      <c r="E3030" t="s">
        <v>1080</v>
      </c>
      <c r="F3030" t="s">
        <v>4189</v>
      </c>
      <c r="G3030" t="s">
        <v>656</v>
      </c>
      <c r="H3030">
        <v>2</v>
      </c>
      <c r="I3030">
        <v>2020</v>
      </c>
    </row>
    <row r="3031" spans="1:9" x14ac:dyDescent="0.25">
      <c r="A3031">
        <v>3726</v>
      </c>
      <c r="B3031" t="s">
        <v>1180</v>
      </c>
      <c r="C3031" t="s">
        <v>1022</v>
      </c>
      <c r="D3031">
        <v>85</v>
      </c>
      <c r="E3031" t="s">
        <v>1080</v>
      </c>
      <c r="F3031" t="s">
        <v>4189</v>
      </c>
      <c r="G3031" t="s">
        <v>656</v>
      </c>
      <c r="H3031">
        <v>2</v>
      </c>
      <c r="I3031">
        <v>2020</v>
      </c>
    </row>
    <row r="3032" spans="1:9" x14ac:dyDescent="0.25">
      <c r="A3032">
        <v>3729</v>
      </c>
      <c r="B3032" t="s">
        <v>1137</v>
      </c>
      <c r="C3032" t="s">
        <v>1071</v>
      </c>
      <c r="D3032">
        <v>94</v>
      </c>
      <c r="E3032" t="s">
        <v>1614</v>
      </c>
      <c r="F3032" t="s">
        <v>4177</v>
      </c>
      <c r="G3032" t="s">
        <v>656</v>
      </c>
      <c r="H3032">
        <v>2</v>
      </c>
      <c r="I3032">
        <v>2020</v>
      </c>
    </row>
    <row r="3033" spans="1:9" x14ac:dyDescent="0.25">
      <c r="A3033">
        <v>3732</v>
      </c>
      <c r="B3033" t="s">
        <v>1213</v>
      </c>
      <c r="C3033" t="s">
        <v>679</v>
      </c>
      <c r="D3033">
        <v>32</v>
      </c>
      <c r="E3033" t="s">
        <v>4175</v>
      </c>
      <c r="F3033" t="s">
        <v>4171</v>
      </c>
      <c r="G3033" t="s">
        <v>656</v>
      </c>
      <c r="H3033">
        <v>2</v>
      </c>
      <c r="I3033">
        <v>2020</v>
      </c>
    </row>
    <row r="3034" spans="1:9" x14ac:dyDescent="0.25">
      <c r="A3034">
        <v>3735</v>
      </c>
      <c r="B3034" t="s">
        <v>1130</v>
      </c>
      <c r="C3034" t="s">
        <v>679</v>
      </c>
      <c r="D3034">
        <v>32</v>
      </c>
      <c r="E3034" t="s">
        <v>4175</v>
      </c>
      <c r="F3034" t="s">
        <v>4171</v>
      </c>
      <c r="G3034" t="s">
        <v>656</v>
      </c>
      <c r="H3034">
        <v>2</v>
      </c>
      <c r="I3034">
        <v>2020</v>
      </c>
    </row>
    <row r="3035" spans="1:9" x14ac:dyDescent="0.25">
      <c r="A3035">
        <v>3738</v>
      </c>
      <c r="B3035" t="s">
        <v>1063</v>
      </c>
      <c r="C3035" t="s">
        <v>819</v>
      </c>
      <c r="D3035">
        <v>101</v>
      </c>
      <c r="E3035" t="s">
        <v>4187</v>
      </c>
      <c r="F3035" t="s">
        <v>4187</v>
      </c>
      <c r="G3035" t="s">
        <v>656</v>
      </c>
      <c r="H3035">
        <v>2</v>
      </c>
      <c r="I3035">
        <v>2020</v>
      </c>
    </row>
    <row r="3036" spans="1:9" x14ac:dyDescent="0.25">
      <c r="A3036">
        <v>3744</v>
      </c>
      <c r="B3036" t="s">
        <v>1128</v>
      </c>
      <c r="C3036" t="s">
        <v>819</v>
      </c>
      <c r="D3036">
        <v>101</v>
      </c>
      <c r="E3036" t="s">
        <v>4187</v>
      </c>
      <c r="F3036" t="s">
        <v>4187</v>
      </c>
      <c r="G3036" t="s">
        <v>656</v>
      </c>
      <c r="H3036">
        <v>2</v>
      </c>
      <c r="I3036">
        <v>2020</v>
      </c>
    </row>
    <row r="3037" spans="1:9" x14ac:dyDescent="0.25">
      <c r="A3037">
        <v>3747</v>
      </c>
      <c r="B3037" t="s">
        <v>4816</v>
      </c>
      <c r="C3037" t="s">
        <v>679</v>
      </c>
      <c r="D3037">
        <v>32</v>
      </c>
      <c r="E3037" t="s">
        <v>4175</v>
      </c>
      <c r="F3037" t="s">
        <v>4171</v>
      </c>
      <c r="G3037" t="s">
        <v>656</v>
      </c>
      <c r="H3037">
        <v>2</v>
      </c>
      <c r="I3037">
        <v>2020</v>
      </c>
    </row>
    <row r="3038" spans="1:9" x14ac:dyDescent="0.25">
      <c r="A3038">
        <v>3750</v>
      </c>
      <c r="B3038" t="s">
        <v>1119</v>
      </c>
      <c r="C3038" t="s">
        <v>897</v>
      </c>
      <c r="D3038">
        <v>3</v>
      </c>
      <c r="E3038" t="s">
        <v>4165</v>
      </c>
      <c r="F3038" t="s">
        <v>4164</v>
      </c>
      <c r="G3038" t="s">
        <v>656</v>
      </c>
      <c r="H3038">
        <v>2</v>
      </c>
      <c r="I3038">
        <v>2020</v>
      </c>
    </row>
    <row r="3039" spans="1:9" x14ac:dyDescent="0.25">
      <c r="A3039">
        <v>3753</v>
      </c>
      <c r="B3039" t="s">
        <v>1120</v>
      </c>
      <c r="C3039" t="s">
        <v>897</v>
      </c>
      <c r="D3039">
        <v>3</v>
      </c>
      <c r="E3039" t="s">
        <v>4165</v>
      </c>
      <c r="F3039" t="s">
        <v>4164</v>
      </c>
      <c r="G3039" t="s">
        <v>656</v>
      </c>
      <c r="H3039">
        <v>2</v>
      </c>
      <c r="I3039">
        <v>2020</v>
      </c>
    </row>
    <row r="3040" spans="1:9" x14ac:dyDescent="0.25">
      <c r="A3040">
        <v>3756</v>
      </c>
      <c r="B3040" t="s">
        <v>1159</v>
      </c>
      <c r="C3040" t="s">
        <v>663</v>
      </c>
      <c r="D3040">
        <v>99</v>
      </c>
      <c r="E3040" t="s">
        <v>663</v>
      </c>
      <c r="F3040" t="s">
        <v>4171</v>
      </c>
      <c r="G3040" t="s">
        <v>656</v>
      </c>
      <c r="H3040">
        <v>2</v>
      </c>
      <c r="I3040">
        <v>2020</v>
      </c>
    </row>
    <row r="3041" spans="1:9" x14ac:dyDescent="0.25">
      <c r="A3041">
        <v>3762</v>
      </c>
      <c r="B3041" t="s">
        <v>1125</v>
      </c>
      <c r="C3041" t="s">
        <v>866</v>
      </c>
      <c r="D3041">
        <v>9</v>
      </c>
      <c r="E3041" t="s">
        <v>866</v>
      </c>
      <c r="F3041" t="s">
        <v>4171</v>
      </c>
      <c r="G3041" t="s">
        <v>656</v>
      </c>
      <c r="H3041">
        <v>2</v>
      </c>
      <c r="I3041">
        <v>2020</v>
      </c>
    </row>
    <row r="3042" spans="1:9" x14ac:dyDescent="0.25">
      <c r="A3042">
        <v>3765</v>
      </c>
      <c r="B3042" t="s">
        <v>1118</v>
      </c>
      <c r="C3042" t="s">
        <v>703</v>
      </c>
      <c r="D3042">
        <v>16</v>
      </c>
      <c r="E3042" t="s">
        <v>703</v>
      </c>
      <c r="F3042" t="s">
        <v>4177</v>
      </c>
      <c r="G3042" t="s">
        <v>656</v>
      </c>
      <c r="H3042">
        <v>2</v>
      </c>
      <c r="I3042">
        <v>2020</v>
      </c>
    </row>
    <row r="3043" spans="1:9" x14ac:dyDescent="0.25">
      <c r="A3043">
        <v>3768</v>
      </c>
      <c r="B3043" t="s">
        <v>1187</v>
      </c>
      <c r="C3043" t="s">
        <v>703</v>
      </c>
      <c r="D3043">
        <v>16</v>
      </c>
      <c r="E3043" t="s">
        <v>703</v>
      </c>
      <c r="F3043" t="s">
        <v>4177</v>
      </c>
      <c r="G3043" t="s">
        <v>656</v>
      </c>
      <c r="H3043">
        <v>2</v>
      </c>
      <c r="I3043">
        <v>2020</v>
      </c>
    </row>
    <row r="3044" spans="1:9" x14ac:dyDescent="0.25">
      <c r="A3044">
        <v>3771</v>
      </c>
      <c r="B3044" t="s">
        <v>1206</v>
      </c>
      <c r="C3044" t="s">
        <v>682</v>
      </c>
      <c r="D3044">
        <v>20</v>
      </c>
      <c r="E3044" t="s">
        <v>682</v>
      </c>
      <c r="F3044" t="s">
        <v>4177</v>
      </c>
      <c r="G3044" t="s">
        <v>656</v>
      </c>
      <c r="H3044">
        <v>2</v>
      </c>
      <c r="I3044">
        <v>2020</v>
      </c>
    </row>
    <row r="3045" spans="1:9" x14ac:dyDescent="0.25">
      <c r="A3045">
        <v>3774</v>
      </c>
      <c r="B3045" t="s">
        <v>1117</v>
      </c>
      <c r="C3045" t="s">
        <v>682</v>
      </c>
      <c r="D3045">
        <v>20</v>
      </c>
      <c r="E3045" t="s">
        <v>682</v>
      </c>
      <c r="F3045" t="s">
        <v>4177</v>
      </c>
      <c r="G3045" t="s">
        <v>656</v>
      </c>
      <c r="H3045">
        <v>2</v>
      </c>
      <c r="I3045">
        <v>2020</v>
      </c>
    </row>
    <row r="3046" spans="1:9" x14ac:dyDescent="0.25">
      <c r="A3046">
        <v>3777</v>
      </c>
      <c r="B3046" t="s">
        <v>1186</v>
      </c>
      <c r="C3046" t="s">
        <v>682</v>
      </c>
      <c r="D3046">
        <v>20</v>
      </c>
      <c r="E3046" t="s">
        <v>682</v>
      </c>
      <c r="F3046" t="s">
        <v>4177</v>
      </c>
      <c r="G3046" t="s">
        <v>656</v>
      </c>
      <c r="H3046">
        <v>2</v>
      </c>
      <c r="I3046">
        <v>2020</v>
      </c>
    </row>
    <row r="3047" spans="1:9" x14ac:dyDescent="0.25">
      <c r="A3047">
        <v>3780</v>
      </c>
      <c r="B3047" t="s">
        <v>1116</v>
      </c>
      <c r="C3047" t="s">
        <v>742</v>
      </c>
      <c r="D3047">
        <v>48</v>
      </c>
      <c r="E3047" t="s">
        <v>4165</v>
      </c>
      <c r="F3047" t="s">
        <v>4164</v>
      </c>
      <c r="G3047" t="s">
        <v>656</v>
      </c>
      <c r="H3047">
        <v>2</v>
      </c>
      <c r="I3047">
        <v>2020</v>
      </c>
    </row>
    <row r="3048" spans="1:9" x14ac:dyDescent="0.25">
      <c r="A3048">
        <v>3783</v>
      </c>
      <c r="B3048" t="s">
        <v>936</v>
      </c>
      <c r="C3048" t="s">
        <v>676</v>
      </c>
      <c r="D3048">
        <v>4</v>
      </c>
      <c r="E3048" t="s">
        <v>676</v>
      </c>
      <c r="F3048" t="s">
        <v>4164</v>
      </c>
      <c r="G3048" t="s">
        <v>656</v>
      </c>
      <c r="H3048">
        <v>2</v>
      </c>
      <c r="I3048">
        <v>2020</v>
      </c>
    </row>
    <row r="3049" spans="1:9" x14ac:dyDescent="0.25">
      <c r="A3049">
        <v>3789</v>
      </c>
      <c r="B3049" t="s">
        <v>1115</v>
      </c>
      <c r="C3049" t="s">
        <v>868</v>
      </c>
      <c r="D3049">
        <v>23</v>
      </c>
      <c r="E3049" t="s">
        <v>4178</v>
      </c>
      <c r="F3049" t="s">
        <v>4177</v>
      </c>
      <c r="G3049" t="s">
        <v>656</v>
      </c>
      <c r="H3049">
        <v>2</v>
      </c>
      <c r="I3049">
        <v>2020</v>
      </c>
    </row>
    <row r="3050" spans="1:9" x14ac:dyDescent="0.25">
      <c r="A3050">
        <v>3792</v>
      </c>
      <c r="B3050" t="s">
        <v>1114</v>
      </c>
      <c r="C3050" t="s">
        <v>679</v>
      </c>
      <c r="D3050">
        <v>32</v>
      </c>
      <c r="E3050" t="s">
        <v>4175</v>
      </c>
      <c r="F3050" t="s">
        <v>4171</v>
      </c>
      <c r="G3050" t="s">
        <v>656</v>
      </c>
      <c r="H3050">
        <v>2</v>
      </c>
      <c r="I3050">
        <v>2020</v>
      </c>
    </row>
    <row r="3051" spans="1:9" x14ac:dyDescent="0.25">
      <c r="A3051">
        <v>3795</v>
      </c>
      <c r="B3051" t="s">
        <v>733</v>
      </c>
      <c r="C3051" t="s">
        <v>295</v>
      </c>
      <c r="D3051">
        <v>30</v>
      </c>
      <c r="E3051" t="s">
        <v>4179</v>
      </c>
      <c r="F3051" t="s">
        <v>4177</v>
      </c>
      <c r="G3051" t="s">
        <v>656</v>
      </c>
      <c r="H3051">
        <v>2</v>
      </c>
      <c r="I3051">
        <v>2020</v>
      </c>
    </row>
    <row r="3052" spans="1:9" x14ac:dyDescent="0.25">
      <c r="A3052">
        <v>3798</v>
      </c>
      <c r="B3052" t="s">
        <v>1113</v>
      </c>
      <c r="C3052" t="s">
        <v>295</v>
      </c>
      <c r="D3052">
        <v>30</v>
      </c>
      <c r="E3052" t="s">
        <v>4179</v>
      </c>
      <c r="F3052" t="s">
        <v>4177</v>
      </c>
      <c r="G3052" t="s">
        <v>656</v>
      </c>
      <c r="H3052">
        <v>2</v>
      </c>
      <c r="I3052">
        <v>2020</v>
      </c>
    </row>
    <row r="3053" spans="1:9" x14ac:dyDescent="0.25">
      <c r="A3053">
        <v>3801</v>
      </c>
      <c r="B3053" t="s">
        <v>1112</v>
      </c>
      <c r="C3053" t="s">
        <v>807</v>
      </c>
      <c r="D3053">
        <v>25</v>
      </c>
      <c r="E3053" t="s">
        <v>4179</v>
      </c>
      <c r="F3053" t="s">
        <v>4177</v>
      </c>
      <c r="G3053" t="s">
        <v>656</v>
      </c>
      <c r="H3053">
        <v>2</v>
      </c>
      <c r="I3053">
        <v>2020</v>
      </c>
    </row>
    <row r="3054" spans="1:9" x14ac:dyDescent="0.25">
      <c r="A3054">
        <v>3804</v>
      </c>
      <c r="B3054" t="s">
        <v>1161</v>
      </c>
      <c r="C3054" t="s">
        <v>864</v>
      </c>
      <c r="D3054">
        <v>14</v>
      </c>
      <c r="E3054" t="s">
        <v>864</v>
      </c>
      <c r="F3054" t="s">
        <v>4171</v>
      </c>
      <c r="G3054" t="s">
        <v>656</v>
      </c>
      <c r="H3054">
        <v>2</v>
      </c>
      <c r="I3054">
        <v>2020</v>
      </c>
    </row>
    <row r="3055" spans="1:9" x14ac:dyDescent="0.25">
      <c r="A3055">
        <v>3807</v>
      </c>
      <c r="B3055" t="s">
        <v>1190</v>
      </c>
      <c r="C3055" t="s">
        <v>864</v>
      </c>
      <c r="D3055">
        <v>14</v>
      </c>
      <c r="E3055" t="s">
        <v>864</v>
      </c>
      <c r="F3055" t="s">
        <v>4171</v>
      </c>
      <c r="G3055" t="s">
        <v>656</v>
      </c>
      <c r="H3055">
        <v>2</v>
      </c>
      <c r="I3055">
        <v>2020</v>
      </c>
    </row>
    <row r="3056" spans="1:9" x14ac:dyDescent="0.25">
      <c r="A3056">
        <v>3810</v>
      </c>
      <c r="B3056" t="s">
        <v>1189</v>
      </c>
      <c r="C3056" t="s">
        <v>864</v>
      </c>
      <c r="D3056">
        <v>14</v>
      </c>
      <c r="E3056" t="s">
        <v>864</v>
      </c>
      <c r="F3056" t="s">
        <v>4171</v>
      </c>
      <c r="G3056" t="s">
        <v>656</v>
      </c>
      <c r="H3056">
        <v>2</v>
      </c>
      <c r="I3056">
        <v>2020</v>
      </c>
    </row>
    <row r="3057" spans="1:9" x14ac:dyDescent="0.25">
      <c r="A3057">
        <v>3813</v>
      </c>
      <c r="B3057" t="s">
        <v>1175</v>
      </c>
      <c r="C3057" t="s">
        <v>864</v>
      </c>
      <c r="D3057">
        <v>14</v>
      </c>
      <c r="E3057" t="s">
        <v>864</v>
      </c>
      <c r="F3057" t="s">
        <v>4171</v>
      </c>
      <c r="G3057" t="s">
        <v>656</v>
      </c>
      <c r="H3057">
        <v>2</v>
      </c>
      <c r="I3057">
        <v>2020</v>
      </c>
    </row>
    <row r="3058" spans="1:9" x14ac:dyDescent="0.25">
      <c r="A3058">
        <v>3816</v>
      </c>
      <c r="B3058" t="s">
        <v>1111</v>
      </c>
      <c r="C3058" t="s">
        <v>864</v>
      </c>
      <c r="D3058">
        <v>14</v>
      </c>
      <c r="E3058" t="s">
        <v>864</v>
      </c>
      <c r="F3058" t="s">
        <v>4171</v>
      </c>
      <c r="G3058" t="s">
        <v>656</v>
      </c>
      <c r="H3058">
        <v>2</v>
      </c>
      <c r="I3058">
        <v>2020</v>
      </c>
    </row>
    <row r="3059" spans="1:9" x14ac:dyDescent="0.25">
      <c r="A3059">
        <v>3819</v>
      </c>
      <c r="B3059" t="s">
        <v>1110</v>
      </c>
      <c r="C3059" t="s">
        <v>868</v>
      </c>
      <c r="D3059">
        <v>23</v>
      </c>
      <c r="E3059" t="s">
        <v>4178</v>
      </c>
      <c r="F3059" t="s">
        <v>4177</v>
      </c>
      <c r="G3059" t="s">
        <v>656</v>
      </c>
      <c r="H3059">
        <v>2</v>
      </c>
      <c r="I3059">
        <v>2020</v>
      </c>
    </row>
    <row r="3060" spans="1:9" x14ac:dyDescent="0.25">
      <c r="A3060">
        <v>3822</v>
      </c>
      <c r="B3060" t="s">
        <v>1109</v>
      </c>
      <c r="C3060" t="s">
        <v>65</v>
      </c>
      <c r="D3060">
        <v>15</v>
      </c>
      <c r="E3060" t="s">
        <v>4176</v>
      </c>
      <c r="F3060" t="s">
        <v>4177</v>
      </c>
      <c r="G3060" t="s">
        <v>656</v>
      </c>
      <c r="H3060">
        <v>2</v>
      </c>
      <c r="I3060">
        <v>2020</v>
      </c>
    </row>
    <row r="3061" spans="1:9" x14ac:dyDescent="0.25">
      <c r="A3061">
        <v>3825</v>
      </c>
      <c r="B3061" t="s">
        <v>1229</v>
      </c>
      <c r="C3061" t="s">
        <v>831</v>
      </c>
      <c r="D3061">
        <v>5</v>
      </c>
      <c r="E3061" t="s">
        <v>831</v>
      </c>
      <c r="F3061" t="s">
        <v>4168</v>
      </c>
      <c r="G3061" t="s">
        <v>656</v>
      </c>
      <c r="H3061">
        <v>2</v>
      </c>
      <c r="I3061">
        <v>2020</v>
      </c>
    </row>
    <row r="3062" spans="1:9" x14ac:dyDescent="0.25">
      <c r="A3062">
        <v>3828</v>
      </c>
      <c r="B3062" t="s">
        <v>1198</v>
      </c>
      <c r="C3062" t="s">
        <v>831</v>
      </c>
      <c r="D3062">
        <v>5</v>
      </c>
      <c r="E3062" t="s">
        <v>831</v>
      </c>
      <c r="F3062" t="s">
        <v>4168</v>
      </c>
      <c r="G3062" t="s">
        <v>656</v>
      </c>
      <c r="H3062">
        <v>2</v>
      </c>
      <c r="I3062">
        <v>2020</v>
      </c>
    </row>
    <row r="3063" spans="1:9" x14ac:dyDescent="0.25">
      <c r="A3063">
        <v>3831</v>
      </c>
      <c r="B3063" t="s">
        <v>1108</v>
      </c>
      <c r="C3063" t="s">
        <v>831</v>
      </c>
      <c r="D3063">
        <v>5</v>
      </c>
      <c r="E3063" t="s">
        <v>831</v>
      </c>
      <c r="F3063" t="s">
        <v>4168</v>
      </c>
      <c r="G3063" t="s">
        <v>656</v>
      </c>
      <c r="H3063">
        <v>2</v>
      </c>
      <c r="I3063">
        <v>2020</v>
      </c>
    </row>
    <row r="3064" spans="1:9" x14ac:dyDescent="0.25">
      <c r="A3064">
        <v>3834</v>
      </c>
      <c r="B3064" t="s">
        <v>1185</v>
      </c>
      <c r="C3064" t="s">
        <v>831</v>
      </c>
      <c r="D3064">
        <v>5</v>
      </c>
      <c r="E3064" t="s">
        <v>831</v>
      </c>
      <c r="F3064" t="s">
        <v>4168</v>
      </c>
      <c r="G3064" t="s">
        <v>656</v>
      </c>
      <c r="H3064">
        <v>2</v>
      </c>
      <c r="I3064">
        <v>2020</v>
      </c>
    </row>
    <row r="3065" spans="1:9" x14ac:dyDescent="0.25">
      <c r="A3065">
        <v>3840</v>
      </c>
      <c r="B3065" t="s">
        <v>1152</v>
      </c>
      <c r="C3065" t="s">
        <v>730</v>
      </c>
      <c r="D3065">
        <v>66</v>
      </c>
      <c r="E3065" t="s">
        <v>4193</v>
      </c>
      <c r="F3065" t="s">
        <v>4189</v>
      </c>
      <c r="G3065" t="s">
        <v>656</v>
      </c>
      <c r="H3065">
        <v>2</v>
      </c>
      <c r="I3065">
        <v>2020</v>
      </c>
    </row>
    <row r="3066" spans="1:9" x14ac:dyDescent="0.25">
      <c r="A3066">
        <v>3843</v>
      </c>
      <c r="B3066" t="s">
        <v>1107</v>
      </c>
      <c r="C3066" t="s">
        <v>730</v>
      </c>
      <c r="D3066">
        <v>66</v>
      </c>
      <c r="E3066" t="s">
        <v>4193</v>
      </c>
      <c r="F3066" t="s">
        <v>4189</v>
      </c>
      <c r="G3066" t="s">
        <v>656</v>
      </c>
      <c r="H3066">
        <v>2</v>
      </c>
      <c r="I3066">
        <v>2020</v>
      </c>
    </row>
    <row r="3067" spans="1:9" x14ac:dyDescent="0.25">
      <c r="A3067">
        <v>3846</v>
      </c>
      <c r="B3067" t="s">
        <v>1106</v>
      </c>
      <c r="C3067" t="s">
        <v>710</v>
      </c>
      <c r="D3067">
        <v>53</v>
      </c>
      <c r="E3067" t="s">
        <v>4198</v>
      </c>
      <c r="F3067" t="s">
        <v>4189</v>
      </c>
      <c r="G3067" t="s">
        <v>656</v>
      </c>
      <c r="H3067">
        <v>2</v>
      </c>
      <c r="I3067">
        <v>2020</v>
      </c>
    </row>
    <row r="3068" spans="1:9" x14ac:dyDescent="0.25">
      <c r="A3068">
        <v>3849</v>
      </c>
      <c r="B3068" t="s">
        <v>1105</v>
      </c>
      <c r="C3068" t="s">
        <v>710</v>
      </c>
      <c r="D3068">
        <v>53</v>
      </c>
      <c r="E3068" t="s">
        <v>4198</v>
      </c>
      <c r="F3068" t="s">
        <v>4189</v>
      </c>
      <c r="G3068" t="s">
        <v>656</v>
      </c>
      <c r="H3068">
        <v>2</v>
      </c>
      <c r="I3068">
        <v>2020</v>
      </c>
    </row>
    <row r="3069" spans="1:9" x14ac:dyDescent="0.25">
      <c r="A3069">
        <v>3852</v>
      </c>
      <c r="B3069" t="s">
        <v>1104</v>
      </c>
      <c r="C3069" t="s">
        <v>695</v>
      </c>
      <c r="D3069">
        <v>54</v>
      </c>
      <c r="E3069" t="s">
        <v>4198</v>
      </c>
      <c r="F3069" t="s">
        <v>4189</v>
      </c>
      <c r="G3069" t="s">
        <v>656</v>
      </c>
      <c r="H3069">
        <v>2</v>
      </c>
      <c r="I3069">
        <v>2020</v>
      </c>
    </row>
    <row r="3070" spans="1:9" x14ac:dyDescent="0.25">
      <c r="A3070">
        <v>3855</v>
      </c>
      <c r="B3070" t="s">
        <v>1103</v>
      </c>
      <c r="C3070" t="s">
        <v>742</v>
      </c>
      <c r="D3070">
        <v>48</v>
      </c>
      <c r="E3070" t="s">
        <v>4165</v>
      </c>
      <c r="F3070" t="s">
        <v>4164</v>
      </c>
      <c r="G3070" t="s">
        <v>656</v>
      </c>
      <c r="H3070">
        <v>2</v>
      </c>
      <c r="I3070">
        <v>2020</v>
      </c>
    </row>
    <row r="3071" spans="1:9" x14ac:dyDescent="0.25">
      <c r="A3071">
        <v>3858</v>
      </c>
      <c r="B3071" t="s">
        <v>1102</v>
      </c>
      <c r="C3071" t="s">
        <v>885</v>
      </c>
      <c r="D3071">
        <v>1</v>
      </c>
      <c r="E3071" t="s">
        <v>885</v>
      </c>
      <c r="F3071" t="s">
        <v>4164</v>
      </c>
      <c r="G3071" t="s">
        <v>656</v>
      </c>
      <c r="H3071">
        <v>2</v>
      </c>
      <c r="I3071">
        <v>2020</v>
      </c>
    </row>
    <row r="3072" spans="1:9" x14ac:dyDescent="0.25">
      <c r="A3072">
        <v>3861</v>
      </c>
      <c r="B3072" t="s">
        <v>1156</v>
      </c>
      <c r="C3072" t="s">
        <v>885</v>
      </c>
      <c r="D3072">
        <v>1</v>
      </c>
      <c r="E3072" t="s">
        <v>885</v>
      </c>
      <c r="F3072" t="s">
        <v>4164</v>
      </c>
      <c r="G3072" t="s">
        <v>656</v>
      </c>
      <c r="H3072">
        <v>2</v>
      </c>
      <c r="I3072">
        <v>2020</v>
      </c>
    </row>
    <row r="3073" spans="1:9" x14ac:dyDescent="0.25">
      <c r="A3073">
        <v>3864</v>
      </c>
      <c r="B3073" t="s">
        <v>1155</v>
      </c>
      <c r="C3073" t="s">
        <v>885</v>
      </c>
      <c r="D3073">
        <v>1</v>
      </c>
      <c r="E3073" t="s">
        <v>885</v>
      </c>
      <c r="F3073" t="s">
        <v>4164</v>
      </c>
      <c r="G3073" t="s">
        <v>656</v>
      </c>
      <c r="H3073">
        <v>2</v>
      </c>
      <c r="I3073">
        <v>2020</v>
      </c>
    </row>
    <row r="3074" spans="1:9" x14ac:dyDescent="0.25">
      <c r="A3074">
        <v>3867</v>
      </c>
      <c r="B3074" t="s">
        <v>1101</v>
      </c>
      <c r="C3074" t="s">
        <v>885</v>
      </c>
      <c r="D3074">
        <v>1</v>
      </c>
      <c r="E3074" t="s">
        <v>885</v>
      </c>
      <c r="F3074" t="s">
        <v>4164</v>
      </c>
      <c r="G3074" t="s">
        <v>656</v>
      </c>
      <c r="H3074">
        <v>2</v>
      </c>
      <c r="I3074">
        <v>2020</v>
      </c>
    </row>
    <row r="3075" spans="1:9" x14ac:dyDescent="0.25">
      <c r="A3075">
        <v>3870</v>
      </c>
      <c r="B3075" t="s">
        <v>1100</v>
      </c>
      <c r="C3075" t="s">
        <v>885</v>
      </c>
      <c r="D3075">
        <v>1</v>
      </c>
      <c r="E3075" t="s">
        <v>885</v>
      </c>
      <c r="F3075" t="s">
        <v>4164</v>
      </c>
      <c r="G3075" t="s">
        <v>656</v>
      </c>
      <c r="H3075">
        <v>2</v>
      </c>
      <c r="I3075">
        <v>2020</v>
      </c>
    </row>
    <row r="3076" spans="1:9" x14ac:dyDescent="0.25">
      <c r="A3076">
        <v>3873</v>
      </c>
      <c r="B3076" t="s">
        <v>1099</v>
      </c>
      <c r="C3076" t="s">
        <v>831</v>
      </c>
      <c r="D3076">
        <v>5</v>
      </c>
      <c r="E3076" t="s">
        <v>831</v>
      </c>
      <c r="F3076" t="s">
        <v>4168</v>
      </c>
      <c r="G3076" t="s">
        <v>656</v>
      </c>
      <c r="H3076">
        <v>2</v>
      </c>
      <c r="I3076">
        <v>2020</v>
      </c>
    </row>
    <row r="3077" spans="1:9" x14ac:dyDescent="0.25">
      <c r="A3077">
        <v>3876</v>
      </c>
      <c r="B3077" t="s">
        <v>1264</v>
      </c>
      <c r="C3077" t="s">
        <v>301</v>
      </c>
      <c r="D3077">
        <v>26</v>
      </c>
      <c r="E3077" t="s">
        <v>4179</v>
      </c>
      <c r="F3077" t="s">
        <v>4177</v>
      </c>
      <c r="G3077" t="s">
        <v>669</v>
      </c>
      <c r="H3077">
        <v>1</v>
      </c>
      <c r="I3077">
        <v>2020</v>
      </c>
    </row>
    <row r="3078" spans="1:9" x14ac:dyDescent="0.25">
      <c r="A3078">
        <v>3879</v>
      </c>
      <c r="B3078" t="s">
        <v>1268</v>
      </c>
      <c r="C3078" t="s">
        <v>730</v>
      </c>
      <c r="D3078">
        <v>66</v>
      </c>
      <c r="E3078" t="s">
        <v>4193</v>
      </c>
      <c r="F3078" t="s">
        <v>4189</v>
      </c>
      <c r="G3078" t="s">
        <v>669</v>
      </c>
      <c r="H3078">
        <v>1</v>
      </c>
      <c r="I3078">
        <v>2020</v>
      </c>
    </row>
    <row r="3079" spans="1:9" x14ac:dyDescent="0.25">
      <c r="A3079">
        <v>3882</v>
      </c>
      <c r="B3079" t="s">
        <v>1225</v>
      </c>
      <c r="C3079" t="s">
        <v>693</v>
      </c>
      <c r="D3079">
        <v>56</v>
      </c>
      <c r="E3079" t="s">
        <v>4193</v>
      </c>
      <c r="F3079" t="s">
        <v>4189</v>
      </c>
      <c r="G3079" t="s">
        <v>669</v>
      </c>
      <c r="H3079">
        <v>1</v>
      </c>
      <c r="I3079">
        <v>2020</v>
      </c>
    </row>
    <row r="3080" spans="1:9" x14ac:dyDescent="0.25">
      <c r="A3080">
        <v>3885</v>
      </c>
      <c r="B3080" t="s">
        <v>1262</v>
      </c>
      <c r="C3080" t="s">
        <v>880</v>
      </c>
      <c r="D3080">
        <v>58</v>
      </c>
      <c r="E3080" t="s">
        <v>4188</v>
      </c>
      <c r="F3080" t="s">
        <v>4189</v>
      </c>
      <c r="G3080" t="s">
        <v>669</v>
      </c>
      <c r="H3080">
        <v>1</v>
      </c>
      <c r="I3080">
        <v>2020</v>
      </c>
    </row>
    <row r="3081" spans="1:9" x14ac:dyDescent="0.25">
      <c r="A3081">
        <v>3888</v>
      </c>
      <c r="B3081" t="s">
        <v>1165</v>
      </c>
      <c r="C3081" t="s">
        <v>695</v>
      </c>
      <c r="D3081">
        <v>54</v>
      </c>
      <c r="E3081" t="s">
        <v>4198</v>
      </c>
      <c r="F3081" t="s">
        <v>4189</v>
      </c>
      <c r="G3081" t="s">
        <v>669</v>
      </c>
      <c r="H3081">
        <v>1</v>
      </c>
      <c r="I3081">
        <v>2020</v>
      </c>
    </row>
    <row r="3082" spans="1:9" x14ac:dyDescent="0.25">
      <c r="A3082">
        <v>3891</v>
      </c>
      <c r="B3082" t="s">
        <v>1254</v>
      </c>
      <c r="C3082" t="s">
        <v>1028</v>
      </c>
      <c r="D3082">
        <v>33</v>
      </c>
      <c r="E3082" t="s">
        <v>4175</v>
      </c>
      <c r="F3082" t="s">
        <v>4171</v>
      </c>
      <c r="G3082" t="s">
        <v>669</v>
      </c>
      <c r="H3082">
        <v>1</v>
      </c>
      <c r="I3082">
        <v>2020</v>
      </c>
    </row>
    <row r="3083" spans="1:9" x14ac:dyDescent="0.25">
      <c r="A3083">
        <v>3894</v>
      </c>
      <c r="B3083" t="s">
        <v>1136</v>
      </c>
      <c r="C3083" t="s">
        <v>831</v>
      </c>
      <c r="D3083">
        <v>5</v>
      </c>
      <c r="E3083" t="s">
        <v>831</v>
      </c>
      <c r="F3083" t="s">
        <v>4168</v>
      </c>
      <c r="G3083" t="s">
        <v>669</v>
      </c>
      <c r="H3083">
        <v>1</v>
      </c>
      <c r="I3083">
        <v>2020</v>
      </c>
    </row>
    <row r="3084" spans="1:9" x14ac:dyDescent="0.25">
      <c r="A3084">
        <v>3276</v>
      </c>
      <c r="B3084" t="s">
        <v>4817</v>
      </c>
      <c r="C3084" t="s">
        <v>1011</v>
      </c>
      <c r="D3084">
        <v>17</v>
      </c>
      <c r="E3084" t="s">
        <v>703</v>
      </c>
      <c r="F3084" t="s">
        <v>4177</v>
      </c>
      <c r="G3084" t="s">
        <v>656</v>
      </c>
      <c r="H3084">
        <v>2</v>
      </c>
      <c r="I3084">
        <v>2020</v>
      </c>
    </row>
    <row r="3085" spans="1:9" x14ac:dyDescent="0.25">
      <c r="A3085">
        <v>2751</v>
      </c>
      <c r="B3085" t="s">
        <v>4818</v>
      </c>
      <c r="C3085" t="s">
        <v>1011</v>
      </c>
      <c r="D3085">
        <v>17</v>
      </c>
      <c r="E3085" t="s">
        <v>703</v>
      </c>
      <c r="F3085" t="s">
        <v>4177</v>
      </c>
      <c r="G3085" t="s">
        <v>656</v>
      </c>
      <c r="H3085">
        <v>2</v>
      </c>
      <c r="I3085">
        <v>2020</v>
      </c>
    </row>
    <row r="3086" spans="1:9" x14ac:dyDescent="0.25">
      <c r="A3086">
        <v>2750</v>
      </c>
      <c r="B3086" t="s">
        <v>4819</v>
      </c>
      <c r="C3086" t="s">
        <v>1011</v>
      </c>
      <c r="D3086">
        <v>17</v>
      </c>
      <c r="E3086" t="s">
        <v>703</v>
      </c>
      <c r="F3086" t="s">
        <v>4177</v>
      </c>
      <c r="G3086" t="s">
        <v>656</v>
      </c>
      <c r="H3086">
        <v>2</v>
      </c>
      <c r="I3086">
        <v>2020</v>
      </c>
    </row>
    <row r="3087" spans="1:9" x14ac:dyDescent="0.25">
      <c r="A3087">
        <v>2749</v>
      </c>
      <c r="B3087" t="s">
        <v>4820</v>
      </c>
      <c r="C3087" t="s">
        <v>1011</v>
      </c>
      <c r="D3087">
        <v>17</v>
      </c>
      <c r="E3087" t="s">
        <v>703</v>
      </c>
      <c r="F3087" t="s">
        <v>4177</v>
      </c>
      <c r="G3087" t="s">
        <v>656</v>
      </c>
      <c r="H3087">
        <v>2</v>
      </c>
      <c r="I3087">
        <v>2020</v>
      </c>
    </row>
    <row r="3088" spans="1:9" x14ac:dyDescent="0.25">
      <c r="A3088">
        <v>2748</v>
      </c>
      <c r="B3088" t="s">
        <v>1278</v>
      </c>
      <c r="C3088" t="s">
        <v>1011</v>
      </c>
      <c r="D3088">
        <v>17</v>
      </c>
      <c r="E3088" t="s">
        <v>703</v>
      </c>
      <c r="F3088" t="s">
        <v>4177</v>
      </c>
      <c r="G3088" t="s">
        <v>656</v>
      </c>
      <c r="H3088">
        <v>2</v>
      </c>
      <c r="I3088">
        <v>2020</v>
      </c>
    </row>
    <row r="3089" spans="1:9" x14ac:dyDescent="0.25">
      <c r="A3089">
        <v>2743</v>
      </c>
      <c r="B3089" t="s">
        <v>1279</v>
      </c>
      <c r="C3089" t="s">
        <v>1011</v>
      </c>
      <c r="D3089">
        <v>17</v>
      </c>
      <c r="E3089" t="s">
        <v>703</v>
      </c>
      <c r="F3089" t="s">
        <v>4177</v>
      </c>
      <c r="G3089" t="s">
        <v>656</v>
      </c>
      <c r="H3089">
        <v>2</v>
      </c>
      <c r="I3089">
        <v>2020</v>
      </c>
    </row>
    <row r="3090" spans="1:9" x14ac:dyDescent="0.25">
      <c r="A3090">
        <v>2742</v>
      </c>
      <c r="B3090" t="s">
        <v>1280</v>
      </c>
      <c r="C3090" t="s">
        <v>1011</v>
      </c>
      <c r="D3090">
        <v>17</v>
      </c>
      <c r="E3090" t="s">
        <v>703</v>
      </c>
      <c r="F3090" t="s">
        <v>4177</v>
      </c>
      <c r="G3090" t="s">
        <v>656</v>
      </c>
      <c r="H3090">
        <v>2</v>
      </c>
      <c r="I3090">
        <v>2020</v>
      </c>
    </row>
    <row r="3091" spans="1:9" x14ac:dyDescent="0.25">
      <c r="A3091">
        <v>2741</v>
      </c>
      <c r="B3091" t="s">
        <v>1281</v>
      </c>
      <c r="C3091" t="s">
        <v>1011</v>
      </c>
      <c r="D3091">
        <v>17</v>
      </c>
      <c r="E3091" t="s">
        <v>703</v>
      </c>
      <c r="F3091" t="s">
        <v>4177</v>
      </c>
      <c r="G3091" t="s">
        <v>656</v>
      </c>
      <c r="H3091">
        <v>2</v>
      </c>
      <c r="I3091">
        <v>2020</v>
      </c>
    </row>
    <row r="3092" spans="1:9" x14ac:dyDescent="0.25">
      <c r="A3092">
        <v>2394</v>
      </c>
      <c r="B3092" t="s">
        <v>1283</v>
      </c>
      <c r="C3092" t="s">
        <v>1011</v>
      </c>
      <c r="D3092">
        <v>17</v>
      </c>
      <c r="E3092" t="s">
        <v>703</v>
      </c>
      <c r="F3092" t="s">
        <v>4177</v>
      </c>
      <c r="G3092" t="s">
        <v>656</v>
      </c>
      <c r="H3092">
        <v>2</v>
      </c>
      <c r="I3092">
        <v>2020</v>
      </c>
    </row>
    <row r="3093" spans="1:9" x14ac:dyDescent="0.25">
      <c r="A3093">
        <v>2323</v>
      </c>
      <c r="B3093" t="s">
        <v>1287</v>
      </c>
      <c r="C3093" t="s">
        <v>1011</v>
      </c>
      <c r="D3093">
        <v>17</v>
      </c>
      <c r="E3093" t="s">
        <v>703</v>
      </c>
      <c r="F3093" t="s">
        <v>4177</v>
      </c>
      <c r="G3093" t="s">
        <v>656</v>
      </c>
      <c r="H3093">
        <v>2</v>
      </c>
      <c r="I3093">
        <v>2020</v>
      </c>
    </row>
    <row r="3094" spans="1:9" x14ac:dyDescent="0.25">
      <c r="A3094">
        <v>2254</v>
      </c>
      <c r="B3094" t="s">
        <v>1272</v>
      </c>
      <c r="C3094" t="s">
        <v>1011</v>
      </c>
      <c r="D3094">
        <v>17</v>
      </c>
      <c r="E3094" t="s">
        <v>703</v>
      </c>
      <c r="F3094" t="s">
        <v>4177</v>
      </c>
      <c r="G3094" t="s">
        <v>656</v>
      </c>
      <c r="H3094">
        <v>2</v>
      </c>
      <c r="I3094">
        <v>2020</v>
      </c>
    </row>
    <row r="3095" spans="1:9" x14ac:dyDescent="0.25">
      <c r="A3095">
        <v>2043</v>
      </c>
      <c r="B3095" t="s">
        <v>1289</v>
      </c>
      <c r="C3095" t="s">
        <v>1011</v>
      </c>
      <c r="D3095">
        <v>17</v>
      </c>
      <c r="E3095" t="s">
        <v>703</v>
      </c>
      <c r="F3095" t="s">
        <v>4177</v>
      </c>
      <c r="G3095" t="s">
        <v>656</v>
      </c>
      <c r="H3095">
        <v>2</v>
      </c>
      <c r="I3095">
        <v>2020</v>
      </c>
    </row>
    <row r="3096" spans="1:9" x14ac:dyDescent="0.25">
      <c r="A3096">
        <v>2042</v>
      </c>
      <c r="B3096" t="s">
        <v>1290</v>
      </c>
      <c r="C3096" t="s">
        <v>1011</v>
      </c>
      <c r="D3096">
        <v>17</v>
      </c>
      <c r="E3096" t="s">
        <v>703</v>
      </c>
      <c r="F3096" t="s">
        <v>4177</v>
      </c>
      <c r="G3096" t="s">
        <v>656</v>
      </c>
      <c r="H3096">
        <v>2</v>
      </c>
      <c r="I3096">
        <v>2020</v>
      </c>
    </row>
    <row r="3097" spans="1:9" x14ac:dyDescent="0.25">
      <c r="A3097">
        <v>2041</v>
      </c>
      <c r="B3097" t="s">
        <v>1291</v>
      </c>
      <c r="C3097" t="s">
        <v>1011</v>
      </c>
      <c r="D3097">
        <v>17</v>
      </c>
      <c r="E3097" t="s">
        <v>703</v>
      </c>
      <c r="F3097" t="s">
        <v>4177</v>
      </c>
      <c r="G3097" t="s">
        <v>656</v>
      </c>
      <c r="H3097">
        <v>2</v>
      </c>
      <c r="I3097">
        <v>2020</v>
      </c>
    </row>
    <row r="3098" spans="1:9" x14ac:dyDescent="0.25">
      <c r="A3098">
        <v>2040</v>
      </c>
      <c r="B3098" t="s">
        <v>1292</v>
      </c>
      <c r="C3098" t="s">
        <v>1011</v>
      </c>
      <c r="D3098">
        <v>17</v>
      </c>
      <c r="E3098" t="s">
        <v>703</v>
      </c>
      <c r="F3098" t="s">
        <v>4177</v>
      </c>
      <c r="G3098" t="s">
        <v>656</v>
      </c>
      <c r="H3098">
        <v>2</v>
      </c>
      <c r="I3098">
        <v>2020</v>
      </c>
    </row>
    <row r="3099" spans="1:9" x14ac:dyDescent="0.25">
      <c r="A3099">
        <v>1553</v>
      </c>
      <c r="B3099" t="s">
        <v>1293</v>
      </c>
      <c r="C3099" t="s">
        <v>1011</v>
      </c>
      <c r="D3099">
        <v>17</v>
      </c>
      <c r="E3099" t="s">
        <v>703</v>
      </c>
      <c r="F3099" t="s">
        <v>4177</v>
      </c>
      <c r="G3099" t="s">
        <v>656</v>
      </c>
      <c r="H3099">
        <v>2</v>
      </c>
      <c r="I3099">
        <v>2020</v>
      </c>
    </row>
    <row r="3100" spans="1:9" x14ac:dyDescent="0.25">
      <c r="A3100">
        <v>1552</v>
      </c>
      <c r="B3100" t="s">
        <v>4821</v>
      </c>
      <c r="C3100" t="s">
        <v>1011</v>
      </c>
      <c r="D3100">
        <v>17</v>
      </c>
      <c r="E3100" t="s">
        <v>703</v>
      </c>
      <c r="F3100" t="s">
        <v>4177</v>
      </c>
      <c r="G3100" t="s">
        <v>656</v>
      </c>
      <c r="H3100">
        <v>2</v>
      </c>
      <c r="I3100">
        <v>2020</v>
      </c>
    </row>
    <row r="3101" spans="1:9" x14ac:dyDescent="0.25">
      <c r="A3101">
        <v>1551</v>
      </c>
      <c r="B3101" t="s">
        <v>1288</v>
      </c>
      <c r="C3101" t="s">
        <v>1011</v>
      </c>
      <c r="D3101">
        <v>17</v>
      </c>
      <c r="E3101" t="s">
        <v>703</v>
      </c>
      <c r="F3101" t="s">
        <v>4177</v>
      </c>
      <c r="G3101" t="s">
        <v>656</v>
      </c>
      <c r="H3101">
        <v>2</v>
      </c>
      <c r="I3101">
        <v>2020</v>
      </c>
    </row>
    <row r="3102" spans="1:9" x14ac:dyDescent="0.25">
      <c r="A3102">
        <v>1550</v>
      </c>
      <c r="B3102" t="s">
        <v>1294</v>
      </c>
      <c r="C3102" t="s">
        <v>1011</v>
      </c>
      <c r="D3102">
        <v>17</v>
      </c>
      <c r="E3102" t="s">
        <v>703</v>
      </c>
      <c r="F3102" t="s">
        <v>4177</v>
      </c>
      <c r="G3102" t="s">
        <v>656</v>
      </c>
      <c r="H3102">
        <v>2</v>
      </c>
      <c r="I3102">
        <v>2020</v>
      </c>
    </row>
    <row r="3103" spans="1:9" x14ac:dyDescent="0.25">
      <c r="A3103">
        <v>1549</v>
      </c>
      <c r="B3103" t="s">
        <v>1286</v>
      </c>
      <c r="C3103" t="s">
        <v>1011</v>
      </c>
      <c r="D3103">
        <v>17</v>
      </c>
      <c r="E3103" t="s">
        <v>703</v>
      </c>
      <c r="F3103" t="s">
        <v>4177</v>
      </c>
      <c r="G3103" t="s">
        <v>656</v>
      </c>
      <c r="H3103">
        <v>2</v>
      </c>
      <c r="I3103">
        <v>2020</v>
      </c>
    </row>
    <row r="3104" spans="1:9" x14ac:dyDescent="0.25">
      <c r="A3104">
        <v>1548</v>
      </c>
      <c r="B3104" t="s">
        <v>1036</v>
      </c>
      <c r="C3104" t="s">
        <v>1011</v>
      </c>
      <c r="D3104">
        <v>17</v>
      </c>
      <c r="E3104" t="s">
        <v>703</v>
      </c>
      <c r="F3104" t="s">
        <v>4177</v>
      </c>
      <c r="G3104" t="s">
        <v>656</v>
      </c>
      <c r="H3104">
        <v>2</v>
      </c>
      <c r="I3104">
        <v>2020</v>
      </c>
    </row>
    <row r="3105" spans="1:9" x14ac:dyDescent="0.25">
      <c r="A3105">
        <v>1547</v>
      </c>
      <c r="B3105" t="s">
        <v>1285</v>
      </c>
      <c r="C3105" t="s">
        <v>1011</v>
      </c>
      <c r="D3105">
        <v>17</v>
      </c>
      <c r="E3105" t="s">
        <v>703</v>
      </c>
      <c r="F3105" t="s">
        <v>4177</v>
      </c>
      <c r="G3105" t="s">
        <v>656</v>
      </c>
      <c r="H3105">
        <v>2</v>
      </c>
      <c r="I3105">
        <v>2020</v>
      </c>
    </row>
    <row r="3106" spans="1:9" x14ac:dyDescent="0.25">
      <c r="A3106">
        <v>1546</v>
      </c>
      <c r="B3106" t="s">
        <v>1284</v>
      </c>
      <c r="C3106" t="s">
        <v>1011</v>
      </c>
      <c r="D3106">
        <v>17</v>
      </c>
      <c r="E3106" t="s">
        <v>703</v>
      </c>
      <c r="F3106" t="s">
        <v>4177</v>
      </c>
      <c r="G3106" t="s">
        <v>656</v>
      </c>
      <c r="H3106">
        <v>2</v>
      </c>
      <c r="I3106">
        <v>2020</v>
      </c>
    </row>
    <row r="3107" spans="1:9" x14ac:dyDescent="0.25">
      <c r="A3107">
        <v>1545</v>
      </c>
      <c r="B3107" t="s">
        <v>4822</v>
      </c>
      <c r="C3107" t="s">
        <v>1011</v>
      </c>
      <c r="D3107">
        <v>17</v>
      </c>
      <c r="E3107" t="s">
        <v>703</v>
      </c>
      <c r="F3107" t="s">
        <v>4177</v>
      </c>
      <c r="G3107" t="s">
        <v>656</v>
      </c>
      <c r="H3107">
        <v>2</v>
      </c>
      <c r="I3107">
        <v>2020</v>
      </c>
    </row>
    <row r="3108" spans="1:9" x14ac:dyDescent="0.25">
      <c r="A3108">
        <v>1384</v>
      </c>
      <c r="B3108" t="s">
        <v>1282</v>
      </c>
      <c r="C3108" t="s">
        <v>1011</v>
      </c>
      <c r="D3108">
        <v>17</v>
      </c>
      <c r="E3108" t="s">
        <v>703</v>
      </c>
      <c r="F3108" t="s">
        <v>4177</v>
      </c>
      <c r="G3108" t="s">
        <v>656</v>
      </c>
      <c r="H3108">
        <v>2</v>
      </c>
      <c r="I3108">
        <v>2020</v>
      </c>
    </row>
    <row r="3109" spans="1:9" x14ac:dyDescent="0.25">
      <c r="A3109">
        <v>1302</v>
      </c>
      <c r="B3109" t="s">
        <v>1277</v>
      </c>
      <c r="C3109" t="s">
        <v>1011</v>
      </c>
      <c r="D3109">
        <v>17</v>
      </c>
      <c r="E3109" t="s">
        <v>703</v>
      </c>
      <c r="F3109" t="s">
        <v>4177</v>
      </c>
      <c r="G3109" t="s">
        <v>656</v>
      </c>
      <c r="H3109">
        <v>2</v>
      </c>
      <c r="I3109">
        <v>2020</v>
      </c>
    </row>
    <row r="3110" spans="1:9" x14ac:dyDescent="0.25">
      <c r="A3110">
        <v>921</v>
      </c>
      <c r="B3110" t="s">
        <v>4823</v>
      </c>
      <c r="C3110" t="s">
        <v>1011</v>
      </c>
      <c r="D3110">
        <v>17</v>
      </c>
      <c r="E3110" t="s">
        <v>703</v>
      </c>
      <c r="F3110" t="s">
        <v>4177</v>
      </c>
      <c r="G3110" t="s">
        <v>656</v>
      </c>
      <c r="H3110">
        <v>2</v>
      </c>
      <c r="I3110">
        <v>2020</v>
      </c>
    </row>
    <row r="3111" spans="1:9" x14ac:dyDescent="0.25">
      <c r="A3111">
        <v>912</v>
      </c>
      <c r="B3111" t="s">
        <v>1276</v>
      </c>
      <c r="C3111" t="s">
        <v>1011</v>
      </c>
      <c r="D3111">
        <v>17</v>
      </c>
      <c r="E3111" t="s">
        <v>703</v>
      </c>
      <c r="F3111" t="s">
        <v>4177</v>
      </c>
      <c r="G3111" t="s">
        <v>656</v>
      </c>
      <c r="H3111">
        <v>2</v>
      </c>
      <c r="I3111">
        <v>2020</v>
      </c>
    </row>
    <row r="3112" spans="1:9" x14ac:dyDescent="0.25">
      <c r="A3112">
        <v>911</v>
      </c>
      <c r="B3112" t="s">
        <v>1275</v>
      </c>
      <c r="C3112" t="s">
        <v>1011</v>
      </c>
      <c r="D3112">
        <v>17</v>
      </c>
      <c r="E3112" t="s">
        <v>703</v>
      </c>
      <c r="F3112" t="s">
        <v>4177</v>
      </c>
      <c r="G3112" t="s">
        <v>656</v>
      </c>
      <c r="H3112">
        <v>2</v>
      </c>
      <c r="I3112">
        <v>2020</v>
      </c>
    </row>
    <row r="3113" spans="1:9" x14ac:dyDescent="0.25">
      <c r="A3113">
        <v>910</v>
      </c>
      <c r="B3113" t="s">
        <v>1273</v>
      </c>
      <c r="C3113" t="s">
        <v>1011</v>
      </c>
      <c r="D3113">
        <v>17</v>
      </c>
      <c r="E3113" t="s">
        <v>703</v>
      </c>
      <c r="F3113" t="s">
        <v>4177</v>
      </c>
      <c r="G3113" t="s">
        <v>656</v>
      </c>
      <c r="H3113">
        <v>2</v>
      </c>
      <c r="I3113">
        <v>2020</v>
      </c>
    </row>
    <row r="3114" spans="1:9" x14ac:dyDescent="0.25">
      <c r="A3114">
        <v>909</v>
      </c>
      <c r="B3114" t="s">
        <v>1274</v>
      </c>
      <c r="C3114" t="s">
        <v>1011</v>
      </c>
      <c r="D3114">
        <v>17</v>
      </c>
      <c r="E3114" t="s">
        <v>703</v>
      </c>
      <c r="F3114" t="s">
        <v>4177</v>
      </c>
      <c r="G3114" t="s">
        <v>656</v>
      </c>
      <c r="H3114">
        <v>2</v>
      </c>
      <c r="I3114">
        <v>2020</v>
      </c>
    </row>
    <row r="3115" spans="1:9" x14ac:dyDescent="0.25">
      <c r="A3115">
        <v>676</v>
      </c>
      <c r="B3115" t="s">
        <v>3549</v>
      </c>
      <c r="C3115" t="s">
        <v>730</v>
      </c>
      <c r="D3115">
        <v>66</v>
      </c>
      <c r="E3115" t="s">
        <v>4193</v>
      </c>
      <c r="F3115" t="s">
        <v>4189</v>
      </c>
      <c r="G3115" t="s">
        <v>656</v>
      </c>
      <c r="H3115">
        <v>2</v>
      </c>
      <c r="I3115">
        <v>2020</v>
      </c>
    </row>
    <row r="3116" spans="1:9" x14ac:dyDescent="0.25">
      <c r="A3116">
        <v>63</v>
      </c>
      <c r="B3116" t="s">
        <v>946</v>
      </c>
      <c r="C3116" t="s">
        <v>682</v>
      </c>
      <c r="D3116">
        <v>20</v>
      </c>
      <c r="E3116" t="s">
        <v>682</v>
      </c>
      <c r="F3116" t="s">
        <v>4177</v>
      </c>
      <c r="G3116" t="s">
        <v>669</v>
      </c>
      <c r="H3116">
        <v>1</v>
      </c>
      <c r="I3116">
        <v>2020</v>
      </c>
    </row>
    <row r="3117" spans="1:9" x14ac:dyDescent="0.25">
      <c r="A3117">
        <v>3040</v>
      </c>
      <c r="B3117" t="s">
        <v>1972</v>
      </c>
      <c r="C3117" t="s">
        <v>1011</v>
      </c>
      <c r="D3117">
        <v>17</v>
      </c>
      <c r="E3117" t="s">
        <v>703</v>
      </c>
      <c r="F3117" t="s">
        <v>4177</v>
      </c>
      <c r="G3117" t="s">
        <v>656</v>
      </c>
      <c r="H3117">
        <v>2</v>
      </c>
      <c r="I3117">
        <v>2020</v>
      </c>
    </row>
    <row r="3118" spans="1:9" x14ac:dyDescent="0.25">
      <c r="A3118">
        <v>3411</v>
      </c>
      <c r="B3118" t="s">
        <v>1586</v>
      </c>
      <c r="C3118" t="s">
        <v>1011</v>
      </c>
      <c r="D3118">
        <v>17</v>
      </c>
      <c r="E3118" t="s">
        <v>703</v>
      </c>
      <c r="F3118" t="s">
        <v>4177</v>
      </c>
      <c r="G3118" t="s">
        <v>656</v>
      </c>
      <c r="H3118">
        <v>2</v>
      </c>
      <c r="I3118">
        <v>2020</v>
      </c>
    </row>
    <row r="3119" spans="1:9" x14ac:dyDescent="0.25">
      <c r="A3119">
        <v>3895</v>
      </c>
      <c r="B3119" t="s">
        <v>1001</v>
      </c>
      <c r="C3119" t="s">
        <v>892</v>
      </c>
      <c r="D3119" t="s">
        <v>892</v>
      </c>
      <c r="E3119" t="s">
        <v>892</v>
      </c>
      <c r="F3119" t="s">
        <v>892</v>
      </c>
      <c r="G3119" t="s">
        <v>1002</v>
      </c>
      <c r="H3119">
        <v>5</v>
      </c>
      <c r="I3119">
        <v>2020</v>
      </c>
    </row>
    <row r="3120" spans="1:9" x14ac:dyDescent="0.25">
      <c r="A3120">
        <v>3899</v>
      </c>
      <c r="B3120" t="s">
        <v>1075</v>
      </c>
      <c r="C3120" t="s">
        <v>848</v>
      </c>
      <c r="D3120">
        <v>62</v>
      </c>
      <c r="E3120" t="s">
        <v>4193</v>
      </c>
      <c r="F3120" t="s">
        <v>4189</v>
      </c>
      <c r="G3120" t="s">
        <v>669</v>
      </c>
      <c r="H3120">
        <v>1</v>
      </c>
      <c r="I3120">
        <v>2020</v>
      </c>
    </row>
    <row r="3121" spans="1:9" x14ac:dyDescent="0.25">
      <c r="A3121">
        <v>3902</v>
      </c>
      <c r="B3121" t="s">
        <v>1079</v>
      </c>
      <c r="C3121" t="s">
        <v>1028</v>
      </c>
      <c r="D3121">
        <v>33</v>
      </c>
      <c r="E3121" t="s">
        <v>4175</v>
      </c>
      <c r="F3121" t="s">
        <v>4171</v>
      </c>
      <c r="G3121" t="s">
        <v>669</v>
      </c>
      <c r="H3121">
        <v>1</v>
      </c>
      <c r="I3121">
        <v>2020</v>
      </c>
    </row>
    <row r="3122" spans="1:9" x14ac:dyDescent="0.25">
      <c r="A3122">
        <v>3905</v>
      </c>
      <c r="B3122" t="s">
        <v>1076</v>
      </c>
      <c r="C3122" t="s">
        <v>716</v>
      </c>
      <c r="D3122">
        <v>68</v>
      </c>
      <c r="E3122" t="s">
        <v>4193</v>
      </c>
      <c r="F3122" t="s">
        <v>4189</v>
      </c>
      <c r="G3122" t="s">
        <v>669</v>
      </c>
      <c r="H3122">
        <v>1</v>
      </c>
      <c r="I3122">
        <v>2020</v>
      </c>
    </row>
    <row r="3123" spans="1:9" x14ac:dyDescent="0.25">
      <c r="A3123">
        <v>3908</v>
      </c>
      <c r="B3123" t="s">
        <v>912</v>
      </c>
      <c r="C3123" t="s">
        <v>738</v>
      </c>
      <c r="D3123">
        <v>61</v>
      </c>
      <c r="E3123" t="s">
        <v>4193</v>
      </c>
      <c r="F3123" t="s">
        <v>4189</v>
      </c>
      <c r="G3123" t="s">
        <v>669</v>
      </c>
      <c r="H3123">
        <v>1</v>
      </c>
      <c r="I3123">
        <v>2020</v>
      </c>
    </row>
    <row r="3124" spans="1:9" x14ac:dyDescent="0.25">
      <c r="A3124">
        <v>3911</v>
      </c>
      <c r="B3124" t="s">
        <v>696</v>
      </c>
      <c r="C3124" t="s">
        <v>695</v>
      </c>
      <c r="D3124">
        <v>54</v>
      </c>
      <c r="E3124" t="s">
        <v>4198</v>
      </c>
      <c r="F3124" t="s">
        <v>4189</v>
      </c>
      <c r="G3124" t="s">
        <v>669</v>
      </c>
      <c r="H3124">
        <v>1</v>
      </c>
      <c r="I3124">
        <v>2020</v>
      </c>
    </row>
    <row r="3125" spans="1:9" x14ac:dyDescent="0.25">
      <c r="A3125">
        <v>3914</v>
      </c>
      <c r="B3125" t="s">
        <v>1083</v>
      </c>
      <c r="C3125" t="s">
        <v>736</v>
      </c>
      <c r="D3125">
        <v>8</v>
      </c>
      <c r="E3125" t="s">
        <v>4169</v>
      </c>
      <c r="F3125" t="s">
        <v>4164</v>
      </c>
      <c r="G3125" t="s">
        <v>669</v>
      </c>
      <c r="H3125">
        <v>1</v>
      </c>
      <c r="I3125">
        <v>2020</v>
      </c>
    </row>
    <row r="3126" spans="1:9" x14ac:dyDescent="0.25">
      <c r="A3126">
        <v>3917</v>
      </c>
      <c r="B3126" t="s">
        <v>1074</v>
      </c>
      <c r="C3126" t="s">
        <v>1011</v>
      </c>
      <c r="D3126">
        <v>17</v>
      </c>
      <c r="E3126" t="s">
        <v>703</v>
      </c>
      <c r="F3126" t="s">
        <v>4177</v>
      </c>
      <c r="G3126" t="s">
        <v>656</v>
      </c>
      <c r="H3126">
        <v>2</v>
      </c>
      <c r="I3126">
        <v>2020</v>
      </c>
    </row>
    <row r="3127" spans="1:9" x14ac:dyDescent="0.25">
      <c r="A3127">
        <v>3923</v>
      </c>
      <c r="B3127" t="s">
        <v>1053</v>
      </c>
      <c r="C3127" t="s">
        <v>802</v>
      </c>
      <c r="D3127">
        <v>12</v>
      </c>
      <c r="E3127" t="s">
        <v>802</v>
      </c>
      <c r="F3127" t="s">
        <v>4171</v>
      </c>
      <c r="G3127" t="s">
        <v>656</v>
      </c>
      <c r="H3127">
        <v>2</v>
      </c>
      <c r="I3127">
        <v>2020</v>
      </c>
    </row>
    <row r="3128" spans="1:9" x14ac:dyDescent="0.25">
      <c r="A3128">
        <v>3926</v>
      </c>
      <c r="B3128" t="s">
        <v>1044</v>
      </c>
      <c r="C3128" t="s">
        <v>1022</v>
      </c>
      <c r="D3128">
        <v>85</v>
      </c>
      <c r="E3128" t="s">
        <v>1080</v>
      </c>
      <c r="F3128" t="s">
        <v>4189</v>
      </c>
      <c r="G3128" t="s">
        <v>656</v>
      </c>
      <c r="H3128">
        <v>2</v>
      </c>
      <c r="I3128">
        <v>2020</v>
      </c>
    </row>
    <row r="3129" spans="1:9" x14ac:dyDescent="0.25">
      <c r="A3129">
        <v>3929</v>
      </c>
      <c r="B3129" t="s">
        <v>1039</v>
      </c>
      <c r="C3129" t="s">
        <v>673</v>
      </c>
      <c r="D3129">
        <v>34</v>
      </c>
      <c r="E3129" t="s">
        <v>4175</v>
      </c>
      <c r="F3129" t="s">
        <v>4171</v>
      </c>
      <c r="G3129" t="s">
        <v>656</v>
      </c>
      <c r="H3129">
        <v>2</v>
      </c>
      <c r="I3129">
        <v>2020</v>
      </c>
    </row>
    <row r="3130" spans="1:9" x14ac:dyDescent="0.25">
      <c r="A3130">
        <v>3932</v>
      </c>
      <c r="B3130" t="s">
        <v>1073</v>
      </c>
      <c r="C3130" t="s">
        <v>756</v>
      </c>
      <c r="D3130">
        <v>19</v>
      </c>
      <c r="E3130" t="s">
        <v>894</v>
      </c>
      <c r="F3130" t="s">
        <v>4177</v>
      </c>
      <c r="G3130" t="s">
        <v>656</v>
      </c>
      <c r="H3130">
        <v>2</v>
      </c>
      <c r="I3130">
        <v>2020</v>
      </c>
    </row>
    <row r="3131" spans="1:9" x14ac:dyDescent="0.25">
      <c r="A3131">
        <v>3935</v>
      </c>
      <c r="B3131" t="s">
        <v>1072</v>
      </c>
      <c r="C3131" t="s">
        <v>1071</v>
      </c>
      <c r="D3131">
        <v>94</v>
      </c>
      <c r="E3131" t="s">
        <v>1614</v>
      </c>
      <c r="F3131" t="s">
        <v>4177</v>
      </c>
      <c r="G3131" t="s">
        <v>656</v>
      </c>
      <c r="H3131">
        <v>2</v>
      </c>
      <c r="I3131">
        <v>2020</v>
      </c>
    </row>
    <row r="3132" spans="1:9" x14ac:dyDescent="0.25">
      <c r="A3132">
        <v>3938</v>
      </c>
      <c r="B3132" t="s">
        <v>1070</v>
      </c>
      <c r="C3132" t="s">
        <v>1069</v>
      </c>
      <c r="D3132">
        <v>87</v>
      </c>
      <c r="E3132" t="s">
        <v>4193</v>
      </c>
      <c r="F3132" t="s">
        <v>4189</v>
      </c>
      <c r="G3132" t="s">
        <v>656</v>
      </c>
      <c r="H3132">
        <v>2</v>
      </c>
      <c r="I3132">
        <v>2020</v>
      </c>
    </row>
    <row r="3133" spans="1:9" x14ac:dyDescent="0.25">
      <c r="A3133">
        <v>3947</v>
      </c>
      <c r="B3133" t="s">
        <v>1066</v>
      </c>
      <c r="C3133" t="s">
        <v>794</v>
      </c>
      <c r="D3133">
        <v>40</v>
      </c>
      <c r="E3133" t="s">
        <v>4188</v>
      </c>
      <c r="F3133" t="s">
        <v>4189</v>
      </c>
      <c r="G3133" t="s">
        <v>656</v>
      </c>
      <c r="H3133">
        <v>2</v>
      </c>
      <c r="I3133">
        <v>2020</v>
      </c>
    </row>
    <row r="3134" spans="1:9" x14ac:dyDescent="0.25">
      <c r="A3134">
        <v>3950</v>
      </c>
      <c r="B3134" t="s">
        <v>1065</v>
      </c>
      <c r="C3134" t="s">
        <v>1028</v>
      </c>
      <c r="D3134">
        <v>33</v>
      </c>
      <c r="E3134" t="s">
        <v>4175</v>
      </c>
      <c r="F3134" t="s">
        <v>4171</v>
      </c>
      <c r="G3134" t="s">
        <v>656</v>
      </c>
      <c r="H3134">
        <v>2</v>
      </c>
      <c r="I3134">
        <v>2020</v>
      </c>
    </row>
    <row r="3135" spans="1:9" x14ac:dyDescent="0.25">
      <c r="A3135">
        <v>3953</v>
      </c>
      <c r="B3135" t="s">
        <v>1064</v>
      </c>
      <c r="C3135" t="s">
        <v>752</v>
      </c>
      <c r="D3135">
        <v>90</v>
      </c>
      <c r="E3135" t="s">
        <v>752</v>
      </c>
      <c r="F3135" t="s">
        <v>4168</v>
      </c>
      <c r="G3135" t="s">
        <v>656</v>
      </c>
      <c r="H3135">
        <v>2</v>
      </c>
      <c r="I3135">
        <v>2020</v>
      </c>
    </row>
    <row r="3136" spans="1:9" x14ac:dyDescent="0.25">
      <c r="A3136">
        <v>3956</v>
      </c>
      <c r="B3136" t="s">
        <v>1062</v>
      </c>
      <c r="C3136" t="s">
        <v>756</v>
      </c>
      <c r="D3136">
        <v>19</v>
      </c>
      <c r="E3136" t="s">
        <v>894</v>
      </c>
      <c r="F3136" t="s">
        <v>4177</v>
      </c>
      <c r="G3136" t="s">
        <v>656</v>
      </c>
      <c r="H3136">
        <v>2</v>
      </c>
      <c r="I3136">
        <v>2020</v>
      </c>
    </row>
    <row r="3137" spans="1:9" x14ac:dyDescent="0.25">
      <c r="A3137">
        <v>3959</v>
      </c>
      <c r="B3137" t="s">
        <v>1059</v>
      </c>
      <c r="C3137" t="s">
        <v>684</v>
      </c>
      <c r="D3137">
        <v>22</v>
      </c>
      <c r="E3137" t="s">
        <v>4178</v>
      </c>
      <c r="F3137" t="s">
        <v>4177</v>
      </c>
      <c r="G3137" t="s">
        <v>656</v>
      </c>
      <c r="H3137">
        <v>2</v>
      </c>
      <c r="I3137">
        <v>2020</v>
      </c>
    </row>
    <row r="3138" spans="1:9" x14ac:dyDescent="0.25">
      <c r="A3138">
        <v>3962</v>
      </c>
      <c r="B3138" t="s">
        <v>1057</v>
      </c>
      <c r="C3138" t="s">
        <v>848</v>
      </c>
      <c r="D3138">
        <v>62</v>
      </c>
      <c r="E3138" t="s">
        <v>4193</v>
      </c>
      <c r="F3138" t="s">
        <v>4189</v>
      </c>
      <c r="G3138" t="s">
        <v>656</v>
      </c>
      <c r="H3138">
        <v>2</v>
      </c>
      <c r="I3138">
        <v>2020</v>
      </c>
    </row>
    <row r="3139" spans="1:9" x14ac:dyDescent="0.25">
      <c r="A3139">
        <v>3965</v>
      </c>
      <c r="B3139" t="s">
        <v>1056</v>
      </c>
      <c r="C3139" t="s">
        <v>1055</v>
      </c>
      <c r="D3139">
        <v>69</v>
      </c>
      <c r="E3139" t="s">
        <v>4194</v>
      </c>
      <c r="F3139" t="s">
        <v>4189</v>
      </c>
      <c r="G3139" t="s">
        <v>656</v>
      </c>
      <c r="H3139">
        <v>2</v>
      </c>
      <c r="I3139">
        <v>2020</v>
      </c>
    </row>
    <row r="3140" spans="1:9" x14ac:dyDescent="0.25">
      <c r="A3140">
        <v>3968</v>
      </c>
      <c r="B3140" t="s">
        <v>828</v>
      </c>
      <c r="C3140" t="s">
        <v>752</v>
      </c>
      <c r="D3140">
        <v>90</v>
      </c>
      <c r="E3140" t="s">
        <v>752</v>
      </c>
      <c r="F3140" t="s">
        <v>4168</v>
      </c>
      <c r="G3140" t="s">
        <v>656</v>
      </c>
      <c r="H3140">
        <v>2</v>
      </c>
      <c r="I3140">
        <v>2020</v>
      </c>
    </row>
    <row r="3141" spans="1:9" x14ac:dyDescent="0.25">
      <c r="A3141">
        <v>3971</v>
      </c>
      <c r="B3141" t="s">
        <v>1051</v>
      </c>
      <c r="C3141" t="s">
        <v>726</v>
      </c>
      <c r="D3141">
        <v>2</v>
      </c>
      <c r="E3141" t="s">
        <v>726</v>
      </c>
      <c r="F3141" t="s">
        <v>4164</v>
      </c>
      <c r="G3141" t="s">
        <v>656</v>
      </c>
      <c r="H3141">
        <v>2</v>
      </c>
      <c r="I3141">
        <v>2020</v>
      </c>
    </row>
    <row r="3142" spans="1:9" x14ac:dyDescent="0.25">
      <c r="A3142">
        <v>3974</v>
      </c>
      <c r="B3142" t="s">
        <v>1050</v>
      </c>
      <c r="C3142" t="s">
        <v>710</v>
      </c>
      <c r="D3142">
        <v>53</v>
      </c>
      <c r="E3142" t="s">
        <v>4198</v>
      </c>
      <c r="F3142" t="s">
        <v>4189</v>
      </c>
      <c r="G3142" t="s">
        <v>656</v>
      </c>
      <c r="H3142">
        <v>2</v>
      </c>
      <c r="I3142">
        <v>2020</v>
      </c>
    </row>
    <row r="3143" spans="1:9" x14ac:dyDescent="0.25">
      <c r="A3143">
        <v>3977</v>
      </c>
      <c r="B3143" t="s">
        <v>1048</v>
      </c>
      <c r="C3143" t="s">
        <v>682</v>
      </c>
      <c r="D3143">
        <v>20</v>
      </c>
      <c r="E3143" t="s">
        <v>682</v>
      </c>
      <c r="F3143" t="s">
        <v>4177</v>
      </c>
      <c r="G3143" t="s">
        <v>656</v>
      </c>
      <c r="H3143">
        <v>2</v>
      </c>
      <c r="I3143">
        <v>2020</v>
      </c>
    </row>
    <row r="3144" spans="1:9" x14ac:dyDescent="0.25">
      <c r="A3144">
        <v>3980</v>
      </c>
      <c r="B3144" t="s">
        <v>1047</v>
      </c>
      <c r="C3144" t="s">
        <v>831</v>
      </c>
      <c r="D3144">
        <v>5</v>
      </c>
      <c r="E3144" t="s">
        <v>831</v>
      </c>
      <c r="F3144" t="s">
        <v>4168</v>
      </c>
      <c r="G3144" t="s">
        <v>656</v>
      </c>
      <c r="H3144">
        <v>2</v>
      </c>
      <c r="I3144">
        <v>2020</v>
      </c>
    </row>
    <row r="3145" spans="1:9" x14ac:dyDescent="0.25">
      <c r="A3145">
        <v>3986</v>
      </c>
      <c r="B3145" t="s">
        <v>1045</v>
      </c>
      <c r="C3145" t="s">
        <v>295</v>
      </c>
      <c r="D3145">
        <v>30</v>
      </c>
      <c r="E3145" t="s">
        <v>4179</v>
      </c>
      <c r="F3145" t="s">
        <v>4177</v>
      </c>
      <c r="G3145" t="s">
        <v>656</v>
      </c>
      <c r="H3145">
        <v>2</v>
      </c>
      <c r="I3145">
        <v>2020</v>
      </c>
    </row>
    <row r="3146" spans="1:9" x14ac:dyDescent="0.25">
      <c r="A3146">
        <v>3992</v>
      </c>
      <c r="B3146" t="s">
        <v>1040</v>
      </c>
      <c r="C3146" t="s">
        <v>839</v>
      </c>
      <c r="D3146">
        <v>89</v>
      </c>
      <c r="E3146" t="s">
        <v>839</v>
      </c>
      <c r="F3146" t="s">
        <v>4168</v>
      </c>
      <c r="G3146" t="s">
        <v>656</v>
      </c>
      <c r="H3146">
        <v>2</v>
      </c>
      <c r="I3146">
        <v>2020</v>
      </c>
    </row>
    <row r="3147" spans="1:9" x14ac:dyDescent="0.25">
      <c r="A3147">
        <v>3998</v>
      </c>
      <c r="B3147" t="s">
        <v>1034</v>
      </c>
      <c r="C3147" t="s">
        <v>676</v>
      </c>
      <c r="D3147">
        <v>4</v>
      </c>
      <c r="E3147" t="s">
        <v>676</v>
      </c>
      <c r="F3147" t="s">
        <v>4164</v>
      </c>
      <c r="G3147" t="s">
        <v>656</v>
      </c>
      <c r="H3147">
        <v>2</v>
      </c>
      <c r="I3147">
        <v>2020</v>
      </c>
    </row>
    <row r="3148" spans="1:9" x14ac:dyDescent="0.25">
      <c r="A3148">
        <v>4001</v>
      </c>
      <c r="B3148" t="s">
        <v>1033</v>
      </c>
      <c r="C3148" t="s">
        <v>707</v>
      </c>
      <c r="D3148">
        <v>59</v>
      </c>
      <c r="E3148" t="s">
        <v>980</v>
      </c>
      <c r="F3148" t="s">
        <v>4189</v>
      </c>
      <c r="G3148" t="s">
        <v>656</v>
      </c>
      <c r="H3148">
        <v>2</v>
      </c>
      <c r="I3148">
        <v>2020</v>
      </c>
    </row>
    <row r="3149" spans="1:9" x14ac:dyDescent="0.25">
      <c r="A3149">
        <v>4007</v>
      </c>
      <c r="B3149" t="s">
        <v>1030</v>
      </c>
      <c r="C3149" t="s">
        <v>917</v>
      </c>
      <c r="D3149">
        <v>83</v>
      </c>
      <c r="E3149" t="s">
        <v>4188</v>
      </c>
      <c r="F3149" t="s">
        <v>4189</v>
      </c>
      <c r="G3149" t="s">
        <v>656</v>
      </c>
      <c r="H3149">
        <v>2</v>
      </c>
      <c r="I3149">
        <v>2020</v>
      </c>
    </row>
    <row r="3150" spans="1:9" x14ac:dyDescent="0.25">
      <c r="A3150">
        <v>4013</v>
      </c>
      <c r="B3150" t="s">
        <v>1027</v>
      </c>
      <c r="C3150" t="s">
        <v>65</v>
      </c>
      <c r="D3150">
        <v>15</v>
      </c>
      <c r="E3150" t="s">
        <v>4176</v>
      </c>
      <c r="F3150" t="s">
        <v>4177</v>
      </c>
      <c r="G3150" t="s">
        <v>656</v>
      </c>
      <c r="H3150">
        <v>2</v>
      </c>
      <c r="I3150">
        <v>2020</v>
      </c>
    </row>
    <row r="3151" spans="1:9" x14ac:dyDescent="0.25">
      <c r="A3151">
        <v>4016</v>
      </c>
      <c r="B3151" t="s">
        <v>1026</v>
      </c>
      <c r="C3151" t="s">
        <v>955</v>
      </c>
      <c r="D3151">
        <v>29</v>
      </c>
      <c r="E3151" t="s">
        <v>4179</v>
      </c>
      <c r="F3151" t="s">
        <v>4177</v>
      </c>
      <c r="G3151" t="s">
        <v>656</v>
      </c>
      <c r="H3151">
        <v>2</v>
      </c>
      <c r="I3151">
        <v>2020</v>
      </c>
    </row>
    <row r="3152" spans="1:9" x14ac:dyDescent="0.25">
      <c r="A3152">
        <v>4025</v>
      </c>
      <c r="B3152" t="s">
        <v>1023</v>
      </c>
      <c r="C3152" t="s">
        <v>1022</v>
      </c>
      <c r="D3152">
        <v>85</v>
      </c>
      <c r="E3152" t="s">
        <v>1080</v>
      </c>
      <c r="F3152" t="s">
        <v>4189</v>
      </c>
      <c r="G3152" t="s">
        <v>656</v>
      </c>
      <c r="H3152">
        <v>2</v>
      </c>
      <c r="I3152">
        <v>2020</v>
      </c>
    </row>
    <row r="3153" spans="1:9" x14ac:dyDescent="0.25">
      <c r="A3153">
        <v>4028</v>
      </c>
      <c r="B3153" t="s">
        <v>1021</v>
      </c>
      <c r="C3153" t="s">
        <v>693</v>
      </c>
      <c r="D3153">
        <v>56</v>
      </c>
      <c r="E3153" t="s">
        <v>4193</v>
      </c>
      <c r="F3153" t="s">
        <v>4189</v>
      </c>
      <c r="G3153" t="s">
        <v>656</v>
      </c>
      <c r="H3153">
        <v>2</v>
      </c>
      <c r="I3153">
        <v>2020</v>
      </c>
    </row>
    <row r="3154" spans="1:9" x14ac:dyDescent="0.25">
      <c r="A3154">
        <v>4043</v>
      </c>
      <c r="B3154" t="s">
        <v>1016</v>
      </c>
      <c r="C3154" t="s">
        <v>710</v>
      </c>
      <c r="D3154">
        <v>53</v>
      </c>
      <c r="E3154" t="s">
        <v>4198</v>
      </c>
      <c r="F3154" t="s">
        <v>4189</v>
      </c>
      <c r="G3154" t="s">
        <v>656</v>
      </c>
      <c r="H3154">
        <v>2</v>
      </c>
      <c r="I3154">
        <v>2020</v>
      </c>
    </row>
    <row r="3155" spans="1:9" x14ac:dyDescent="0.25">
      <c r="A3155">
        <v>4046</v>
      </c>
      <c r="B3155" t="s">
        <v>1015</v>
      </c>
      <c r="C3155" t="s">
        <v>695</v>
      </c>
      <c r="D3155">
        <v>54</v>
      </c>
      <c r="E3155" t="s">
        <v>4198</v>
      </c>
      <c r="F3155" t="s">
        <v>4189</v>
      </c>
      <c r="G3155" t="s">
        <v>656</v>
      </c>
      <c r="H3155">
        <v>2</v>
      </c>
      <c r="I3155">
        <v>2020</v>
      </c>
    </row>
    <row r="3156" spans="1:9" x14ac:dyDescent="0.25">
      <c r="A3156">
        <v>4049</v>
      </c>
      <c r="B3156" t="s">
        <v>1014</v>
      </c>
      <c r="C3156" t="s">
        <v>695</v>
      </c>
      <c r="D3156">
        <v>54</v>
      </c>
      <c r="E3156" t="s">
        <v>4198</v>
      </c>
      <c r="F3156" t="s">
        <v>4189</v>
      </c>
      <c r="G3156" t="s">
        <v>656</v>
      </c>
      <c r="H3156">
        <v>2</v>
      </c>
      <c r="I3156">
        <v>2020</v>
      </c>
    </row>
    <row r="3157" spans="1:9" x14ac:dyDescent="0.25">
      <c r="A3157">
        <v>4055</v>
      </c>
      <c r="B3157" t="s">
        <v>1012</v>
      </c>
      <c r="C3157" t="s">
        <v>1011</v>
      </c>
      <c r="D3157">
        <v>17</v>
      </c>
      <c r="E3157" t="s">
        <v>703</v>
      </c>
      <c r="F3157" t="s">
        <v>4177</v>
      </c>
      <c r="G3157" t="s">
        <v>656</v>
      </c>
      <c r="H3157">
        <v>2</v>
      </c>
      <c r="I3157">
        <v>2020</v>
      </c>
    </row>
    <row r="3158" spans="1:9" x14ac:dyDescent="0.25">
      <c r="A3158">
        <v>4058</v>
      </c>
      <c r="B3158" t="s">
        <v>1043</v>
      </c>
      <c r="C3158" t="s">
        <v>1042</v>
      </c>
      <c r="D3158">
        <v>100</v>
      </c>
      <c r="E3158" t="s">
        <v>4175</v>
      </c>
      <c r="F3158" t="s">
        <v>4171</v>
      </c>
      <c r="G3158" t="s">
        <v>656</v>
      </c>
      <c r="H3158">
        <v>2</v>
      </c>
      <c r="I3158">
        <v>2020</v>
      </c>
    </row>
    <row r="3159" spans="1:9" x14ac:dyDescent="0.25">
      <c r="A3159">
        <v>658</v>
      </c>
      <c r="B3159" t="s">
        <v>3567</v>
      </c>
      <c r="C3159" t="s">
        <v>738</v>
      </c>
      <c r="D3159">
        <v>61</v>
      </c>
      <c r="E3159" t="s">
        <v>4193</v>
      </c>
      <c r="F3159" t="s">
        <v>4189</v>
      </c>
      <c r="G3159" t="s">
        <v>656</v>
      </c>
      <c r="H3159">
        <v>2</v>
      </c>
      <c r="I3159">
        <v>2020</v>
      </c>
    </row>
    <row r="3160" spans="1:9" x14ac:dyDescent="0.25">
      <c r="A3160">
        <v>222</v>
      </c>
      <c r="B3160" t="s">
        <v>694</v>
      </c>
      <c r="C3160" t="s">
        <v>693</v>
      </c>
      <c r="D3160">
        <v>56</v>
      </c>
      <c r="E3160" t="s">
        <v>4193</v>
      </c>
      <c r="F3160" t="s">
        <v>4189</v>
      </c>
      <c r="G3160" t="s">
        <v>669</v>
      </c>
      <c r="H3160">
        <v>1</v>
      </c>
      <c r="I3160">
        <v>2020</v>
      </c>
    </row>
    <row r="3161" spans="1:9" x14ac:dyDescent="0.25">
      <c r="A3161">
        <v>2625</v>
      </c>
      <c r="B3161" t="s">
        <v>2266</v>
      </c>
      <c r="C3161" t="s">
        <v>691</v>
      </c>
      <c r="D3161">
        <v>21</v>
      </c>
      <c r="E3161" t="s">
        <v>691</v>
      </c>
      <c r="F3161" t="s">
        <v>4177</v>
      </c>
      <c r="G3161" t="s">
        <v>656</v>
      </c>
      <c r="H3161">
        <v>2</v>
      </c>
      <c r="I3161">
        <v>2020</v>
      </c>
    </row>
    <row r="3162" spans="1:9" x14ac:dyDescent="0.25">
      <c r="A3162">
        <v>4069</v>
      </c>
      <c r="B3162" t="s">
        <v>816</v>
      </c>
      <c r="C3162" t="s">
        <v>676</v>
      </c>
      <c r="D3162">
        <v>4</v>
      </c>
      <c r="E3162" t="s">
        <v>676</v>
      </c>
      <c r="F3162" t="s">
        <v>4164</v>
      </c>
      <c r="G3162" t="s">
        <v>656</v>
      </c>
      <c r="H3162">
        <v>2</v>
      </c>
      <c r="I3162">
        <v>2020</v>
      </c>
    </row>
    <row r="3163" spans="1:9" x14ac:dyDescent="0.25">
      <c r="A3163">
        <v>4078</v>
      </c>
      <c r="B3163" t="s">
        <v>991</v>
      </c>
      <c r="C3163" t="s">
        <v>299</v>
      </c>
      <c r="D3163">
        <v>27</v>
      </c>
      <c r="E3163" t="s">
        <v>4179</v>
      </c>
      <c r="F3163" t="s">
        <v>4177</v>
      </c>
      <c r="G3163" t="s">
        <v>656</v>
      </c>
      <c r="H3163">
        <v>2</v>
      </c>
      <c r="I3163">
        <v>2020</v>
      </c>
    </row>
    <row r="3164" spans="1:9" x14ac:dyDescent="0.25">
      <c r="A3164">
        <v>4081</v>
      </c>
      <c r="B3164" t="s">
        <v>989</v>
      </c>
      <c r="C3164" t="s">
        <v>663</v>
      </c>
      <c r="D3164">
        <v>99</v>
      </c>
      <c r="E3164" t="s">
        <v>663</v>
      </c>
      <c r="F3164" t="s">
        <v>4171</v>
      </c>
      <c r="G3164" t="s">
        <v>656</v>
      </c>
      <c r="H3164">
        <v>2</v>
      </c>
      <c r="I3164">
        <v>2020</v>
      </c>
    </row>
    <row r="3165" spans="1:9" x14ac:dyDescent="0.25">
      <c r="A3165">
        <v>4084</v>
      </c>
      <c r="B3165" t="s">
        <v>988</v>
      </c>
      <c r="C3165" t="s">
        <v>742</v>
      </c>
      <c r="D3165">
        <v>48</v>
      </c>
      <c r="E3165" t="s">
        <v>4165</v>
      </c>
      <c r="F3165" t="s">
        <v>4164</v>
      </c>
      <c r="G3165" t="s">
        <v>656</v>
      </c>
      <c r="H3165">
        <v>2</v>
      </c>
      <c r="I3165">
        <v>2020</v>
      </c>
    </row>
    <row r="3166" spans="1:9" x14ac:dyDescent="0.25">
      <c r="A3166">
        <v>4087</v>
      </c>
      <c r="B3166" t="s">
        <v>987</v>
      </c>
      <c r="C3166" t="s">
        <v>691</v>
      </c>
      <c r="D3166">
        <v>21</v>
      </c>
      <c r="E3166" t="s">
        <v>691</v>
      </c>
      <c r="F3166" t="s">
        <v>4177</v>
      </c>
      <c r="G3166" t="s">
        <v>656</v>
      </c>
      <c r="H3166">
        <v>2</v>
      </c>
      <c r="I3166">
        <v>2020</v>
      </c>
    </row>
    <row r="3167" spans="1:9" x14ac:dyDescent="0.25">
      <c r="A3167">
        <v>4090</v>
      </c>
      <c r="B3167" t="s">
        <v>985</v>
      </c>
      <c r="C3167" t="s">
        <v>299</v>
      </c>
      <c r="D3167">
        <v>27</v>
      </c>
      <c r="E3167" t="s">
        <v>4179</v>
      </c>
      <c r="F3167" t="s">
        <v>4177</v>
      </c>
      <c r="G3167" t="s">
        <v>656</v>
      </c>
      <c r="H3167">
        <v>2</v>
      </c>
      <c r="I3167">
        <v>2020</v>
      </c>
    </row>
    <row r="3168" spans="1:9" x14ac:dyDescent="0.25">
      <c r="A3168">
        <v>4093</v>
      </c>
      <c r="B3168" t="s">
        <v>984</v>
      </c>
      <c r="C3168" t="s">
        <v>864</v>
      </c>
      <c r="D3168">
        <v>14</v>
      </c>
      <c r="E3168" t="s">
        <v>864</v>
      </c>
      <c r="F3168" t="s">
        <v>4171</v>
      </c>
      <c r="G3168" t="s">
        <v>656</v>
      </c>
      <c r="H3168">
        <v>2</v>
      </c>
      <c r="I3168">
        <v>2020</v>
      </c>
    </row>
    <row r="3169" spans="1:9" x14ac:dyDescent="0.25">
      <c r="A3169">
        <v>4096</v>
      </c>
      <c r="B3169" t="s">
        <v>983</v>
      </c>
      <c r="C3169" t="s">
        <v>663</v>
      </c>
      <c r="D3169">
        <v>99</v>
      </c>
      <c r="E3169" t="s">
        <v>663</v>
      </c>
      <c r="F3169" t="s">
        <v>4171</v>
      </c>
      <c r="G3169" t="s">
        <v>656</v>
      </c>
      <c r="H3169">
        <v>2</v>
      </c>
      <c r="I3169">
        <v>2020</v>
      </c>
    </row>
    <row r="3170" spans="1:9" x14ac:dyDescent="0.25">
      <c r="A3170">
        <v>4099</v>
      </c>
      <c r="B3170" t="s">
        <v>982</v>
      </c>
      <c r="C3170" t="s">
        <v>730</v>
      </c>
      <c r="D3170">
        <v>66</v>
      </c>
      <c r="E3170" t="s">
        <v>4193</v>
      </c>
      <c r="F3170" t="s">
        <v>4189</v>
      </c>
      <c r="G3170" t="s">
        <v>656</v>
      </c>
      <c r="H3170">
        <v>2</v>
      </c>
      <c r="I3170">
        <v>2020</v>
      </c>
    </row>
    <row r="3171" spans="1:9" x14ac:dyDescent="0.25">
      <c r="A3171">
        <v>4102</v>
      </c>
      <c r="B3171" t="s">
        <v>981</v>
      </c>
      <c r="C3171" t="s">
        <v>980</v>
      </c>
      <c r="D3171">
        <v>67</v>
      </c>
      <c r="E3171" t="s">
        <v>980</v>
      </c>
      <c r="F3171" t="s">
        <v>4189</v>
      </c>
      <c r="G3171" t="s">
        <v>656</v>
      </c>
      <c r="H3171">
        <v>2</v>
      </c>
      <c r="I3171">
        <v>2020</v>
      </c>
    </row>
    <row r="3172" spans="1:9" x14ac:dyDescent="0.25">
      <c r="A3172">
        <v>4105</v>
      </c>
      <c r="B3172" t="s">
        <v>995</v>
      </c>
      <c r="C3172" t="s">
        <v>682</v>
      </c>
      <c r="D3172">
        <v>20</v>
      </c>
      <c r="E3172" t="s">
        <v>682</v>
      </c>
      <c r="F3172" t="s">
        <v>4177</v>
      </c>
      <c r="G3172" t="s">
        <v>656</v>
      </c>
      <c r="H3172">
        <v>2</v>
      </c>
      <c r="I3172">
        <v>2020</v>
      </c>
    </row>
    <row r="3173" spans="1:9" x14ac:dyDescent="0.25">
      <c r="A3173">
        <v>4108</v>
      </c>
      <c r="B3173" t="s">
        <v>979</v>
      </c>
      <c r="C3173" t="s">
        <v>295</v>
      </c>
      <c r="D3173">
        <v>30</v>
      </c>
      <c r="E3173" t="s">
        <v>4179</v>
      </c>
      <c r="F3173" t="s">
        <v>4177</v>
      </c>
      <c r="G3173" t="s">
        <v>656</v>
      </c>
      <c r="H3173">
        <v>2</v>
      </c>
      <c r="I3173">
        <v>2020</v>
      </c>
    </row>
    <row r="3174" spans="1:9" x14ac:dyDescent="0.25">
      <c r="A3174">
        <v>4111</v>
      </c>
      <c r="B3174" t="s">
        <v>978</v>
      </c>
      <c r="C3174" t="s">
        <v>695</v>
      </c>
      <c r="D3174">
        <v>54</v>
      </c>
      <c r="E3174" t="s">
        <v>4198</v>
      </c>
      <c r="F3174" t="s">
        <v>4189</v>
      </c>
      <c r="G3174" t="s">
        <v>656</v>
      </c>
      <c r="H3174">
        <v>2</v>
      </c>
      <c r="I3174">
        <v>2020</v>
      </c>
    </row>
    <row r="3175" spans="1:9" x14ac:dyDescent="0.25">
      <c r="A3175">
        <v>4114</v>
      </c>
      <c r="B3175" t="s">
        <v>754</v>
      </c>
      <c r="C3175" t="s">
        <v>714</v>
      </c>
      <c r="D3175">
        <v>52</v>
      </c>
      <c r="E3175" t="s">
        <v>4198</v>
      </c>
      <c r="F3175" t="s">
        <v>4189</v>
      </c>
      <c r="G3175" t="s">
        <v>656</v>
      </c>
      <c r="H3175">
        <v>2</v>
      </c>
      <c r="I3175">
        <v>2020</v>
      </c>
    </row>
    <row r="3176" spans="1:9" x14ac:dyDescent="0.25">
      <c r="A3176">
        <v>4117</v>
      </c>
      <c r="B3176" t="s">
        <v>977</v>
      </c>
      <c r="C3176" t="s">
        <v>691</v>
      </c>
      <c r="D3176">
        <v>21</v>
      </c>
      <c r="E3176" t="s">
        <v>691</v>
      </c>
      <c r="F3176" t="s">
        <v>4177</v>
      </c>
      <c r="G3176" t="s">
        <v>656</v>
      </c>
      <c r="H3176">
        <v>2</v>
      </c>
      <c r="I3176">
        <v>2020</v>
      </c>
    </row>
    <row r="3177" spans="1:9" x14ac:dyDescent="0.25">
      <c r="A3177">
        <v>4120</v>
      </c>
      <c r="B3177" t="s">
        <v>976</v>
      </c>
      <c r="C3177" t="s">
        <v>894</v>
      </c>
      <c r="D3177">
        <v>18</v>
      </c>
      <c r="E3177" t="s">
        <v>894</v>
      </c>
      <c r="F3177" t="s">
        <v>4177</v>
      </c>
      <c r="G3177" t="s">
        <v>656</v>
      </c>
      <c r="H3177">
        <v>2</v>
      </c>
      <c r="I3177">
        <v>2020</v>
      </c>
    </row>
    <row r="3178" spans="1:9" x14ac:dyDescent="0.25">
      <c r="A3178">
        <v>4123</v>
      </c>
      <c r="B3178" t="s">
        <v>975</v>
      </c>
      <c r="C3178" t="s">
        <v>880</v>
      </c>
      <c r="D3178">
        <v>58</v>
      </c>
      <c r="E3178" t="s">
        <v>4188</v>
      </c>
      <c r="F3178" t="s">
        <v>4189</v>
      </c>
      <c r="G3178" t="s">
        <v>656</v>
      </c>
      <c r="H3178">
        <v>2</v>
      </c>
      <c r="I3178">
        <v>2020</v>
      </c>
    </row>
    <row r="3179" spans="1:9" x14ac:dyDescent="0.25">
      <c r="A3179">
        <v>4126</v>
      </c>
      <c r="B3179" t="s">
        <v>998</v>
      </c>
      <c r="C3179" t="s">
        <v>767</v>
      </c>
      <c r="D3179">
        <v>44</v>
      </c>
      <c r="E3179" t="s">
        <v>4191</v>
      </c>
      <c r="F3179" t="s">
        <v>4189</v>
      </c>
      <c r="G3179" t="s">
        <v>656</v>
      </c>
      <c r="H3179">
        <v>2</v>
      </c>
      <c r="I3179">
        <v>2020</v>
      </c>
    </row>
    <row r="3180" spans="1:9" x14ac:dyDescent="0.25">
      <c r="A3180">
        <v>4129</v>
      </c>
      <c r="B3180" t="s">
        <v>974</v>
      </c>
      <c r="C3180" t="s">
        <v>705</v>
      </c>
      <c r="D3180">
        <v>70</v>
      </c>
      <c r="E3180" t="s">
        <v>4193</v>
      </c>
      <c r="F3180" t="s">
        <v>4189</v>
      </c>
      <c r="G3180" t="s">
        <v>656</v>
      </c>
      <c r="H3180">
        <v>2</v>
      </c>
      <c r="I3180">
        <v>2020</v>
      </c>
    </row>
    <row r="3181" spans="1:9" x14ac:dyDescent="0.25">
      <c r="A3181">
        <v>4135</v>
      </c>
      <c r="B3181" t="s">
        <v>973</v>
      </c>
      <c r="C3181" t="s">
        <v>710</v>
      </c>
      <c r="D3181">
        <v>53</v>
      </c>
      <c r="E3181" t="s">
        <v>4198</v>
      </c>
      <c r="F3181" t="s">
        <v>4189</v>
      </c>
      <c r="G3181" t="s">
        <v>656</v>
      </c>
      <c r="H3181">
        <v>2</v>
      </c>
      <c r="I3181">
        <v>2020</v>
      </c>
    </row>
    <row r="3182" spans="1:9" x14ac:dyDescent="0.25">
      <c r="A3182">
        <v>4138</v>
      </c>
      <c r="B3182" t="s">
        <v>972</v>
      </c>
      <c r="C3182" t="s">
        <v>880</v>
      </c>
      <c r="D3182">
        <v>58</v>
      </c>
      <c r="E3182" t="s">
        <v>4188</v>
      </c>
      <c r="F3182" t="s">
        <v>4189</v>
      </c>
      <c r="G3182" t="s">
        <v>656</v>
      </c>
      <c r="H3182">
        <v>2</v>
      </c>
      <c r="I3182">
        <v>2020</v>
      </c>
    </row>
    <row r="3183" spans="1:9" x14ac:dyDescent="0.25">
      <c r="A3183">
        <v>4141</v>
      </c>
      <c r="B3183" t="s">
        <v>971</v>
      </c>
      <c r="C3183" t="s">
        <v>885</v>
      </c>
      <c r="D3183">
        <v>1</v>
      </c>
      <c r="E3183" t="s">
        <v>885</v>
      </c>
      <c r="F3183" t="s">
        <v>4164</v>
      </c>
      <c r="G3183" t="s">
        <v>656</v>
      </c>
      <c r="H3183">
        <v>2</v>
      </c>
      <c r="I3183">
        <v>2020</v>
      </c>
    </row>
    <row r="3184" spans="1:9" x14ac:dyDescent="0.25">
      <c r="A3184">
        <v>4144</v>
      </c>
      <c r="B3184" t="s">
        <v>970</v>
      </c>
      <c r="C3184" t="s">
        <v>676</v>
      </c>
      <c r="D3184">
        <v>4</v>
      </c>
      <c r="E3184" t="s">
        <v>676</v>
      </c>
      <c r="F3184" t="s">
        <v>4164</v>
      </c>
      <c r="G3184" t="s">
        <v>656</v>
      </c>
      <c r="H3184">
        <v>2</v>
      </c>
      <c r="I3184">
        <v>2020</v>
      </c>
    </row>
    <row r="3185" spans="1:9" x14ac:dyDescent="0.25">
      <c r="A3185">
        <v>4153</v>
      </c>
      <c r="B3185" t="s">
        <v>968</v>
      </c>
      <c r="C3185" t="s">
        <v>299</v>
      </c>
      <c r="D3185">
        <v>27</v>
      </c>
      <c r="E3185" t="s">
        <v>4179</v>
      </c>
      <c r="F3185" t="s">
        <v>4177</v>
      </c>
      <c r="G3185" t="s">
        <v>656</v>
      </c>
      <c r="H3185">
        <v>2</v>
      </c>
      <c r="I3185">
        <v>2020</v>
      </c>
    </row>
    <row r="3186" spans="1:9" x14ac:dyDescent="0.25">
      <c r="A3186">
        <v>4156</v>
      </c>
      <c r="B3186" t="s">
        <v>967</v>
      </c>
      <c r="C3186" t="s">
        <v>710</v>
      </c>
      <c r="D3186">
        <v>53</v>
      </c>
      <c r="E3186" t="s">
        <v>4198</v>
      </c>
      <c r="F3186" t="s">
        <v>4189</v>
      </c>
      <c r="G3186" t="s">
        <v>656</v>
      </c>
      <c r="H3186">
        <v>2</v>
      </c>
      <c r="I3186">
        <v>2020</v>
      </c>
    </row>
    <row r="3187" spans="1:9" x14ac:dyDescent="0.25">
      <c r="A3187">
        <v>4159</v>
      </c>
      <c r="B3187" t="s">
        <v>966</v>
      </c>
      <c r="C3187" t="s">
        <v>839</v>
      </c>
      <c r="D3187">
        <v>89</v>
      </c>
      <c r="E3187" t="s">
        <v>839</v>
      </c>
      <c r="F3187" t="s">
        <v>4168</v>
      </c>
      <c r="G3187" t="s">
        <v>656</v>
      </c>
      <c r="H3187">
        <v>2</v>
      </c>
      <c r="I3187">
        <v>2020</v>
      </c>
    </row>
    <row r="3188" spans="1:9" x14ac:dyDescent="0.25">
      <c r="A3188">
        <v>4162</v>
      </c>
      <c r="B3188" t="s">
        <v>965</v>
      </c>
      <c r="C3188" t="s">
        <v>663</v>
      </c>
      <c r="D3188">
        <v>99</v>
      </c>
      <c r="E3188" t="s">
        <v>663</v>
      </c>
      <c r="F3188" t="s">
        <v>4171</v>
      </c>
      <c r="G3188" t="s">
        <v>656</v>
      </c>
      <c r="H3188">
        <v>2</v>
      </c>
      <c r="I3188">
        <v>2020</v>
      </c>
    </row>
    <row r="3189" spans="1:9" x14ac:dyDescent="0.25">
      <c r="A3189">
        <v>4165</v>
      </c>
      <c r="B3189" t="s">
        <v>964</v>
      </c>
      <c r="C3189" t="s">
        <v>663</v>
      </c>
      <c r="D3189">
        <v>99</v>
      </c>
      <c r="E3189" t="s">
        <v>663</v>
      </c>
      <c r="F3189" t="s">
        <v>4171</v>
      </c>
      <c r="G3189" t="s">
        <v>656</v>
      </c>
      <c r="H3189">
        <v>2</v>
      </c>
      <c r="I3189">
        <v>2020</v>
      </c>
    </row>
    <row r="3190" spans="1:9" x14ac:dyDescent="0.25">
      <c r="A3190">
        <v>4168</v>
      </c>
      <c r="B3190" t="s">
        <v>963</v>
      </c>
      <c r="C3190" t="s">
        <v>885</v>
      </c>
      <c r="D3190">
        <v>1</v>
      </c>
      <c r="E3190" t="s">
        <v>885</v>
      </c>
      <c r="F3190" t="s">
        <v>4164</v>
      </c>
      <c r="G3190" t="s">
        <v>656</v>
      </c>
      <c r="H3190">
        <v>2</v>
      </c>
      <c r="I3190">
        <v>2020</v>
      </c>
    </row>
    <row r="3191" spans="1:9" x14ac:dyDescent="0.25">
      <c r="A3191">
        <v>4171</v>
      </c>
      <c r="B3191" t="s">
        <v>962</v>
      </c>
      <c r="C3191" t="s">
        <v>676</v>
      </c>
      <c r="D3191">
        <v>4</v>
      </c>
      <c r="E3191" t="s">
        <v>676</v>
      </c>
      <c r="F3191" t="s">
        <v>4164</v>
      </c>
      <c r="G3191" t="s">
        <v>656</v>
      </c>
      <c r="H3191">
        <v>2</v>
      </c>
      <c r="I3191">
        <v>2020</v>
      </c>
    </row>
    <row r="3192" spans="1:9" x14ac:dyDescent="0.25">
      <c r="A3192">
        <v>4174</v>
      </c>
      <c r="B3192" t="s">
        <v>961</v>
      </c>
      <c r="C3192" t="s">
        <v>839</v>
      </c>
      <c r="D3192">
        <v>89</v>
      </c>
      <c r="E3192" t="s">
        <v>839</v>
      </c>
      <c r="F3192" t="s">
        <v>4168</v>
      </c>
      <c r="G3192" t="s">
        <v>656</v>
      </c>
      <c r="H3192">
        <v>2</v>
      </c>
      <c r="I3192">
        <v>2020</v>
      </c>
    </row>
    <row r="3193" spans="1:9" x14ac:dyDescent="0.25">
      <c r="A3193">
        <v>4177</v>
      </c>
      <c r="B3193" t="s">
        <v>841</v>
      </c>
      <c r="C3193" t="s">
        <v>679</v>
      </c>
      <c r="D3193">
        <v>32</v>
      </c>
      <c r="E3193" t="s">
        <v>4175</v>
      </c>
      <c r="F3193" t="s">
        <v>4171</v>
      </c>
      <c r="G3193" t="s">
        <v>656</v>
      </c>
      <c r="H3193">
        <v>2</v>
      </c>
      <c r="I3193">
        <v>2020</v>
      </c>
    </row>
    <row r="3194" spans="1:9" x14ac:dyDescent="0.25">
      <c r="A3194">
        <v>4180</v>
      </c>
      <c r="B3194" t="s">
        <v>960</v>
      </c>
      <c r="C3194" t="s">
        <v>917</v>
      </c>
      <c r="D3194">
        <v>83</v>
      </c>
      <c r="E3194" t="s">
        <v>4188</v>
      </c>
      <c r="F3194" t="s">
        <v>4189</v>
      </c>
      <c r="G3194" t="s">
        <v>656</v>
      </c>
      <c r="H3194">
        <v>2</v>
      </c>
      <c r="I3194">
        <v>2020</v>
      </c>
    </row>
    <row r="3195" spans="1:9" x14ac:dyDescent="0.25">
      <c r="A3195">
        <v>4183</v>
      </c>
      <c r="B3195" t="s">
        <v>959</v>
      </c>
      <c r="C3195" t="s">
        <v>839</v>
      </c>
      <c r="D3195">
        <v>89</v>
      </c>
      <c r="E3195" t="s">
        <v>839</v>
      </c>
      <c r="F3195" t="s">
        <v>4168</v>
      </c>
      <c r="G3195" t="s">
        <v>656</v>
      </c>
      <c r="H3195">
        <v>2</v>
      </c>
      <c r="I3195">
        <v>2020</v>
      </c>
    </row>
    <row r="3196" spans="1:9" x14ac:dyDescent="0.25">
      <c r="A3196">
        <v>4186</v>
      </c>
      <c r="B3196" t="s">
        <v>958</v>
      </c>
      <c r="C3196" t="s">
        <v>663</v>
      </c>
      <c r="D3196">
        <v>99</v>
      </c>
      <c r="E3196" t="s">
        <v>663</v>
      </c>
      <c r="F3196" t="s">
        <v>4171</v>
      </c>
      <c r="G3196" t="s">
        <v>656</v>
      </c>
      <c r="H3196">
        <v>2</v>
      </c>
      <c r="I3196">
        <v>2020</v>
      </c>
    </row>
    <row r="3197" spans="1:9" x14ac:dyDescent="0.25">
      <c r="A3197">
        <v>4189</v>
      </c>
      <c r="B3197" t="s">
        <v>957</v>
      </c>
      <c r="C3197" t="s">
        <v>663</v>
      </c>
      <c r="D3197">
        <v>99</v>
      </c>
      <c r="E3197" t="s">
        <v>663</v>
      </c>
      <c r="F3197" t="s">
        <v>4171</v>
      </c>
      <c r="G3197" t="s">
        <v>656</v>
      </c>
      <c r="H3197">
        <v>2</v>
      </c>
      <c r="I3197">
        <v>2020</v>
      </c>
    </row>
    <row r="3198" spans="1:9" x14ac:dyDescent="0.25">
      <c r="A3198">
        <v>4192</v>
      </c>
      <c r="B3198" t="s">
        <v>956</v>
      </c>
      <c r="C3198" t="s">
        <v>955</v>
      </c>
      <c r="D3198">
        <v>29</v>
      </c>
      <c r="E3198" t="s">
        <v>4179</v>
      </c>
      <c r="F3198" t="s">
        <v>4177</v>
      </c>
      <c r="G3198" t="s">
        <v>656</v>
      </c>
      <c r="H3198">
        <v>2</v>
      </c>
      <c r="I3198">
        <v>2020</v>
      </c>
    </row>
    <row r="3199" spans="1:9" x14ac:dyDescent="0.25">
      <c r="A3199">
        <v>4195</v>
      </c>
      <c r="B3199" t="s">
        <v>954</v>
      </c>
      <c r="C3199" t="s">
        <v>691</v>
      </c>
      <c r="D3199">
        <v>21</v>
      </c>
      <c r="E3199" t="s">
        <v>691</v>
      </c>
      <c r="F3199" t="s">
        <v>4177</v>
      </c>
      <c r="G3199" t="s">
        <v>656</v>
      </c>
      <c r="H3199">
        <v>2</v>
      </c>
      <c r="I3199">
        <v>2020</v>
      </c>
    </row>
    <row r="3200" spans="1:9" x14ac:dyDescent="0.25">
      <c r="A3200">
        <v>4198</v>
      </c>
      <c r="B3200" t="s">
        <v>832</v>
      </c>
      <c r="C3200" t="s">
        <v>839</v>
      </c>
      <c r="D3200">
        <v>89</v>
      </c>
      <c r="E3200" t="s">
        <v>839</v>
      </c>
      <c r="F3200" t="s">
        <v>4168</v>
      </c>
      <c r="G3200" t="s">
        <v>656</v>
      </c>
      <c r="H3200">
        <v>2</v>
      </c>
      <c r="I3200">
        <v>2020</v>
      </c>
    </row>
    <row r="3201" spans="1:9" x14ac:dyDescent="0.25">
      <c r="A3201">
        <v>4201</v>
      </c>
      <c r="B3201" t="s">
        <v>832</v>
      </c>
      <c r="C3201" t="s">
        <v>831</v>
      </c>
      <c r="D3201">
        <v>5</v>
      </c>
      <c r="E3201" t="s">
        <v>831</v>
      </c>
      <c r="F3201" t="s">
        <v>4168</v>
      </c>
      <c r="G3201" t="s">
        <v>656</v>
      </c>
      <c r="H3201">
        <v>2</v>
      </c>
      <c r="I3201">
        <v>2020</v>
      </c>
    </row>
    <row r="3202" spans="1:9" x14ac:dyDescent="0.25">
      <c r="A3202">
        <v>4204</v>
      </c>
      <c r="B3202" t="s">
        <v>953</v>
      </c>
      <c r="C3202" t="s">
        <v>65</v>
      </c>
      <c r="D3202">
        <v>15</v>
      </c>
      <c r="E3202" t="s">
        <v>4176</v>
      </c>
      <c r="F3202" t="s">
        <v>4177</v>
      </c>
      <c r="G3202" t="s">
        <v>656</v>
      </c>
      <c r="H3202">
        <v>2</v>
      </c>
      <c r="I3202">
        <v>2020</v>
      </c>
    </row>
    <row r="3203" spans="1:9" x14ac:dyDescent="0.25">
      <c r="A3203">
        <v>4207</v>
      </c>
      <c r="B3203" t="s">
        <v>952</v>
      </c>
      <c r="C3203" t="s">
        <v>868</v>
      </c>
      <c r="D3203">
        <v>23</v>
      </c>
      <c r="E3203" t="s">
        <v>4178</v>
      </c>
      <c r="F3203" t="s">
        <v>4177</v>
      </c>
      <c r="G3203" t="s">
        <v>656</v>
      </c>
      <c r="H3203">
        <v>2</v>
      </c>
      <c r="I3203">
        <v>2020</v>
      </c>
    </row>
    <row r="3204" spans="1:9" x14ac:dyDescent="0.25">
      <c r="A3204">
        <v>4216</v>
      </c>
      <c r="B3204" t="s">
        <v>951</v>
      </c>
      <c r="C3204" t="s">
        <v>684</v>
      </c>
      <c r="D3204">
        <v>22</v>
      </c>
      <c r="E3204" t="s">
        <v>4178</v>
      </c>
      <c r="F3204" t="s">
        <v>4177</v>
      </c>
      <c r="G3204" t="s">
        <v>656</v>
      </c>
      <c r="H3204">
        <v>2</v>
      </c>
      <c r="I3204">
        <v>2020</v>
      </c>
    </row>
    <row r="3205" spans="1:9" x14ac:dyDescent="0.25">
      <c r="A3205">
        <v>4225</v>
      </c>
      <c r="B3205" t="s">
        <v>950</v>
      </c>
      <c r="C3205" t="s">
        <v>705</v>
      </c>
      <c r="D3205">
        <v>70</v>
      </c>
      <c r="E3205" t="s">
        <v>4193</v>
      </c>
      <c r="F3205" t="s">
        <v>4189</v>
      </c>
      <c r="G3205" t="s">
        <v>656</v>
      </c>
      <c r="H3205">
        <v>2</v>
      </c>
      <c r="I3205">
        <v>2020</v>
      </c>
    </row>
    <row r="3206" spans="1:9" x14ac:dyDescent="0.25">
      <c r="A3206">
        <v>4228</v>
      </c>
      <c r="B3206" t="s">
        <v>949</v>
      </c>
      <c r="C3206" t="s">
        <v>831</v>
      </c>
      <c r="D3206">
        <v>5</v>
      </c>
      <c r="E3206" t="s">
        <v>831</v>
      </c>
      <c r="F3206" t="s">
        <v>4168</v>
      </c>
      <c r="G3206" t="s">
        <v>656</v>
      </c>
      <c r="H3206">
        <v>2</v>
      </c>
      <c r="I3206">
        <v>2020</v>
      </c>
    </row>
    <row r="3207" spans="1:9" x14ac:dyDescent="0.25">
      <c r="A3207">
        <v>4231</v>
      </c>
      <c r="B3207" t="s">
        <v>948</v>
      </c>
      <c r="C3207" t="s">
        <v>831</v>
      </c>
      <c r="D3207">
        <v>5</v>
      </c>
      <c r="E3207" t="s">
        <v>831</v>
      </c>
      <c r="F3207" t="s">
        <v>4168</v>
      </c>
      <c r="G3207" t="s">
        <v>656</v>
      </c>
      <c r="H3207">
        <v>2</v>
      </c>
      <c r="I3207">
        <v>2020</v>
      </c>
    </row>
    <row r="3208" spans="1:9" x14ac:dyDescent="0.25">
      <c r="A3208">
        <v>4234</v>
      </c>
      <c r="B3208" t="s">
        <v>947</v>
      </c>
      <c r="C3208" t="s">
        <v>676</v>
      </c>
      <c r="D3208">
        <v>4</v>
      </c>
      <c r="E3208" t="s">
        <v>676</v>
      </c>
      <c r="F3208" t="s">
        <v>4164</v>
      </c>
      <c r="G3208" t="s">
        <v>656</v>
      </c>
      <c r="H3208">
        <v>2</v>
      </c>
      <c r="I3208">
        <v>2020</v>
      </c>
    </row>
    <row r="3209" spans="1:9" x14ac:dyDescent="0.25">
      <c r="A3209">
        <v>4237</v>
      </c>
      <c r="B3209" t="s">
        <v>946</v>
      </c>
      <c r="C3209" t="s">
        <v>682</v>
      </c>
      <c r="D3209">
        <v>20</v>
      </c>
      <c r="E3209" t="s">
        <v>682</v>
      </c>
      <c r="F3209" t="s">
        <v>4177</v>
      </c>
      <c r="G3209" t="s">
        <v>656</v>
      </c>
      <c r="H3209">
        <v>2</v>
      </c>
      <c r="I3209">
        <v>2020</v>
      </c>
    </row>
    <row r="3210" spans="1:9" x14ac:dyDescent="0.25">
      <c r="A3210">
        <v>4240</v>
      </c>
      <c r="B3210" t="s">
        <v>945</v>
      </c>
      <c r="C3210" t="s">
        <v>679</v>
      </c>
      <c r="D3210">
        <v>32</v>
      </c>
      <c r="E3210" t="s">
        <v>4175</v>
      </c>
      <c r="F3210" t="s">
        <v>4171</v>
      </c>
      <c r="G3210" t="s">
        <v>656</v>
      </c>
      <c r="H3210">
        <v>2</v>
      </c>
      <c r="I3210">
        <v>2020</v>
      </c>
    </row>
    <row r="3211" spans="1:9" x14ac:dyDescent="0.25">
      <c r="A3211">
        <v>4243</v>
      </c>
      <c r="B3211" t="s">
        <v>943</v>
      </c>
      <c r="C3211" t="s">
        <v>682</v>
      </c>
      <c r="D3211">
        <v>20</v>
      </c>
      <c r="E3211" t="s">
        <v>682</v>
      </c>
      <c r="F3211" t="s">
        <v>4177</v>
      </c>
      <c r="G3211" t="s">
        <v>656</v>
      </c>
      <c r="H3211">
        <v>2</v>
      </c>
      <c r="I3211">
        <v>2020</v>
      </c>
    </row>
    <row r="3212" spans="1:9" x14ac:dyDescent="0.25">
      <c r="A3212">
        <v>4246</v>
      </c>
      <c r="B3212" t="s">
        <v>941</v>
      </c>
      <c r="C3212" t="s">
        <v>663</v>
      </c>
      <c r="D3212">
        <v>99</v>
      </c>
      <c r="E3212" t="s">
        <v>663</v>
      </c>
      <c r="F3212" t="s">
        <v>4171</v>
      </c>
      <c r="G3212" t="s">
        <v>656</v>
      </c>
      <c r="H3212">
        <v>2</v>
      </c>
      <c r="I3212">
        <v>2020</v>
      </c>
    </row>
    <row r="3213" spans="1:9" x14ac:dyDescent="0.25">
      <c r="A3213">
        <v>4249</v>
      </c>
      <c r="B3213" t="s">
        <v>2403</v>
      </c>
      <c r="C3213" t="s">
        <v>802</v>
      </c>
      <c r="D3213">
        <v>12</v>
      </c>
      <c r="E3213" t="s">
        <v>802</v>
      </c>
      <c r="F3213" t="s">
        <v>4171</v>
      </c>
      <c r="G3213" t="s">
        <v>656</v>
      </c>
      <c r="H3213">
        <v>2</v>
      </c>
      <c r="I3213">
        <v>2020</v>
      </c>
    </row>
    <row r="3214" spans="1:9" x14ac:dyDescent="0.25">
      <c r="A3214">
        <v>4252</v>
      </c>
      <c r="B3214" t="s">
        <v>2182</v>
      </c>
      <c r="C3214" t="s">
        <v>756</v>
      </c>
      <c r="D3214">
        <v>19</v>
      </c>
      <c r="E3214" t="s">
        <v>894</v>
      </c>
      <c r="F3214" t="s">
        <v>4177</v>
      </c>
      <c r="G3214" t="s">
        <v>656</v>
      </c>
      <c r="H3214">
        <v>2</v>
      </c>
      <c r="I3214">
        <v>2020</v>
      </c>
    </row>
    <row r="3215" spans="1:9" x14ac:dyDescent="0.25">
      <c r="A3215">
        <v>4255</v>
      </c>
      <c r="B3215" t="s">
        <v>4805</v>
      </c>
      <c r="C3215" t="s">
        <v>767</v>
      </c>
      <c r="D3215">
        <v>44</v>
      </c>
      <c r="E3215" t="s">
        <v>4191</v>
      </c>
      <c r="F3215" t="s">
        <v>4189</v>
      </c>
      <c r="G3215" t="s">
        <v>656</v>
      </c>
      <c r="H3215">
        <v>2</v>
      </c>
      <c r="I3215">
        <v>2020</v>
      </c>
    </row>
    <row r="3216" spans="1:9" x14ac:dyDescent="0.25">
      <c r="A3216">
        <v>4258</v>
      </c>
      <c r="B3216" t="s">
        <v>1997</v>
      </c>
      <c r="C3216" t="s">
        <v>794</v>
      </c>
      <c r="D3216">
        <v>40</v>
      </c>
      <c r="E3216" t="s">
        <v>4188</v>
      </c>
      <c r="F3216" t="s">
        <v>4189</v>
      </c>
      <c r="G3216" t="s">
        <v>656</v>
      </c>
      <c r="H3216">
        <v>2</v>
      </c>
      <c r="I3216">
        <v>2020</v>
      </c>
    </row>
    <row r="3217" spans="1:9" x14ac:dyDescent="0.25">
      <c r="A3217">
        <v>4261</v>
      </c>
      <c r="B3217" t="s">
        <v>2138</v>
      </c>
      <c r="C3217" t="s">
        <v>302</v>
      </c>
      <c r="D3217">
        <v>95</v>
      </c>
      <c r="E3217" t="s">
        <v>1614</v>
      </c>
      <c r="F3217" t="s">
        <v>4177</v>
      </c>
      <c r="G3217" t="s">
        <v>656</v>
      </c>
      <c r="H3217">
        <v>2</v>
      </c>
      <c r="I3217">
        <v>2020</v>
      </c>
    </row>
    <row r="3218" spans="1:9" x14ac:dyDescent="0.25">
      <c r="A3218">
        <v>4267</v>
      </c>
      <c r="B3218" t="s">
        <v>1273</v>
      </c>
      <c r="C3218" t="s">
        <v>839</v>
      </c>
      <c r="D3218">
        <v>89</v>
      </c>
      <c r="E3218" t="s">
        <v>839</v>
      </c>
      <c r="F3218" t="s">
        <v>4168</v>
      </c>
      <c r="G3218" t="s">
        <v>656</v>
      </c>
      <c r="H3218">
        <v>2</v>
      </c>
      <c r="I3218">
        <v>2020</v>
      </c>
    </row>
    <row r="3219" spans="1:9" x14ac:dyDescent="0.25">
      <c r="A3219">
        <v>4273</v>
      </c>
      <c r="B3219" t="s">
        <v>2517</v>
      </c>
      <c r="C3219" t="s">
        <v>295</v>
      </c>
      <c r="D3219">
        <v>30</v>
      </c>
      <c r="E3219" t="s">
        <v>4179</v>
      </c>
      <c r="F3219" t="s">
        <v>4177</v>
      </c>
      <c r="G3219" t="s">
        <v>656</v>
      </c>
      <c r="H3219">
        <v>2</v>
      </c>
      <c r="I3219">
        <v>2020</v>
      </c>
    </row>
    <row r="3220" spans="1:9" x14ac:dyDescent="0.25">
      <c r="A3220">
        <v>4276</v>
      </c>
      <c r="B3220" t="s">
        <v>1955</v>
      </c>
      <c r="C3220" t="s">
        <v>868</v>
      </c>
      <c r="D3220">
        <v>23</v>
      </c>
      <c r="E3220" t="s">
        <v>4178</v>
      </c>
      <c r="F3220" t="s">
        <v>4177</v>
      </c>
      <c r="G3220" t="s">
        <v>656</v>
      </c>
      <c r="H3220">
        <v>2</v>
      </c>
      <c r="I3220">
        <v>2020</v>
      </c>
    </row>
    <row r="3221" spans="1:9" x14ac:dyDescent="0.25">
      <c r="A3221">
        <v>4279</v>
      </c>
      <c r="B3221" t="s">
        <v>1955</v>
      </c>
      <c r="C3221" t="s">
        <v>295</v>
      </c>
      <c r="D3221">
        <v>30</v>
      </c>
      <c r="E3221" t="s">
        <v>4179</v>
      </c>
      <c r="F3221" t="s">
        <v>4177</v>
      </c>
      <c r="G3221" t="s">
        <v>656</v>
      </c>
      <c r="H3221">
        <v>2</v>
      </c>
      <c r="I3221">
        <v>2020</v>
      </c>
    </row>
    <row r="3222" spans="1:9" x14ac:dyDescent="0.25">
      <c r="A3222">
        <v>4282</v>
      </c>
      <c r="B3222" t="s">
        <v>2459</v>
      </c>
      <c r="C3222" t="s">
        <v>730</v>
      </c>
      <c r="D3222">
        <v>66</v>
      </c>
      <c r="E3222" t="s">
        <v>4193</v>
      </c>
      <c r="F3222" t="s">
        <v>4189</v>
      </c>
      <c r="G3222" t="s">
        <v>656</v>
      </c>
      <c r="H3222">
        <v>2</v>
      </c>
      <c r="I3222">
        <v>2020</v>
      </c>
    </row>
    <row r="3223" spans="1:9" x14ac:dyDescent="0.25">
      <c r="A3223">
        <v>4288</v>
      </c>
      <c r="B3223" t="s">
        <v>2670</v>
      </c>
      <c r="C3223" t="s">
        <v>301</v>
      </c>
      <c r="D3223">
        <v>26</v>
      </c>
      <c r="E3223" t="s">
        <v>4179</v>
      </c>
      <c r="F3223" t="s">
        <v>4177</v>
      </c>
      <c r="G3223" t="s">
        <v>656</v>
      </c>
      <c r="H3223">
        <v>2</v>
      </c>
      <c r="I3223">
        <v>2020</v>
      </c>
    </row>
    <row r="3224" spans="1:9" x14ac:dyDescent="0.25">
      <c r="A3224">
        <v>4291</v>
      </c>
      <c r="B3224" t="s">
        <v>2139</v>
      </c>
      <c r="C3224" t="s">
        <v>302</v>
      </c>
      <c r="D3224">
        <v>95</v>
      </c>
      <c r="E3224" t="s">
        <v>1614</v>
      </c>
      <c r="F3224" t="s">
        <v>4177</v>
      </c>
      <c r="G3224" t="s">
        <v>656</v>
      </c>
      <c r="H3224">
        <v>2</v>
      </c>
      <c r="I3224">
        <v>2020</v>
      </c>
    </row>
    <row r="3225" spans="1:9" x14ac:dyDescent="0.25">
      <c r="A3225">
        <v>4294</v>
      </c>
      <c r="B3225" t="s">
        <v>2140</v>
      </c>
      <c r="C3225" t="s">
        <v>302</v>
      </c>
      <c r="D3225">
        <v>95</v>
      </c>
      <c r="E3225" t="s">
        <v>1614</v>
      </c>
      <c r="F3225" t="s">
        <v>4177</v>
      </c>
      <c r="G3225" t="s">
        <v>656</v>
      </c>
      <c r="H3225">
        <v>2</v>
      </c>
      <c r="I3225">
        <v>2020</v>
      </c>
    </row>
    <row r="3226" spans="1:9" x14ac:dyDescent="0.25">
      <c r="A3226">
        <v>4297</v>
      </c>
      <c r="B3226" t="s">
        <v>2141</v>
      </c>
      <c r="C3226" t="s">
        <v>302</v>
      </c>
      <c r="D3226">
        <v>95</v>
      </c>
      <c r="E3226" t="s">
        <v>1614</v>
      </c>
      <c r="F3226" t="s">
        <v>4177</v>
      </c>
      <c r="G3226" t="s">
        <v>656</v>
      </c>
      <c r="H3226">
        <v>2</v>
      </c>
      <c r="I3226">
        <v>2020</v>
      </c>
    </row>
    <row r="3227" spans="1:9" x14ac:dyDescent="0.25">
      <c r="A3227">
        <v>4300</v>
      </c>
      <c r="B3227" t="s">
        <v>2456</v>
      </c>
      <c r="C3227" t="s">
        <v>730</v>
      </c>
      <c r="D3227">
        <v>66</v>
      </c>
      <c r="E3227" t="s">
        <v>4193</v>
      </c>
      <c r="F3227" t="s">
        <v>4189</v>
      </c>
      <c r="G3227" t="s">
        <v>656</v>
      </c>
      <c r="H3227">
        <v>2</v>
      </c>
      <c r="I3227">
        <v>2020</v>
      </c>
    </row>
    <row r="3228" spans="1:9" x14ac:dyDescent="0.25">
      <c r="A3228">
        <v>4303</v>
      </c>
      <c r="B3228" t="s">
        <v>2456</v>
      </c>
      <c r="C3228" t="s">
        <v>693</v>
      </c>
      <c r="D3228">
        <v>56</v>
      </c>
      <c r="E3228" t="s">
        <v>4193</v>
      </c>
      <c r="F3228" t="s">
        <v>4189</v>
      </c>
      <c r="G3228" t="s">
        <v>656</v>
      </c>
      <c r="H3228">
        <v>2</v>
      </c>
      <c r="I3228">
        <v>2020</v>
      </c>
    </row>
    <row r="3229" spans="1:9" x14ac:dyDescent="0.25">
      <c r="A3229">
        <v>4306</v>
      </c>
      <c r="B3229" t="s">
        <v>1966</v>
      </c>
      <c r="C3229" t="s">
        <v>301</v>
      </c>
      <c r="D3229">
        <v>26</v>
      </c>
      <c r="E3229" t="s">
        <v>4179</v>
      </c>
      <c r="F3229" t="s">
        <v>4177</v>
      </c>
      <c r="G3229" t="s">
        <v>656</v>
      </c>
      <c r="H3229">
        <v>2</v>
      </c>
      <c r="I3229">
        <v>2020</v>
      </c>
    </row>
    <row r="3230" spans="1:9" x14ac:dyDescent="0.25">
      <c r="A3230">
        <v>4309</v>
      </c>
      <c r="B3230" t="s">
        <v>2142</v>
      </c>
      <c r="C3230" t="s">
        <v>302</v>
      </c>
      <c r="D3230">
        <v>95</v>
      </c>
      <c r="E3230" t="s">
        <v>1614</v>
      </c>
      <c r="F3230" t="s">
        <v>4177</v>
      </c>
      <c r="G3230" t="s">
        <v>656</v>
      </c>
      <c r="H3230">
        <v>2</v>
      </c>
      <c r="I3230">
        <v>2020</v>
      </c>
    </row>
    <row r="3231" spans="1:9" x14ac:dyDescent="0.25">
      <c r="A3231">
        <v>4312</v>
      </c>
      <c r="B3231" t="s">
        <v>758</v>
      </c>
      <c r="C3231" t="s">
        <v>302</v>
      </c>
      <c r="D3231">
        <v>95</v>
      </c>
      <c r="E3231" t="s">
        <v>1614</v>
      </c>
      <c r="F3231" t="s">
        <v>4177</v>
      </c>
      <c r="G3231" t="s">
        <v>656</v>
      </c>
      <c r="H3231">
        <v>2</v>
      </c>
      <c r="I3231">
        <v>2020</v>
      </c>
    </row>
    <row r="3232" spans="1:9" x14ac:dyDescent="0.25">
      <c r="A3232">
        <v>4315</v>
      </c>
      <c r="B3232" t="s">
        <v>4824</v>
      </c>
      <c r="C3232" t="s">
        <v>301</v>
      </c>
      <c r="D3232">
        <v>26</v>
      </c>
      <c r="E3232" t="s">
        <v>4179</v>
      </c>
      <c r="F3232" t="s">
        <v>4177</v>
      </c>
      <c r="G3232" t="s">
        <v>656</v>
      </c>
      <c r="H3232">
        <v>2</v>
      </c>
      <c r="I3232">
        <v>2020</v>
      </c>
    </row>
    <row r="3233" spans="1:9" x14ac:dyDescent="0.25">
      <c r="A3233">
        <v>4318</v>
      </c>
      <c r="B3233" t="s">
        <v>1708</v>
      </c>
      <c r="C3233" t="s">
        <v>295</v>
      </c>
      <c r="D3233">
        <v>30</v>
      </c>
      <c r="E3233" t="s">
        <v>4179</v>
      </c>
      <c r="F3233" t="s">
        <v>4177</v>
      </c>
      <c r="G3233" t="s">
        <v>656</v>
      </c>
      <c r="H3233">
        <v>2</v>
      </c>
      <c r="I3233">
        <v>2020</v>
      </c>
    </row>
    <row r="3234" spans="1:9" x14ac:dyDescent="0.25">
      <c r="A3234">
        <v>4321</v>
      </c>
      <c r="B3234" t="s">
        <v>906</v>
      </c>
      <c r="C3234" t="s">
        <v>295</v>
      </c>
      <c r="D3234">
        <v>30</v>
      </c>
      <c r="E3234" t="s">
        <v>4179</v>
      </c>
      <c r="F3234" t="s">
        <v>4177</v>
      </c>
      <c r="G3234" t="s">
        <v>656</v>
      </c>
      <c r="H3234">
        <v>2</v>
      </c>
      <c r="I3234">
        <v>2020</v>
      </c>
    </row>
    <row r="3235" spans="1:9" x14ac:dyDescent="0.25">
      <c r="A3235">
        <v>4324</v>
      </c>
      <c r="B3235" t="s">
        <v>2198</v>
      </c>
      <c r="C3235" t="s">
        <v>767</v>
      </c>
      <c r="D3235">
        <v>44</v>
      </c>
      <c r="E3235" t="s">
        <v>4191</v>
      </c>
      <c r="F3235" t="s">
        <v>4189</v>
      </c>
      <c r="G3235" t="s">
        <v>656</v>
      </c>
      <c r="H3235">
        <v>2</v>
      </c>
      <c r="I3235">
        <v>2020</v>
      </c>
    </row>
    <row r="3236" spans="1:9" x14ac:dyDescent="0.25">
      <c r="A3236">
        <v>4327</v>
      </c>
      <c r="B3236" t="s">
        <v>2641</v>
      </c>
      <c r="C3236" t="s">
        <v>792</v>
      </c>
      <c r="D3236">
        <v>6</v>
      </c>
      <c r="E3236" t="s">
        <v>4169</v>
      </c>
      <c r="F3236" t="s">
        <v>4164</v>
      </c>
      <c r="G3236" t="s">
        <v>656</v>
      </c>
      <c r="H3236">
        <v>2</v>
      </c>
      <c r="I3236">
        <v>2020</v>
      </c>
    </row>
    <row r="3237" spans="1:9" x14ac:dyDescent="0.25">
      <c r="A3237">
        <v>4330</v>
      </c>
      <c r="B3237" t="s">
        <v>2584</v>
      </c>
      <c r="C3237" t="s">
        <v>756</v>
      </c>
      <c r="D3237">
        <v>19</v>
      </c>
      <c r="E3237" t="s">
        <v>894</v>
      </c>
      <c r="F3237" t="s">
        <v>4177</v>
      </c>
      <c r="G3237" t="s">
        <v>656</v>
      </c>
      <c r="H3237">
        <v>2</v>
      </c>
      <c r="I3237">
        <v>2020</v>
      </c>
    </row>
    <row r="3238" spans="1:9" x14ac:dyDescent="0.25">
      <c r="A3238">
        <v>4333</v>
      </c>
      <c r="B3238" t="s">
        <v>2593</v>
      </c>
      <c r="C3238" t="s">
        <v>695</v>
      </c>
      <c r="D3238">
        <v>54</v>
      </c>
      <c r="E3238" t="s">
        <v>4198</v>
      </c>
      <c r="F3238" t="s">
        <v>4189</v>
      </c>
      <c r="G3238" t="s">
        <v>656</v>
      </c>
      <c r="H3238">
        <v>2</v>
      </c>
      <c r="I3238">
        <v>2020</v>
      </c>
    </row>
    <row r="3239" spans="1:9" x14ac:dyDescent="0.25">
      <c r="A3239">
        <v>4336</v>
      </c>
      <c r="B3239" t="s">
        <v>2759</v>
      </c>
      <c r="C3239" t="s">
        <v>301</v>
      </c>
      <c r="D3239">
        <v>26</v>
      </c>
      <c r="E3239" t="s">
        <v>4179</v>
      </c>
      <c r="F3239" t="s">
        <v>4177</v>
      </c>
      <c r="G3239" t="s">
        <v>656</v>
      </c>
      <c r="H3239">
        <v>2</v>
      </c>
      <c r="I3239">
        <v>2020</v>
      </c>
    </row>
    <row r="3240" spans="1:9" x14ac:dyDescent="0.25">
      <c r="A3240">
        <v>4339</v>
      </c>
      <c r="B3240" t="s">
        <v>2838</v>
      </c>
      <c r="C3240" t="s">
        <v>65</v>
      </c>
      <c r="D3240">
        <v>15</v>
      </c>
      <c r="E3240" t="s">
        <v>4176</v>
      </c>
      <c r="F3240" t="s">
        <v>4177</v>
      </c>
      <c r="G3240" t="s">
        <v>656</v>
      </c>
      <c r="H3240">
        <v>2</v>
      </c>
      <c r="I3240">
        <v>2020</v>
      </c>
    </row>
    <row r="3241" spans="1:9" x14ac:dyDescent="0.25">
      <c r="A3241">
        <v>4342</v>
      </c>
      <c r="B3241" t="s">
        <v>2905</v>
      </c>
      <c r="C3241" t="s">
        <v>693</v>
      </c>
      <c r="D3241">
        <v>56</v>
      </c>
      <c r="E3241" t="s">
        <v>4193</v>
      </c>
      <c r="F3241" t="s">
        <v>4189</v>
      </c>
      <c r="G3241" t="s">
        <v>656</v>
      </c>
      <c r="H3241">
        <v>2</v>
      </c>
      <c r="I3241">
        <v>2020</v>
      </c>
    </row>
    <row r="3242" spans="1:9" x14ac:dyDescent="0.25">
      <c r="A3242">
        <v>4345</v>
      </c>
      <c r="B3242" t="s">
        <v>755</v>
      </c>
      <c r="C3242" t="s">
        <v>302</v>
      </c>
      <c r="D3242">
        <v>95</v>
      </c>
      <c r="E3242" t="s">
        <v>1614</v>
      </c>
      <c r="F3242" t="s">
        <v>4177</v>
      </c>
      <c r="G3242" t="s">
        <v>656</v>
      </c>
      <c r="H3242">
        <v>2</v>
      </c>
      <c r="I3242">
        <v>2020</v>
      </c>
    </row>
    <row r="3243" spans="1:9" x14ac:dyDescent="0.25">
      <c r="A3243">
        <v>4348</v>
      </c>
      <c r="B3243" t="s">
        <v>2143</v>
      </c>
      <c r="C3243" t="s">
        <v>302</v>
      </c>
      <c r="D3243">
        <v>95</v>
      </c>
      <c r="E3243" t="s">
        <v>1614</v>
      </c>
      <c r="F3243" t="s">
        <v>4177</v>
      </c>
      <c r="G3243" t="s">
        <v>656</v>
      </c>
      <c r="H3243">
        <v>2</v>
      </c>
      <c r="I3243">
        <v>2020</v>
      </c>
    </row>
    <row r="3244" spans="1:9" x14ac:dyDescent="0.25">
      <c r="A3244">
        <v>4351</v>
      </c>
      <c r="B3244" t="s">
        <v>2010</v>
      </c>
      <c r="C3244" t="s">
        <v>851</v>
      </c>
      <c r="D3244">
        <v>43</v>
      </c>
      <c r="E3244" t="s">
        <v>4188</v>
      </c>
      <c r="F3244" t="s">
        <v>4189</v>
      </c>
      <c r="G3244" t="s">
        <v>656</v>
      </c>
      <c r="H3244">
        <v>2</v>
      </c>
      <c r="I3244">
        <v>2020</v>
      </c>
    </row>
    <row r="3245" spans="1:9" x14ac:dyDescent="0.25">
      <c r="A3245">
        <v>4354</v>
      </c>
      <c r="B3245" t="s">
        <v>3128</v>
      </c>
      <c r="C3245" t="s">
        <v>301</v>
      </c>
      <c r="D3245">
        <v>26</v>
      </c>
      <c r="E3245" t="s">
        <v>4179</v>
      </c>
      <c r="F3245" t="s">
        <v>4177</v>
      </c>
      <c r="G3245" t="s">
        <v>656</v>
      </c>
      <c r="H3245">
        <v>2</v>
      </c>
      <c r="I3245">
        <v>2020</v>
      </c>
    </row>
    <row r="3246" spans="1:9" x14ac:dyDescent="0.25">
      <c r="A3246">
        <v>4357</v>
      </c>
      <c r="B3246" t="s">
        <v>2417</v>
      </c>
      <c r="C3246" t="s">
        <v>955</v>
      </c>
      <c r="D3246">
        <v>29</v>
      </c>
      <c r="E3246" t="s">
        <v>4179</v>
      </c>
      <c r="F3246" t="s">
        <v>4177</v>
      </c>
      <c r="G3246" t="s">
        <v>656</v>
      </c>
      <c r="H3246">
        <v>2</v>
      </c>
      <c r="I3246">
        <v>2020</v>
      </c>
    </row>
    <row r="3247" spans="1:9" x14ac:dyDescent="0.25">
      <c r="A3247">
        <v>4360</v>
      </c>
      <c r="B3247" t="s">
        <v>913</v>
      </c>
      <c r="C3247" t="s">
        <v>913</v>
      </c>
      <c r="D3247">
        <v>115</v>
      </c>
      <c r="E3247" t="s">
        <v>4187</v>
      </c>
      <c r="F3247" t="s">
        <v>4187</v>
      </c>
      <c r="G3247" t="s">
        <v>669</v>
      </c>
      <c r="H3247">
        <v>1</v>
      </c>
      <c r="I3247">
        <v>2020</v>
      </c>
    </row>
    <row r="3248" spans="1:9" x14ac:dyDescent="0.25">
      <c r="A3248">
        <v>4363</v>
      </c>
      <c r="B3248" t="s">
        <v>692</v>
      </c>
      <c r="C3248" t="s">
        <v>691</v>
      </c>
      <c r="D3248">
        <v>21</v>
      </c>
      <c r="E3248" t="s">
        <v>691</v>
      </c>
      <c r="F3248" t="s">
        <v>4177</v>
      </c>
      <c r="G3248" t="s">
        <v>669</v>
      </c>
      <c r="H3248">
        <v>1</v>
      </c>
      <c r="I3248">
        <v>2020</v>
      </c>
    </row>
    <row r="3249" spans="1:9" x14ac:dyDescent="0.25">
      <c r="A3249">
        <v>4366</v>
      </c>
      <c r="B3249" t="s">
        <v>931</v>
      </c>
      <c r="C3249" t="s">
        <v>682</v>
      </c>
      <c r="D3249">
        <v>20</v>
      </c>
      <c r="E3249" t="s">
        <v>682</v>
      </c>
      <c r="F3249" t="s">
        <v>4177</v>
      </c>
      <c r="G3249" t="s">
        <v>669</v>
      </c>
      <c r="H3249">
        <v>1</v>
      </c>
      <c r="I3249">
        <v>2020</v>
      </c>
    </row>
    <row r="3250" spans="1:9" x14ac:dyDescent="0.25">
      <c r="A3250">
        <v>4369</v>
      </c>
      <c r="B3250" t="s">
        <v>919</v>
      </c>
      <c r="C3250" t="s">
        <v>848</v>
      </c>
      <c r="D3250">
        <v>62</v>
      </c>
      <c r="E3250" t="s">
        <v>4193</v>
      </c>
      <c r="F3250" t="s">
        <v>4189</v>
      </c>
      <c r="G3250" t="s">
        <v>669</v>
      </c>
      <c r="H3250">
        <v>1</v>
      </c>
      <c r="I3250">
        <v>2020</v>
      </c>
    </row>
    <row r="3251" spans="1:9" x14ac:dyDescent="0.25">
      <c r="A3251">
        <v>4074</v>
      </c>
      <c r="B3251" t="s">
        <v>1004</v>
      </c>
      <c r="C3251" t="s">
        <v>917</v>
      </c>
      <c r="D3251">
        <v>83</v>
      </c>
      <c r="E3251" t="s">
        <v>4188</v>
      </c>
      <c r="F3251" t="s">
        <v>4189</v>
      </c>
      <c r="G3251" t="s">
        <v>656</v>
      </c>
      <c r="H3251">
        <v>2</v>
      </c>
      <c r="I3251">
        <v>2020</v>
      </c>
    </row>
    <row r="3252" spans="1:9" x14ac:dyDescent="0.25">
      <c r="A3252">
        <v>4064</v>
      </c>
      <c r="B3252" t="s">
        <v>1006</v>
      </c>
      <c r="C3252" t="s">
        <v>663</v>
      </c>
      <c r="D3252">
        <v>99</v>
      </c>
      <c r="E3252" t="s">
        <v>663</v>
      </c>
      <c r="F3252" t="s">
        <v>4171</v>
      </c>
      <c r="G3252" t="s">
        <v>656</v>
      </c>
      <c r="H3252">
        <v>2</v>
      </c>
      <c r="I3252">
        <v>2020</v>
      </c>
    </row>
    <row r="3253" spans="1:9" x14ac:dyDescent="0.25">
      <c r="A3253">
        <v>4052</v>
      </c>
      <c r="B3253" t="s">
        <v>1013</v>
      </c>
      <c r="C3253" t="s">
        <v>742</v>
      </c>
      <c r="D3253">
        <v>48</v>
      </c>
      <c r="E3253" t="s">
        <v>4165</v>
      </c>
      <c r="F3253" t="s">
        <v>4164</v>
      </c>
      <c r="G3253" t="s">
        <v>656</v>
      </c>
      <c r="H3253">
        <v>2</v>
      </c>
      <c r="I3253">
        <v>2020</v>
      </c>
    </row>
    <row r="3254" spans="1:9" x14ac:dyDescent="0.25">
      <c r="A3254">
        <v>4040</v>
      </c>
      <c r="B3254" t="s">
        <v>1017</v>
      </c>
      <c r="C3254" t="s">
        <v>980</v>
      </c>
      <c r="D3254">
        <v>67</v>
      </c>
      <c r="E3254" t="s">
        <v>980</v>
      </c>
      <c r="F3254" t="s">
        <v>4189</v>
      </c>
      <c r="G3254" t="s">
        <v>656</v>
      </c>
      <c r="H3254">
        <v>2</v>
      </c>
      <c r="I3254">
        <v>2020</v>
      </c>
    </row>
    <row r="3255" spans="1:9" x14ac:dyDescent="0.25">
      <c r="A3255">
        <v>4037</v>
      </c>
      <c r="B3255" t="s">
        <v>1018</v>
      </c>
      <c r="C3255" t="s">
        <v>797</v>
      </c>
      <c r="D3255">
        <v>65</v>
      </c>
      <c r="E3255" t="s">
        <v>4191</v>
      </c>
      <c r="F3255" t="s">
        <v>4189</v>
      </c>
      <c r="G3255" t="s">
        <v>656</v>
      </c>
      <c r="H3255">
        <v>2</v>
      </c>
      <c r="I3255">
        <v>2020</v>
      </c>
    </row>
    <row r="3256" spans="1:9" x14ac:dyDescent="0.25">
      <c r="A3256">
        <v>4034</v>
      </c>
      <c r="B3256" t="s">
        <v>1019</v>
      </c>
      <c r="C3256" t="s">
        <v>797</v>
      </c>
      <c r="D3256">
        <v>65</v>
      </c>
      <c r="E3256" t="s">
        <v>4191</v>
      </c>
      <c r="F3256" t="s">
        <v>4189</v>
      </c>
      <c r="G3256" t="s">
        <v>656</v>
      </c>
      <c r="H3256">
        <v>2</v>
      </c>
      <c r="I3256">
        <v>2020</v>
      </c>
    </row>
    <row r="3257" spans="1:9" x14ac:dyDescent="0.25">
      <c r="A3257">
        <v>4031</v>
      </c>
      <c r="B3257" t="s">
        <v>1020</v>
      </c>
      <c r="C3257" t="s">
        <v>730</v>
      </c>
      <c r="D3257">
        <v>66</v>
      </c>
      <c r="E3257" t="s">
        <v>4193</v>
      </c>
      <c r="F3257" t="s">
        <v>4189</v>
      </c>
      <c r="G3257" t="s">
        <v>656</v>
      </c>
      <c r="H3257">
        <v>2</v>
      </c>
      <c r="I3257">
        <v>2020</v>
      </c>
    </row>
    <row r="3258" spans="1:9" x14ac:dyDescent="0.25">
      <c r="A3258">
        <v>4022</v>
      </c>
      <c r="B3258" t="s">
        <v>1024</v>
      </c>
      <c r="C3258" t="s">
        <v>1022</v>
      </c>
      <c r="D3258">
        <v>85</v>
      </c>
      <c r="E3258" t="s">
        <v>1080</v>
      </c>
      <c r="F3258" t="s">
        <v>4189</v>
      </c>
      <c r="G3258" t="s">
        <v>656</v>
      </c>
      <c r="H3258">
        <v>2</v>
      </c>
      <c r="I3258">
        <v>2020</v>
      </c>
    </row>
    <row r="3259" spans="1:9" x14ac:dyDescent="0.25">
      <c r="A3259">
        <v>4019</v>
      </c>
      <c r="B3259" t="s">
        <v>731</v>
      </c>
      <c r="C3259" t="s">
        <v>730</v>
      </c>
      <c r="D3259">
        <v>66</v>
      </c>
      <c r="E3259" t="s">
        <v>4193</v>
      </c>
      <c r="F3259" t="s">
        <v>4189</v>
      </c>
      <c r="G3259" t="s">
        <v>656</v>
      </c>
      <c r="H3259">
        <v>2</v>
      </c>
      <c r="I3259">
        <v>2020</v>
      </c>
    </row>
    <row r="3260" spans="1:9" x14ac:dyDescent="0.25">
      <c r="A3260">
        <v>4010</v>
      </c>
      <c r="B3260" t="s">
        <v>1029</v>
      </c>
      <c r="C3260" t="s">
        <v>1028</v>
      </c>
      <c r="D3260">
        <v>33</v>
      </c>
      <c r="E3260" t="s">
        <v>4175</v>
      </c>
      <c r="F3260" t="s">
        <v>4171</v>
      </c>
      <c r="G3260" t="s">
        <v>656</v>
      </c>
      <c r="H3260">
        <v>2</v>
      </c>
      <c r="I3260">
        <v>2020</v>
      </c>
    </row>
    <row r="3261" spans="1:9" x14ac:dyDescent="0.25">
      <c r="A3261">
        <v>4004</v>
      </c>
      <c r="B3261" t="s">
        <v>1031</v>
      </c>
      <c r="C3261" t="s">
        <v>710</v>
      </c>
      <c r="D3261">
        <v>53</v>
      </c>
      <c r="E3261" t="s">
        <v>4198</v>
      </c>
      <c r="F3261" t="s">
        <v>4189</v>
      </c>
      <c r="G3261" t="s">
        <v>656</v>
      </c>
      <c r="H3261">
        <v>2</v>
      </c>
      <c r="I3261">
        <v>2020</v>
      </c>
    </row>
    <row r="3262" spans="1:9" x14ac:dyDescent="0.25">
      <c r="A3262">
        <v>3995</v>
      </c>
      <c r="B3262" t="s">
        <v>1038</v>
      </c>
      <c r="C3262" t="s">
        <v>1028</v>
      </c>
      <c r="D3262">
        <v>33</v>
      </c>
      <c r="E3262" t="s">
        <v>4175</v>
      </c>
      <c r="F3262" t="s">
        <v>4171</v>
      </c>
      <c r="G3262" t="s">
        <v>656</v>
      </c>
      <c r="H3262">
        <v>2</v>
      </c>
      <c r="I3262">
        <v>2020</v>
      </c>
    </row>
    <row r="3263" spans="1:9" x14ac:dyDescent="0.25">
      <c r="A3263">
        <v>3989</v>
      </c>
      <c r="B3263" t="s">
        <v>1041</v>
      </c>
      <c r="C3263" t="s">
        <v>673</v>
      </c>
      <c r="D3263">
        <v>34</v>
      </c>
      <c r="E3263" t="s">
        <v>4175</v>
      </c>
      <c r="F3263" t="s">
        <v>4171</v>
      </c>
      <c r="G3263" t="s">
        <v>656</v>
      </c>
      <c r="H3263">
        <v>2</v>
      </c>
      <c r="I3263">
        <v>2020</v>
      </c>
    </row>
    <row r="3264" spans="1:9" x14ac:dyDescent="0.25">
      <c r="A3264">
        <v>3983</v>
      </c>
      <c r="B3264" t="s">
        <v>1046</v>
      </c>
      <c r="C3264" t="s">
        <v>103</v>
      </c>
      <c r="D3264">
        <v>86</v>
      </c>
      <c r="E3264" t="s">
        <v>4193</v>
      </c>
      <c r="F3264" t="s">
        <v>4189</v>
      </c>
      <c r="G3264" t="s">
        <v>656</v>
      </c>
      <c r="H3264">
        <v>2</v>
      </c>
      <c r="I3264">
        <v>2020</v>
      </c>
    </row>
    <row r="3265" spans="1:9" x14ac:dyDescent="0.25">
      <c r="A3265">
        <v>3944</v>
      </c>
      <c r="B3265" t="s">
        <v>1067</v>
      </c>
      <c r="C3265" t="s">
        <v>917</v>
      </c>
      <c r="D3265">
        <v>83</v>
      </c>
      <c r="E3265" t="s">
        <v>4188</v>
      </c>
      <c r="F3265" t="s">
        <v>4189</v>
      </c>
      <c r="G3265" t="s">
        <v>656</v>
      </c>
      <c r="H3265">
        <v>2</v>
      </c>
      <c r="I3265">
        <v>2020</v>
      </c>
    </row>
    <row r="3266" spans="1:9" x14ac:dyDescent="0.25">
      <c r="A3266">
        <v>3941</v>
      </c>
      <c r="B3266" t="s">
        <v>1068</v>
      </c>
      <c r="C3266" t="s">
        <v>676</v>
      </c>
      <c r="D3266">
        <v>4</v>
      </c>
      <c r="E3266" t="s">
        <v>676</v>
      </c>
      <c r="F3266" t="s">
        <v>4164</v>
      </c>
      <c r="G3266" t="s">
        <v>656</v>
      </c>
      <c r="H3266">
        <v>2</v>
      </c>
      <c r="I3266">
        <v>2020</v>
      </c>
    </row>
    <row r="3267" spans="1:9" x14ac:dyDescent="0.25">
      <c r="A3267">
        <v>3786</v>
      </c>
      <c r="B3267" t="s">
        <v>992</v>
      </c>
      <c r="C3267" t="s">
        <v>676</v>
      </c>
      <c r="D3267">
        <v>4</v>
      </c>
      <c r="E3267" t="s">
        <v>676</v>
      </c>
      <c r="F3267" t="s">
        <v>4164</v>
      </c>
      <c r="G3267" t="s">
        <v>656</v>
      </c>
      <c r="H3267">
        <v>2</v>
      </c>
      <c r="I3267">
        <v>2020</v>
      </c>
    </row>
    <row r="3268" spans="1:9" x14ac:dyDescent="0.25">
      <c r="A3268">
        <v>3759</v>
      </c>
      <c r="B3268" t="s">
        <v>1123</v>
      </c>
      <c r="C3268" t="s">
        <v>663</v>
      </c>
      <c r="D3268">
        <v>99</v>
      </c>
      <c r="E3268" t="s">
        <v>663</v>
      </c>
      <c r="F3268" t="s">
        <v>4171</v>
      </c>
      <c r="G3268" t="s">
        <v>656</v>
      </c>
      <c r="H3268">
        <v>2</v>
      </c>
      <c r="I3268">
        <v>2020</v>
      </c>
    </row>
    <row r="3269" spans="1:9" x14ac:dyDescent="0.25">
      <c r="A3269">
        <v>3711</v>
      </c>
      <c r="B3269" t="s">
        <v>1140</v>
      </c>
      <c r="C3269" t="s">
        <v>807</v>
      </c>
      <c r="D3269">
        <v>25</v>
      </c>
      <c r="E3269" t="s">
        <v>4179</v>
      </c>
      <c r="F3269" t="s">
        <v>4177</v>
      </c>
      <c r="G3269" t="s">
        <v>656</v>
      </c>
      <c r="H3269">
        <v>2</v>
      </c>
      <c r="I3269">
        <v>2020</v>
      </c>
    </row>
    <row r="3270" spans="1:9" x14ac:dyDescent="0.25">
      <c r="A3270">
        <v>3702</v>
      </c>
      <c r="B3270" t="s">
        <v>1145</v>
      </c>
      <c r="C3270" t="s">
        <v>742</v>
      </c>
      <c r="D3270">
        <v>48</v>
      </c>
      <c r="E3270" t="s">
        <v>4165</v>
      </c>
      <c r="F3270" t="s">
        <v>4164</v>
      </c>
      <c r="G3270" t="s">
        <v>656</v>
      </c>
      <c r="H3270">
        <v>2</v>
      </c>
      <c r="I3270">
        <v>2020</v>
      </c>
    </row>
    <row r="3271" spans="1:9" x14ac:dyDescent="0.25">
      <c r="A3271">
        <v>3690</v>
      </c>
      <c r="B3271" t="s">
        <v>1181</v>
      </c>
      <c r="C3271" t="s">
        <v>693</v>
      </c>
      <c r="D3271">
        <v>56</v>
      </c>
      <c r="E3271" t="s">
        <v>4193</v>
      </c>
      <c r="F3271" t="s">
        <v>4189</v>
      </c>
      <c r="G3271" t="s">
        <v>656</v>
      </c>
      <c r="H3271">
        <v>2</v>
      </c>
      <c r="I3271">
        <v>2020</v>
      </c>
    </row>
    <row r="3272" spans="1:9" x14ac:dyDescent="0.25">
      <c r="A3272">
        <v>3660</v>
      </c>
      <c r="B3272" t="s">
        <v>1188</v>
      </c>
      <c r="C3272" t="s">
        <v>756</v>
      </c>
      <c r="D3272">
        <v>19</v>
      </c>
      <c r="E3272" t="s">
        <v>894</v>
      </c>
      <c r="F3272" t="s">
        <v>4177</v>
      </c>
      <c r="G3272" t="s">
        <v>656</v>
      </c>
      <c r="H3272">
        <v>2</v>
      </c>
      <c r="I3272">
        <v>2020</v>
      </c>
    </row>
    <row r="3273" spans="1:9" x14ac:dyDescent="0.25">
      <c r="A3273">
        <v>3624</v>
      </c>
      <c r="B3273" t="s">
        <v>1169</v>
      </c>
      <c r="C3273" t="s">
        <v>894</v>
      </c>
      <c r="D3273">
        <v>18</v>
      </c>
      <c r="E3273" t="s">
        <v>894</v>
      </c>
      <c r="F3273" t="s">
        <v>4177</v>
      </c>
      <c r="G3273" t="s">
        <v>656</v>
      </c>
      <c r="H3273">
        <v>2</v>
      </c>
      <c r="I3273">
        <v>2020</v>
      </c>
    </row>
    <row r="3274" spans="1:9" x14ac:dyDescent="0.25">
      <c r="A3274">
        <v>3621</v>
      </c>
      <c r="B3274" t="s">
        <v>1170</v>
      </c>
      <c r="C3274" t="s">
        <v>894</v>
      </c>
      <c r="D3274">
        <v>18</v>
      </c>
      <c r="E3274" t="s">
        <v>894</v>
      </c>
      <c r="F3274" t="s">
        <v>4177</v>
      </c>
      <c r="G3274" t="s">
        <v>656</v>
      </c>
      <c r="H3274">
        <v>2</v>
      </c>
      <c r="I3274">
        <v>2020</v>
      </c>
    </row>
    <row r="3275" spans="1:9" x14ac:dyDescent="0.25">
      <c r="A3275">
        <v>3549</v>
      </c>
      <c r="B3275" t="s">
        <v>1147</v>
      </c>
      <c r="C3275" t="s">
        <v>714</v>
      </c>
      <c r="D3275">
        <v>52</v>
      </c>
      <c r="E3275" t="s">
        <v>4198</v>
      </c>
      <c r="F3275" t="s">
        <v>4189</v>
      </c>
      <c r="G3275" t="s">
        <v>656</v>
      </c>
      <c r="H3275">
        <v>2</v>
      </c>
      <c r="I3275">
        <v>2020</v>
      </c>
    </row>
    <row r="3276" spans="1:9" x14ac:dyDescent="0.25">
      <c r="A3276">
        <v>3546</v>
      </c>
      <c r="B3276" t="s">
        <v>1208</v>
      </c>
      <c r="C3276" t="s">
        <v>714</v>
      </c>
      <c r="D3276">
        <v>52</v>
      </c>
      <c r="E3276" t="s">
        <v>4198</v>
      </c>
      <c r="F3276" t="s">
        <v>4189</v>
      </c>
      <c r="G3276" t="s">
        <v>656</v>
      </c>
      <c r="H3276">
        <v>2</v>
      </c>
      <c r="I3276">
        <v>2020</v>
      </c>
    </row>
    <row r="3277" spans="1:9" x14ac:dyDescent="0.25">
      <c r="A3277">
        <v>3468</v>
      </c>
      <c r="B3277" t="s">
        <v>1602</v>
      </c>
      <c r="C3277" t="s">
        <v>1022</v>
      </c>
      <c r="D3277">
        <v>85</v>
      </c>
      <c r="E3277" t="s">
        <v>1080</v>
      </c>
      <c r="F3277" t="s">
        <v>4189</v>
      </c>
      <c r="G3277" t="s">
        <v>656</v>
      </c>
      <c r="H3277">
        <v>2</v>
      </c>
      <c r="I3277">
        <v>2020</v>
      </c>
    </row>
    <row r="3278" spans="1:9" x14ac:dyDescent="0.25">
      <c r="A3278">
        <v>3465</v>
      </c>
      <c r="B3278" t="s">
        <v>1601</v>
      </c>
      <c r="C3278" t="s">
        <v>726</v>
      </c>
      <c r="D3278">
        <v>2</v>
      </c>
      <c r="E3278" t="s">
        <v>726</v>
      </c>
      <c r="F3278" t="s">
        <v>4164</v>
      </c>
      <c r="G3278" t="s">
        <v>656</v>
      </c>
      <c r="H3278">
        <v>2</v>
      </c>
      <c r="I3278">
        <v>2020</v>
      </c>
    </row>
    <row r="3279" spans="1:9" x14ac:dyDescent="0.25">
      <c r="A3279">
        <v>3453</v>
      </c>
      <c r="B3279" t="s">
        <v>4825</v>
      </c>
      <c r="C3279" t="s">
        <v>703</v>
      </c>
      <c r="D3279">
        <v>16</v>
      </c>
      <c r="E3279" t="s">
        <v>703</v>
      </c>
      <c r="F3279" t="s">
        <v>4177</v>
      </c>
      <c r="G3279" t="s">
        <v>656</v>
      </c>
      <c r="H3279">
        <v>2</v>
      </c>
      <c r="I3279">
        <v>2020</v>
      </c>
    </row>
    <row r="3280" spans="1:9" x14ac:dyDescent="0.25">
      <c r="A3280">
        <v>3444</v>
      </c>
      <c r="B3280" t="s">
        <v>1596</v>
      </c>
      <c r="C3280" t="s">
        <v>736</v>
      </c>
      <c r="D3280">
        <v>8</v>
      </c>
      <c r="E3280" t="s">
        <v>4169</v>
      </c>
      <c r="F3280" t="s">
        <v>4164</v>
      </c>
      <c r="G3280" t="s">
        <v>656</v>
      </c>
      <c r="H3280">
        <v>2</v>
      </c>
      <c r="I3280">
        <v>2020</v>
      </c>
    </row>
    <row r="3281" spans="1:9" x14ac:dyDescent="0.25">
      <c r="A3281">
        <v>3438</v>
      </c>
      <c r="B3281" t="s">
        <v>1594</v>
      </c>
      <c r="C3281" t="s">
        <v>866</v>
      </c>
      <c r="D3281">
        <v>9</v>
      </c>
      <c r="E3281" t="s">
        <v>866</v>
      </c>
      <c r="F3281" t="s">
        <v>4171</v>
      </c>
      <c r="G3281" t="s">
        <v>656</v>
      </c>
      <c r="H3281">
        <v>2</v>
      </c>
      <c r="I3281">
        <v>2020</v>
      </c>
    </row>
    <row r="3282" spans="1:9" x14ac:dyDescent="0.25">
      <c r="A3282">
        <v>3423</v>
      </c>
      <c r="B3282" t="s">
        <v>1589</v>
      </c>
      <c r="C3282" t="s">
        <v>691</v>
      </c>
      <c r="D3282">
        <v>21</v>
      </c>
      <c r="E3282" t="s">
        <v>691</v>
      </c>
      <c r="F3282" t="s">
        <v>4177</v>
      </c>
      <c r="G3282" t="s">
        <v>656</v>
      </c>
      <c r="H3282">
        <v>2</v>
      </c>
      <c r="I3282">
        <v>2020</v>
      </c>
    </row>
    <row r="3283" spans="1:9" x14ac:dyDescent="0.25">
      <c r="A3283">
        <v>3417</v>
      </c>
      <c r="B3283" t="s">
        <v>1587</v>
      </c>
      <c r="C3283" t="s">
        <v>295</v>
      </c>
      <c r="D3283">
        <v>30</v>
      </c>
      <c r="E3283" t="s">
        <v>4179</v>
      </c>
      <c r="F3283" t="s">
        <v>4177</v>
      </c>
      <c r="G3283" t="s">
        <v>656</v>
      </c>
      <c r="H3283">
        <v>2</v>
      </c>
      <c r="I3283">
        <v>2020</v>
      </c>
    </row>
    <row r="3284" spans="1:9" x14ac:dyDescent="0.25">
      <c r="A3284">
        <v>3405</v>
      </c>
      <c r="B3284" t="s">
        <v>1518</v>
      </c>
      <c r="C3284" t="s">
        <v>691</v>
      </c>
      <c r="D3284">
        <v>21</v>
      </c>
      <c r="E3284" t="s">
        <v>691</v>
      </c>
      <c r="F3284" t="s">
        <v>4177</v>
      </c>
      <c r="G3284" t="s">
        <v>656</v>
      </c>
      <c r="H3284">
        <v>2</v>
      </c>
      <c r="I3284">
        <v>2020</v>
      </c>
    </row>
    <row r="3285" spans="1:9" x14ac:dyDescent="0.25">
      <c r="A3285">
        <v>3366</v>
      </c>
      <c r="B3285" t="s">
        <v>1575</v>
      </c>
      <c r="C3285" t="s">
        <v>682</v>
      </c>
      <c r="D3285">
        <v>20</v>
      </c>
      <c r="E3285" t="s">
        <v>682</v>
      </c>
      <c r="F3285" t="s">
        <v>4177</v>
      </c>
      <c r="G3285" t="s">
        <v>656</v>
      </c>
      <c r="H3285">
        <v>2</v>
      </c>
      <c r="I3285">
        <v>2020</v>
      </c>
    </row>
    <row r="3286" spans="1:9" x14ac:dyDescent="0.25">
      <c r="A3286">
        <v>3354</v>
      </c>
      <c r="B3286" t="s">
        <v>1572</v>
      </c>
      <c r="C3286" t="s">
        <v>65</v>
      </c>
      <c r="D3286">
        <v>15</v>
      </c>
      <c r="E3286" t="s">
        <v>4176</v>
      </c>
      <c r="F3286" t="s">
        <v>4177</v>
      </c>
      <c r="G3286" t="s">
        <v>656</v>
      </c>
      <c r="H3286">
        <v>2</v>
      </c>
      <c r="I3286">
        <v>2020</v>
      </c>
    </row>
    <row r="3287" spans="1:9" x14ac:dyDescent="0.25">
      <c r="A3287">
        <v>3336</v>
      </c>
      <c r="B3287" t="s">
        <v>1563</v>
      </c>
      <c r="C3287" t="s">
        <v>663</v>
      </c>
      <c r="D3287">
        <v>99</v>
      </c>
      <c r="E3287" t="s">
        <v>663</v>
      </c>
      <c r="F3287" t="s">
        <v>4171</v>
      </c>
      <c r="G3287" t="s">
        <v>656</v>
      </c>
      <c r="H3287">
        <v>2</v>
      </c>
      <c r="I3287">
        <v>2020</v>
      </c>
    </row>
    <row r="3288" spans="1:9" x14ac:dyDescent="0.25">
      <c r="A3288">
        <v>3324</v>
      </c>
      <c r="B3288" t="s">
        <v>905</v>
      </c>
      <c r="C3288" t="s">
        <v>301</v>
      </c>
      <c r="D3288">
        <v>26</v>
      </c>
      <c r="E3288" t="s">
        <v>4179</v>
      </c>
      <c r="F3288" t="s">
        <v>4177</v>
      </c>
      <c r="G3288" t="s">
        <v>656</v>
      </c>
      <c r="H3288">
        <v>2</v>
      </c>
      <c r="I3288">
        <v>2020</v>
      </c>
    </row>
    <row r="3289" spans="1:9" x14ac:dyDescent="0.25">
      <c r="A3289">
        <v>3321</v>
      </c>
      <c r="B3289" t="s">
        <v>1556</v>
      </c>
      <c r="C3289" t="s">
        <v>295</v>
      </c>
      <c r="D3289">
        <v>30</v>
      </c>
      <c r="E3289" t="s">
        <v>4179</v>
      </c>
      <c r="F3289" t="s">
        <v>4177</v>
      </c>
      <c r="G3289" t="s">
        <v>656</v>
      </c>
      <c r="H3289">
        <v>2</v>
      </c>
      <c r="I3289">
        <v>2020</v>
      </c>
    </row>
    <row r="3290" spans="1:9" x14ac:dyDescent="0.25">
      <c r="A3290">
        <v>3318</v>
      </c>
      <c r="B3290" t="s">
        <v>1555</v>
      </c>
      <c r="C3290" t="s">
        <v>955</v>
      </c>
      <c r="D3290">
        <v>29</v>
      </c>
      <c r="E3290" t="s">
        <v>4179</v>
      </c>
      <c r="F3290" t="s">
        <v>4177</v>
      </c>
      <c r="G3290" t="s">
        <v>656</v>
      </c>
      <c r="H3290">
        <v>2</v>
      </c>
      <c r="I3290">
        <v>2020</v>
      </c>
    </row>
    <row r="3291" spans="1:9" x14ac:dyDescent="0.25">
      <c r="A3291">
        <v>3234</v>
      </c>
      <c r="B3291" t="s">
        <v>1668</v>
      </c>
      <c r="C3291" t="s">
        <v>756</v>
      </c>
      <c r="D3291">
        <v>19</v>
      </c>
      <c r="E3291" t="s">
        <v>894</v>
      </c>
      <c r="F3291" t="s">
        <v>4177</v>
      </c>
      <c r="G3291" t="s">
        <v>656</v>
      </c>
      <c r="H3291">
        <v>2</v>
      </c>
      <c r="I3291">
        <v>2020</v>
      </c>
    </row>
    <row r="3292" spans="1:9" x14ac:dyDescent="0.25">
      <c r="A3292">
        <v>3155</v>
      </c>
      <c r="B3292" t="s">
        <v>1730</v>
      </c>
      <c r="C3292" t="s">
        <v>1028</v>
      </c>
      <c r="D3292">
        <v>33</v>
      </c>
      <c r="E3292" t="s">
        <v>4175</v>
      </c>
      <c r="F3292" t="s">
        <v>4171</v>
      </c>
      <c r="G3292" t="s">
        <v>656</v>
      </c>
      <c r="H3292">
        <v>2</v>
      </c>
      <c r="I3292">
        <v>2020</v>
      </c>
    </row>
    <row r="3293" spans="1:9" x14ac:dyDescent="0.25">
      <c r="A3293">
        <v>3141</v>
      </c>
      <c r="B3293" t="s">
        <v>1851</v>
      </c>
      <c r="C3293" t="s">
        <v>726</v>
      </c>
      <c r="D3293">
        <v>2</v>
      </c>
      <c r="E3293" t="s">
        <v>726</v>
      </c>
      <c r="F3293" t="s">
        <v>4164</v>
      </c>
      <c r="G3293" t="s">
        <v>656</v>
      </c>
      <c r="H3293">
        <v>2</v>
      </c>
      <c r="I3293">
        <v>2020</v>
      </c>
    </row>
    <row r="3294" spans="1:9" x14ac:dyDescent="0.25">
      <c r="A3294">
        <v>3140</v>
      </c>
      <c r="B3294" t="s">
        <v>1852</v>
      </c>
      <c r="C3294" t="s">
        <v>726</v>
      </c>
      <c r="D3294">
        <v>2</v>
      </c>
      <c r="E3294" t="s">
        <v>726</v>
      </c>
      <c r="F3294" t="s">
        <v>4164</v>
      </c>
      <c r="G3294" t="s">
        <v>656</v>
      </c>
      <c r="H3294">
        <v>2</v>
      </c>
      <c r="I3294">
        <v>2020</v>
      </c>
    </row>
    <row r="3295" spans="1:9" x14ac:dyDescent="0.25">
      <c r="A3295">
        <v>3137</v>
      </c>
      <c r="B3295" t="s">
        <v>1855</v>
      </c>
      <c r="C3295" t="s">
        <v>802</v>
      </c>
      <c r="D3295">
        <v>12</v>
      </c>
      <c r="E3295" t="s">
        <v>802</v>
      </c>
      <c r="F3295" t="s">
        <v>4171</v>
      </c>
      <c r="G3295" t="s">
        <v>656</v>
      </c>
      <c r="H3295">
        <v>2</v>
      </c>
      <c r="I3295">
        <v>2020</v>
      </c>
    </row>
    <row r="3296" spans="1:9" x14ac:dyDescent="0.25">
      <c r="A3296">
        <v>3131</v>
      </c>
      <c r="B3296" t="s">
        <v>1862</v>
      </c>
      <c r="C3296" t="s">
        <v>726</v>
      </c>
      <c r="D3296">
        <v>2</v>
      </c>
      <c r="E3296" t="s">
        <v>726</v>
      </c>
      <c r="F3296" t="s">
        <v>4164</v>
      </c>
      <c r="G3296" t="s">
        <v>656</v>
      </c>
      <c r="H3296">
        <v>2</v>
      </c>
      <c r="I3296">
        <v>2020</v>
      </c>
    </row>
    <row r="3297" spans="1:9" x14ac:dyDescent="0.25">
      <c r="A3297">
        <v>3130</v>
      </c>
      <c r="B3297" t="s">
        <v>1863</v>
      </c>
      <c r="C3297" t="s">
        <v>726</v>
      </c>
      <c r="D3297">
        <v>2</v>
      </c>
      <c r="E3297" t="s">
        <v>726</v>
      </c>
      <c r="F3297" t="s">
        <v>4164</v>
      </c>
      <c r="G3297" t="s">
        <v>656</v>
      </c>
      <c r="H3297">
        <v>2</v>
      </c>
      <c r="I3297">
        <v>2020</v>
      </c>
    </row>
    <row r="3298" spans="1:9" x14ac:dyDescent="0.25">
      <c r="A3298">
        <v>3126</v>
      </c>
      <c r="B3298" t="s">
        <v>1645</v>
      </c>
      <c r="C3298" t="s">
        <v>295</v>
      </c>
      <c r="D3298">
        <v>30</v>
      </c>
      <c r="E3298" t="s">
        <v>4179</v>
      </c>
      <c r="F3298" t="s">
        <v>4177</v>
      </c>
      <c r="G3298" t="s">
        <v>656</v>
      </c>
      <c r="H3298">
        <v>2</v>
      </c>
      <c r="I3298">
        <v>2020</v>
      </c>
    </row>
    <row r="3299" spans="1:9" x14ac:dyDescent="0.25">
      <c r="A3299">
        <v>3116</v>
      </c>
      <c r="B3299" t="s">
        <v>1871</v>
      </c>
      <c r="C3299" t="s">
        <v>955</v>
      </c>
      <c r="D3299">
        <v>29</v>
      </c>
      <c r="E3299" t="s">
        <v>4179</v>
      </c>
      <c r="F3299" t="s">
        <v>4177</v>
      </c>
      <c r="G3299" t="s">
        <v>656</v>
      </c>
      <c r="H3299">
        <v>2</v>
      </c>
      <c r="I3299">
        <v>2020</v>
      </c>
    </row>
    <row r="3300" spans="1:9" x14ac:dyDescent="0.25">
      <c r="A3300">
        <v>3103</v>
      </c>
      <c r="B3300" t="s">
        <v>1888</v>
      </c>
      <c r="C3300" t="s">
        <v>695</v>
      </c>
      <c r="D3300">
        <v>54</v>
      </c>
      <c r="E3300" t="s">
        <v>4198</v>
      </c>
      <c r="F3300" t="s">
        <v>4189</v>
      </c>
      <c r="G3300" t="s">
        <v>656</v>
      </c>
      <c r="H3300">
        <v>2</v>
      </c>
      <c r="I3300">
        <v>2020</v>
      </c>
    </row>
    <row r="3301" spans="1:9" x14ac:dyDescent="0.25">
      <c r="A3301">
        <v>3101</v>
      </c>
      <c r="B3301" t="s">
        <v>1890</v>
      </c>
      <c r="C3301" t="s">
        <v>705</v>
      </c>
      <c r="D3301">
        <v>70</v>
      </c>
      <c r="E3301" t="s">
        <v>4193</v>
      </c>
      <c r="F3301" t="s">
        <v>4189</v>
      </c>
      <c r="G3301" t="s">
        <v>656</v>
      </c>
      <c r="H3301">
        <v>2</v>
      </c>
      <c r="I3301">
        <v>2020</v>
      </c>
    </row>
    <row r="3302" spans="1:9" x14ac:dyDescent="0.25">
      <c r="A3302">
        <v>3100</v>
      </c>
      <c r="B3302" t="s">
        <v>1892</v>
      </c>
      <c r="C3302" t="s">
        <v>880</v>
      </c>
      <c r="D3302">
        <v>58</v>
      </c>
      <c r="E3302" t="s">
        <v>4188</v>
      </c>
      <c r="F3302" t="s">
        <v>4189</v>
      </c>
      <c r="G3302" t="s">
        <v>656</v>
      </c>
      <c r="H3302">
        <v>2</v>
      </c>
      <c r="I3302">
        <v>2020</v>
      </c>
    </row>
    <row r="3303" spans="1:9" x14ac:dyDescent="0.25">
      <c r="A3303">
        <v>3095</v>
      </c>
      <c r="B3303" t="s">
        <v>1897</v>
      </c>
      <c r="C3303" t="s">
        <v>726</v>
      </c>
      <c r="D3303">
        <v>2</v>
      </c>
      <c r="E3303" t="s">
        <v>726</v>
      </c>
      <c r="F3303" t="s">
        <v>4164</v>
      </c>
      <c r="G3303" t="s">
        <v>656</v>
      </c>
      <c r="H3303">
        <v>2</v>
      </c>
      <c r="I3303">
        <v>2020</v>
      </c>
    </row>
    <row r="3304" spans="1:9" x14ac:dyDescent="0.25">
      <c r="A3304">
        <v>3094</v>
      </c>
      <c r="B3304" t="s">
        <v>1898</v>
      </c>
      <c r="C3304" t="s">
        <v>659</v>
      </c>
      <c r="D3304">
        <v>35</v>
      </c>
      <c r="E3304" t="s">
        <v>4175</v>
      </c>
      <c r="F3304" t="s">
        <v>4171</v>
      </c>
      <c r="G3304" t="s">
        <v>656</v>
      </c>
      <c r="H3304">
        <v>2</v>
      </c>
      <c r="I3304">
        <v>2020</v>
      </c>
    </row>
    <row r="3305" spans="1:9" x14ac:dyDescent="0.25">
      <c r="A3305">
        <v>3085</v>
      </c>
      <c r="B3305" t="s">
        <v>1905</v>
      </c>
      <c r="C3305" t="s">
        <v>296</v>
      </c>
      <c r="D3305">
        <v>97</v>
      </c>
      <c r="E3305" t="s">
        <v>4179</v>
      </c>
      <c r="F3305" t="s">
        <v>4177</v>
      </c>
      <c r="G3305" t="s">
        <v>656</v>
      </c>
      <c r="H3305">
        <v>2</v>
      </c>
      <c r="I3305">
        <v>2020</v>
      </c>
    </row>
    <row r="3306" spans="1:9" x14ac:dyDescent="0.25">
      <c r="A3306">
        <v>2951</v>
      </c>
      <c r="B3306" t="s">
        <v>2049</v>
      </c>
      <c r="C3306" t="s">
        <v>917</v>
      </c>
      <c r="D3306">
        <v>83</v>
      </c>
      <c r="E3306" t="s">
        <v>4188</v>
      </c>
      <c r="F3306" t="s">
        <v>4189</v>
      </c>
      <c r="G3306" t="s">
        <v>656</v>
      </c>
      <c r="H3306">
        <v>2</v>
      </c>
      <c r="I3306">
        <v>2020</v>
      </c>
    </row>
    <row r="3307" spans="1:9" x14ac:dyDescent="0.25">
      <c r="A3307">
        <v>2893</v>
      </c>
      <c r="B3307" t="s">
        <v>2083</v>
      </c>
      <c r="C3307" t="s">
        <v>294</v>
      </c>
      <c r="D3307">
        <v>31</v>
      </c>
      <c r="E3307" t="s">
        <v>4179</v>
      </c>
      <c r="F3307" t="s">
        <v>4177</v>
      </c>
      <c r="G3307" t="s">
        <v>656</v>
      </c>
      <c r="H3307">
        <v>2</v>
      </c>
      <c r="I3307">
        <v>2020</v>
      </c>
    </row>
    <row r="3308" spans="1:9" x14ac:dyDescent="0.25">
      <c r="A3308">
        <v>2888</v>
      </c>
      <c r="B3308" t="s">
        <v>2087</v>
      </c>
      <c r="C3308" t="s">
        <v>807</v>
      </c>
      <c r="D3308">
        <v>25</v>
      </c>
      <c r="E3308" t="s">
        <v>4179</v>
      </c>
      <c r="F3308" t="s">
        <v>4177</v>
      </c>
      <c r="G3308" t="s">
        <v>656</v>
      </c>
      <c r="H3308">
        <v>2</v>
      </c>
      <c r="I3308">
        <v>2020</v>
      </c>
    </row>
    <row r="3309" spans="1:9" x14ac:dyDescent="0.25">
      <c r="A3309">
        <v>2759</v>
      </c>
      <c r="B3309" t="s">
        <v>2185</v>
      </c>
      <c r="C3309" t="s">
        <v>866</v>
      </c>
      <c r="D3309">
        <v>9</v>
      </c>
      <c r="E3309" t="s">
        <v>866</v>
      </c>
      <c r="F3309" t="s">
        <v>4171</v>
      </c>
      <c r="G3309" t="s">
        <v>656</v>
      </c>
      <c r="H3309">
        <v>2</v>
      </c>
      <c r="I3309">
        <v>2020</v>
      </c>
    </row>
    <row r="3310" spans="1:9" x14ac:dyDescent="0.25">
      <c r="A3310">
        <v>2696</v>
      </c>
      <c r="B3310" t="s">
        <v>1669</v>
      </c>
      <c r="C3310" t="s">
        <v>295</v>
      </c>
      <c r="D3310">
        <v>30</v>
      </c>
      <c r="E3310" t="s">
        <v>4179</v>
      </c>
      <c r="F3310" t="s">
        <v>4177</v>
      </c>
      <c r="G3310" t="s">
        <v>656</v>
      </c>
      <c r="H3310">
        <v>2</v>
      </c>
      <c r="I3310">
        <v>2020</v>
      </c>
    </row>
    <row r="3311" spans="1:9" x14ac:dyDescent="0.25">
      <c r="A3311">
        <v>2648</v>
      </c>
      <c r="B3311" t="s">
        <v>4826</v>
      </c>
      <c r="C3311" t="s">
        <v>880</v>
      </c>
      <c r="D3311">
        <v>58</v>
      </c>
      <c r="E3311" t="s">
        <v>4188</v>
      </c>
      <c r="F3311" t="s">
        <v>4189</v>
      </c>
      <c r="G3311" t="s">
        <v>656</v>
      </c>
      <c r="H3311">
        <v>2</v>
      </c>
      <c r="I3311">
        <v>2020</v>
      </c>
    </row>
    <row r="3312" spans="1:9" x14ac:dyDescent="0.25">
      <c r="A3312">
        <v>2564</v>
      </c>
      <c r="B3312" t="s">
        <v>2313</v>
      </c>
      <c r="C3312" t="s">
        <v>1022</v>
      </c>
      <c r="D3312">
        <v>85</v>
      </c>
      <c r="E3312" t="s">
        <v>1080</v>
      </c>
      <c r="F3312" t="s">
        <v>4189</v>
      </c>
      <c r="G3312" t="s">
        <v>656</v>
      </c>
      <c r="H3312">
        <v>2</v>
      </c>
      <c r="I3312">
        <v>2020</v>
      </c>
    </row>
    <row r="3313" spans="1:9" x14ac:dyDescent="0.25">
      <c r="A3313">
        <v>2478</v>
      </c>
      <c r="B3313" t="s">
        <v>4827</v>
      </c>
      <c r="C3313" t="s">
        <v>802</v>
      </c>
      <c r="D3313">
        <v>12</v>
      </c>
      <c r="E3313" t="s">
        <v>802</v>
      </c>
      <c r="F3313" t="s">
        <v>4171</v>
      </c>
      <c r="G3313" t="s">
        <v>656</v>
      </c>
      <c r="H3313">
        <v>2</v>
      </c>
      <c r="I3313">
        <v>2020</v>
      </c>
    </row>
    <row r="3314" spans="1:9" x14ac:dyDescent="0.25">
      <c r="A3314">
        <v>2298</v>
      </c>
      <c r="B3314" t="s">
        <v>2530</v>
      </c>
      <c r="C3314" t="s">
        <v>1055</v>
      </c>
      <c r="D3314">
        <v>69</v>
      </c>
      <c r="E3314" t="s">
        <v>4194</v>
      </c>
      <c r="F3314" t="s">
        <v>4189</v>
      </c>
      <c r="G3314" t="s">
        <v>656</v>
      </c>
      <c r="H3314">
        <v>2</v>
      </c>
      <c r="I3314">
        <v>2020</v>
      </c>
    </row>
    <row r="3315" spans="1:9" x14ac:dyDescent="0.25">
      <c r="A3315">
        <v>2272</v>
      </c>
      <c r="B3315" t="s">
        <v>1657</v>
      </c>
      <c r="C3315" t="s">
        <v>682</v>
      </c>
      <c r="D3315">
        <v>20</v>
      </c>
      <c r="E3315" t="s">
        <v>682</v>
      </c>
      <c r="F3315" t="s">
        <v>4177</v>
      </c>
      <c r="G3315" t="s">
        <v>656</v>
      </c>
      <c r="H3315">
        <v>2</v>
      </c>
      <c r="I3315">
        <v>2020</v>
      </c>
    </row>
    <row r="3316" spans="1:9" x14ac:dyDescent="0.25">
      <c r="A3316">
        <v>2232</v>
      </c>
      <c r="B3316" t="s">
        <v>1630</v>
      </c>
      <c r="C3316" t="s">
        <v>663</v>
      </c>
      <c r="D3316">
        <v>99</v>
      </c>
      <c r="E3316" t="s">
        <v>663</v>
      </c>
      <c r="F3316" t="s">
        <v>4171</v>
      </c>
      <c r="G3316" t="s">
        <v>656</v>
      </c>
      <c r="H3316">
        <v>2</v>
      </c>
      <c r="I3316">
        <v>2020</v>
      </c>
    </row>
    <row r="3317" spans="1:9" x14ac:dyDescent="0.25">
      <c r="A3317">
        <v>2212</v>
      </c>
      <c r="B3317" t="s">
        <v>2557</v>
      </c>
      <c r="C3317" t="s">
        <v>1055</v>
      </c>
      <c r="D3317">
        <v>69</v>
      </c>
      <c r="E3317" t="s">
        <v>4194</v>
      </c>
      <c r="F3317" t="s">
        <v>4189</v>
      </c>
      <c r="G3317" t="s">
        <v>656</v>
      </c>
      <c r="H3317">
        <v>2</v>
      </c>
      <c r="I3317">
        <v>2020</v>
      </c>
    </row>
    <row r="3318" spans="1:9" x14ac:dyDescent="0.25">
      <c r="A3318">
        <v>2066</v>
      </c>
      <c r="B3318" t="s">
        <v>2634</v>
      </c>
      <c r="C3318" t="s">
        <v>676</v>
      </c>
      <c r="D3318">
        <v>4</v>
      </c>
      <c r="E3318" t="s">
        <v>676</v>
      </c>
      <c r="F3318" t="s">
        <v>4164</v>
      </c>
      <c r="G3318" t="s">
        <v>656</v>
      </c>
      <c r="H3318">
        <v>2</v>
      </c>
      <c r="I3318">
        <v>2020</v>
      </c>
    </row>
    <row r="3319" spans="1:9" x14ac:dyDescent="0.25">
      <c r="A3319">
        <v>2065</v>
      </c>
      <c r="B3319" t="s">
        <v>2636</v>
      </c>
      <c r="C3319" t="s">
        <v>676</v>
      </c>
      <c r="D3319">
        <v>4</v>
      </c>
      <c r="E3319" t="s">
        <v>676</v>
      </c>
      <c r="F3319" t="s">
        <v>4164</v>
      </c>
      <c r="G3319" t="s">
        <v>656</v>
      </c>
      <c r="H3319">
        <v>2</v>
      </c>
      <c r="I3319">
        <v>2020</v>
      </c>
    </row>
    <row r="3320" spans="1:9" x14ac:dyDescent="0.25">
      <c r="A3320">
        <v>2064</v>
      </c>
      <c r="B3320" t="s">
        <v>2637</v>
      </c>
      <c r="C3320" t="s">
        <v>676</v>
      </c>
      <c r="D3320">
        <v>4</v>
      </c>
      <c r="E3320" t="s">
        <v>676</v>
      </c>
      <c r="F3320" t="s">
        <v>4164</v>
      </c>
      <c r="G3320" t="s">
        <v>656</v>
      </c>
      <c r="H3320">
        <v>2</v>
      </c>
      <c r="I3320">
        <v>2020</v>
      </c>
    </row>
    <row r="3321" spans="1:9" x14ac:dyDescent="0.25">
      <c r="A3321">
        <v>2063</v>
      </c>
      <c r="B3321" t="s">
        <v>2638</v>
      </c>
      <c r="C3321" t="s">
        <v>676</v>
      </c>
      <c r="D3321">
        <v>4</v>
      </c>
      <c r="E3321" t="s">
        <v>676</v>
      </c>
      <c r="F3321" t="s">
        <v>4164</v>
      </c>
      <c r="G3321" t="s">
        <v>656</v>
      </c>
      <c r="H3321">
        <v>2</v>
      </c>
      <c r="I3321">
        <v>2020</v>
      </c>
    </row>
    <row r="3322" spans="1:9" x14ac:dyDescent="0.25">
      <c r="A3322">
        <v>2062</v>
      </c>
      <c r="B3322" t="s">
        <v>2639</v>
      </c>
      <c r="C3322" t="s">
        <v>676</v>
      </c>
      <c r="D3322">
        <v>4</v>
      </c>
      <c r="E3322" t="s">
        <v>676</v>
      </c>
      <c r="F3322" t="s">
        <v>4164</v>
      </c>
      <c r="G3322" t="s">
        <v>656</v>
      </c>
      <c r="H3322">
        <v>2</v>
      </c>
      <c r="I3322">
        <v>2020</v>
      </c>
    </row>
    <row r="3323" spans="1:9" x14ac:dyDescent="0.25">
      <c r="A3323">
        <v>2008</v>
      </c>
      <c r="B3323" t="s">
        <v>2669</v>
      </c>
      <c r="C3323" t="s">
        <v>296</v>
      </c>
      <c r="D3323">
        <v>97</v>
      </c>
      <c r="E3323" t="s">
        <v>4179</v>
      </c>
      <c r="F3323" t="s">
        <v>4177</v>
      </c>
      <c r="G3323" t="s">
        <v>656</v>
      </c>
      <c r="H3323">
        <v>2</v>
      </c>
      <c r="I3323">
        <v>2020</v>
      </c>
    </row>
    <row r="3324" spans="1:9" x14ac:dyDescent="0.25">
      <c r="A3324">
        <v>1982</v>
      </c>
      <c r="B3324" t="s">
        <v>2680</v>
      </c>
      <c r="C3324" t="s">
        <v>1219</v>
      </c>
      <c r="D3324">
        <v>42</v>
      </c>
      <c r="E3324" t="s">
        <v>4188</v>
      </c>
      <c r="F3324" t="s">
        <v>4189</v>
      </c>
      <c r="G3324" t="s">
        <v>656</v>
      </c>
      <c r="H3324">
        <v>2</v>
      </c>
      <c r="I3324">
        <v>2020</v>
      </c>
    </row>
    <row r="3325" spans="1:9" x14ac:dyDescent="0.25">
      <c r="A3325">
        <v>1838</v>
      </c>
      <c r="B3325" t="s">
        <v>2798</v>
      </c>
      <c r="C3325" t="s">
        <v>749</v>
      </c>
      <c r="D3325">
        <v>63</v>
      </c>
      <c r="E3325" t="s">
        <v>4193</v>
      </c>
      <c r="F3325" t="s">
        <v>4189</v>
      </c>
      <c r="G3325" t="s">
        <v>656</v>
      </c>
      <c r="H3325">
        <v>2</v>
      </c>
      <c r="I3325">
        <v>2020</v>
      </c>
    </row>
    <row r="3326" spans="1:9" x14ac:dyDescent="0.25">
      <c r="A3326">
        <v>1797</v>
      </c>
      <c r="B3326" t="s">
        <v>2827</v>
      </c>
      <c r="C3326" t="s">
        <v>707</v>
      </c>
      <c r="D3326">
        <v>59</v>
      </c>
      <c r="E3326" t="s">
        <v>980</v>
      </c>
      <c r="F3326" t="s">
        <v>4189</v>
      </c>
      <c r="G3326" t="s">
        <v>656</v>
      </c>
      <c r="H3326">
        <v>2</v>
      </c>
      <c r="I3326">
        <v>2020</v>
      </c>
    </row>
    <row r="3327" spans="1:9" x14ac:dyDescent="0.25">
      <c r="A3327">
        <v>1795</v>
      </c>
      <c r="B3327" t="s">
        <v>2829</v>
      </c>
      <c r="C3327" t="s">
        <v>707</v>
      </c>
      <c r="D3327">
        <v>59</v>
      </c>
      <c r="E3327" t="s">
        <v>980</v>
      </c>
      <c r="F3327" t="s">
        <v>4189</v>
      </c>
      <c r="G3327" t="s">
        <v>656</v>
      </c>
      <c r="H3327">
        <v>2</v>
      </c>
      <c r="I3327">
        <v>2020</v>
      </c>
    </row>
    <row r="3328" spans="1:9" x14ac:dyDescent="0.25">
      <c r="A3328">
        <v>1785</v>
      </c>
      <c r="B3328" t="s">
        <v>2834</v>
      </c>
      <c r="C3328" t="s">
        <v>955</v>
      </c>
      <c r="D3328">
        <v>29</v>
      </c>
      <c r="E3328" t="s">
        <v>4179</v>
      </c>
      <c r="F3328" t="s">
        <v>4177</v>
      </c>
      <c r="G3328" t="s">
        <v>656</v>
      </c>
      <c r="H3328">
        <v>2</v>
      </c>
      <c r="I3328">
        <v>2020</v>
      </c>
    </row>
    <row r="3329" spans="1:9" x14ac:dyDescent="0.25">
      <c r="A3329">
        <v>1773</v>
      </c>
      <c r="B3329" t="s">
        <v>2841</v>
      </c>
      <c r="C3329" t="s">
        <v>802</v>
      </c>
      <c r="D3329">
        <v>12</v>
      </c>
      <c r="E3329" t="s">
        <v>802</v>
      </c>
      <c r="F3329" t="s">
        <v>4171</v>
      </c>
      <c r="G3329" t="s">
        <v>656</v>
      </c>
      <c r="H3329">
        <v>2</v>
      </c>
      <c r="I3329">
        <v>2020</v>
      </c>
    </row>
    <row r="3330" spans="1:9" x14ac:dyDescent="0.25">
      <c r="A3330">
        <v>1771</v>
      </c>
      <c r="B3330" t="s">
        <v>2842</v>
      </c>
      <c r="C3330" t="s">
        <v>703</v>
      </c>
      <c r="D3330">
        <v>16</v>
      </c>
      <c r="E3330" t="s">
        <v>703</v>
      </c>
      <c r="F3330" t="s">
        <v>4177</v>
      </c>
      <c r="G3330" t="s">
        <v>656</v>
      </c>
      <c r="H3330">
        <v>2</v>
      </c>
      <c r="I3330">
        <v>2020</v>
      </c>
    </row>
    <row r="3331" spans="1:9" x14ac:dyDescent="0.25">
      <c r="A3331">
        <v>1768</v>
      </c>
      <c r="B3331" t="s">
        <v>2843</v>
      </c>
      <c r="C3331" t="s">
        <v>894</v>
      </c>
      <c r="D3331">
        <v>18</v>
      </c>
      <c r="E3331" t="s">
        <v>894</v>
      </c>
      <c r="F3331" t="s">
        <v>4177</v>
      </c>
      <c r="G3331" t="s">
        <v>656</v>
      </c>
      <c r="H3331">
        <v>2</v>
      </c>
      <c r="I3331">
        <v>2020</v>
      </c>
    </row>
    <row r="3332" spans="1:9" x14ac:dyDescent="0.25">
      <c r="A3332">
        <v>1760</v>
      </c>
      <c r="B3332" t="s">
        <v>2849</v>
      </c>
      <c r="C3332" t="s">
        <v>676</v>
      </c>
      <c r="D3332">
        <v>4</v>
      </c>
      <c r="E3332" t="s">
        <v>676</v>
      </c>
      <c r="F3332" t="s">
        <v>4164</v>
      </c>
      <c r="G3332" t="s">
        <v>656</v>
      </c>
      <c r="H3332">
        <v>2</v>
      </c>
      <c r="I3332">
        <v>2020</v>
      </c>
    </row>
    <row r="3333" spans="1:9" x14ac:dyDescent="0.25">
      <c r="A3333">
        <v>1664</v>
      </c>
      <c r="B3333" t="s">
        <v>2908</v>
      </c>
      <c r="C3333" t="s">
        <v>659</v>
      </c>
      <c r="D3333">
        <v>35</v>
      </c>
      <c r="E3333" t="s">
        <v>4175</v>
      </c>
      <c r="F3333" t="s">
        <v>4171</v>
      </c>
      <c r="G3333" t="s">
        <v>656</v>
      </c>
      <c r="H3333">
        <v>2</v>
      </c>
      <c r="I3333">
        <v>2020</v>
      </c>
    </row>
    <row r="3334" spans="1:9" x14ac:dyDescent="0.25">
      <c r="A3334">
        <v>1635</v>
      </c>
      <c r="B3334" t="s">
        <v>2932</v>
      </c>
      <c r="C3334" t="s">
        <v>848</v>
      </c>
      <c r="D3334">
        <v>62</v>
      </c>
      <c r="E3334" t="s">
        <v>4193</v>
      </c>
      <c r="F3334" t="s">
        <v>4189</v>
      </c>
      <c r="G3334" t="s">
        <v>656</v>
      </c>
      <c r="H3334">
        <v>2</v>
      </c>
      <c r="I3334">
        <v>2020</v>
      </c>
    </row>
    <row r="3335" spans="1:9" x14ac:dyDescent="0.25">
      <c r="A3335">
        <v>1628</v>
      </c>
      <c r="B3335" t="s">
        <v>2937</v>
      </c>
      <c r="C3335" t="s">
        <v>864</v>
      </c>
      <c r="D3335">
        <v>14</v>
      </c>
      <c r="E3335" t="s">
        <v>864</v>
      </c>
      <c r="F3335" t="s">
        <v>4171</v>
      </c>
      <c r="G3335" t="s">
        <v>656</v>
      </c>
      <c r="H3335">
        <v>2</v>
      </c>
      <c r="I3335">
        <v>2020</v>
      </c>
    </row>
    <row r="3336" spans="1:9" x14ac:dyDescent="0.25">
      <c r="A3336">
        <v>1608</v>
      </c>
      <c r="B3336" t="s">
        <v>2950</v>
      </c>
      <c r="C3336" t="s">
        <v>682</v>
      </c>
      <c r="D3336">
        <v>20</v>
      </c>
      <c r="E3336" t="s">
        <v>682</v>
      </c>
      <c r="F3336" t="s">
        <v>4177</v>
      </c>
      <c r="G3336" t="s">
        <v>656</v>
      </c>
      <c r="H3336">
        <v>2</v>
      </c>
      <c r="I3336">
        <v>2020</v>
      </c>
    </row>
    <row r="3337" spans="1:9" x14ac:dyDescent="0.25">
      <c r="A3337">
        <v>1605</v>
      </c>
      <c r="B3337" t="s">
        <v>2951</v>
      </c>
      <c r="C3337" t="s">
        <v>682</v>
      </c>
      <c r="D3337">
        <v>20</v>
      </c>
      <c r="E3337" t="s">
        <v>682</v>
      </c>
      <c r="F3337" t="s">
        <v>4177</v>
      </c>
      <c r="G3337" t="s">
        <v>656</v>
      </c>
      <c r="H3337">
        <v>2</v>
      </c>
      <c r="I3337">
        <v>2020</v>
      </c>
    </row>
    <row r="3338" spans="1:9" x14ac:dyDescent="0.25">
      <c r="A3338">
        <v>1543</v>
      </c>
      <c r="B3338" t="s">
        <v>2983</v>
      </c>
      <c r="C3338" t="s">
        <v>894</v>
      </c>
      <c r="D3338">
        <v>18</v>
      </c>
      <c r="E3338" t="s">
        <v>894</v>
      </c>
      <c r="F3338" t="s">
        <v>4177</v>
      </c>
      <c r="G3338" t="s">
        <v>656</v>
      </c>
      <c r="H3338">
        <v>2</v>
      </c>
      <c r="I3338">
        <v>2020</v>
      </c>
    </row>
    <row r="3339" spans="1:9" x14ac:dyDescent="0.25">
      <c r="A3339">
        <v>1539</v>
      </c>
      <c r="B3339" t="s">
        <v>2985</v>
      </c>
      <c r="C3339" t="s">
        <v>894</v>
      </c>
      <c r="D3339">
        <v>18</v>
      </c>
      <c r="E3339" t="s">
        <v>894</v>
      </c>
      <c r="F3339" t="s">
        <v>4177</v>
      </c>
      <c r="G3339" t="s">
        <v>656</v>
      </c>
      <c r="H3339">
        <v>2</v>
      </c>
      <c r="I3339">
        <v>2020</v>
      </c>
    </row>
    <row r="3340" spans="1:9" x14ac:dyDescent="0.25">
      <c r="A3340">
        <v>1523</v>
      </c>
      <c r="B3340" t="s">
        <v>2996</v>
      </c>
      <c r="C3340" t="s">
        <v>756</v>
      </c>
      <c r="D3340">
        <v>19</v>
      </c>
      <c r="E3340" t="s">
        <v>894</v>
      </c>
      <c r="F3340" t="s">
        <v>4177</v>
      </c>
      <c r="G3340" t="s">
        <v>656</v>
      </c>
      <c r="H3340">
        <v>2</v>
      </c>
      <c r="I3340">
        <v>2020</v>
      </c>
    </row>
    <row r="3341" spans="1:9" x14ac:dyDescent="0.25">
      <c r="A3341">
        <v>1522</v>
      </c>
      <c r="B3341" t="s">
        <v>2997</v>
      </c>
      <c r="C3341" t="s">
        <v>756</v>
      </c>
      <c r="D3341">
        <v>19</v>
      </c>
      <c r="E3341" t="s">
        <v>894</v>
      </c>
      <c r="F3341" t="s">
        <v>4177</v>
      </c>
      <c r="G3341" t="s">
        <v>656</v>
      </c>
      <c r="H3341">
        <v>2</v>
      </c>
      <c r="I3341">
        <v>2020</v>
      </c>
    </row>
    <row r="3342" spans="1:9" x14ac:dyDescent="0.25">
      <c r="A3342">
        <v>1483</v>
      </c>
      <c r="B3342" t="s">
        <v>3032</v>
      </c>
      <c r="C3342" t="s">
        <v>65</v>
      </c>
      <c r="D3342">
        <v>15</v>
      </c>
      <c r="E3342" t="s">
        <v>4176</v>
      </c>
      <c r="F3342" t="s">
        <v>4177</v>
      </c>
      <c r="G3342" t="s">
        <v>656</v>
      </c>
      <c r="H3342">
        <v>2</v>
      </c>
      <c r="I3342">
        <v>2020</v>
      </c>
    </row>
    <row r="3343" spans="1:9" x14ac:dyDescent="0.25">
      <c r="A3343">
        <v>1455</v>
      </c>
      <c r="B3343" t="s">
        <v>3052</v>
      </c>
      <c r="C3343" t="s">
        <v>742</v>
      </c>
      <c r="D3343">
        <v>48</v>
      </c>
      <c r="E3343" t="s">
        <v>4165</v>
      </c>
      <c r="F3343" t="s">
        <v>4164</v>
      </c>
      <c r="G3343" t="s">
        <v>656</v>
      </c>
      <c r="H3343">
        <v>2</v>
      </c>
      <c r="I3343">
        <v>2020</v>
      </c>
    </row>
    <row r="3344" spans="1:9" x14ac:dyDescent="0.25">
      <c r="A3344">
        <v>1451</v>
      </c>
      <c r="B3344" t="s">
        <v>3056</v>
      </c>
      <c r="C3344" t="s">
        <v>897</v>
      </c>
      <c r="D3344">
        <v>3</v>
      </c>
      <c r="E3344" t="s">
        <v>4165</v>
      </c>
      <c r="F3344" t="s">
        <v>4164</v>
      </c>
      <c r="G3344" t="s">
        <v>656</v>
      </c>
      <c r="H3344">
        <v>2</v>
      </c>
      <c r="I3344">
        <v>2020</v>
      </c>
    </row>
    <row r="3345" spans="1:9" x14ac:dyDescent="0.25">
      <c r="A3345">
        <v>1422</v>
      </c>
      <c r="B3345" t="s">
        <v>3069</v>
      </c>
      <c r="C3345" t="s">
        <v>880</v>
      </c>
      <c r="D3345">
        <v>58</v>
      </c>
      <c r="E3345" t="s">
        <v>4188</v>
      </c>
      <c r="F3345" t="s">
        <v>4189</v>
      </c>
      <c r="G3345" t="s">
        <v>656</v>
      </c>
      <c r="H3345">
        <v>2</v>
      </c>
      <c r="I3345">
        <v>2020</v>
      </c>
    </row>
    <row r="3346" spans="1:9" x14ac:dyDescent="0.25">
      <c r="A3346">
        <v>1181</v>
      </c>
      <c r="B3346" t="s">
        <v>3222</v>
      </c>
      <c r="C3346" t="s">
        <v>663</v>
      </c>
      <c r="D3346">
        <v>99</v>
      </c>
      <c r="E3346" t="s">
        <v>663</v>
      </c>
      <c r="F3346" t="s">
        <v>4171</v>
      </c>
      <c r="G3346" t="s">
        <v>656</v>
      </c>
      <c r="H3346">
        <v>2</v>
      </c>
      <c r="I3346">
        <v>2020</v>
      </c>
    </row>
    <row r="3347" spans="1:9" x14ac:dyDescent="0.25">
      <c r="A3347">
        <v>1156</v>
      </c>
      <c r="B3347" t="s">
        <v>3234</v>
      </c>
      <c r="C3347" t="s">
        <v>756</v>
      </c>
      <c r="D3347">
        <v>19</v>
      </c>
      <c r="E3347" t="s">
        <v>894</v>
      </c>
      <c r="F3347" t="s">
        <v>4177</v>
      </c>
      <c r="G3347" t="s">
        <v>656</v>
      </c>
      <c r="H3347">
        <v>2</v>
      </c>
      <c r="I3347">
        <v>2020</v>
      </c>
    </row>
    <row r="3348" spans="1:9" x14ac:dyDescent="0.25">
      <c r="A3348">
        <v>1154</v>
      </c>
      <c r="B3348" t="s">
        <v>3236</v>
      </c>
      <c r="C3348" t="s">
        <v>894</v>
      </c>
      <c r="D3348">
        <v>18</v>
      </c>
      <c r="E3348" t="s">
        <v>894</v>
      </c>
      <c r="F3348" t="s">
        <v>4177</v>
      </c>
      <c r="G3348" t="s">
        <v>656</v>
      </c>
      <c r="H3348">
        <v>2</v>
      </c>
      <c r="I3348">
        <v>2020</v>
      </c>
    </row>
    <row r="3349" spans="1:9" x14ac:dyDescent="0.25">
      <c r="A3349">
        <v>1150</v>
      </c>
      <c r="B3349" t="s">
        <v>3240</v>
      </c>
      <c r="C3349" t="s">
        <v>894</v>
      </c>
      <c r="D3349">
        <v>18</v>
      </c>
      <c r="E3349" t="s">
        <v>894</v>
      </c>
      <c r="F3349" t="s">
        <v>4177</v>
      </c>
      <c r="G3349" t="s">
        <v>656</v>
      </c>
      <c r="H3349">
        <v>2</v>
      </c>
      <c r="I3349">
        <v>2020</v>
      </c>
    </row>
    <row r="3350" spans="1:9" x14ac:dyDescent="0.25">
      <c r="A3350">
        <v>1133</v>
      </c>
      <c r="B3350" t="s">
        <v>3254</v>
      </c>
      <c r="C3350" t="s">
        <v>691</v>
      </c>
      <c r="D3350">
        <v>21</v>
      </c>
      <c r="E3350" t="s">
        <v>691</v>
      </c>
      <c r="F3350" t="s">
        <v>4177</v>
      </c>
      <c r="G3350" t="s">
        <v>656</v>
      </c>
      <c r="H3350">
        <v>2</v>
      </c>
      <c r="I3350">
        <v>2020</v>
      </c>
    </row>
    <row r="3351" spans="1:9" x14ac:dyDescent="0.25">
      <c r="A3351">
        <v>1126</v>
      </c>
      <c r="B3351" t="s">
        <v>3258</v>
      </c>
      <c r="C3351" t="s">
        <v>691</v>
      </c>
      <c r="D3351">
        <v>21</v>
      </c>
      <c r="E3351" t="s">
        <v>691</v>
      </c>
      <c r="F3351" t="s">
        <v>4177</v>
      </c>
      <c r="G3351" t="s">
        <v>656</v>
      </c>
      <c r="H3351">
        <v>2</v>
      </c>
      <c r="I3351">
        <v>2020</v>
      </c>
    </row>
    <row r="3352" spans="1:9" x14ac:dyDescent="0.25">
      <c r="A3352">
        <v>1121</v>
      </c>
      <c r="B3352" t="s">
        <v>3260</v>
      </c>
      <c r="C3352" t="s">
        <v>691</v>
      </c>
      <c r="D3352">
        <v>21</v>
      </c>
      <c r="E3352" t="s">
        <v>691</v>
      </c>
      <c r="F3352" t="s">
        <v>4177</v>
      </c>
      <c r="G3352" t="s">
        <v>656</v>
      </c>
      <c r="H3352">
        <v>2</v>
      </c>
      <c r="I3352">
        <v>2020</v>
      </c>
    </row>
    <row r="3353" spans="1:9" x14ac:dyDescent="0.25">
      <c r="A3353">
        <v>999</v>
      </c>
      <c r="B3353" t="s">
        <v>3339</v>
      </c>
      <c r="C3353" t="s">
        <v>299</v>
      </c>
      <c r="D3353">
        <v>27</v>
      </c>
      <c r="E3353" t="s">
        <v>4179</v>
      </c>
      <c r="F3353" t="s">
        <v>4177</v>
      </c>
      <c r="G3353" t="s">
        <v>656</v>
      </c>
      <c r="H3353">
        <v>2</v>
      </c>
      <c r="I3353">
        <v>2020</v>
      </c>
    </row>
    <row r="3354" spans="1:9" x14ac:dyDescent="0.25">
      <c r="A3354">
        <v>987</v>
      </c>
      <c r="B3354" t="s">
        <v>3344</v>
      </c>
      <c r="C3354" t="s">
        <v>1559</v>
      </c>
      <c r="D3354">
        <v>96</v>
      </c>
      <c r="E3354" t="s">
        <v>4179</v>
      </c>
      <c r="F3354" t="s">
        <v>4177</v>
      </c>
      <c r="G3354" t="s">
        <v>656</v>
      </c>
      <c r="H3354">
        <v>2</v>
      </c>
      <c r="I3354">
        <v>2020</v>
      </c>
    </row>
    <row r="3355" spans="1:9" x14ac:dyDescent="0.25">
      <c r="A3355">
        <v>934</v>
      </c>
      <c r="B3355" t="s">
        <v>3381</v>
      </c>
      <c r="C3355" t="s">
        <v>868</v>
      </c>
      <c r="D3355">
        <v>23</v>
      </c>
      <c r="E3355" t="s">
        <v>4178</v>
      </c>
      <c r="F3355" t="s">
        <v>4177</v>
      </c>
      <c r="G3355" t="s">
        <v>656</v>
      </c>
      <c r="H3355">
        <v>2</v>
      </c>
      <c r="I3355">
        <v>2020</v>
      </c>
    </row>
    <row r="3356" spans="1:9" x14ac:dyDescent="0.25">
      <c r="A3356">
        <v>925</v>
      </c>
      <c r="B3356" t="s">
        <v>3384</v>
      </c>
      <c r="C3356" t="s">
        <v>703</v>
      </c>
      <c r="D3356">
        <v>16</v>
      </c>
      <c r="E3356" t="s">
        <v>703</v>
      </c>
      <c r="F3356" t="s">
        <v>4177</v>
      </c>
      <c r="G3356" t="s">
        <v>656</v>
      </c>
      <c r="H3356">
        <v>2</v>
      </c>
      <c r="I3356">
        <v>2020</v>
      </c>
    </row>
    <row r="3357" spans="1:9" x14ac:dyDescent="0.25">
      <c r="A3357">
        <v>897</v>
      </c>
      <c r="B3357" t="s">
        <v>994</v>
      </c>
      <c r="C3357" t="s">
        <v>676</v>
      </c>
      <c r="D3357">
        <v>4</v>
      </c>
      <c r="E3357" t="s">
        <v>676</v>
      </c>
      <c r="F3357" t="s">
        <v>4164</v>
      </c>
      <c r="G3357" t="s">
        <v>656</v>
      </c>
      <c r="H3357">
        <v>2</v>
      </c>
      <c r="I3357">
        <v>2020</v>
      </c>
    </row>
    <row r="3358" spans="1:9" x14ac:dyDescent="0.25">
      <c r="A3358">
        <v>804</v>
      </c>
      <c r="B3358" t="s">
        <v>3460</v>
      </c>
      <c r="C3358" t="s">
        <v>65</v>
      </c>
      <c r="D3358">
        <v>15</v>
      </c>
      <c r="E3358" t="s">
        <v>4176</v>
      </c>
      <c r="F3358" t="s">
        <v>4177</v>
      </c>
      <c r="G3358" t="s">
        <v>656</v>
      </c>
      <c r="H3358">
        <v>2</v>
      </c>
      <c r="I3358">
        <v>2020</v>
      </c>
    </row>
    <row r="3359" spans="1:9" x14ac:dyDescent="0.25">
      <c r="A3359">
        <v>767</v>
      </c>
      <c r="B3359" t="s">
        <v>3481</v>
      </c>
      <c r="C3359" t="s">
        <v>301</v>
      </c>
      <c r="D3359">
        <v>26</v>
      </c>
      <c r="E3359" t="s">
        <v>4179</v>
      </c>
      <c r="F3359" t="s">
        <v>4177</v>
      </c>
      <c r="G3359" t="s">
        <v>656</v>
      </c>
      <c r="H3359">
        <v>2</v>
      </c>
      <c r="I3359">
        <v>2020</v>
      </c>
    </row>
    <row r="3360" spans="1:9" x14ac:dyDescent="0.25">
      <c r="A3360">
        <v>719</v>
      </c>
      <c r="B3360" t="s">
        <v>3520</v>
      </c>
      <c r="C3360" t="s">
        <v>738</v>
      </c>
      <c r="D3360">
        <v>61</v>
      </c>
      <c r="E3360" t="s">
        <v>4193</v>
      </c>
      <c r="F3360" t="s">
        <v>4189</v>
      </c>
      <c r="G3360" t="s">
        <v>656</v>
      </c>
      <c r="H3360">
        <v>2</v>
      </c>
      <c r="I3360">
        <v>2020</v>
      </c>
    </row>
    <row r="3361" spans="1:9" x14ac:dyDescent="0.25">
      <c r="A3361">
        <v>695</v>
      </c>
      <c r="B3361" t="s">
        <v>3538</v>
      </c>
      <c r="C3361" t="s">
        <v>705</v>
      </c>
      <c r="D3361">
        <v>70</v>
      </c>
      <c r="E3361" t="s">
        <v>4193</v>
      </c>
      <c r="F3361" t="s">
        <v>4189</v>
      </c>
      <c r="G3361" t="s">
        <v>656</v>
      </c>
      <c r="H3361">
        <v>2</v>
      </c>
      <c r="I3361">
        <v>2020</v>
      </c>
    </row>
    <row r="3362" spans="1:9" x14ac:dyDescent="0.25">
      <c r="A3362">
        <v>685</v>
      </c>
      <c r="B3362" t="s">
        <v>3541</v>
      </c>
      <c r="C3362" t="s">
        <v>691</v>
      </c>
      <c r="D3362">
        <v>21</v>
      </c>
      <c r="E3362" t="s">
        <v>691</v>
      </c>
      <c r="F3362" t="s">
        <v>4177</v>
      </c>
      <c r="G3362" t="s">
        <v>656</v>
      </c>
      <c r="H3362">
        <v>2</v>
      </c>
      <c r="I3362">
        <v>2020</v>
      </c>
    </row>
    <row r="3363" spans="1:9" x14ac:dyDescent="0.25">
      <c r="A3363">
        <v>680</v>
      </c>
      <c r="B3363" t="s">
        <v>3545</v>
      </c>
      <c r="C3363" t="s">
        <v>730</v>
      </c>
      <c r="D3363">
        <v>66</v>
      </c>
      <c r="E3363" t="s">
        <v>4193</v>
      </c>
      <c r="F3363" t="s">
        <v>4189</v>
      </c>
      <c r="G3363" t="s">
        <v>656</v>
      </c>
      <c r="H3363">
        <v>2</v>
      </c>
      <c r="I3363">
        <v>2020</v>
      </c>
    </row>
    <row r="3364" spans="1:9" x14ac:dyDescent="0.25">
      <c r="A3364">
        <v>679</v>
      </c>
      <c r="B3364" t="s">
        <v>3546</v>
      </c>
      <c r="C3364" t="s">
        <v>730</v>
      </c>
      <c r="D3364">
        <v>66</v>
      </c>
      <c r="E3364" t="s">
        <v>4193</v>
      </c>
      <c r="F3364" t="s">
        <v>4189</v>
      </c>
      <c r="G3364" t="s">
        <v>656</v>
      </c>
      <c r="H3364">
        <v>2</v>
      </c>
      <c r="I3364">
        <v>2020</v>
      </c>
    </row>
    <row r="3365" spans="1:9" x14ac:dyDescent="0.25">
      <c r="A3365">
        <v>677</v>
      </c>
      <c r="B3365" t="s">
        <v>3548</v>
      </c>
      <c r="C3365" t="s">
        <v>730</v>
      </c>
      <c r="D3365">
        <v>66</v>
      </c>
      <c r="E3365" t="s">
        <v>4193</v>
      </c>
      <c r="F3365" t="s">
        <v>4189</v>
      </c>
      <c r="G3365" t="s">
        <v>656</v>
      </c>
      <c r="H3365">
        <v>2</v>
      </c>
      <c r="I3365">
        <v>2020</v>
      </c>
    </row>
    <row r="3366" spans="1:9" x14ac:dyDescent="0.25">
      <c r="A3366">
        <v>672</v>
      </c>
      <c r="B3366" t="s">
        <v>3553</v>
      </c>
      <c r="C3366" t="s">
        <v>730</v>
      </c>
      <c r="D3366">
        <v>66</v>
      </c>
      <c r="E3366" t="s">
        <v>4193</v>
      </c>
      <c r="F3366" t="s">
        <v>4189</v>
      </c>
      <c r="G3366" t="s">
        <v>656</v>
      </c>
      <c r="H3366">
        <v>2</v>
      </c>
      <c r="I3366">
        <v>2020</v>
      </c>
    </row>
    <row r="3367" spans="1:9" x14ac:dyDescent="0.25">
      <c r="A3367">
        <v>671</v>
      </c>
      <c r="B3367" t="s">
        <v>3554</v>
      </c>
      <c r="C3367" t="s">
        <v>730</v>
      </c>
      <c r="D3367">
        <v>66</v>
      </c>
      <c r="E3367" t="s">
        <v>4193</v>
      </c>
      <c r="F3367" t="s">
        <v>4189</v>
      </c>
      <c r="G3367" t="s">
        <v>656</v>
      </c>
      <c r="H3367">
        <v>2</v>
      </c>
      <c r="I3367">
        <v>2020</v>
      </c>
    </row>
    <row r="3368" spans="1:9" x14ac:dyDescent="0.25">
      <c r="A3368">
        <v>655</v>
      </c>
      <c r="B3368" t="s">
        <v>3569</v>
      </c>
      <c r="C3368" t="s">
        <v>738</v>
      </c>
      <c r="D3368">
        <v>61</v>
      </c>
      <c r="E3368" t="s">
        <v>4193</v>
      </c>
      <c r="F3368" t="s">
        <v>4189</v>
      </c>
      <c r="G3368" t="s">
        <v>656</v>
      </c>
      <c r="H3368">
        <v>2</v>
      </c>
      <c r="I3368">
        <v>2020</v>
      </c>
    </row>
    <row r="3369" spans="1:9" x14ac:dyDescent="0.25">
      <c r="A3369">
        <v>642</v>
      </c>
      <c r="B3369" t="s">
        <v>3581</v>
      </c>
      <c r="C3369" t="s">
        <v>693</v>
      </c>
      <c r="D3369">
        <v>56</v>
      </c>
      <c r="E3369" t="s">
        <v>4193</v>
      </c>
      <c r="F3369" t="s">
        <v>4189</v>
      </c>
      <c r="G3369" t="s">
        <v>656</v>
      </c>
      <c r="H3369">
        <v>2</v>
      </c>
      <c r="I3369">
        <v>2020</v>
      </c>
    </row>
    <row r="3370" spans="1:9" x14ac:dyDescent="0.25">
      <c r="A3370">
        <v>610</v>
      </c>
      <c r="B3370" t="s">
        <v>3607</v>
      </c>
      <c r="C3370" t="s">
        <v>710</v>
      </c>
      <c r="D3370">
        <v>53</v>
      </c>
      <c r="E3370" t="s">
        <v>4198</v>
      </c>
      <c r="F3370" t="s">
        <v>4189</v>
      </c>
      <c r="G3370" t="s">
        <v>656</v>
      </c>
      <c r="H3370">
        <v>2</v>
      </c>
      <c r="I3370">
        <v>2020</v>
      </c>
    </row>
    <row r="3371" spans="1:9" x14ac:dyDescent="0.25">
      <c r="A3371">
        <v>601</v>
      </c>
      <c r="B3371" t="s">
        <v>3615</v>
      </c>
      <c r="C3371" t="s">
        <v>710</v>
      </c>
      <c r="D3371">
        <v>53</v>
      </c>
      <c r="E3371" t="s">
        <v>4198</v>
      </c>
      <c r="F3371" t="s">
        <v>4189</v>
      </c>
      <c r="G3371" t="s">
        <v>656</v>
      </c>
      <c r="H3371">
        <v>2</v>
      </c>
      <c r="I3371">
        <v>2020</v>
      </c>
    </row>
    <row r="3372" spans="1:9" x14ac:dyDescent="0.25">
      <c r="A3372">
        <v>580</v>
      </c>
      <c r="B3372" t="s">
        <v>3632</v>
      </c>
      <c r="C3372" t="s">
        <v>1514</v>
      </c>
      <c r="D3372">
        <v>47</v>
      </c>
      <c r="E3372" t="s">
        <v>980</v>
      </c>
      <c r="F3372" t="s">
        <v>4189</v>
      </c>
      <c r="G3372" t="s">
        <v>656</v>
      </c>
      <c r="H3372">
        <v>2</v>
      </c>
      <c r="I3372">
        <v>2020</v>
      </c>
    </row>
    <row r="3373" spans="1:9" x14ac:dyDescent="0.25">
      <c r="A3373">
        <v>576</v>
      </c>
      <c r="B3373" t="s">
        <v>3636</v>
      </c>
      <c r="C3373" t="s">
        <v>797</v>
      </c>
      <c r="D3373">
        <v>65</v>
      </c>
      <c r="E3373" t="s">
        <v>4191</v>
      </c>
      <c r="F3373" t="s">
        <v>4189</v>
      </c>
      <c r="G3373" t="s">
        <v>656</v>
      </c>
      <c r="H3373">
        <v>2</v>
      </c>
      <c r="I3373">
        <v>2020</v>
      </c>
    </row>
    <row r="3374" spans="1:9" x14ac:dyDescent="0.25">
      <c r="A3374">
        <v>572</v>
      </c>
      <c r="B3374" t="s">
        <v>3639</v>
      </c>
      <c r="C3374" t="s">
        <v>797</v>
      </c>
      <c r="D3374">
        <v>65</v>
      </c>
      <c r="E3374" t="s">
        <v>4191</v>
      </c>
      <c r="F3374" t="s">
        <v>4189</v>
      </c>
      <c r="G3374" t="s">
        <v>656</v>
      </c>
      <c r="H3374">
        <v>2</v>
      </c>
      <c r="I3374">
        <v>2020</v>
      </c>
    </row>
    <row r="3375" spans="1:9" x14ac:dyDescent="0.25">
      <c r="A3375">
        <v>548</v>
      </c>
      <c r="B3375" t="s">
        <v>3659</v>
      </c>
      <c r="C3375" t="s">
        <v>707</v>
      </c>
      <c r="D3375">
        <v>59</v>
      </c>
      <c r="E3375" t="s">
        <v>980</v>
      </c>
      <c r="F3375" t="s">
        <v>4189</v>
      </c>
      <c r="G3375" t="s">
        <v>656</v>
      </c>
      <c r="H3375">
        <v>2</v>
      </c>
      <c r="I3375">
        <v>2020</v>
      </c>
    </row>
    <row r="3376" spans="1:9" x14ac:dyDescent="0.25">
      <c r="A3376">
        <v>546</v>
      </c>
      <c r="B3376" t="s">
        <v>1715</v>
      </c>
      <c r="C3376" t="s">
        <v>767</v>
      </c>
      <c r="D3376">
        <v>44</v>
      </c>
      <c r="E3376" t="s">
        <v>4191</v>
      </c>
      <c r="F3376" t="s">
        <v>4189</v>
      </c>
      <c r="G3376" t="s">
        <v>656</v>
      </c>
      <c r="H3376">
        <v>2</v>
      </c>
      <c r="I3376">
        <v>2020</v>
      </c>
    </row>
    <row r="3377" spans="1:9" x14ac:dyDescent="0.25">
      <c r="A3377">
        <v>540</v>
      </c>
      <c r="B3377" t="s">
        <v>1712</v>
      </c>
      <c r="C3377" t="s">
        <v>767</v>
      </c>
      <c r="D3377">
        <v>44</v>
      </c>
      <c r="E3377" t="s">
        <v>4191</v>
      </c>
      <c r="F3377" t="s">
        <v>4189</v>
      </c>
      <c r="G3377" t="s">
        <v>656</v>
      </c>
      <c r="H3377">
        <v>2</v>
      </c>
      <c r="I3377">
        <v>2020</v>
      </c>
    </row>
    <row r="3378" spans="1:9" x14ac:dyDescent="0.25">
      <c r="A3378">
        <v>537</v>
      </c>
      <c r="B3378" t="s">
        <v>994</v>
      </c>
      <c r="C3378" t="s">
        <v>767</v>
      </c>
      <c r="D3378">
        <v>44</v>
      </c>
      <c r="E3378" t="s">
        <v>4191</v>
      </c>
      <c r="F3378" t="s">
        <v>4189</v>
      </c>
      <c r="G3378" t="s">
        <v>656</v>
      </c>
      <c r="H3378">
        <v>2</v>
      </c>
      <c r="I3378">
        <v>2020</v>
      </c>
    </row>
    <row r="3379" spans="1:9" x14ac:dyDescent="0.25">
      <c r="A3379">
        <v>533</v>
      </c>
      <c r="B3379" t="s">
        <v>1710</v>
      </c>
      <c r="C3379" t="s">
        <v>767</v>
      </c>
      <c r="D3379">
        <v>44</v>
      </c>
      <c r="E3379" t="s">
        <v>4191</v>
      </c>
      <c r="F3379" t="s">
        <v>4189</v>
      </c>
      <c r="G3379" t="s">
        <v>656</v>
      </c>
      <c r="H3379">
        <v>2</v>
      </c>
      <c r="I3379">
        <v>2020</v>
      </c>
    </row>
    <row r="3380" spans="1:9" x14ac:dyDescent="0.25">
      <c r="A3380">
        <v>286</v>
      </c>
      <c r="B3380" t="s">
        <v>3925</v>
      </c>
      <c r="C3380" t="s">
        <v>917</v>
      </c>
      <c r="D3380">
        <v>83</v>
      </c>
      <c r="E3380" t="s">
        <v>4188</v>
      </c>
      <c r="F3380" t="s">
        <v>4189</v>
      </c>
      <c r="G3380" t="s">
        <v>669</v>
      </c>
      <c r="H3380">
        <v>1</v>
      </c>
      <c r="I3380">
        <v>2020</v>
      </c>
    </row>
    <row r="3381" spans="1:9" x14ac:dyDescent="0.25">
      <c r="A3381">
        <v>281</v>
      </c>
      <c r="B3381" t="s">
        <v>3930</v>
      </c>
      <c r="C3381" t="s">
        <v>730</v>
      </c>
      <c r="D3381">
        <v>66</v>
      </c>
      <c r="E3381" t="s">
        <v>4193</v>
      </c>
      <c r="F3381" t="s">
        <v>4189</v>
      </c>
      <c r="G3381" t="s">
        <v>669</v>
      </c>
      <c r="H3381">
        <v>1</v>
      </c>
      <c r="I3381">
        <v>2020</v>
      </c>
    </row>
    <row r="3382" spans="1:9" x14ac:dyDescent="0.25">
      <c r="A3382">
        <v>59</v>
      </c>
      <c r="B3382" t="s">
        <v>1084</v>
      </c>
      <c r="C3382" t="s">
        <v>1084</v>
      </c>
      <c r="D3382">
        <v>118</v>
      </c>
      <c r="E3382" t="s">
        <v>894</v>
      </c>
      <c r="F3382" t="s">
        <v>4177</v>
      </c>
      <c r="G3382" t="s">
        <v>669</v>
      </c>
      <c r="H3382">
        <v>1</v>
      </c>
      <c r="I3382">
        <v>2020</v>
      </c>
    </row>
    <row r="3383" spans="1:9" x14ac:dyDescent="0.25">
      <c r="A3383">
        <v>924</v>
      </c>
      <c r="B3383" t="s">
        <v>3385</v>
      </c>
      <c r="C3383" t="s">
        <v>703</v>
      </c>
      <c r="D3383">
        <v>16</v>
      </c>
      <c r="E3383" t="s">
        <v>703</v>
      </c>
      <c r="F3383" t="s">
        <v>4177</v>
      </c>
      <c r="G3383" t="s">
        <v>656</v>
      </c>
      <c r="H3383">
        <v>2</v>
      </c>
      <c r="I3383">
        <v>2020</v>
      </c>
    </row>
    <row r="3384" spans="1:9" x14ac:dyDescent="0.25">
      <c r="A3384">
        <v>4285</v>
      </c>
      <c r="B3384" t="s">
        <v>3255</v>
      </c>
      <c r="C3384" t="s">
        <v>691</v>
      </c>
      <c r="D3384">
        <v>21</v>
      </c>
      <c r="E3384" t="s">
        <v>691</v>
      </c>
      <c r="F3384" t="s">
        <v>4177</v>
      </c>
      <c r="G3384" t="s">
        <v>656</v>
      </c>
      <c r="H3384">
        <v>2</v>
      </c>
      <c r="I3384">
        <v>2020</v>
      </c>
    </row>
    <row r="3385" spans="1:9" x14ac:dyDescent="0.25">
      <c r="A3385">
        <v>3576</v>
      </c>
      <c r="B3385" t="s">
        <v>993</v>
      </c>
      <c r="C3385" t="s">
        <v>707</v>
      </c>
      <c r="D3385">
        <v>59</v>
      </c>
      <c r="E3385" t="s">
        <v>980</v>
      </c>
      <c r="F3385" t="s">
        <v>4189</v>
      </c>
      <c r="G3385" t="s">
        <v>656</v>
      </c>
      <c r="H3385">
        <v>2</v>
      </c>
      <c r="I3385">
        <v>2020</v>
      </c>
    </row>
    <row r="3386" spans="1:9" x14ac:dyDescent="0.25">
      <c r="A3386">
        <v>3025</v>
      </c>
      <c r="B3386" t="s">
        <v>1984</v>
      </c>
      <c r="C3386" t="s">
        <v>301</v>
      </c>
      <c r="D3386">
        <v>26</v>
      </c>
      <c r="E3386" t="s">
        <v>4179</v>
      </c>
      <c r="F3386" t="s">
        <v>4177</v>
      </c>
      <c r="G3386" t="s">
        <v>656</v>
      </c>
      <c r="H3386">
        <v>2</v>
      </c>
      <c r="I3386">
        <v>2020</v>
      </c>
    </row>
    <row r="3387" spans="1:9" x14ac:dyDescent="0.25">
      <c r="A3387">
        <v>1157</v>
      </c>
      <c r="B3387" t="s">
        <v>3233</v>
      </c>
      <c r="C3387" t="s">
        <v>756</v>
      </c>
      <c r="D3387">
        <v>19</v>
      </c>
      <c r="E3387" t="s">
        <v>894</v>
      </c>
      <c r="F3387" t="s">
        <v>4177</v>
      </c>
      <c r="G3387" t="s">
        <v>656</v>
      </c>
      <c r="H3387">
        <v>2</v>
      </c>
      <c r="I3387">
        <v>2020</v>
      </c>
    </row>
    <row r="3388" spans="1:9" x14ac:dyDescent="0.25">
      <c r="A3388">
        <v>4373</v>
      </c>
      <c r="B3388" t="s">
        <v>759</v>
      </c>
      <c r="C3388" t="s">
        <v>684</v>
      </c>
      <c r="D3388">
        <v>22</v>
      </c>
      <c r="E3388" t="s">
        <v>4178</v>
      </c>
      <c r="F3388" t="s">
        <v>4177</v>
      </c>
      <c r="G3388" t="s">
        <v>656</v>
      </c>
      <c r="H3388">
        <v>2</v>
      </c>
      <c r="I3388">
        <v>2020</v>
      </c>
    </row>
    <row r="3389" spans="1:9" x14ac:dyDescent="0.25">
      <c r="A3389">
        <v>4376</v>
      </c>
      <c r="B3389" t="s">
        <v>760</v>
      </c>
      <c r="C3389" t="s">
        <v>684</v>
      </c>
      <c r="D3389">
        <v>22</v>
      </c>
      <c r="E3389" t="s">
        <v>4178</v>
      </c>
      <c r="F3389" t="s">
        <v>4177</v>
      </c>
      <c r="G3389" t="s">
        <v>656</v>
      </c>
      <c r="H3389">
        <v>2</v>
      </c>
      <c r="I3389">
        <v>2020</v>
      </c>
    </row>
    <row r="3390" spans="1:9" x14ac:dyDescent="0.25">
      <c r="A3390">
        <v>4379</v>
      </c>
      <c r="B3390" t="s">
        <v>761</v>
      </c>
      <c r="C3390" t="s">
        <v>684</v>
      </c>
      <c r="D3390">
        <v>22</v>
      </c>
      <c r="E3390" t="s">
        <v>4178</v>
      </c>
      <c r="F3390" t="s">
        <v>4177</v>
      </c>
      <c r="G3390" t="s">
        <v>656</v>
      </c>
      <c r="H3390">
        <v>2</v>
      </c>
      <c r="I3390">
        <v>2020</v>
      </c>
    </row>
    <row r="3391" spans="1:9" x14ac:dyDescent="0.25">
      <c r="A3391">
        <v>4382</v>
      </c>
      <c r="B3391" t="s">
        <v>763</v>
      </c>
      <c r="C3391" t="s">
        <v>684</v>
      </c>
      <c r="D3391">
        <v>22</v>
      </c>
      <c r="E3391" t="s">
        <v>4178</v>
      </c>
      <c r="F3391" t="s">
        <v>4177</v>
      </c>
      <c r="G3391" t="s">
        <v>656</v>
      </c>
      <c r="H3391">
        <v>2</v>
      </c>
      <c r="I3391">
        <v>2020</v>
      </c>
    </row>
    <row r="3392" spans="1:9" x14ac:dyDescent="0.25">
      <c r="A3392">
        <v>4385</v>
      </c>
      <c r="B3392" t="s">
        <v>764</v>
      </c>
      <c r="C3392" t="s">
        <v>684</v>
      </c>
      <c r="D3392">
        <v>22</v>
      </c>
      <c r="E3392" t="s">
        <v>4178</v>
      </c>
      <c r="F3392" t="s">
        <v>4177</v>
      </c>
      <c r="G3392" t="s">
        <v>656</v>
      </c>
      <c r="H3392">
        <v>2</v>
      </c>
      <c r="I3392">
        <v>2020</v>
      </c>
    </row>
    <row r="3393" spans="1:9" x14ac:dyDescent="0.25">
      <c r="A3393">
        <v>4388</v>
      </c>
      <c r="B3393" t="s">
        <v>757</v>
      </c>
      <c r="C3393" t="s">
        <v>756</v>
      </c>
      <c r="D3393">
        <v>19</v>
      </c>
      <c r="E3393" t="s">
        <v>894</v>
      </c>
      <c r="F3393" t="s">
        <v>4177</v>
      </c>
      <c r="G3393" t="s">
        <v>669</v>
      </c>
      <c r="H3393">
        <v>1</v>
      </c>
      <c r="I3393">
        <v>2020</v>
      </c>
    </row>
    <row r="3394" spans="1:9" x14ac:dyDescent="0.25">
      <c r="A3394">
        <v>4391</v>
      </c>
      <c r="B3394" t="s">
        <v>712</v>
      </c>
      <c r="C3394" t="s">
        <v>705</v>
      </c>
      <c r="D3394">
        <v>70</v>
      </c>
      <c r="E3394" t="s">
        <v>4193</v>
      </c>
      <c r="F3394" t="s">
        <v>4189</v>
      </c>
      <c r="G3394" t="s">
        <v>669</v>
      </c>
      <c r="H3394">
        <v>1</v>
      </c>
      <c r="I3394">
        <v>2020</v>
      </c>
    </row>
    <row r="3395" spans="1:9" x14ac:dyDescent="0.25">
      <c r="A3395">
        <v>4394</v>
      </c>
      <c r="B3395" t="s">
        <v>768</v>
      </c>
      <c r="C3395" t="s">
        <v>767</v>
      </c>
      <c r="D3395">
        <v>44</v>
      </c>
      <c r="E3395" t="s">
        <v>4191</v>
      </c>
      <c r="F3395" t="s">
        <v>4189</v>
      </c>
      <c r="G3395" t="s">
        <v>669</v>
      </c>
      <c r="H3395">
        <v>1</v>
      </c>
      <c r="I3395">
        <v>2020</v>
      </c>
    </row>
    <row r="3396" spans="1:9" x14ac:dyDescent="0.25">
      <c r="A3396">
        <v>4397</v>
      </c>
      <c r="B3396" t="s">
        <v>762</v>
      </c>
      <c r="C3396" t="s">
        <v>684</v>
      </c>
      <c r="D3396">
        <v>22</v>
      </c>
      <c r="E3396" t="s">
        <v>4178</v>
      </c>
      <c r="F3396" t="s">
        <v>4177</v>
      </c>
      <c r="G3396" t="s">
        <v>656</v>
      </c>
      <c r="H3396">
        <v>2</v>
      </c>
      <c r="I3396">
        <v>2020</v>
      </c>
    </row>
    <row r="3397" spans="1:9" x14ac:dyDescent="0.25">
      <c r="A3397">
        <v>4400</v>
      </c>
      <c r="B3397" t="s">
        <v>770</v>
      </c>
      <c r="C3397" t="s">
        <v>684</v>
      </c>
      <c r="D3397">
        <v>22</v>
      </c>
      <c r="E3397" t="s">
        <v>4178</v>
      </c>
      <c r="F3397" t="s">
        <v>4177</v>
      </c>
      <c r="G3397" t="s">
        <v>656</v>
      </c>
      <c r="H3397">
        <v>2</v>
      </c>
      <c r="I3397">
        <v>2020</v>
      </c>
    </row>
    <row r="3398" spans="1:9" x14ac:dyDescent="0.25">
      <c r="A3398">
        <v>4403</v>
      </c>
      <c r="B3398" t="s">
        <v>772</v>
      </c>
      <c r="C3398" t="s">
        <v>684</v>
      </c>
      <c r="D3398">
        <v>22</v>
      </c>
      <c r="E3398" t="s">
        <v>4178</v>
      </c>
      <c r="F3398" t="s">
        <v>4177</v>
      </c>
      <c r="G3398" t="s">
        <v>656</v>
      </c>
      <c r="H3398">
        <v>2</v>
      </c>
      <c r="I3398">
        <v>2020</v>
      </c>
    </row>
    <row r="3399" spans="1:9" x14ac:dyDescent="0.25">
      <c r="A3399">
        <v>4406</v>
      </c>
      <c r="B3399" t="s">
        <v>771</v>
      </c>
      <c r="C3399" t="s">
        <v>684</v>
      </c>
      <c r="D3399">
        <v>22</v>
      </c>
      <c r="E3399" t="s">
        <v>4178</v>
      </c>
      <c r="F3399" t="s">
        <v>4177</v>
      </c>
      <c r="G3399" t="s">
        <v>656</v>
      </c>
      <c r="H3399">
        <v>2</v>
      </c>
      <c r="I3399">
        <v>2020</v>
      </c>
    </row>
    <row r="3400" spans="1:9" x14ac:dyDescent="0.25">
      <c r="A3400">
        <v>4409</v>
      </c>
      <c r="B3400" t="s">
        <v>781</v>
      </c>
      <c r="C3400" t="s">
        <v>682</v>
      </c>
      <c r="D3400">
        <v>20</v>
      </c>
      <c r="E3400" t="s">
        <v>682</v>
      </c>
      <c r="F3400" t="s">
        <v>4177</v>
      </c>
      <c r="G3400" t="s">
        <v>656</v>
      </c>
      <c r="H3400">
        <v>2</v>
      </c>
      <c r="I3400">
        <v>2020</v>
      </c>
    </row>
    <row r="3401" spans="1:9" x14ac:dyDescent="0.25">
      <c r="A3401">
        <v>4412</v>
      </c>
      <c r="B3401" t="s">
        <v>782</v>
      </c>
      <c r="C3401" t="s">
        <v>756</v>
      </c>
      <c r="D3401">
        <v>19</v>
      </c>
      <c r="E3401" t="s">
        <v>894</v>
      </c>
      <c r="F3401" t="s">
        <v>4177</v>
      </c>
      <c r="G3401" t="s">
        <v>656</v>
      </c>
      <c r="H3401">
        <v>2</v>
      </c>
      <c r="I3401">
        <v>2020</v>
      </c>
    </row>
    <row r="3402" spans="1:9" x14ac:dyDescent="0.25">
      <c r="A3402">
        <v>4415</v>
      </c>
      <c r="B3402" t="s">
        <v>783</v>
      </c>
      <c r="C3402" t="s">
        <v>691</v>
      </c>
      <c r="D3402">
        <v>21</v>
      </c>
      <c r="E3402" t="s">
        <v>691</v>
      </c>
      <c r="F3402" t="s">
        <v>4177</v>
      </c>
      <c r="G3402" t="s">
        <v>656</v>
      </c>
      <c r="H3402">
        <v>2</v>
      </c>
      <c r="I3402">
        <v>2020</v>
      </c>
    </row>
    <row r="3403" spans="1:9" x14ac:dyDescent="0.25">
      <c r="A3403">
        <v>4418</v>
      </c>
      <c r="B3403" t="s">
        <v>784</v>
      </c>
      <c r="C3403" t="s">
        <v>103</v>
      </c>
      <c r="D3403">
        <v>86</v>
      </c>
      <c r="E3403" t="s">
        <v>4193</v>
      </c>
      <c r="F3403" t="s">
        <v>4189</v>
      </c>
      <c r="G3403" t="s">
        <v>656</v>
      </c>
      <c r="H3403">
        <v>2</v>
      </c>
      <c r="I3403">
        <v>2020</v>
      </c>
    </row>
    <row r="3404" spans="1:9" x14ac:dyDescent="0.25">
      <c r="A3404">
        <v>4421</v>
      </c>
      <c r="B3404" t="s">
        <v>786</v>
      </c>
      <c r="C3404" t="s">
        <v>785</v>
      </c>
      <c r="D3404">
        <v>93</v>
      </c>
      <c r="E3404" t="s">
        <v>1614</v>
      </c>
      <c r="F3404" t="s">
        <v>4177</v>
      </c>
      <c r="G3404" t="s">
        <v>656</v>
      </c>
      <c r="H3404">
        <v>2</v>
      </c>
      <c r="I3404">
        <v>2020</v>
      </c>
    </row>
    <row r="3405" spans="1:9" x14ac:dyDescent="0.25">
      <c r="A3405">
        <v>4424</v>
      </c>
      <c r="B3405" t="s">
        <v>787</v>
      </c>
      <c r="C3405" t="s">
        <v>659</v>
      </c>
      <c r="D3405">
        <v>35</v>
      </c>
      <c r="E3405" t="s">
        <v>4175</v>
      </c>
      <c r="F3405" t="s">
        <v>4171</v>
      </c>
      <c r="G3405" t="s">
        <v>656</v>
      </c>
      <c r="H3405">
        <v>2</v>
      </c>
      <c r="I3405">
        <v>2020</v>
      </c>
    </row>
    <row r="3406" spans="1:9" x14ac:dyDescent="0.25">
      <c r="A3406">
        <v>4427</v>
      </c>
      <c r="B3406" t="s">
        <v>788</v>
      </c>
      <c r="C3406" t="s">
        <v>659</v>
      </c>
      <c r="D3406">
        <v>35</v>
      </c>
      <c r="E3406" t="s">
        <v>4175</v>
      </c>
      <c r="F3406" t="s">
        <v>4171</v>
      </c>
      <c r="G3406" t="s">
        <v>656</v>
      </c>
      <c r="H3406">
        <v>2</v>
      </c>
      <c r="I3406">
        <v>2020</v>
      </c>
    </row>
    <row r="3407" spans="1:9" x14ac:dyDescent="0.25">
      <c r="A3407">
        <v>4430</v>
      </c>
      <c r="B3407" t="s">
        <v>789</v>
      </c>
      <c r="C3407" t="s">
        <v>659</v>
      </c>
      <c r="D3407">
        <v>35</v>
      </c>
      <c r="E3407" t="s">
        <v>4175</v>
      </c>
      <c r="F3407" t="s">
        <v>4171</v>
      </c>
      <c r="G3407" t="s">
        <v>656</v>
      </c>
      <c r="H3407">
        <v>2</v>
      </c>
      <c r="I3407">
        <v>2020</v>
      </c>
    </row>
    <row r="3408" spans="1:9" x14ac:dyDescent="0.25">
      <c r="A3408">
        <v>4433</v>
      </c>
      <c r="B3408" t="s">
        <v>790</v>
      </c>
      <c r="C3408" t="s">
        <v>295</v>
      </c>
      <c r="D3408">
        <v>30</v>
      </c>
      <c r="E3408" t="s">
        <v>4179</v>
      </c>
      <c r="F3408" t="s">
        <v>4177</v>
      </c>
      <c r="G3408" t="s">
        <v>656</v>
      </c>
      <c r="H3408">
        <v>2</v>
      </c>
      <c r="I3408">
        <v>2020</v>
      </c>
    </row>
    <row r="3409" spans="1:9" x14ac:dyDescent="0.25">
      <c r="A3409">
        <v>4436</v>
      </c>
      <c r="B3409" t="s">
        <v>795</v>
      </c>
      <c r="C3409" t="s">
        <v>794</v>
      </c>
      <c r="D3409">
        <v>40</v>
      </c>
      <c r="E3409" t="s">
        <v>4188</v>
      </c>
      <c r="F3409" t="s">
        <v>4189</v>
      </c>
      <c r="G3409" t="s">
        <v>656</v>
      </c>
      <c r="H3409">
        <v>2</v>
      </c>
      <c r="I3409">
        <v>2020</v>
      </c>
    </row>
    <row r="3410" spans="1:9" x14ac:dyDescent="0.25">
      <c r="A3410">
        <v>4439</v>
      </c>
      <c r="B3410" t="s">
        <v>796</v>
      </c>
      <c r="C3410" t="s">
        <v>682</v>
      </c>
      <c r="D3410">
        <v>20</v>
      </c>
      <c r="E3410" t="s">
        <v>682</v>
      </c>
      <c r="F3410" t="s">
        <v>4177</v>
      </c>
      <c r="G3410" t="s">
        <v>656</v>
      </c>
      <c r="H3410">
        <v>2</v>
      </c>
      <c r="I3410">
        <v>2020</v>
      </c>
    </row>
    <row r="3411" spans="1:9" x14ac:dyDescent="0.25">
      <c r="A3411">
        <v>4442</v>
      </c>
      <c r="B3411" t="s">
        <v>798</v>
      </c>
      <c r="C3411" t="s">
        <v>797</v>
      </c>
      <c r="D3411">
        <v>65</v>
      </c>
      <c r="E3411" t="s">
        <v>4191</v>
      </c>
      <c r="F3411" t="s">
        <v>4189</v>
      </c>
      <c r="G3411" t="s">
        <v>656</v>
      </c>
      <c r="H3411">
        <v>2</v>
      </c>
      <c r="I3411">
        <v>2020</v>
      </c>
    </row>
    <row r="3412" spans="1:9" x14ac:dyDescent="0.25">
      <c r="A3412">
        <v>4445</v>
      </c>
      <c r="B3412" t="s">
        <v>799</v>
      </c>
      <c r="C3412" t="s">
        <v>767</v>
      </c>
      <c r="D3412">
        <v>44</v>
      </c>
      <c r="E3412" t="s">
        <v>4191</v>
      </c>
      <c r="F3412" t="s">
        <v>4189</v>
      </c>
      <c r="G3412" t="s">
        <v>656</v>
      </c>
      <c r="H3412">
        <v>2</v>
      </c>
      <c r="I3412">
        <v>2020</v>
      </c>
    </row>
    <row r="3413" spans="1:9" x14ac:dyDescent="0.25">
      <c r="A3413">
        <v>4448</v>
      </c>
      <c r="B3413" t="s">
        <v>800</v>
      </c>
      <c r="C3413" t="s">
        <v>767</v>
      </c>
      <c r="D3413">
        <v>44</v>
      </c>
      <c r="E3413" t="s">
        <v>4191</v>
      </c>
      <c r="F3413" t="s">
        <v>4189</v>
      </c>
      <c r="G3413" t="s">
        <v>656</v>
      </c>
      <c r="H3413">
        <v>2</v>
      </c>
      <c r="I3413">
        <v>2020</v>
      </c>
    </row>
    <row r="3414" spans="1:9" x14ac:dyDescent="0.25">
      <c r="A3414">
        <v>4451</v>
      </c>
      <c r="B3414" t="s">
        <v>801</v>
      </c>
      <c r="C3414" t="s">
        <v>710</v>
      </c>
      <c r="D3414">
        <v>53</v>
      </c>
      <c r="E3414" t="s">
        <v>4198</v>
      </c>
      <c r="F3414" t="s">
        <v>4189</v>
      </c>
      <c r="G3414" t="s">
        <v>656</v>
      </c>
      <c r="H3414">
        <v>2</v>
      </c>
      <c r="I3414">
        <v>2020</v>
      </c>
    </row>
    <row r="3415" spans="1:9" x14ac:dyDescent="0.25">
      <c r="A3415">
        <v>4454</v>
      </c>
      <c r="B3415" t="s">
        <v>803</v>
      </c>
      <c r="C3415" t="s">
        <v>802</v>
      </c>
      <c r="D3415">
        <v>12</v>
      </c>
      <c r="E3415" t="s">
        <v>802</v>
      </c>
      <c r="F3415" t="s">
        <v>4171</v>
      </c>
      <c r="G3415" t="s">
        <v>656</v>
      </c>
      <c r="H3415">
        <v>2</v>
      </c>
      <c r="I3415">
        <v>2020</v>
      </c>
    </row>
    <row r="3416" spans="1:9" x14ac:dyDescent="0.25">
      <c r="A3416">
        <v>4457</v>
      </c>
      <c r="B3416" t="s">
        <v>804</v>
      </c>
      <c r="C3416" t="s">
        <v>663</v>
      </c>
      <c r="D3416">
        <v>99</v>
      </c>
      <c r="E3416" t="s">
        <v>663</v>
      </c>
      <c r="F3416" t="s">
        <v>4171</v>
      </c>
      <c r="G3416" t="s">
        <v>656</v>
      </c>
      <c r="H3416">
        <v>2</v>
      </c>
      <c r="I3416">
        <v>2020</v>
      </c>
    </row>
    <row r="3417" spans="1:9" x14ac:dyDescent="0.25">
      <c r="A3417">
        <v>4460</v>
      </c>
      <c r="B3417" t="s">
        <v>805</v>
      </c>
      <c r="C3417" t="s">
        <v>663</v>
      </c>
      <c r="D3417">
        <v>99</v>
      </c>
      <c r="E3417" t="s">
        <v>663</v>
      </c>
      <c r="F3417" t="s">
        <v>4171</v>
      </c>
      <c r="G3417" t="s">
        <v>656</v>
      </c>
      <c r="H3417">
        <v>2</v>
      </c>
      <c r="I3417">
        <v>2020</v>
      </c>
    </row>
    <row r="3418" spans="1:9" x14ac:dyDescent="0.25">
      <c r="A3418">
        <v>4463</v>
      </c>
      <c r="B3418" t="s">
        <v>806</v>
      </c>
      <c r="C3418" t="s">
        <v>295</v>
      </c>
      <c r="D3418">
        <v>30</v>
      </c>
      <c r="E3418" t="s">
        <v>4179</v>
      </c>
      <c r="F3418" t="s">
        <v>4177</v>
      </c>
      <c r="G3418" t="s">
        <v>656</v>
      </c>
      <c r="H3418">
        <v>2</v>
      </c>
      <c r="I3418">
        <v>2020</v>
      </c>
    </row>
    <row r="3419" spans="1:9" x14ac:dyDescent="0.25">
      <c r="A3419">
        <v>4466</v>
      </c>
      <c r="B3419" t="s">
        <v>808</v>
      </c>
      <c r="C3419" t="s">
        <v>807</v>
      </c>
      <c r="D3419">
        <v>25</v>
      </c>
      <c r="E3419" t="s">
        <v>4179</v>
      </c>
      <c r="F3419" t="s">
        <v>4177</v>
      </c>
      <c r="G3419" t="s">
        <v>656</v>
      </c>
      <c r="H3419">
        <v>2</v>
      </c>
      <c r="I3419">
        <v>2020</v>
      </c>
    </row>
    <row r="3420" spans="1:9" x14ac:dyDescent="0.25">
      <c r="A3420">
        <v>4469</v>
      </c>
      <c r="B3420" t="s">
        <v>809</v>
      </c>
      <c r="C3420" t="s">
        <v>682</v>
      </c>
      <c r="D3420">
        <v>20</v>
      </c>
      <c r="E3420" t="s">
        <v>682</v>
      </c>
      <c r="F3420" t="s">
        <v>4177</v>
      </c>
      <c r="G3420" t="s">
        <v>656</v>
      </c>
      <c r="H3420">
        <v>2</v>
      </c>
      <c r="I3420">
        <v>2020</v>
      </c>
    </row>
    <row r="3421" spans="1:9" x14ac:dyDescent="0.25">
      <c r="A3421">
        <v>4475</v>
      </c>
      <c r="B3421" t="s">
        <v>812</v>
      </c>
      <c r="C3421" t="s">
        <v>684</v>
      </c>
      <c r="D3421">
        <v>22</v>
      </c>
      <c r="E3421" t="s">
        <v>4178</v>
      </c>
      <c r="F3421" t="s">
        <v>4177</v>
      </c>
      <c r="G3421" t="s">
        <v>656</v>
      </c>
      <c r="H3421">
        <v>2</v>
      </c>
      <c r="I3421">
        <v>2020</v>
      </c>
    </row>
    <row r="3422" spans="1:9" x14ac:dyDescent="0.25">
      <c r="A3422">
        <v>4478</v>
      </c>
      <c r="B3422" t="s">
        <v>814</v>
      </c>
      <c r="C3422" t="s">
        <v>813</v>
      </c>
      <c r="D3422">
        <v>24</v>
      </c>
      <c r="E3422" t="s">
        <v>4179</v>
      </c>
      <c r="F3422" t="s">
        <v>4177</v>
      </c>
      <c r="G3422" t="s">
        <v>656</v>
      </c>
      <c r="H3422">
        <v>2</v>
      </c>
      <c r="I3422">
        <v>2020</v>
      </c>
    </row>
    <row r="3423" spans="1:9" x14ac:dyDescent="0.25">
      <c r="A3423">
        <v>4481</v>
      </c>
      <c r="B3423" t="s">
        <v>815</v>
      </c>
      <c r="C3423" t="s">
        <v>65</v>
      </c>
      <c r="D3423">
        <v>15</v>
      </c>
      <c r="E3423" t="s">
        <v>4176</v>
      </c>
      <c r="F3423" t="s">
        <v>4177</v>
      </c>
      <c r="G3423" t="s">
        <v>656</v>
      </c>
      <c r="H3423">
        <v>2</v>
      </c>
      <c r="I3423">
        <v>2020</v>
      </c>
    </row>
    <row r="3424" spans="1:9" x14ac:dyDescent="0.25">
      <c r="A3424">
        <v>4484</v>
      </c>
      <c r="B3424" t="s">
        <v>816</v>
      </c>
      <c r="C3424" t="s">
        <v>710</v>
      </c>
      <c r="D3424">
        <v>53</v>
      </c>
      <c r="E3424" t="s">
        <v>4198</v>
      </c>
      <c r="F3424" t="s">
        <v>4189</v>
      </c>
      <c r="G3424" t="s">
        <v>656</v>
      </c>
      <c r="H3424">
        <v>2</v>
      </c>
      <c r="I3424">
        <v>2020</v>
      </c>
    </row>
    <row r="3425" spans="1:9" x14ac:dyDescent="0.25">
      <c r="A3425">
        <v>4487</v>
      </c>
      <c r="B3425" t="s">
        <v>822</v>
      </c>
      <c r="C3425" t="s">
        <v>742</v>
      </c>
      <c r="D3425">
        <v>48</v>
      </c>
      <c r="E3425" t="s">
        <v>4165</v>
      </c>
      <c r="F3425" t="s">
        <v>4164</v>
      </c>
      <c r="G3425" t="s">
        <v>656</v>
      </c>
      <c r="H3425">
        <v>2</v>
      </c>
      <c r="I3425">
        <v>2020</v>
      </c>
    </row>
    <row r="3426" spans="1:9" x14ac:dyDescent="0.25">
      <c r="A3426">
        <v>4490</v>
      </c>
      <c r="B3426" t="s">
        <v>823</v>
      </c>
      <c r="C3426" t="s">
        <v>659</v>
      </c>
      <c r="D3426">
        <v>35</v>
      </c>
      <c r="E3426" t="s">
        <v>4175</v>
      </c>
      <c r="F3426" t="s">
        <v>4171</v>
      </c>
      <c r="G3426" t="s">
        <v>656</v>
      </c>
      <c r="H3426">
        <v>2</v>
      </c>
      <c r="I3426">
        <v>2020</v>
      </c>
    </row>
    <row r="3427" spans="1:9" x14ac:dyDescent="0.25">
      <c r="A3427">
        <v>4493</v>
      </c>
      <c r="B3427" t="s">
        <v>824</v>
      </c>
      <c r="C3427" t="s">
        <v>659</v>
      </c>
      <c r="D3427">
        <v>35</v>
      </c>
      <c r="E3427" t="s">
        <v>4175</v>
      </c>
      <c r="F3427" t="s">
        <v>4171</v>
      </c>
      <c r="G3427" t="s">
        <v>656</v>
      </c>
      <c r="H3427">
        <v>2</v>
      </c>
      <c r="I3427">
        <v>2020</v>
      </c>
    </row>
    <row r="3428" spans="1:9" x14ac:dyDescent="0.25">
      <c r="A3428">
        <v>4496</v>
      </c>
      <c r="B3428" t="s">
        <v>825</v>
      </c>
      <c r="C3428" t="s">
        <v>659</v>
      </c>
      <c r="D3428">
        <v>35</v>
      </c>
      <c r="E3428" t="s">
        <v>4175</v>
      </c>
      <c r="F3428" t="s">
        <v>4171</v>
      </c>
      <c r="G3428" t="s">
        <v>656</v>
      </c>
      <c r="H3428">
        <v>2</v>
      </c>
      <c r="I3428">
        <v>2020</v>
      </c>
    </row>
    <row r="3429" spans="1:9" x14ac:dyDescent="0.25">
      <c r="A3429">
        <v>4499</v>
      </c>
      <c r="B3429" t="s">
        <v>826</v>
      </c>
      <c r="C3429" t="s">
        <v>659</v>
      </c>
      <c r="D3429">
        <v>35</v>
      </c>
      <c r="E3429" t="s">
        <v>4175</v>
      </c>
      <c r="F3429" t="s">
        <v>4171</v>
      </c>
      <c r="G3429" t="s">
        <v>656</v>
      </c>
      <c r="H3429">
        <v>2</v>
      </c>
      <c r="I3429">
        <v>2020</v>
      </c>
    </row>
    <row r="3430" spans="1:9" x14ac:dyDescent="0.25">
      <c r="A3430">
        <v>4502</v>
      </c>
      <c r="B3430" t="s">
        <v>827</v>
      </c>
      <c r="C3430" t="s">
        <v>659</v>
      </c>
      <c r="D3430">
        <v>35</v>
      </c>
      <c r="E3430" t="s">
        <v>4175</v>
      </c>
      <c r="F3430" t="s">
        <v>4171</v>
      </c>
      <c r="G3430" t="s">
        <v>656</v>
      </c>
      <c r="H3430">
        <v>2</v>
      </c>
      <c r="I3430">
        <v>2020</v>
      </c>
    </row>
    <row r="3431" spans="1:9" x14ac:dyDescent="0.25">
      <c r="A3431">
        <v>4505</v>
      </c>
      <c r="B3431" t="s">
        <v>774</v>
      </c>
      <c r="C3431" t="s">
        <v>684</v>
      </c>
      <c r="D3431">
        <v>22</v>
      </c>
      <c r="E3431" t="s">
        <v>4178</v>
      </c>
      <c r="F3431" t="s">
        <v>4177</v>
      </c>
      <c r="G3431" t="s">
        <v>656</v>
      </c>
      <c r="H3431">
        <v>2</v>
      </c>
      <c r="I3431">
        <v>2020</v>
      </c>
    </row>
    <row r="3432" spans="1:9" x14ac:dyDescent="0.25">
      <c r="A3432">
        <v>4508</v>
      </c>
      <c r="B3432" t="s">
        <v>775</v>
      </c>
      <c r="C3432" t="s">
        <v>684</v>
      </c>
      <c r="D3432">
        <v>22</v>
      </c>
      <c r="E3432" t="s">
        <v>4178</v>
      </c>
      <c r="F3432" t="s">
        <v>4177</v>
      </c>
      <c r="G3432" t="s">
        <v>656</v>
      </c>
      <c r="H3432">
        <v>2</v>
      </c>
      <c r="I3432">
        <v>2020</v>
      </c>
    </row>
    <row r="3433" spans="1:9" x14ac:dyDescent="0.25">
      <c r="A3433">
        <v>4511</v>
      </c>
      <c r="B3433" t="s">
        <v>829</v>
      </c>
      <c r="C3433" t="s">
        <v>684</v>
      </c>
      <c r="D3433">
        <v>22</v>
      </c>
      <c r="E3433" t="s">
        <v>4178</v>
      </c>
      <c r="F3433" t="s">
        <v>4177</v>
      </c>
      <c r="G3433" t="s">
        <v>656</v>
      </c>
      <c r="H3433">
        <v>2</v>
      </c>
      <c r="I3433">
        <v>2020</v>
      </c>
    </row>
    <row r="3434" spans="1:9" x14ac:dyDescent="0.25">
      <c r="A3434">
        <v>4514</v>
      </c>
      <c r="B3434" t="s">
        <v>777</v>
      </c>
      <c r="C3434" t="s">
        <v>684</v>
      </c>
      <c r="D3434">
        <v>22</v>
      </c>
      <c r="E3434" t="s">
        <v>4178</v>
      </c>
      <c r="F3434" t="s">
        <v>4177</v>
      </c>
      <c r="G3434" t="s">
        <v>656</v>
      </c>
      <c r="H3434">
        <v>2</v>
      </c>
      <c r="I3434">
        <v>2020</v>
      </c>
    </row>
    <row r="3435" spans="1:9" x14ac:dyDescent="0.25">
      <c r="A3435">
        <v>4517</v>
      </c>
      <c r="B3435" t="s">
        <v>830</v>
      </c>
      <c r="C3435" t="s">
        <v>703</v>
      </c>
      <c r="D3435">
        <v>16</v>
      </c>
      <c r="E3435" t="s">
        <v>703</v>
      </c>
      <c r="F3435" t="s">
        <v>4177</v>
      </c>
      <c r="G3435" t="s">
        <v>656</v>
      </c>
      <c r="H3435">
        <v>2</v>
      </c>
      <c r="I3435">
        <v>2020</v>
      </c>
    </row>
    <row r="3436" spans="1:9" x14ac:dyDescent="0.25">
      <c r="A3436">
        <v>4520</v>
      </c>
      <c r="B3436" t="s">
        <v>835</v>
      </c>
      <c r="C3436" t="s">
        <v>684</v>
      </c>
      <c r="D3436">
        <v>22</v>
      </c>
      <c r="E3436" t="s">
        <v>4178</v>
      </c>
      <c r="F3436" t="s">
        <v>4177</v>
      </c>
      <c r="G3436" t="s">
        <v>656</v>
      </c>
      <c r="H3436">
        <v>2</v>
      </c>
      <c r="I3436">
        <v>2020</v>
      </c>
    </row>
    <row r="3437" spans="1:9" x14ac:dyDescent="0.25">
      <c r="A3437">
        <v>4523</v>
      </c>
      <c r="B3437" t="s">
        <v>836</v>
      </c>
      <c r="C3437" t="s">
        <v>684</v>
      </c>
      <c r="D3437">
        <v>22</v>
      </c>
      <c r="E3437" t="s">
        <v>4178</v>
      </c>
      <c r="F3437" t="s">
        <v>4177</v>
      </c>
      <c r="G3437" t="s">
        <v>656</v>
      </c>
      <c r="H3437">
        <v>2</v>
      </c>
      <c r="I3437">
        <v>2020</v>
      </c>
    </row>
    <row r="3438" spans="1:9" x14ac:dyDescent="0.25">
      <c r="A3438">
        <v>4526</v>
      </c>
      <c r="B3438" t="s">
        <v>837</v>
      </c>
      <c r="C3438" t="s">
        <v>684</v>
      </c>
      <c r="D3438">
        <v>22</v>
      </c>
      <c r="E3438" t="s">
        <v>4178</v>
      </c>
      <c r="F3438" t="s">
        <v>4177</v>
      </c>
      <c r="G3438" t="s">
        <v>656</v>
      </c>
      <c r="H3438">
        <v>2</v>
      </c>
      <c r="I3438">
        <v>2020</v>
      </c>
    </row>
    <row r="3439" spans="1:9" x14ac:dyDescent="0.25">
      <c r="A3439">
        <v>4529</v>
      </c>
      <c r="B3439" t="s">
        <v>838</v>
      </c>
      <c r="C3439" t="s">
        <v>684</v>
      </c>
      <c r="D3439">
        <v>22</v>
      </c>
      <c r="E3439" t="s">
        <v>4178</v>
      </c>
      <c r="F3439" t="s">
        <v>4177</v>
      </c>
      <c r="G3439" t="s">
        <v>656</v>
      </c>
      <c r="H3439">
        <v>2</v>
      </c>
      <c r="I3439">
        <v>2020</v>
      </c>
    </row>
    <row r="3440" spans="1:9" x14ac:dyDescent="0.25">
      <c r="A3440">
        <v>4532</v>
      </c>
      <c r="B3440" t="s">
        <v>840</v>
      </c>
      <c r="C3440" t="s">
        <v>839</v>
      </c>
      <c r="D3440">
        <v>89</v>
      </c>
      <c r="E3440" t="s">
        <v>839</v>
      </c>
      <c r="F3440" t="s">
        <v>4168</v>
      </c>
      <c r="G3440" t="s">
        <v>656</v>
      </c>
      <c r="H3440">
        <v>2</v>
      </c>
      <c r="I3440">
        <v>2020</v>
      </c>
    </row>
    <row r="3441" spans="1:9" x14ac:dyDescent="0.25">
      <c r="A3441">
        <v>4535</v>
      </c>
      <c r="B3441" t="s">
        <v>844</v>
      </c>
      <c r="C3441" t="s">
        <v>684</v>
      </c>
      <c r="D3441">
        <v>22</v>
      </c>
      <c r="E3441" t="s">
        <v>4178</v>
      </c>
      <c r="F3441" t="s">
        <v>4177</v>
      </c>
      <c r="G3441" t="s">
        <v>656</v>
      </c>
      <c r="H3441">
        <v>2</v>
      </c>
      <c r="I3441">
        <v>2020</v>
      </c>
    </row>
    <row r="3442" spans="1:9" x14ac:dyDescent="0.25">
      <c r="A3442">
        <v>4538</v>
      </c>
      <c r="B3442" t="s">
        <v>845</v>
      </c>
      <c r="C3442" t="s">
        <v>684</v>
      </c>
      <c r="D3442">
        <v>22</v>
      </c>
      <c r="E3442" t="s">
        <v>4178</v>
      </c>
      <c r="F3442" t="s">
        <v>4177</v>
      </c>
      <c r="G3442" t="s">
        <v>656</v>
      </c>
      <c r="H3442">
        <v>2</v>
      </c>
      <c r="I3442">
        <v>2020</v>
      </c>
    </row>
    <row r="3443" spans="1:9" x14ac:dyDescent="0.25">
      <c r="A3443">
        <v>4541</v>
      </c>
      <c r="B3443" t="s">
        <v>842</v>
      </c>
      <c r="C3443" t="s">
        <v>684</v>
      </c>
      <c r="D3443">
        <v>22</v>
      </c>
      <c r="E3443" t="s">
        <v>4178</v>
      </c>
      <c r="F3443" t="s">
        <v>4177</v>
      </c>
      <c r="G3443" t="s">
        <v>656</v>
      </c>
      <c r="H3443">
        <v>2</v>
      </c>
      <c r="I3443">
        <v>2020</v>
      </c>
    </row>
    <row r="3444" spans="1:9" x14ac:dyDescent="0.25">
      <c r="A3444">
        <v>4544</v>
      </c>
      <c r="B3444" t="s">
        <v>843</v>
      </c>
      <c r="C3444" t="s">
        <v>684</v>
      </c>
      <c r="D3444">
        <v>22</v>
      </c>
      <c r="E3444" t="s">
        <v>4178</v>
      </c>
      <c r="F3444" t="s">
        <v>4177</v>
      </c>
      <c r="G3444" t="s">
        <v>656</v>
      </c>
      <c r="H3444">
        <v>2</v>
      </c>
      <c r="I3444">
        <v>2020</v>
      </c>
    </row>
    <row r="3445" spans="1:9" x14ac:dyDescent="0.25">
      <c r="A3445">
        <v>4547</v>
      </c>
      <c r="B3445" t="s">
        <v>834</v>
      </c>
      <c r="C3445" t="s">
        <v>684</v>
      </c>
      <c r="D3445">
        <v>22</v>
      </c>
      <c r="E3445" t="s">
        <v>4178</v>
      </c>
      <c r="F3445" t="s">
        <v>4177</v>
      </c>
      <c r="G3445" t="s">
        <v>656</v>
      </c>
      <c r="H3445">
        <v>2</v>
      </c>
      <c r="I3445">
        <v>2020</v>
      </c>
    </row>
    <row r="3446" spans="1:9" x14ac:dyDescent="0.25">
      <c r="A3446">
        <v>4550</v>
      </c>
      <c r="B3446" t="s">
        <v>778</v>
      </c>
      <c r="C3446" t="s">
        <v>684</v>
      </c>
      <c r="D3446">
        <v>22</v>
      </c>
      <c r="E3446" t="s">
        <v>4178</v>
      </c>
      <c r="F3446" t="s">
        <v>4177</v>
      </c>
      <c r="G3446" t="s">
        <v>656</v>
      </c>
      <c r="H3446">
        <v>2</v>
      </c>
      <c r="I3446">
        <v>2020</v>
      </c>
    </row>
    <row r="3447" spans="1:9" x14ac:dyDescent="0.25">
      <c r="A3447">
        <v>4553</v>
      </c>
      <c r="B3447" t="s">
        <v>776</v>
      </c>
      <c r="C3447" t="s">
        <v>684</v>
      </c>
      <c r="D3447">
        <v>22</v>
      </c>
      <c r="E3447" t="s">
        <v>4178</v>
      </c>
      <c r="F3447" t="s">
        <v>4177</v>
      </c>
      <c r="G3447" t="s">
        <v>656</v>
      </c>
      <c r="H3447">
        <v>2</v>
      </c>
      <c r="I3447">
        <v>2020</v>
      </c>
    </row>
    <row r="3448" spans="1:9" x14ac:dyDescent="0.25">
      <c r="A3448">
        <v>4556</v>
      </c>
      <c r="B3448" t="s">
        <v>846</v>
      </c>
      <c r="C3448" t="s">
        <v>294</v>
      </c>
      <c r="D3448">
        <v>31</v>
      </c>
      <c r="E3448" t="s">
        <v>4179</v>
      </c>
      <c r="F3448" t="s">
        <v>4177</v>
      </c>
      <c r="G3448" t="s">
        <v>656</v>
      </c>
      <c r="H3448">
        <v>2</v>
      </c>
      <c r="I3448">
        <v>2020</v>
      </c>
    </row>
    <row r="3449" spans="1:9" x14ac:dyDescent="0.25">
      <c r="A3449">
        <v>4559</v>
      </c>
      <c r="B3449" t="s">
        <v>847</v>
      </c>
      <c r="C3449" t="s">
        <v>691</v>
      </c>
      <c r="D3449">
        <v>21</v>
      </c>
      <c r="E3449" t="s">
        <v>691</v>
      </c>
      <c r="F3449" t="s">
        <v>4177</v>
      </c>
      <c r="G3449" t="s">
        <v>656</v>
      </c>
      <c r="H3449">
        <v>2</v>
      </c>
      <c r="I3449">
        <v>2020</v>
      </c>
    </row>
    <row r="3450" spans="1:9" x14ac:dyDescent="0.25">
      <c r="A3450">
        <v>4562</v>
      </c>
      <c r="B3450" t="s">
        <v>849</v>
      </c>
      <c r="C3450" t="s">
        <v>848</v>
      </c>
      <c r="D3450">
        <v>62</v>
      </c>
      <c r="E3450" t="s">
        <v>4193</v>
      </c>
      <c r="F3450" t="s">
        <v>4189</v>
      </c>
      <c r="G3450" t="s">
        <v>656</v>
      </c>
      <c r="H3450">
        <v>2</v>
      </c>
      <c r="I3450">
        <v>2020</v>
      </c>
    </row>
    <row r="3451" spans="1:9" x14ac:dyDescent="0.25">
      <c r="A3451">
        <v>4565</v>
      </c>
      <c r="B3451" t="s">
        <v>850</v>
      </c>
      <c r="C3451" t="s">
        <v>792</v>
      </c>
      <c r="D3451">
        <v>6</v>
      </c>
      <c r="E3451" t="s">
        <v>4169</v>
      </c>
      <c r="F3451" t="s">
        <v>4164</v>
      </c>
      <c r="G3451" t="s">
        <v>656</v>
      </c>
      <c r="H3451">
        <v>2</v>
      </c>
      <c r="I3451">
        <v>2020</v>
      </c>
    </row>
    <row r="3452" spans="1:9" x14ac:dyDescent="0.25">
      <c r="A3452">
        <v>4568</v>
      </c>
      <c r="B3452" t="s">
        <v>853</v>
      </c>
      <c r="C3452" t="s">
        <v>705</v>
      </c>
      <c r="D3452">
        <v>70</v>
      </c>
      <c r="E3452" t="s">
        <v>4193</v>
      </c>
      <c r="F3452" t="s">
        <v>4189</v>
      </c>
      <c r="G3452" t="s">
        <v>656</v>
      </c>
      <c r="H3452">
        <v>2</v>
      </c>
      <c r="I3452">
        <v>2020</v>
      </c>
    </row>
    <row r="3453" spans="1:9" x14ac:dyDescent="0.25">
      <c r="A3453">
        <v>4571</v>
      </c>
      <c r="B3453" t="s">
        <v>855</v>
      </c>
      <c r="C3453" t="s">
        <v>738</v>
      </c>
      <c r="D3453">
        <v>61</v>
      </c>
      <c r="E3453" t="s">
        <v>4193</v>
      </c>
      <c r="F3453" t="s">
        <v>4189</v>
      </c>
      <c r="G3453" t="s">
        <v>656</v>
      </c>
      <c r="H3453">
        <v>2</v>
      </c>
      <c r="I3453">
        <v>2020</v>
      </c>
    </row>
    <row r="3454" spans="1:9" x14ac:dyDescent="0.25">
      <c r="A3454">
        <v>4574</v>
      </c>
      <c r="B3454" t="s">
        <v>856</v>
      </c>
      <c r="C3454" t="s">
        <v>819</v>
      </c>
      <c r="D3454">
        <v>101</v>
      </c>
      <c r="E3454" t="s">
        <v>4187</v>
      </c>
      <c r="F3454" t="s">
        <v>4187</v>
      </c>
      <c r="G3454" t="s">
        <v>656</v>
      </c>
      <c r="H3454">
        <v>2</v>
      </c>
      <c r="I3454">
        <v>2020</v>
      </c>
    </row>
    <row r="3455" spans="1:9" x14ac:dyDescent="0.25">
      <c r="A3455">
        <v>4577</v>
      </c>
      <c r="B3455" t="s">
        <v>857</v>
      </c>
      <c r="C3455" t="s">
        <v>819</v>
      </c>
      <c r="D3455">
        <v>101</v>
      </c>
      <c r="E3455" t="s">
        <v>4187</v>
      </c>
      <c r="F3455" t="s">
        <v>4187</v>
      </c>
      <c r="G3455" t="s">
        <v>656</v>
      </c>
      <c r="H3455">
        <v>2</v>
      </c>
      <c r="I3455">
        <v>2020</v>
      </c>
    </row>
    <row r="3456" spans="1:9" x14ac:dyDescent="0.25">
      <c r="A3456">
        <v>4580</v>
      </c>
      <c r="B3456" t="s">
        <v>858</v>
      </c>
      <c r="C3456" t="s">
        <v>678</v>
      </c>
      <c r="D3456">
        <v>41</v>
      </c>
      <c r="E3456" t="s">
        <v>4188</v>
      </c>
      <c r="F3456" t="s">
        <v>4189</v>
      </c>
      <c r="G3456" t="s">
        <v>656</v>
      </c>
      <c r="H3456">
        <v>2</v>
      </c>
      <c r="I3456">
        <v>2020</v>
      </c>
    </row>
    <row r="3457" spans="1:9" x14ac:dyDescent="0.25">
      <c r="A3457">
        <v>4583</v>
      </c>
      <c r="B3457" t="s">
        <v>859</v>
      </c>
      <c r="C3457" t="s">
        <v>819</v>
      </c>
      <c r="D3457">
        <v>101</v>
      </c>
      <c r="E3457" t="s">
        <v>4187</v>
      </c>
      <c r="F3457" t="s">
        <v>4187</v>
      </c>
      <c r="G3457" t="s">
        <v>656</v>
      </c>
      <c r="H3457">
        <v>2</v>
      </c>
      <c r="I3457">
        <v>2020</v>
      </c>
    </row>
    <row r="3458" spans="1:9" x14ac:dyDescent="0.25">
      <c r="A3458">
        <v>4586</v>
      </c>
      <c r="B3458" t="s">
        <v>860</v>
      </c>
      <c r="C3458" t="s">
        <v>659</v>
      </c>
      <c r="D3458">
        <v>35</v>
      </c>
      <c r="E3458" t="s">
        <v>4175</v>
      </c>
      <c r="F3458" t="s">
        <v>4171</v>
      </c>
      <c r="G3458" t="s">
        <v>656</v>
      </c>
      <c r="H3458">
        <v>2</v>
      </c>
      <c r="I3458">
        <v>2020</v>
      </c>
    </row>
    <row r="3459" spans="1:9" x14ac:dyDescent="0.25">
      <c r="A3459">
        <v>4589</v>
      </c>
      <c r="B3459" t="s">
        <v>861</v>
      </c>
      <c r="C3459" t="s">
        <v>684</v>
      </c>
      <c r="D3459">
        <v>22</v>
      </c>
      <c r="E3459" t="s">
        <v>4178</v>
      </c>
      <c r="F3459" t="s">
        <v>4177</v>
      </c>
      <c r="G3459" t="s">
        <v>656</v>
      </c>
      <c r="H3459">
        <v>2</v>
      </c>
      <c r="I3459">
        <v>2020</v>
      </c>
    </row>
    <row r="3460" spans="1:9" x14ac:dyDescent="0.25">
      <c r="A3460">
        <v>4592</v>
      </c>
      <c r="B3460" t="s">
        <v>862</v>
      </c>
      <c r="C3460" t="s">
        <v>299</v>
      </c>
      <c r="D3460">
        <v>27</v>
      </c>
      <c r="E3460" t="s">
        <v>4179</v>
      </c>
      <c r="F3460" t="s">
        <v>4177</v>
      </c>
      <c r="G3460" t="s">
        <v>656</v>
      </c>
      <c r="H3460">
        <v>2</v>
      </c>
      <c r="I3460">
        <v>2020</v>
      </c>
    </row>
    <row r="3461" spans="1:9" x14ac:dyDescent="0.25">
      <c r="A3461">
        <v>4595</v>
      </c>
      <c r="B3461" t="s">
        <v>863</v>
      </c>
      <c r="C3461" t="s">
        <v>301</v>
      </c>
      <c r="D3461">
        <v>26</v>
      </c>
      <c r="E3461" t="s">
        <v>4179</v>
      </c>
      <c r="F3461" t="s">
        <v>4177</v>
      </c>
      <c r="G3461" t="s">
        <v>656</v>
      </c>
      <c r="H3461">
        <v>2</v>
      </c>
      <c r="I3461">
        <v>2020</v>
      </c>
    </row>
    <row r="3462" spans="1:9" x14ac:dyDescent="0.25">
      <c r="A3462">
        <v>4598</v>
      </c>
      <c r="B3462" t="s">
        <v>865</v>
      </c>
      <c r="C3462" t="s">
        <v>864</v>
      </c>
      <c r="D3462">
        <v>14</v>
      </c>
      <c r="E3462" t="s">
        <v>864</v>
      </c>
      <c r="F3462" t="s">
        <v>4171</v>
      </c>
      <c r="G3462" t="s">
        <v>656</v>
      </c>
      <c r="H3462">
        <v>2</v>
      </c>
      <c r="I3462">
        <v>2020</v>
      </c>
    </row>
    <row r="3463" spans="1:9" x14ac:dyDescent="0.25">
      <c r="A3463">
        <v>4601</v>
      </c>
      <c r="B3463" t="s">
        <v>867</v>
      </c>
      <c r="C3463" t="s">
        <v>866</v>
      </c>
      <c r="D3463">
        <v>9</v>
      </c>
      <c r="E3463" t="s">
        <v>866</v>
      </c>
      <c r="F3463" t="s">
        <v>4171</v>
      </c>
      <c r="G3463" t="s">
        <v>656</v>
      </c>
      <c r="H3463">
        <v>2</v>
      </c>
      <c r="I3463">
        <v>2020</v>
      </c>
    </row>
    <row r="3464" spans="1:9" x14ac:dyDescent="0.25">
      <c r="A3464">
        <v>4604</v>
      </c>
      <c r="B3464" t="s">
        <v>869</v>
      </c>
      <c r="C3464" t="s">
        <v>868</v>
      </c>
      <c r="D3464">
        <v>23</v>
      </c>
      <c r="E3464" t="s">
        <v>4178</v>
      </c>
      <c r="F3464" t="s">
        <v>4177</v>
      </c>
      <c r="G3464" t="s">
        <v>656</v>
      </c>
      <c r="H3464">
        <v>2</v>
      </c>
      <c r="I3464">
        <v>2020</v>
      </c>
    </row>
    <row r="3465" spans="1:9" x14ac:dyDescent="0.25">
      <c r="A3465">
        <v>4607</v>
      </c>
      <c r="B3465" t="s">
        <v>870</v>
      </c>
      <c r="C3465" t="s">
        <v>868</v>
      </c>
      <c r="D3465">
        <v>23</v>
      </c>
      <c r="E3465" t="s">
        <v>4178</v>
      </c>
      <c r="F3465" t="s">
        <v>4177</v>
      </c>
      <c r="G3465" t="s">
        <v>656</v>
      </c>
      <c r="H3465">
        <v>2</v>
      </c>
      <c r="I3465">
        <v>2020</v>
      </c>
    </row>
    <row r="3466" spans="1:9" x14ac:dyDescent="0.25">
      <c r="A3466">
        <v>4610</v>
      </c>
      <c r="B3466" t="s">
        <v>871</v>
      </c>
      <c r="C3466" t="s">
        <v>868</v>
      </c>
      <c r="D3466">
        <v>23</v>
      </c>
      <c r="E3466" t="s">
        <v>4178</v>
      </c>
      <c r="F3466" t="s">
        <v>4177</v>
      </c>
      <c r="G3466" t="s">
        <v>656</v>
      </c>
      <c r="H3466">
        <v>2</v>
      </c>
      <c r="I3466">
        <v>2020</v>
      </c>
    </row>
    <row r="3467" spans="1:9" x14ac:dyDescent="0.25">
      <c r="A3467">
        <v>4613</v>
      </c>
      <c r="B3467" t="s">
        <v>872</v>
      </c>
      <c r="C3467" t="s">
        <v>703</v>
      </c>
      <c r="D3467">
        <v>16</v>
      </c>
      <c r="E3467" t="s">
        <v>703</v>
      </c>
      <c r="F3467" t="s">
        <v>4177</v>
      </c>
      <c r="G3467" t="s">
        <v>656</v>
      </c>
      <c r="H3467">
        <v>2</v>
      </c>
      <c r="I3467">
        <v>2020</v>
      </c>
    </row>
    <row r="3468" spans="1:9" x14ac:dyDescent="0.25">
      <c r="A3468">
        <v>4616</v>
      </c>
      <c r="B3468" t="s">
        <v>873</v>
      </c>
      <c r="C3468" t="s">
        <v>676</v>
      </c>
      <c r="D3468">
        <v>4</v>
      </c>
      <c r="E3468" t="s">
        <v>676</v>
      </c>
      <c r="F3468" t="s">
        <v>4164</v>
      </c>
      <c r="G3468" t="s">
        <v>656</v>
      </c>
      <c r="H3468">
        <v>2</v>
      </c>
      <c r="I3468">
        <v>2020</v>
      </c>
    </row>
    <row r="3469" spans="1:9" x14ac:dyDescent="0.25">
      <c r="A3469">
        <v>4619</v>
      </c>
      <c r="B3469" t="s">
        <v>874</v>
      </c>
      <c r="C3469" t="s">
        <v>730</v>
      </c>
      <c r="D3469">
        <v>66</v>
      </c>
      <c r="E3469" t="s">
        <v>4193</v>
      </c>
      <c r="F3469" t="s">
        <v>4189</v>
      </c>
      <c r="G3469" t="s">
        <v>656</v>
      </c>
      <c r="H3469">
        <v>2</v>
      </c>
      <c r="I3469">
        <v>2020</v>
      </c>
    </row>
    <row r="3470" spans="1:9" x14ac:dyDescent="0.25">
      <c r="A3470">
        <v>4622</v>
      </c>
      <c r="B3470" t="s">
        <v>875</v>
      </c>
      <c r="C3470" t="s">
        <v>797</v>
      </c>
      <c r="D3470">
        <v>65</v>
      </c>
      <c r="E3470" t="s">
        <v>4191</v>
      </c>
      <c r="F3470" t="s">
        <v>4189</v>
      </c>
      <c r="G3470" t="s">
        <v>656</v>
      </c>
      <c r="H3470">
        <v>2</v>
      </c>
      <c r="I3470">
        <v>2020</v>
      </c>
    </row>
    <row r="3471" spans="1:9" x14ac:dyDescent="0.25">
      <c r="A3471">
        <v>4625</v>
      </c>
      <c r="B3471" t="s">
        <v>876</v>
      </c>
      <c r="C3471" t="s">
        <v>659</v>
      </c>
      <c r="D3471">
        <v>35</v>
      </c>
      <c r="E3471" t="s">
        <v>4175</v>
      </c>
      <c r="F3471" t="s">
        <v>4171</v>
      </c>
      <c r="G3471" t="s">
        <v>656</v>
      </c>
      <c r="H3471">
        <v>2</v>
      </c>
      <c r="I3471">
        <v>2020</v>
      </c>
    </row>
    <row r="3472" spans="1:9" x14ac:dyDescent="0.25">
      <c r="A3472">
        <v>4628</v>
      </c>
      <c r="B3472" t="s">
        <v>877</v>
      </c>
      <c r="C3472" t="s">
        <v>65</v>
      </c>
      <c r="D3472">
        <v>15</v>
      </c>
      <c r="E3472" t="s">
        <v>4176</v>
      </c>
      <c r="F3472" t="s">
        <v>4177</v>
      </c>
      <c r="G3472" t="s">
        <v>656</v>
      </c>
      <c r="H3472">
        <v>2</v>
      </c>
      <c r="I3472">
        <v>2020</v>
      </c>
    </row>
    <row r="3473" spans="1:9" x14ac:dyDescent="0.25">
      <c r="A3473">
        <v>4631</v>
      </c>
      <c r="B3473" t="s">
        <v>882</v>
      </c>
      <c r="C3473" t="s">
        <v>682</v>
      </c>
      <c r="D3473">
        <v>20</v>
      </c>
      <c r="E3473" t="s">
        <v>682</v>
      </c>
      <c r="F3473" t="s">
        <v>4177</v>
      </c>
      <c r="G3473" t="s">
        <v>656</v>
      </c>
      <c r="H3473">
        <v>2</v>
      </c>
      <c r="I3473">
        <v>2020</v>
      </c>
    </row>
    <row r="3474" spans="1:9" x14ac:dyDescent="0.25">
      <c r="A3474">
        <v>4634</v>
      </c>
      <c r="B3474" t="s">
        <v>883</v>
      </c>
      <c r="C3474" t="s">
        <v>673</v>
      </c>
      <c r="D3474">
        <v>34</v>
      </c>
      <c r="E3474" t="s">
        <v>4175</v>
      </c>
      <c r="F3474" t="s">
        <v>4171</v>
      </c>
      <c r="G3474" t="s">
        <v>656</v>
      </c>
      <c r="H3474">
        <v>2</v>
      </c>
      <c r="I3474">
        <v>2020</v>
      </c>
    </row>
    <row r="3475" spans="1:9" x14ac:dyDescent="0.25">
      <c r="A3475">
        <v>4637</v>
      </c>
      <c r="B3475" t="s">
        <v>886</v>
      </c>
      <c r="C3475" t="s">
        <v>885</v>
      </c>
      <c r="D3475">
        <v>1</v>
      </c>
      <c r="E3475" t="s">
        <v>885</v>
      </c>
      <c r="F3475" t="s">
        <v>4164</v>
      </c>
      <c r="G3475" t="s">
        <v>656</v>
      </c>
      <c r="H3475">
        <v>2</v>
      </c>
      <c r="I3475">
        <v>2020</v>
      </c>
    </row>
    <row r="3476" spans="1:9" x14ac:dyDescent="0.25">
      <c r="A3476">
        <v>4640</v>
      </c>
      <c r="B3476" t="s">
        <v>887</v>
      </c>
      <c r="C3476" t="s">
        <v>885</v>
      </c>
      <c r="D3476">
        <v>1</v>
      </c>
      <c r="E3476" t="s">
        <v>885</v>
      </c>
      <c r="F3476" t="s">
        <v>4164</v>
      </c>
      <c r="G3476" t="s">
        <v>656</v>
      </c>
      <c r="H3476">
        <v>2</v>
      </c>
      <c r="I3476">
        <v>2020</v>
      </c>
    </row>
    <row r="3477" spans="1:9" x14ac:dyDescent="0.25">
      <c r="A3477">
        <v>4643</v>
      </c>
      <c r="B3477" t="s">
        <v>888</v>
      </c>
      <c r="C3477" t="s">
        <v>885</v>
      </c>
      <c r="D3477">
        <v>1</v>
      </c>
      <c r="E3477" t="s">
        <v>885</v>
      </c>
      <c r="F3477" t="s">
        <v>4164</v>
      </c>
      <c r="G3477" t="s">
        <v>656</v>
      </c>
      <c r="H3477">
        <v>2</v>
      </c>
      <c r="I3477">
        <v>2020</v>
      </c>
    </row>
    <row r="3478" spans="1:9" x14ac:dyDescent="0.25">
      <c r="A3478">
        <v>3618</v>
      </c>
      <c r="B3478" t="s">
        <v>1221</v>
      </c>
      <c r="C3478" t="s">
        <v>1084</v>
      </c>
      <c r="D3478">
        <v>118</v>
      </c>
      <c r="E3478" t="s">
        <v>894</v>
      </c>
      <c r="F3478" t="s">
        <v>4177</v>
      </c>
      <c r="G3478" t="s">
        <v>656</v>
      </c>
      <c r="H3478">
        <v>2</v>
      </c>
      <c r="I3478">
        <v>2020</v>
      </c>
    </row>
    <row r="3479" spans="1:9" x14ac:dyDescent="0.25">
      <c r="A3479">
        <v>3363</v>
      </c>
      <c r="B3479" t="s">
        <v>1574</v>
      </c>
      <c r="C3479" t="s">
        <v>1084</v>
      </c>
      <c r="D3479">
        <v>118</v>
      </c>
      <c r="E3479" t="s">
        <v>894</v>
      </c>
      <c r="F3479" t="s">
        <v>4177</v>
      </c>
      <c r="G3479" t="s">
        <v>656</v>
      </c>
      <c r="H3479">
        <v>2</v>
      </c>
      <c r="I3479">
        <v>2020</v>
      </c>
    </row>
    <row r="3480" spans="1:9" x14ac:dyDescent="0.25">
      <c r="A3480">
        <v>3048</v>
      </c>
      <c r="B3480" t="s">
        <v>1631</v>
      </c>
      <c r="C3480" t="s">
        <v>659</v>
      </c>
      <c r="D3480">
        <v>35</v>
      </c>
      <c r="E3480" t="s">
        <v>4175</v>
      </c>
      <c r="F3480" t="s">
        <v>4171</v>
      </c>
      <c r="G3480" t="s">
        <v>656</v>
      </c>
      <c r="H3480">
        <v>2</v>
      </c>
      <c r="I3480">
        <v>2020</v>
      </c>
    </row>
    <row r="3481" spans="1:9" x14ac:dyDescent="0.25">
      <c r="A3481">
        <v>3045</v>
      </c>
      <c r="B3481" t="s">
        <v>1622</v>
      </c>
      <c r="C3481" t="s">
        <v>663</v>
      </c>
      <c r="D3481">
        <v>99</v>
      </c>
      <c r="E3481" t="s">
        <v>663</v>
      </c>
      <c r="F3481" t="s">
        <v>4171</v>
      </c>
      <c r="G3481" t="s">
        <v>656</v>
      </c>
      <c r="H3481">
        <v>2</v>
      </c>
      <c r="I3481">
        <v>2020</v>
      </c>
    </row>
    <row r="3482" spans="1:9" x14ac:dyDescent="0.25">
      <c r="A3482">
        <v>2698</v>
      </c>
      <c r="B3482" t="s">
        <v>2223</v>
      </c>
      <c r="C3482" t="s">
        <v>295</v>
      </c>
      <c r="D3482">
        <v>30</v>
      </c>
      <c r="E3482" t="s">
        <v>4179</v>
      </c>
      <c r="F3482" t="s">
        <v>4177</v>
      </c>
      <c r="G3482" t="s">
        <v>656</v>
      </c>
      <c r="H3482">
        <v>2</v>
      </c>
      <c r="I3482">
        <v>2020</v>
      </c>
    </row>
    <row r="3483" spans="1:9" x14ac:dyDescent="0.25">
      <c r="A3483">
        <v>2401</v>
      </c>
      <c r="B3483" t="s">
        <v>2429</v>
      </c>
      <c r="C3483" t="s">
        <v>1084</v>
      </c>
      <c r="D3483">
        <v>118</v>
      </c>
      <c r="E3483" t="s">
        <v>894</v>
      </c>
      <c r="F3483" t="s">
        <v>4177</v>
      </c>
      <c r="G3483" t="s">
        <v>656</v>
      </c>
      <c r="H3483">
        <v>2</v>
      </c>
      <c r="I3483">
        <v>2020</v>
      </c>
    </row>
    <row r="3484" spans="1:9" x14ac:dyDescent="0.25">
      <c r="A3484">
        <v>2398</v>
      </c>
      <c r="B3484" t="s">
        <v>2432</v>
      </c>
      <c r="C3484" t="s">
        <v>1084</v>
      </c>
      <c r="D3484">
        <v>118</v>
      </c>
      <c r="E3484" t="s">
        <v>894</v>
      </c>
      <c r="F3484" t="s">
        <v>4177</v>
      </c>
      <c r="G3484" t="s">
        <v>656</v>
      </c>
      <c r="H3484">
        <v>2</v>
      </c>
      <c r="I3484">
        <v>2020</v>
      </c>
    </row>
    <row r="3485" spans="1:9" x14ac:dyDescent="0.25">
      <c r="A3485">
        <v>2225</v>
      </c>
      <c r="B3485" t="s">
        <v>2546</v>
      </c>
      <c r="C3485" t="s">
        <v>703</v>
      </c>
      <c r="D3485">
        <v>16</v>
      </c>
      <c r="E3485" t="s">
        <v>703</v>
      </c>
      <c r="F3485" t="s">
        <v>4177</v>
      </c>
      <c r="G3485" t="s">
        <v>656</v>
      </c>
      <c r="H3485">
        <v>2</v>
      </c>
      <c r="I3485">
        <v>2020</v>
      </c>
    </row>
    <row r="3486" spans="1:9" x14ac:dyDescent="0.25">
      <c r="A3486">
        <v>2173</v>
      </c>
      <c r="B3486" t="s">
        <v>2585</v>
      </c>
      <c r="C3486" t="s">
        <v>1084</v>
      </c>
      <c r="D3486">
        <v>118</v>
      </c>
      <c r="E3486" t="s">
        <v>894</v>
      </c>
      <c r="F3486" t="s">
        <v>4177</v>
      </c>
      <c r="G3486" t="s">
        <v>656</v>
      </c>
      <c r="H3486">
        <v>2</v>
      </c>
      <c r="I3486">
        <v>2020</v>
      </c>
    </row>
    <row r="3487" spans="1:9" x14ac:dyDescent="0.25">
      <c r="A3487">
        <v>1833</v>
      </c>
      <c r="B3487" t="s">
        <v>2802</v>
      </c>
      <c r="C3487" t="s">
        <v>738</v>
      </c>
      <c r="D3487">
        <v>61</v>
      </c>
      <c r="E3487" t="s">
        <v>4193</v>
      </c>
      <c r="F3487" t="s">
        <v>4189</v>
      </c>
      <c r="G3487" t="s">
        <v>656</v>
      </c>
      <c r="H3487">
        <v>2</v>
      </c>
      <c r="I3487">
        <v>2020</v>
      </c>
    </row>
    <row r="3488" spans="1:9" x14ac:dyDescent="0.25">
      <c r="A3488">
        <v>1537</v>
      </c>
      <c r="B3488" t="s">
        <v>2986</v>
      </c>
      <c r="C3488" t="s">
        <v>1084</v>
      </c>
      <c r="D3488">
        <v>118</v>
      </c>
      <c r="E3488" t="s">
        <v>894</v>
      </c>
      <c r="F3488" t="s">
        <v>4177</v>
      </c>
      <c r="G3488" t="s">
        <v>656</v>
      </c>
      <c r="H3488">
        <v>2</v>
      </c>
      <c r="I3488">
        <v>2020</v>
      </c>
    </row>
    <row r="3489" spans="1:9" x14ac:dyDescent="0.25">
      <c r="A3489">
        <v>1313</v>
      </c>
      <c r="B3489" t="s">
        <v>3142</v>
      </c>
      <c r="C3489" t="s">
        <v>663</v>
      </c>
      <c r="D3489">
        <v>99</v>
      </c>
      <c r="E3489" t="s">
        <v>663</v>
      </c>
      <c r="F3489" t="s">
        <v>4171</v>
      </c>
      <c r="G3489" t="s">
        <v>656</v>
      </c>
      <c r="H3489">
        <v>2</v>
      </c>
      <c r="I3489">
        <v>2020</v>
      </c>
    </row>
    <row r="3490" spans="1:9" x14ac:dyDescent="0.25">
      <c r="A3490">
        <v>1223</v>
      </c>
      <c r="B3490" t="s">
        <v>743</v>
      </c>
      <c r="C3490" t="s">
        <v>742</v>
      </c>
      <c r="D3490">
        <v>48</v>
      </c>
      <c r="E3490" t="s">
        <v>4165</v>
      </c>
      <c r="F3490" t="s">
        <v>4164</v>
      </c>
      <c r="G3490" t="s">
        <v>656</v>
      </c>
      <c r="H3490">
        <v>2</v>
      </c>
      <c r="I3490">
        <v>2020</v>
      </c>
    </row>
    <row r="3491" spans="1:9" x14ac:dyDescent="0.25">
      <c r="A3491">
        <v>1085</v>
      </c>
      <c r="B3491" t="s">
        <v>3289</v>
      </c>
      <c r="C3491" t="s">
        <v>659</v>
      </c>
      <c r="D3491">
        <v>35</v>
      </c>
      <c r="E3491" t="s">
        <v>4175</v>
      </c>
      <c r="F3491" t="s">
        <v>4171</v>
      </c>
      <c r="G3491" t="s">
        <v>656</v>
      </c>
      <c r="H3491">
        <v>2</v>
      </c>
      <c r="I3491">
        <v>2020</v>
      </c>
    </row>
    <row r="3492" spans="1:9" x14ac:dyDescent="0.25">
      <c r="A3492">
        <v>1084</v>
      </c>
      <c r="B3492" t="s">
        <v>3290</v>
      </c>
      <c r="C3492" t="s">
        <v>659</v>
      </c>
      <c r="D3492">
        <v>35</v>
      </c>
      <c r="E3492" t="s">
        <v>4175</v>
      </c>
      <c r="F3492" t="s">
        <v>4171</v>
      </c>
      <c r="G3492" t="s">
        <v>656</v>
      </c>
      <c r="H3492">
        <v>2</v>
      </c>
      <c r="I3492">
        <v>2020</v>
      </c>
    </row>
    <row r="3493" spans="1:9" x14ac:dyDescent="0.25">
      <c r="A3493">
        <v>1080</v>
      </c>
      <c r="B3493" t="s">
        <v>3294</v>
      </c>
      <c r="C3493" t="s">
        <v>659</v>
      </c>
      <c r="D3493">
        <v>35</v>
      </c>
      <c r="E3493" t="s">
        <v>4175</v>
      </c>
      <c r="F3493" t="s">
        <v>4171</v>
      </c>
      <c r="G3493" t="s">
        <v>656</v>
      </c>
      <c r="H3493">
        <v>2</v>
      </c>
      <c r="I3493">
        <v>2020</v>
      </c>
    </row>
    <row r="3494" spans="1:9" x14ac:dyDescent="0.25">
      <c r="A3494">
        <v>186</v>
      </c>
      <c r="B3494" t="s">
        <v>3779</v>
      </c>
      <c r="C3494" t="s">
        <v>1080</v>
      </c>
      <c r="D3494">
        <v>49</v>
      </c>
      <c r="E3494" t="s">
        <v>1080</v>
      </c>
      <c r="F3494" t="s">
        <v>4189</v>
      </c>
      <c r="G3494" t="s">
        <v>669</v>
      </c>
      <c r="H3494">
        <v>1</v>
      </c>
      <c r="I3494">
        <v>2020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2"/>
  <sheetViews>
    <sheetView workbookViewId="0">
      <selection activeCell="G15" sqref="G15"/>
    </sheetView>
  </sheetViews>
  <sheetFormatPr defaultRowHeight="15" x14ac:dyDescent="0.25"/>
  <cols>
    <col min="2" max="2" width="22.42578125" customWidth="1"/>
    <col min="3" max="3" width="24" customWidth="1"/>
  </cols>
  <sheetData>
    <row r="1" spans="1:10" x14ac:dyDescent="0.25">
      <c r="C1" t="s">
        <v>4828</v>
      </c>
    </row>
    <row r="3" spans="1:10" x14ac:dyDescent="0.25">
      <c r="A3" t="s">
        <v>1</v>
      </c>
      <c r="B3" t="s">
        <v>2</v>
      </c>
      <c r="C3" t="s">
        <v>4161</v>
      </c>
      <c r="D3" t="s">
        <v>4829</v>
      </c>
      <c r="E3" t="s">
        <v>4160</v>
      </c>
      <c r="F3" t="s">
        <v>4830</v>
      </c>
      <c r="G3" t="s">
        <v>4831</v>
      </c>
      <c r="H3" t="s">
        <v>4832</v>
      </c>
      <c r="I3" t="s">
        <v>4833</v>
      </c>
      <c r="J3" t="s">
        <v>6</v>
      </c>
    </row>
    <row r="4" spans="1:10" x14ac:dyDescent="0.25">
      <c r="A4">
        <v>1</v>
      </c>
      <c r="B4" t="s">
        <v>885</v>
      </c>
      <c r="C4" t="s">
        <v>4164</v>
      </c>
      <c r="D4">
        <v>16</v>
      </c>
      <c r="E4" t="s">
        <v>885</v>
      </c>
      <c r="F4">
        <v>1</v>
      </c>
      <c r="G4">
        <v>1</v>
      </c>
      <c r="H4">
        <v>1</v>
      </c>
      <c r="I4">
        <v>1</v>
      </c>
      <c r="J4">
        <v>2020</v>
      </c>
    </row>
    <row r="5" spans="1:10" x14ac:dyDescent="0.25">
      <c r="A5">
        <v>2</v>
      </c>
      <c r="B5" t="s">
        <v>726</v>
      </c>
      <c r="C5" t="s">
        <v>4164</v>
      </c>
      <c r="D5">
        <v>16</v>
      </c>
      <c r="E5" t="s">
        <v>726</v>
      </c>
      <c r="F5">
        <v>2</v>
      </c>
      <c r="G5">
        <v>1</v>
      </c>
      <c r="H5">
        <v>1</v>
      </c>
      <c r="I5">
        <v>1</v>
      </c>
      <c r="J5">
        <v>2020</v>
      </c>
    </row>
    <row r="6" spans="1:10" x14ac:dyDescent="0.25">
      <c r="A6">
        <v>3</v>
      </c>
      <c r="B6" t="s">
        <v>897</v>
      </c>
      <c r="C6" t="s">
        <v>4164</v>
      </c>
      <c r="D6">
        <v>16</v>
      </c>
      <c r="E6" t="s">
        <v>4165</v>
      </c>
      <c r="F6">
        <v>3</v>
      </c>
      <c r="G6">
        <v>1</v>
      </c>
      <c r="H6">
        <v>1</v>
      </c>
      <c r="I6">
        <v>1</v>
      </c>
      <c r="J6">
        <v>2020</v>
      </c>
    </row>
    <row r="7" spans="1:10" x14ac:dyDescent="0.25">
      <c r="A7">
        <v>5</v>
      </c>
      <c r="B7" t="s">
        <v>831</v>
      </c>
      <c r="C7" t="s">
        <v>4168</v>
      </c>
      <c r="D7">
        <v>17</v>
      </c>
      <c r="E7" t="s">
        <v>831</v>
      </c>
      <c r="F7">
        <v>12</v>
      </c>
      <c r="G7">
        <v>1</v>
      </c>
      <c r="H7">
        <v>1</v>
      </c>
      <c r="I7">
        <v>1</v>
      </c>
      <c r="J7">
        <v>2020</v>
      </c>
    </row>
    <row r="8" spans="1:10" x14ac:dyDescent="0.25">
      <c r="A8">
        <v>6</v>
      </c>
      <c r="B8" t="s">
        <v>792</v>
      </c>
      <c r="C8" t="s">
        <v>4164</v>
      </c>
      <c r="D8">
        <v>16</v>
      </c>
      <c r="E8" t="s">
        <v>4169</v>
      </c>
      <c r="F8">
        <v>4</v>
      </c>
      <c r="G8">
        <v>1</v>
      </c>
      <c r="H8">
        <v>1</v>
      </c>
      <c r="I8">
        <v>1</v>
      </c>
      <c r="J8">
        <v>2020</v>
      </c>
    </row>
    <row r="9" spans="1:10" x14ac:dyDescent="0.25">
      <c r="A9">
        <v>7</v>
      </c>
      <c r="B9" t="s">
        <v>896</v>
      </c>
      <c r="C9" t="s">
        <v>4164</v>
      </c>
      <c r="D9">
        <v>16</v>
      </c>
      <c r="E9" t="s">
        <v>4169</v>
      </c>
      <c r="F9">
        <v>4</v>
      </c>
      <c r="G9">
        <v>1</v>
      </c>
      <c r="H9">
        <v>1</v>
      </c>
      <c r="I9">
        <v>1</v>
      </c>
      <c r="J9">
        <v>2020</v>
      </c>
    </row>
    <row r="10" spans="1:10" x14ac:dyDescent="0.25">
      <c r="A10">
        <v>8</v>
      </c>
      <c r="B10" t="s">
        <v>736</v>
      </c>
      <c r="C10" t="s">
        <v>4164</v>
      </c>
      <c r="D10">
        <v>16</v>
      </c>
      <c r="E10" t="s">
        <v>4169</v>
      </c>
      <c r="F10">
        <v>4</v>
      </c>
      <c r="G10">
        <v>1</v>
      </c>
      <c r="H10">
        <v>1</v>
      </c>
      <c r="I10">
        <v>1</v>
      </c>
      <c r="J10">
        <v>2020</v>
      </c>
    </row>
    <row r="11" spans="1:10" x14ac:dyDescent="0.25">
      <c r="A11">
        <v>9</v>
      </c>
      <c r="B11" t="s">
        <v>866</v>
      </c>
      <c r="C11" t="s">
        <v>4171</v>
      </c>
      <c r="D11">
        <v>19</v>
      </c>
      <c r="E11" t="s">
        <v>866</v>
      </c>
      <c r="F11">
        <v>27</v>
      </c>
      <c r="G11">
        <v>1</v>
      </c>
      <c r="H11">
        <v>1</v>
      </c>
      <c r="I11">
        <v>1</v>
      </c>
      <c r="J11">
        <v>2020</v>
      </c>
    </row>
    <row r="12" spans="1:10" x14ac:dyDescent="0.25">
      <c r="A12">
        <v>10</v>
      </c>
      <c r="B12" t="s">
        <v>699</v>
      </c>
      <c r="C12" t="s">
        <v>4171</v>
      </c>
      <c r="D12">
        <v>19</v>
      </c>
      <c r="E12" t="s">
        <v>663</v>
      </c>
      <c r="F12">
        <v>26</v>
      </c>
      <c r="G12">
        <v>1</v>
      </c>
      <c r="H12">
        <v>0</v>
      </c>
      <c r="I12">
        <v>0</v>
      </c>
      <c r="J12">
        <v>2020</v>
      </c>
    </row>
    <row r="13" spans="1:10" x14ac:dyDescent="0.25">
      <c r="A13">
        <v>11</v>
      </c>
      <c r="B13" t="s">
        <v>667</v>
      </c>
      <c r="C13" t="s">
        <v>4171</v>
      </c>
      <c r="D13">
        <v>19</v>
      </c>
      <c r="E13" t="s">
        <v>663</v>
      </c>
      <c r="F13">
        <v>26</v>
      </c>
      <c r="G13">
        <v>1</v>
      </c>
      <c r="H13">
        <v>0</v>
      </c>
      <c r="I13">
        <v>0</v>
      </c>
      <c r="J13">
        <v>2020</v>
      </c>
    </row>
    <row r="14" spans="1:10" x14ac:dyDescent="0.25">
      <c r="A14">
        <v>12</v>
      </c>
      <c r="B14" t="s">
        <v>802</v>
      </c>
      <c r="C14" t="s">
        <v>4171</v>
      </c>
      <c r="D14">
        <v>19</v>
      </c>
      <c r="E14" t="s">
        <v>802</v>
      </c>
      <c r="F14">
        <v>28</v>
      </c>
      <c r="G14">
        <v>1</v>
      </c>
      <c r="H14">
        <v>1</v>
      </c>
      <c r="I14">
        <v>1</v>
      </c>
      <c r="J14">
        <v>2020</v>
      </c>
    </row>
    <row r="15" spans="1:10" x14ac:dyDescent="0.25">
      <c r="A15">
        <v>13</v>
      </c>
      <c r="B15" t="s">
        <v>895</v>
      </c>
      <c r="C15" t="s">
        <v>4171</v>
      </c>
      <c r="D15">
        <v>19</v>
      </c>
      <c r="E15" t="s">
        <v>895</v>
      </c>
      <c r="F15">
        <v>30</v>
      </c>
      <c r="G15">
        <v>1</v>
      </c>
      <c r="H15">
        <v>1</v>
      </c>
      <c r="I15">
        <v>1</v>
      </c>
      <c r="J15">
        <v>2020</v>
      </c>
    </row>
    <row r="16" spans="1:10" x14ac:dyDescent="0.25">
      <c r="A16">
        <v>14</v>
      </c>
      <c r="B16" t="s">
        <v>864</v>
      </c>
      <c r="C16" t="s">
        <v>4171</v>
      </c>
      <c r="D16">
        <v>19</v>
      </c>
      <c r="E16" t="s">
        <v>864</v>
      </c>
      <c r="F16">
        <v>29</v>
      </c>
      <c r="G16">
        <v>1</v>
      </c>
      <c r="H16">
        <v>1</v>
      </c>
      <c r="I16">
        <v>1</v>
      </c>
      <c r="J16">
        <v>2020</v>
      </c>
    </row>
    <row r="17" spans="1:10" x14ac:dyDescent="0.25">
      <c r="A17">
        <v>15</v>
      </c>
      <c r="B17" t="s">
        <v>65</v>
      </c>
      <c r="C17" t="s">
        <v>4177</v>
      </c>
      <c r="D17">
        <v>18</v>
      </c>
      <c r="E17" t="s">
        <v>4176</v>
      </c>
      <c r="F17">
        <v>18</v>
      </c>
      <c r="G17">
        <v>1</v>
      </c>
      <c r="H17">
        <v>1</v>
      </c>
      <c r="I17">
        <v>1</v>
      </c>
      <c r="J17">
        <v>2020</v>
      </c>
    </row>
    <row r="18" spans="1:10" x14ac:dyDescent="0.25">
      <c r="A18">
        <v>16</v>
      </c>
      <c r="B18" t="s">
        <v>703</v>
      </c>
      <c r="C18" t="s">
        <v>4177</v>
      </c>
      <c r="D18">
        <v>18</v>
      </c>
      <c r="E18" t="s">
        <v>703</v>
      </c>
      <c r="F18">
        <v>21</v>
      </c>
      <c r="G18">
        <v>1</v>
      </c>
      <c r="H18">
        <v>1</v>
      </c>
      <c r="I18">
        <v>1</v>
      </c>
      <c r="J18">
        <v>2020</v>
      </c>
    </row>
    <row r="19" spans="1:10" x14ac:dyDescent="0.25">
      <c r="A19">
        <v>17</v>
      </c>
      <c r="B19" t="s">
        <v>1011</v>
      </c>
      <c r="C19" t="s">
        <v>4177</v>
      </c>
      <c r="D19">
        <v>18</v>
      </c>
      <c r="E19" t="s">
        <v>703</v>
      </c>
      <c r="F19">
        <v>21</v>
      </c>
      <c r="G19">
        <v>1</v>
      </c>
      <c r="H19">
        <v>1</v>
      </c>
      <c r="I19">
        <v>1</v>
      </c>
      <c r="J19">
        <v>2020</v>
      </c>
    </row>
    <row r="20" spans="1:10" x14ac:dyDescent="0.25">
      <c r="A20">
        <v>18</v>
      </c>
      <c r="B20" t="s">
        <v>894</v>
      </c>
      <c r="C20" t="s">
        <v>4177</v>
      </c>
      <c r="D20">
        <v>18</v>
      </c>
      <c r="E20" t="s">
        <v>894</v>
      </c>
      <c r="F20">
        <v>22</v>
      </c>
      <c r="G20">
        <v>1</v>
      </c>
      <c r="H20">
        <v>1</v>
      </c>
      <c r="I20">
        <v>1</v>
      </c>
      <c r="J20">
        <v>2020</v>
      </c>
    </row>
    <row r="21" spans="1:10" x14ac:dyDescent="0.25">
      <c r="A21">
        <v>19</v>
      </c>
      <c r="B21" t="s">
        <v>756</v>
      </c>
      <c r="C21" t="s">
        <v>4177</v>
      </c>
      <c r="D21">
        <v>18</v>
      </c>
      <c r="E21" t="s">
        <v>894</v>
      </c>
      <c r="F21">
        <v>22</v>
      </c>
      <c r="G21">
        <v>1</v>
      </c>
      <c r="H21">
        <v>1</v>
      </c>
      <c r="I21">
        <v>1</v>
      </c>
      <c r="J21">
        <v>2020</v>
      </c>
    </row>
    <row r="22" spans="1:10" x14ac:dyDescent="0.25">
      <c r="A22">
        <v>20</v>
      </c>
      <c r="B22" t="s">
        <v>682</v>
      </c>
      <c r="C22" t="s">
        <v>4177</v>
      </c>
      <c r="D22">
        <v>18</v>
      </c>
      <c r="E22" t="s">
        <v>682</v>
      </c>
      <c r="F22">
        <v>19</v>
      </c>
      <c r="G22">
        <v>1</v>
      </c>
      <c r="H22">
        <v>1</v>
      </c>
      <c r="I22">
        <v>1</v>
      </c>
      <c r="J22">
        <v>2020</v>
      </c>
    </row>
    <row r="23" spans="1:10" x14ac:dyDescent="0.25">
      <c r="A23">
        <v>21</v>
      </c>
      <c r="B23" t="s">
        <v>691</v>
      </c>
      <c r="C23" t="s">
        <v>4177</v>
      </c>
      <c r="D23">
        <v>18</v>
      </c>
      <c r="E23" t="s">
        <v>691</v>
      </c>
      <c r="F23">
        <v>20</v>
      </c>
      <c r="G23">
        <v>1</v>
      </c>
      <c r="H23">
        <v>1</v>
      </c>
      <c r="I23">
        <v>1</v>
      </c>
      <c r="J23">
        <v>2020</v>
      </c>
    </row>
    <row r="24" spans="1:10" x14ac:dyDescent="0.25">
      <c r="A24">
        <v>22</v>
      </c>
      <c r="B24" t="s">
        <v>684</v>
      </c>
      <c r="C24" t="s">
        <v>4177</v>
      </c>
      <c r="D24">
        <v>18</v>
      </c>
      <c r="E24" t="s">
        <v>4178</v>
      </c>
      <c r="F24">
        <v>25</v>
      </c>
      <c r="G24">
        <v>1</v>
      </c>
      <c r="H24">
        <v>1</v>
      </c>
      <c r="I24">
        <v>1</v>
      </c>
      <c r="J24">
        <v>2020</v>
      </c>
    </row>
    <row r="25" spans="1:10" x14ac:dyDescent="0.25">
      <c r="A25">
        <v>23</v>
      </c>
      <c r="B25" t="s">
        <v>868</v>
      </c>
      <c r="C25" t="s">
        <v>4177</v>
      </c>
      <c r="D25">
        <v>18</v>
      </c>
      <c r="E25" t="s">
        <v>4178</v>
      </c>
      <c r="F25">
        <v>25</v>
      </c>
      <c r="G25">
        <v>1</v>
      </c>
      <c r="H25">
        <v>1</v>
      </c>
      <c r="I25">
        <v>1</v>
      </c>
      <c r="J25">
        <v>2020</v>
      </c>
    </row>
    <row r="26" spans="1:10" x14ac:dyDescent="0.25">
      <c r="A26">
        <v>24</v>
      </c>
      <c r="B26" t="s">
        <v>813</v>
      </c>
      <c r="C26" t="s">
        <v>4177</v>
      </c>
      <c r="D26">
        <v>18</v>
      </c>
      <c r="E26" t="s">
        <v>4179</v>
      </c>
      <c r="F26">
        <v>24</v>
      </c>
      <c r="G26">
        <v>1</v>
      </c>
      <c r="H26">
        <v>1</v>
      </c>
      <c r="I26">
        <v>1</v>
      </c>
      <c r="J26">
        <v>2020</v>
      </c>
    </row>
    <row r="27" spans="1:10" x14ac:dyDescent="0.25">
      <c r="A27">
        <v>25</v>
      </c>
      <c r="B27" t="s">
        <v>807</v>
      </c>
      <c r="C27" t="s">
        <v>4177</v>
      </c>
      <c r="D27">
        <v>18</v>
      </c>
      <c r="E27" t="s">
        <v>4179</v>
      </c>
      <c r="F27">
        <v>24</v>
      </c>
      <c r="G27">
        <v>1</v>
      </c>
      <c r="H27">
        <v>1</v>
      </c>
      <c r="I27">
        <v>1</v>
      </c>
      <c r="J27">
        <v>2020</v>
      </c>
    </row>
    <row r="28" spans="1:10" x14ac:dyDescent="0.25">
      <c r="A28">
        <v>26</v>
      </c>
      <c r="B28" t="s">
        <v>301</v>
      </c>
      <c r="C28" t="s">
        <v>4177</v>
      </c>
      <c r="D28">
        <v>18</v>
      </c>
      <c r="E28" t="s">
        <v>4179</v>
      </c>
      <c r="F28">
        <v>24</v>
      </c>
      <c r="G28">
        <v>1</v>
      </c>
      <c r="H28">
        <v>1</v>
      </c>
      <c r="I28">
        <v>1</v>
      </c>
      <c r="J28">
        <v>2020</v>
      </c>
    </row>
    <row r="29" spans="1:10" x14ac:dyDescent="0.25">
      <c r="A29">
        <v>27</v>
      </c>
      <c r="B29" t="s">
        <v>299</v>
      </c>
      <c r="C29" t="s">
        <v>4177</v>
      </c>
      <c r="D29">
        <v>18</v>
      </c>
      <c r="E29" t="s">
        <v>4179</v>
      </c>
      <c r="F29">
        <v>24</v>
      </c>
      <c r="G29">
        <v>1</v>
      </c>
      <c r="H29">
        <v>1</v>
      </c>
      <c r="I29">
        <v>1</v>
      </c>
      <c r="J29">
        <v>2020</v>
      </c>
    </row>
    <row r="30" spans="1:10" x14ac:dyDescent="0.25">
      <c r="A30">
        <v>28</v>
      </c>
      <c r="B30" t="s">
        <v>1094</v>
      </c>
      <c r="C30" t="s">
        <v>4177</v>
      </c>
      <c r="D30">
        <v>18</v>
      </c>
      <c r="E30" t="s">
        <v>4179</v>
      </c>
      <c r="F30">
        <v>24</v>
      </c>
      <c r="G30">
        <v>1</v>
      </c>
      <c r="H30">
        <v>0</v>
      </c>
      <c r="I30">
        <v>0</v>
      </c>
      <c r="J30">
        <v>2020</v>
      </c>
    </row>
    <row r="31" spans="1:10" x14ac:dyDescent="0.25">
      <c r="A31">
        <v>29</v>
      </c>
      <c r="B31" t="s">
        <v>955</v>
      </c>
      <c r="C31" t="s">
        <v>4177</v>
      </c>
      <c r="D31">
        <v>18</v>
      </c>
      <c r="E31" t="s">
        <v>4179</v>
      </c>
      <c r="F31">
        <v>24</v>
      </c>
      <c r="G31">
        <v>1</v>
      </c>
      <c r="H31">
        <v>1</v>
      </c>
      <c r="I31">
        <v>1</v>
      </c>
      <c r="J31">
        <v>2020</v>
      </c>
    </row>
    <row r="32" spans="1:10" x14ac:dyDescent="0.25">
      <c r="A32">
        <v>30</v>
      </c>
      <c r="B32" t="s">
        <v>295</v>
      </c>
      <c r="C32" t="s">
        <v>4177</v>
      </c>
      <c r="D32">
        <v>18</v>
      </c>
      <c r="E32" t="s">
        <v>4179</v>
      </c>
      <c r="F32">
        <v>24</v>
      </c>
      <c r="G32">
        <v>1</v>
      </c>
      <c r="H32">
        <v>1</v>
      </c>
      <c r="I32">
        <v>1</v>
      </c>
      <c r="J32">
        <v>2020</v>
      </c>
    </row>
    <row r="33" spans="1:10" x14ac:dyDescent="0.25">
      <c r="A33">
        <v>31</v>
      </c>
      <c r="B33" t="s">
        <v>294</v>
      </c>
      <c r="C33" t="s">
        <v>4177</v>
      </c>
      <c r="D33">
        <v>18</v>
      </c>
      <c r="E33" t="s">
        <v>4179</v>
      </c>
      <c r="F33">
        <v>24</v>
      </c>
      <c r="G33">
        <v>1</v>
      </c>
      <c r="H33">
        <v>1</v>
      </c>
      <c r="I33">
        <v>1</v>
      </c>
      <c r="J33">
        <v>2020</v>
      </c>
    </row>
    <row r="34" spans="1:10" x14ac:dyDescent="0.25">
      <c r="A34">
        <v>32</v>
      </c>
      <c r="B34" t="s">
        <v>679</v>
      </c>
      <c r="C34" t="s">
        <v>4171</v>
      </c>
      <c r="D34">
        <v>19</v>
      </c>
      <c r="E34" t="s">
        <v>4175</v>
      </c>
      <c r="F34">
        <v>32</v>
      </c>
      <c r="G34">
        <v>1</v>
      </c>
      <c r="H34">
        <v>1</v>
      </c>
      <c r="I34">
        <v>1</v>
      </c>
      <c r="J34">
        <v>2020</v>
      </c>
    </row>
    <row r="35" spans="1:10" x14ac:dyDescent="0.25">
      <c r="A35">
        <v>33</v>
      </c>
      <c r="B35" t="s">
        <v>1028</v>
      </c>
      <c r="C35" t="s">
        <v>4171</v>
      </c>
      <c r="D35">
        <v>19</v>
      </c>
      <c r="E35" t="s">
        <v>4175</v>
      </c>
      <c r="F35">
        <v>32</v>
      </c>
      <c r="G35">
        <v>1</v>
      </c>
      <c r="H35">
        <v>1</v>
      </c>
      <c r="I35">
        <v>1</v>
      </c>
      <c r="J35">
        <v>2020</v>
      </c>
    </row>
    <row r="36" spans="1:10" x14ac:dyDescent="0.25">
      <c r="A36">
        <v>34</v>
      </c>
      <c r="B36" t="s">
        <v>673</v>
      </c>
      <c r="C36" t="s">
        <v>4171</v>
      </c>
      <c r="D36">
        <v>19</v>
      </c>
      <c r="E36" t="s">
        <v>4175</v>
      </c>
      <c r="F36">
        <v>32</v>
      </c>
      <c r="G36">
        <v>1</v>
      </c>
      <c r="H36">
        <v>1</v>
      </c>
      <c r="I36">
        <v>1</v>
      </c>
      <c r="J36">
        <v>2020</v>
      </c>
    </row>
    <row r="37" spans="1:10" x14ac:dyDescent="0.25">
      <c r="A37">
        <v>35</v>
      </c>
      <c r="B37" t="s">
        <v>659</v>
      </c>
      <c r="C37" t="s">
        <v>4171</v>
      </c>
      <c r="D37">
        <v>19</v>
      </c>
      <c r="E37" t="s">
        <v>4175</v>
      </c>
      <c r="F37">
        <v>32</v>
      </c>
      <c r="G37">
        <v>1</v>
      </c>
      <c r="H37">
        <v>1</v>
      </c>
      <c r="I37">
        <v>1</v>
      </c>
      <c r="J37">
        <v>2020</v>
      </c>
    </row>
    <row r="38" spans="1:10" x14ac:dyDescent="0.25">
      <c r="A38">
        <v>36</v>
      </c>
      <c r="B38" t="s">
        <v>1538</v>
      </c>
      <c r="C38" t="s">
        <v>4171</v>
      </c>
      <c r="D38">
        <v>19</v>
      </c>
      <c r="E38" t="s">
        <v>4184</v>
      </c>
      <c r="F38">
        <v>31</v>
      </c>
      <c r="G38">
        <v>1</v>
      </c>
      <c r="H38">
        <v>1</v>
      </c>
      <c r="I38">
        <v>1</v>
      </c>
      <c r="J38">
        <v>2020</v>
      </c>
    </row>
    <row r="39" spans="1:10" x14ac:dyDescent="0.25">
      <c r="A39">
        <v>37</v>
      </c>
      <c r="B39" t="s">
        <v>1512</v>
      </c>
      <c r="C39" t="s">
        <v>4171</v>
      </c>
      <c r="D39">
        <v>19</v>
      </c>
      <c r="E39" t="s">
        <v>4184</v>
      </c>
      <c r="F39">
        <v>31</v>
      </c>
      <c r="G39">
        <v>1</v>
      </c>
      <c r="H39">
        <v>1</v>
      </c>
      <c r="I39">
        <v>1</v>
      </c>
      <c r="J39">
        <v>2020</v>
      </c>
    </row>
    <row r="40" spans="1:10" x14ac:dyDescent="0.25">
      <c r="A40">
        <v>38</v>
      </c>
      <c r="B40" t="s">
        <v>1088</v>
      </c>
      <c r="C40" t="s">
        <v>4187</v>
      </c>
      <c r="D40">
        <v>20</v>
      </c>
      <c r="E40" t="s">
        <v>4187</v>
      </c>
      <c r="F40">
        <v>33</v>
      </c>
      <c r="G40">
        <v>1</v>
      </c>
      <c r="H40">
        <v>0</v>
      </c>
      <c r="I40">
        <v>0</v>
      </c>
      <c r="J40">
        <v>2020</v>
      </c>
    </row>
    <row r="41" spans="1:10" x14ac:dyDescent="0.25">
      <c r="A41">
        <v>39</v>
      </c>
      <c r="B41" t="s">
        <v>909</v>
      </c>
      <c r="C41" t="s">
        <v>4189</v>
      </c>
      <c r="D41">
        <v>12</v>
      </c>
      <c r="E41" t="s">
        <v>4188</v>
      </c>
      <c r="F41">
        <v>9</v>
      </c>
      <c r="G41">
        <v>1</v>
      </c>
      <c r="H41">
        <v>1</v>
      </c>
      <c r="I41">
        <v>1</v>
      </c>
      <c r="J41">
        <v>2020</v>
      </c>
    </row>
    <row r="42" spans="1:10" x14ac:dyDescent="0.25">
      <c r="A42">
        <v>40</v>
      </c>
      <c r="B42" t="s">
        <v>794</v>
      </c>
      <c r="C42" t="s">
        <v>4189</v>
      </c>
      <c r="D42">
        <v>12</v>
      </c>
      <c r="E42" t="s">
        <v>4188</v>
      </c>
      <c r="F42">
        <v>9</v>
      </c>
      <c r="G42">
        <v>1</v>
      </c>
      <c r="H42">
        <v>1</v>
      </c>
      <c r="I42">
        <v>1</v>
      </c>
      <c r="J42">
        <v>2020</v>
      </c>
    </row>
    <row r="43" spans="1:10" x14ac:dyDescent="0.25">
      <c r="A43">
        <v>41</v>
      </c>
      <c r="B43" t="s">
        <v>678</v>
      </c>
      <c r="C43" t="s">
        <v>4189</v>
      </c>
      <c r="D43">
        <v>12</v>
      </c>
      <c r="E43" t="s">
        <v>4188</v>
      </c>
      <c r="F43">
        <v>9</v>
      </c>
      <c r="G43">
        <v>1</v>
      </c>
      <c r="H43">
        <v>1</v>
      </c>
      <c r="I43">
        <v>1</v>
      </c>
      <c r="J43">
        <v>2020</v>
      </c>
    </row>
    <row r="44" spans="1:10" x14ac:dyDescent="0.25">
      <c r="A44">
        <v>42</v>
      </c>
      <c r="B44" t="s">
        <v>1219</v>
      </c>
      <c r="C44" t="s">
        <v>4189</v>
      </c>
      <c r="D44">
        <v>12</v>
      </c>
      <c r="E44" t="s">
        <v>4188</v>
      </c>
      <c r="F44">
        <v>9</v>
      </c>
      <c r="G44">
        <v>1</v>
      </c>
      <c r="H44">
        <v>1</v>
      </c>
      <c r="I44">
        <v>1</v>
      </c>
      <c r="J44">
        <v>2020</v>
      </c>
    </row>
    <row r="45" spans="1:10" x14ac:dyDescent="0.25">
      <c r="A45">
        <v>43</v>
      </c>
      <c r="B45" t="s">
        <v>851</v>
      </c>
      <c r="C45" t="s">
        <v>4189</v>
      </c>
      <c r="D45">
        <v>12</v>
      </c>
      <c r="E45" t="s">
        <v>4188</v>
      </c>
      <c r="F45">
        <v>9</v>
      </c>
      <c r="G45">
        <v>1</v>
      </c>
      <c r="H45">
        <v>1</v>
      </c>
      <c r="I45">
        <v>1</v>
      </c>
      <c r="J45">
        <v>2020</v>
      </c>
    </row>
    <row r="46" spans="1:10" x14ac:dyDescent="0.25">
      <c r="A46">
        <v>44</v>
      </c>
      <c r="B46" t="s">
        <v>767</v>
      </c>
      <c r="C46" t="s">
        <v>4189</v>
      </c>
      <c r="D46">
        <v>12</v>
      </c>
      <c r="E46" t="s">
        <v>4191</v>
      </c>
      <c r="F46">
        <v>10</v>
      </c>
      <c r="G46">
        <v>1</v>
      </c>
      <c r="H46">
        <v>1</v>
      </c>
      <c r="I46">
        <v>1</v>
      </c>
      <c r="J46">
        <v>2020</v>
      </c>
    </row>
    <row r="47" spans="1:10" x14ac:dyDescent="0.25">
      <c r="A47">
        <v>45</v>
      </c>
      <c r="B47" t="s">
        <v>3919</v>
      </c>
      <c r="C47" t="s">
        <v>4189</v>
      </c>
      <c r="D47">
        <v>12</v>
      </c>
      <c r="E47" t="s">
        <v>4193</v>
      </c>
      <c r="F47">
        <v>11</v>
      </c>
      <c r="G47">
        <v>1</v>
      </c>
      <c r="H47">
        <v>0</v>
      </c>
      <c r="I47">
        <v>0</v>
      </c>
      <c r="J47">
        <v>2020</v>
      </c>
    </row>
    <row r="48" spans="1:10" x14ac:dyDescent="0.25">
      <c r="A48">
        <v>46</v>
      </c>
      <c r="B48" t="s">
        <v>1182</v>
      </c>
      <c r="C48" t="s">
        <v>4189</v>
      </c>
      <c r="D48">
        <v>12</v>
      </c>
      <c r="E48" t="s">
        <v>4194</v>
      </c>
      <c r="F48">
        <v>7</v>
      </c>
      <c r="G48">
        <v>1</v>
      </c>
      <c r="H48">
        <v>1</v>
      </c>
      <c r="I48">
        <v>1</v>
      </c>
      <c r="J48">
        <v>2020</v>
      </c>
    </row>
    <row r="49" spans="1:10" x14ac:dyDescent="0.25">
      <c r="A49">
        <v>47</v>
      </c>
      <c r="B49" t="s">
        <v>1514</v>
      </c>
      <c r="C49" t="s">
        <v>4189</v>
      </c>
      <c r="D49">
        <v>12</v>
      </c>
      <c r="E49" t="s">
        <v>980</v>
      </c>
      <c r="F49">
        <v>8</v>
      </c>
      <c r="G49">
        <v>1</v>
      </c>
      <c r="H49">
        <v>1</v>
      </c>
      <c r="I49">
        <v>1</v>
      </c>
      <c r="J49">
        <v>2020</v>
      </c>
    </row>
    <row r="50" spans="1:10" x14ac:dyDescent="0.25">
      <c r="A50">
        <v>48</v>
      </c>
      <c r="B50" t="s">
        <v>742</v>
      </c>
      <c r="C50" t="s">
        <v>4164</v>
      </c>
      <c r="D50">
        <v>16</v>
      </c>
      <c r="E50" t="s">
        <v>4165</v>
      </c>
      <c r="F50">
        <v>3</v>
      </c>
      <c r="G50">
        <v>1</v>
      </c>
      <c r="H50">
        <v>1</v>
      </c>
      <c r="I50">
        <v>1</v>
      </c>
      <c r="J50">
        <v>2020</v>
      </c>
    </row>
    <row r="51" spans="1:10" x14ac:dyDescent="0.25">
      <c r="A51">
        <v>49</v>
      </c>
      <c r="B51" t="s">
        <v>1080</v>
      </c>
      <c r="C51" t="s">
        <v>4189</v>
      </c>
      <c r="D51">
        <v>12</v>
      </c>
      <c r="E51" t="s">
        <v>1080</v>
      </c>
      <c r="F51">
        <v>5</v>
      </c>
      <c r="G51">
        <v>1</v>
      </c>
      <c r="H51">
        <v>0</v>
      </c>
      <c r="I51">
        <v>0</v>
      </c>
      <c r="J51">
        <v>2020</v>
      </c>
    </row>
    <row r="52" spans="1:10" x14ac:dyDescent="0.25">
      <c r="A52">
        <v>50</v>
      </c>
      <c r="B52" t="s">
        <v>3131</v>
      </c>
      <c r="C52" t="s">
        <v>4189</v>
      </c>
      <c r="D52">
        <v>12</v>
      </c>
      <c r="E52" t="s">
        <v>1080</v>
      </c>
      <c r="F52">
        <v>5</v>
      </c>
      <c r="G52">
        <v>1</v>
      </c>
      <c r="H52">
        <v>0</v>
      </c>
      <c r="I52">
        <v>0</v>
      </c>
      <c r="J52">
        <v>2020</v>
      </c>
    </row>
    <row r="53" spans="1:10" x14ac:dyDescent="0.25">
      <c r="A53">
        <v>51</v>
      </c>
      <c r="B53" t="s">
        <v>1528</v>
      </c>
      <c r="C53" t="s">
        <v>4189</v>
      </c>
      <c r="D53">
        <v>12</v>
      </c>
      <c r="E53" t="s">
        <v>4193</v>
      </c>
      <c r="F53">
        <v>11</v>
      </c>
      <c r="G53">
        <v>1</v>
      </c>
      <c r="H53">
        <v>0</v>
      </c>
      <c r="I53">
        <v>0</v>
      </c>
      <c r="J53">
        <v>2020</v>
      </c>
    </row>
    <row r="54" spans="1:10" x14ac:dyDescent="0.25">
      <c r="A54">
        <v>52</v>
      </c>
      <c r="B54" t="s">
        <v>714</v>
      </c>
      <c r="C54" t="s">
        <v>4189</v>
      </c>
      <c r="D54">
        <v>12</v>
      </c>
      <c r="E54" t="s">
        <v>4198</v>
      </c>
      <c r="F54">
        <v>6</v>
      </c>
      <c r="G54">
        <v>1</v>
      </c>
      <c r="H54">
        <v>1</v>
      </c>
      <c r="I54">
        <v>1</v>
      </c>
      <c r="J54">
        <v>2020</v>
      </c>
    </row>
    <row r="55" spans="1:10" x14ac:dyDescent="0.25">
      <c r="A55">
        <v>53</v>
      </c>
      <c r="B55" t="s">
        <v>710</v>
      </c>
      <c r="C55" t="s">
        <v>4189</v>
      </c>
      <c r="D55">
        <v>12</v>
      </c>
      <c r="E55" t="s">
        <v>4198</v>
      </c>
      <c r="F55">
        <v>6</v>
      </c>
      <c r="G55">
        <v>1</v>
      </c>
      <c r="H55">
        <v>1</v>
      </c>
      <c r="I55">
        <v>1</v>
      </c>
      <c r="J55">
        <v>2020</v>
      </c>
    </row>
    <row r="56" spans="1:10" x14ac:dyDescent="0.25">
      <c r="A56">
        <v>54</v>
      </c>
      <c r="B56" t="s">
        <v>695</v>
      </c>
      <c r="C56" t="s">
        <v>4189</v>
      </c>
      <c r="D56">
        <v>12</v>
      </c>
      <c r="E56" t="s">
        <v>4198</v>
      </c>
      <c r="F56">
        <v>6</v>
      </c>
      <c r="G56">
        <v>1</v>
      </c>
      <c r="H56">
        <v>1</v>
      </c>
      <c r="I56">
        <v>1</v>
      </c>
      <c r="J56">
        <v>2020</v>
      </c>
    </row>
    <row r="57" spans="1:10" x14ac:dyDescent="0.25">
      <c r="A57">
        <v>55</v>
      </c>
      <c r="B57" t="s">
        <v>1738</v>
      </c>
      <c r="C57" t="s">
        <v>4189</v>
      </c>
      <c r="D57">
        <v>12</v>
      </c>
      <c r="E57" t="s">
        <v>4194</v>
      </c>
      <c r="F57">
        <v>7</v>
      </c>
      <c r="G57">
        <v>1</v>
      </c>
      <c r="H57">
        <v>1</v>
      </c>
      <c r="I57">
        <v>1</v>
      </c>
      <c r="J57">
        <v>2020</v>
      </c>
    </row>
    <row r="58" spans="1:10" x14ac:dyDescent="0.25">
      <c r="A58">
        <v>56</v>
      </c>
      <c r="B58" t="s">
        <v>693</v>
      </c>
      <c r="C58" t="s">
        <v>4189</v>
      </c>
      <c r="D58">
        <v>12</v>
      </c>
      <c r="E58" t="s">
        <v>4193</v>
      </c>
      <c r="F58">
        <v>11</v>
      </c>
      <c r="G58">
        <v>1</v>
      </c>
      <c r="H58">
        <v>1</v>
      </c>
      <c r="I58">
        <v>1</v>
      </c>
      <c r="J58">
        <v>2020</v>
      </c>
    </row>
    <row r="59" spans="1:10" x14ac:dyDescent="0.25">
      <c r="A59">
        <v>57</v>
      </c>
      <c r="B59" t="s">
        <v>1259</v>
      </c>
      <c r="C59" t="s">
        <v>4189</v>
      </c>
      <c r="D59">
        <v>12</v>
      </c>
      <c r="E59" t="s">
        <v>4188</v>
      </c>
      <c r="F59">
        <v>9</v>
      </c>
      <c r="G59">
        <v>1</v>
      </c>
      <c r="H59">
        <v>1</v>
      </c>
      <c r="I59">
        <v>1</v>
      </c>
      <c r="J59">
        <v>2020</v>
      </c>
    </row>
    <row r="60" spans="1:10" x14ac:dyDescent="0.25">
      <c r="A60">
        <v>58</v>
      </c>
      <c r="B60" t="s">
        <v>880</v>
      </c>
      <c r="C60" t="s">
        <v>4189</v>
      </c>
      <c r="D60">
        <v>12</v>
      </c>
      <c r="E60" t="s">
        <v>4188</v>
      </c>
      <c r="F60">
        <v>9</v>
      </c>
      <c r="G60">
        <v>1</v>
      </c>
      <c r="H60">
        <v>1</v>
      </c>
      <c r="I60">
        <v>1</v>
      </c>
      <c r="J60">
        <v>2020</v>
      </c>
    </row>
    <row r="61" spans="1:10" x14ac:dyDescent="0.25">
      <c r="A61">
        <v>59</v>
      </c>
      <c r="B61" t="s">
        <v>707</v>
      </c>
      <c r="C61" t="s">
        <v>4189</v>
      </c>
      <c r="D61">
        <v>12</v>
      </c>
      <c r="E61" t="s">
        <v>980</v>
      </c>
      <c r="F61">
        <v>8</v>
      </c>
      <c r="G61">
        <v>1</v>
      </c>
      <c r="H61">
        <v>1</v>
      </c>
      <c r="I61">
        <v>1</v>
      </c>
      <c r="J61">
        <v>2020</v>
      </c>
    </row>
    <row r="62" spans="1:10" x14ac:dyDescent="0.25">
      <c r="A62">
        <v>60</v>
      </c>
      <c r="B62" t="s">
        <v>1236</v>
      </c>
      <c r="C62" t="s">
        <v>4189</v>
      </c>
      <c r="D62">
        <v>12</v>
      </c>
      <c r="E62" t="s">
        <v>4193</v>
      </c>
      <c r="F62">
        <v>11</v>
      </c>
      <c r="G62">
        <v>1</v>
      </c>
      <c r="H62">
        <v>1</v>
      </c>
      <c r="I62">
        <v>1</v>
      </c>
      <c r="J62">
        <v>2020</v>
      </c>
    </row>
    <row r="63" spans="1:10" x14ac:dyDescent="0.25">
      <c r="A63">
        <v>61</v>
      </c>
      <c r="B63" t="s">
        <v>738</v>
      </c>
      <c r="C63" t="s">
        <v>4189</v>
      </c>
      <c r="D63">
        <v>12</v>
      </c>
      <c r="E63" t="s">
        <v>4193</v>
      </c>
      <c r="F63">
        <v>11</v>
      </c>
      <c r="G63">
        <v>1</v>
      </c>
      <c r="H63">
        <v>1</v>
      </c>
      <c r="I63">
        <v>1</v>
      </c>
      <c r="J63">
        <v>2020</v>
      </c>
    </row>
    <row r="64" spans="1:10" x14ac:dyDescent="0.25">
      <c r="A64">
        <v>62</v>
      </c>
      <c r="B64" t="s">
        <v>848</v>
      </c>
      <c r="C64" t="s">
        <v>4189</v>
      </c>
      <c r="D64">
        <v>12</v>
      </c>
      <c r="E64" t="s">
        <v>4193</v>
      </c>
      <c r="F64">
        <v>11</v>
      </c>
      <c r="G64">
        <v>1</v>
      </c>
      <c r="H64">
        <v>1</v>
      </c>
      <c r="I64">
        <v>1</v>
      </c>
      <c r="J64">
        <v>2020</v>
      </c>
    </row>
    <row r="65" spans="1:10" x14ac:dyDescent="0.25">
      <c r="A65">
        <v>63</v>
      </c>
      <c r="B65" t="s">
        <v>749</v>
      </c>
      <c r="C65" t="s">
        <v>4189</v>
      </c>
      <c r="D65">
        <v>12</v>
      </c>
      <c r="E65" t="s">
        <v>4193</v>
      </c>
      <c r="F65">
        <v>11</v>
      </c>
      <c r="G65">
        <v>1</v>
      </c>
      <c r="H65">
        <v>1</v>
      </c>
      <c r="I65">
        <v>1</v>
      </c>
      <c r="J65">
        <v>2020</v>
      </c>
    </row>
    <row r="66" spans="1:10" x14ac:dyDescent="0.25">
      <c r="A66">
        <v>64</v>
      </c>
      <c r="B66" t="s">
        <v>3795</v>
      </c>
      <c r="C66" t="s">
        <v>4189</v>
      </c>
      <c r="D66">
        <v>12</v>
      </c>
      <c r="E66" t="s">
        <v>4193</v>
      </c>
      <c r="F66">
        <v>11</v>
      </c>
      <c r="G66">
        <v>1</v>
      </c>
      <c r="H66">
        <v>0</v>
      </c>
      <c r="I66">
        <v>0</v>
      </c>
      <c r="J66">
        <v>2020</v>
      </c>
    </row>
    <row r="67" spans="1:10" x14ac:dyDescent="0.25">
      <c r="A67">
        <v>65</v>
      </c>
      <c r="B67" t="s">
        <v>797</v>
      </c>
      <c r="C67" t="s">
        <v>4189</v>
      </c>
      <c r="D67">
        <v>12</v>
      </c>
      <c r="E67" t="s">
        <v>4191</v>
      </c>
      <c r="F67">
        <v>10</v>
      </c>
      <c r="G67">
        <v>1</v>
      </c>
      <c r="H67">
        <v>1</v>
      </c>
      <c r="I67">
        <v>1</v>
      </c>
      <c r="J67">
        <v>2020</v>
      </c>
    </row>
    <row r="68" spans="1:10" x14ac:dyDescent="0.25">
      <c r="A68">
        <v>66</v>
      </c>
      <c r="B68" t="s">
        <v>730</v>
      </c>
      <c r="C68" t="s">
        <v>4189</v>
      </c>
      <c r="D68">
        <v>12</v>
      </c>
      <c r="E68" t="s">
        <v>4193</v>
      </c>
      <c r="F68">
        <v>11</v>
      </c>
      <c r="G68">
        <v>1</v>
      </c>
      <c r="H68">
        <v>1</v>
      </c>
      <c r="I68">
        <v>1</v>
      </c>
      <c r="J68">
        <v>2020</v>
      </c>
    </row>
    <row r="69" spans="1:10" x14ac:dyDescent="0.25">
      <c r="A69">
        <v>67</v>
      </c>
      <c r="B69" t="s">
        <v>980</v>
      </c>
      <c r="C69" t="s">
        <v>4189</v>
      </c>
      <c r="D69">
        <v>12</v>
      </c>
      <c r="E69" t="s">
        <v>980</v>
      </c>
      <c r="F69">
        <v>8</v>
      </c>
      <c r="G69">
        <v>1</v>
      </c>
      <c r="H69">
        <v>1</v>
      </c>
      <c r="I69">
        <v>1</v>
      </c>
      <c r="J69">
        <v>2020</v>
      </c>
    </row>
    <row r="70" spans="1:10" x14ac:dyDescent="0.25">
      <c r="A70">
        <v>68</v>
      </c>
      <c r="B70" t="s">
        <v>716</v>
      </c>
      <c r="C70" t="s">
        <v>4189</v>
      </c>
      <c r="D70">
        <v>12</v>
      </c>
      <c r="E70" t="s">
        <v>4193</v>
      </c>
      <c r="F70">
        <v>11</v>
      </c>
      <c r="G70">
        <v>1</v>
      </c>
      <c r="H70">
        <v>1</v>
      </c>
      <c r="I70">
        <v>1</v>
      </c>
      <c r="J70">
        <v>2020</v>
      </c>
    </row>
    <row r="71" spans="1:10" x14ac:dyDescent="0.25">
      <c r="A71">
        <v>69</v>
      </c>
      <c r="B71" t="s">
        <v>1055</v>
      </c>
      <c r="C71" t="s">
        <v>4189</v>
      </c>
      <c r="D71">
        <v>12</v>
      </c>
      <c r="E71" t="s">
        <v>4194</v>
      </c>
      <c r="F71">
        <v>7</v>
      </c>
      <c r="G71">
        <v>1</v>
      </c>
      <c r="H71">
        <v>1</v>
      </c>
      <c r="I71">
        <v>1</v>
      </c>
      <c r="J71">
        <v>2020</v>
      </c>
    </row>
    <row r="72" spans="1:10" x14ac:dyDescent="0.25">
      <c r="A72">
        <v>70</v>
      </c>
      <c r="B72" t="s">
        <v>705</v>
      </c>
      <c r="C72" t="s">
        <v>4189</v>
      </c>
      <c r="D72">
        <v>12</v>
      </c>
      <c r="E72" t="s">
        <v>4193</v>
      </c>
      <c r="F72">
        <v>11</v>
      </c>
      <c r="G72">
        <v>1</v>
      </c>
      <c r="H72">
        <v>1</v>
      </c>
      <c r="I72">
        <v>1</v>
      </c>
      <c r="J72">
        <v>2020</v>
      </c>
    </row>
    <row r="73" spans="1:10" x14ac:dyDescent="0.25">
      <c r="A73">
        <v>71</v>
      </c>
      <c r="B73" t="s">
        <v>1614</v>
      </c>
      <c r="C73" t="s">
        <v>4177</v>
      </c>
      <c r="D73">
        <v>18</v>
      </c>
      <c r="E73" t="s">
        <v>1614</v>
      </c>
      <c r="F73">
        <v>23</v>
      </c>
      <c r="G73">
        <v>1</v>
      </c>
      <c r="H73">
        <v>0</v>
      </c>
      <c r="I73">
        <v>0</v>
      </c>
      <c r="J73">
        <v>2020</v>
      </c>
    </row>
    <row r="74" spans="1:10" x14ac:dyDescent="0.25">
      <c r="A74">
        <v>72</v>
      </c>
      <c r="B74" t="s">
        <v>1005</v>
      </c>
      <c r="C74" t="s">
        <v>4168</v>
      </c>
      <c r="D74">
        <v>17</v>
      </c>
      <c r="E74" t="s">
        <v>1005</v>
      </c>
      <c r="F74">
        <v>15</v>
      </c>
      <c r="G74">
        <v>1</v>
      </c>
      <c r="H74">
        <v>1</v>
      </c>
      <c r="I74">
        <v>1</v>
      </c>
      <c r="J74">
        <v>2020</v>
      </c>
    </row>
    <row r="75" spans="1:10" x14ac:dyDescent="0.25">
      <c r="A75">
        <v>75</v>
      </c>
      <c r="B75" t="s">
        <v>3923</v>
      </c>
      <c r="C75" t="s">
        <v>4168</v>
      </c>
      <c r="D75">
        <v>17</v>
      </c>
      <c r="E75" t="s">
        <v>3924</v>
      </c>
      <c r="F75">
        <v>13</v>
      </c>
      <c r="G75">
        <v>1</v>
      </c>
      <c r="H75">
        <v>0</v>
      </c>
      <c r="I75">
        <v>0</v>
      </c>
      <c r="J75">
        <v>2020</v>
      </c>
    </row>
    <row r="76" spans="1:10" x14ac:dyDescent="0.25">
      <c r="A76">
        <v>76</v>
      </c>
      <c r="B76" t="s">
        <v>765</v>
      </c>
      <c r="C76" t="s">
        <v>4187</v>
      </c>
      <c r="D76">
        <v>20</v>
      </c>
      <c r="E76" t="s">
        <v>4187</v>
      </c>
      <c r="F76">
        <v>33</v>
      </c>
      <c r="G76">
        <v>1</v>
      </c>
      <c r="H76">
        <v>0</v>
      </c>
      <c r="I76">
        <v>0</v>
      </c>
      <c r="J76">
        <v>2020</v>
      </c>
    </row>
    <row r="77" spans="1:10" x14ac:dyDescent="0.25">
      <c r="A77">
        <v>77</v>
      </c>
      <c r="B77" t="s">
        <v>932</v>
      </c>
      <c r="C77" t="s">
        <v>4168</v>
      </c>
      <c r="D77">
        <v>17</v>
      </c>
      <c r="E77" t="s">
        <v>839</v>
      </c>
      <c r="F77">
        <v>14</v>
      </c>
      <c r="G77">
        <v>1</v>
      </c>
      <c r="H77">
        <v>0</v>
      </c>
      <c r="I77">
        <v>0</v>
      </c>
      <c r="J77">
        <v>2020</v>
      </c>
    </row>
    <row r="78" spans="1:10" x14ac:dyDescent="0.25">
      <c r="A78">
        <v>78</v>
      </c>
      <c r="B78" t="s">
        <v>915</v>
      </c>
      <c r="C78" t="s">
        <v>4168</v>
      </c>
      <c r="D78">
        <v>17</v>
      </c>
      <c r="E78" t="s">
        <v>839</v>
      </c>
      <c r="F78">
        <v>14</v>
      </c>
      <c r="G78">
        <v>1</v>
      </c>
      <c r="H78">
        <v>0</v>
      </c>
      <c r="I78">
        <v>0</v>
      </c>
      <c r="J78">
        <v>2020</v>
      </c>
    </row>
    <row r="79" spans="1:10" x14ac:dyDescent="0.25">
      <c r="A79">
        <v>79</v>
      </c>
      <c r="B79" t="s">
        <v>751</v>
      </c>
      <c r="C79" t="s">
        <v>4168</v>
      </c>
      <c r="D79">
        <v>17</v>
      </c>
      <c r="E79" t="s">
        <v>752</v>
      </c>
      <c r="F79">
        <v>16</v>
      </c>
      <c r="G79">
        <v>1</v>
      </c>
      <c r="H79">
        <v>0</v>
      </c>
      <c r="I79">
        <v>0</v>
      </c>
      <c r="J79">
        <v>2020</v>
      </c>
    </row>
    <row r="80" spans="1:10" x14ac:dyDescent="0.25">
      <c r="A80">
        <v>80</v>
      </c>
      <c r="B80" t="s">
        <v>1931</v>
      </c>
      <c r="C80" t="s">
        <v>4168</v>
      </c>
      <c r="D80">
        <v>17</v>
      </c>
      <c r="E80" t="s">
        <v>878</v>
      </c>
      <c r="F80">
        <v>17</v>
      </c>
      <c r="G80">
        <v>1</v>
      </c>
      <c r="H80">
        <v>0</v>
      </c>
      <c r="I80">
        <v>0</v>
      </c>
      <c r="J80">
        <v>2020</v>
      </c>
    </row>
    <row r="81" spans="1:10" x14ac:dyDescent="0.25">
      <c r="A81">
        <v>81</v>
      </c>
      <c r="B81" t="s">
        <v>671</v>
      </c>
      <c r="C81" t="s">
        <v>4168</v>
      </c>
      <c r="D81">
        <v>17</v>
      </c>
      <c r="E81" t="s">
        <v>752</v>
      </c>
      <c r="F81">
        <v>16</v>
      </c>
      <c r="G81">
        <v>1</v>
      </c>
      <c r="H81">
        <v>0</v>
      </c>
      <c r="I81">
        <v>0</v>
      </c>
      <c r="J81">
        <v>2020</v>
      </c>
    </row>
    <row r="82" spans="1:10" x14ac:dyDescent="0.25">
      <c r="A82">
        <v>82</v>
      </c>
      <c r="B82" t="s">
        <v>687</v>
      </c>
      <c r="C82" t="s">
        <v>4168</v>
      </c>
      <c r="D82">
        <v>17</v>
      </c>
      <c r="E82" t="s">
        <v>878</v>
      </c>
      <c r="F82">
        <v>17</v>
      </c>
      <c r="G82">
        <v>1</v>
      </c>
      <c r="H82">
        <v>0</v>
      </c>
      <c r="I82">
        <v>0</v>
      </c>
      <c r="J82">
        <v>2020</v>
      </c>
    </row>
    <row r="83" spans="1:10" x14ac:dyDescent="0.25">
      <c r="A83">
        <v>83</v>
      </c>
      <c r="B83" t="s">
        <v>917</v>
      </c>
      <c r="C83" t="s">
        <v>4189</v>
      </c>
      <c r="D83">
        <v>12</v>
      </c>
      <c r="E83" t="s">
        <v>4188</v>
      </c>
      <c r="F83">
        <v>9</v>
      </c>
      <c r="G83">
        <v>1</v>
      </c>
      <c r="H83">
        <v>1</v>
      </c>
      <c r="I83">
        <v>1</v>
      </c>
      <c r="J83">
        <v>2020</v>
      </c>
    </row>
    <row r="84" spans="1:10" x14ac:dyDescent="0.25">
      <c r="A84">
        <v>84</v>
      </c>
      <c r="B84" t="s">
        <v>1917</v>
      </c>
      <c r="C84" t="s">
        <v>4171</v>
      </c>
      <c r="D84">
        <v>19</v>
      </c>
      <c r="E84" t="s">
        <v>802</v>
      </c>
      <c r="F84">
        <v>28</v>
      </c>
      <c r="G84">
        <v>1</v>
      </c>
      <c r="H84">
        <v>0</v>
      </c>
      <c r="I84">
        <v>0</v>
      </c>
      <c r="J84">
        <v>2020</v>
      </c>
    </row>
    <row r="85" spans="1:10" x14ac:dyDescent="0.25">
      <c r="A85">
        <v>85</v>
      </c>
      <c r="B85" t="s">
        <v>1022</v>
      </c>
      <c r="C85" t="s">
        <v>4189</v>
      </c>
      <c r="D85">
        <v>12</v>
      </c>
      <c r="E85" t="s">
        <v>1080</v>
      </c>
      <c r="F85">
        <v>5</v>
      </c>
      <c r="G85">
        <v>0</v>
      </c>
      <c r="H85">
        <v>1</v>
      </c>
      <c r="I85">
        <v>1</v>
      </c>
      <c r="J85">
        <v>2020</v>
      </c>
    </row>
    <row r="86" spans="1:10" x14ac:dyDescent="0.25">
      <c r="A86">
        <v>86</v>
      </c>
      <c r="B86" t="s">
        <v>103</v>
      </c>
      <c r="C86" t="s">
        <v>4189</v>
      </c>
      <c r="D86">
        <v>12</v>
      </c>
      <c r="E86" t="s">
        <v>4193</v>
      </c>
      <c r="F86">
        <v>11</v>
      </c>
      <c r="G86">
        <v>0</v>
      </c>
      <c r="H86">
        <v>1</v>
      </c>
      <c r="I86">
        <v>1</v>
      </c>
      <c r="J86">
        <v>2020</v>
      </c>
    </row>
    <row r="87" spans="1:10" x14ac:dyDescent="0.25">
      <c r="A87">
        <v>87</v>
      </c>
      <c r="B87" t="s">
        <v>1069</v>
      </c>
      <c r="C87" t="s">
        <v>4189</v>
      </c>
      <c r="D87">
        <v>12</v>
      </c>
      <c r="E87" t="s">
        <v>4193</v>
      </c>
      <c r="F87">
        <v>11</v>
      </c>
      <c r="G87">
        <v>0</v>
      </c>
      <c r="H87">
        <v>1</v>
      </c>
      <c r="I87">
        <v>1</v>
      </c>
      <c r="J87">
        <v>2020</v>
      </c>
    </row>
    <row r="88" spans="1:10" x14ac:dyDescent="0.25">
      <c r="A88">
        <v>88</v>
      </c>
      <c r="B88" t="s">
        <v>3924</v>
      </c>
      <c r="C88" t="s">
        <v>4168</v>
      </c>
      <c r="D88">
        <v>17</v>
      </c>
      <c r="E88" t="s">
        <v>3924</v>
      </c>
      <c r="F88">
        <v>13</v>
      </c>
      <c r="G88">
        <v>0</v>
      </c>
      <c r="H88">
        <v>1</v>
      </c>
      <c r="I88">
        <v>1</v>
      </c>
      <c r="J88">
        <v>2020</v>
      </c>
    </row>
    <row r="89" spans="1:10" x14ac:dyDescent="0.25">
      <c r="A89">
        <v>89</v>
      </c>
      <c r="B89" t="s">
        <v>839</v>
      </c>
      <c r="C89" t="s">
        <v>4168</v>
      </c>
      <c r="D89">
        <v>17</v>
      </c>
      <c r="E89" t="s">
        <v>839</v>
      </c>
      <c r="F89">
        <v>14</v>
      </c>
      <c r="G89">
        <v>0</v>
      </c>
      <c r="H89">
        <v>1</v>
      </c>
      <c r="I89">
        <v>1</v>
      </c>
      <c r="J89">
        <v>2020</v>
      </c>
    </row>
    <row r="90" spans="1:10" x14ac:dyDescent="0.25">
      <c r="A90">
        <v>90</v>
      </c>
      <c r="B90" t="s">
        <v>752</v>
      </c>
      <c r="C90" t="s">
        <v>4168</v>
      </c>
      <c r="D90">
        <v>17</v>
      </c>
      <c r="E90" t="s">
        <v>752</v>
      </c>
      <c r="F90">
        <v>16</v>
      </c>
      <c r="G90">
        <v>0</v>
      </c>
      <c r="H90">
        <v>1</v>
      </c>
      <c r="I90">
        <v>1</v>
      </c>
      <c r="J90">
        <v>2020</v>
      </c>
    </row>
    <row r="91" spans="1:10" x14ac:dyDescent="0.25">
      <c r="A91">
        <v>91</v>
      </c>
      <c r="B91" t="s">
        <v>878</v>
      </c>
      <c r="C91" t="s">
        <v>4168</v>
      </c>
      <c r="D91">
        <v>17</v>
      </c>
      <c r="E91" t="s">
        <v>878</v>
      </c>
      <c r="F91">
        <v>17</v>
      </c>
      <c r="G91">
        <v>0</v>
      </c>
      <c r="H91">
        <v>1</v>
      </c>
      <c r="I91">
        <v>1</v>
      </c>
      <c r="J91">
        <v>2020</v>
      </c>
    </row>
    <row r="92" spans="1:10" x14ac:dyDescent="0.25">
      <c r="A92">
        <v>93</v>
      </c>
      <c r="B92" t="s">
        <v>785</v>
      </c>
      <c r="C92" t="s">
        <v>4177</v>
      </c>
      <c r="D92">
        <v>18</v>
      </c>
      <c r="E92" t="s">
        <v>1614</v>
      </c>
      <c r="F92">
        <v>23</v>
      </c>
      <c r="G92">
        <v>0</v>
      </c>
      <c r="H92">
        <v>1</v>
      </c>
      <c r="I92">
        <v>1</v>
      </c>
      <c r="J92">
        <v>2020</v>
      </c>
    </row>
    <row r="93" spans="1:10" x14ac:dyDescent="0.25">
      <c r="A93">
        <v>94</v>
      </c>
      <c r="B93" t="s">
        <v>1071</v>
      </c>
      <c r="C93" t="s">
        <v>4177</v>
      </c>
      <c r="D93">
        <v>18</v>
      </c>
      <c r="E93" t="s">
        <v>1614</v>
      </c>
      <c r="F93">
        <v>23</v>
      </c>
      <c r="G93">
        <v>0</v>
      </c>
      <c r="H93">
        <v>1</v>
      </c>
      <c r="I93">
        <v>1</v>
      </c>
      <c r="J93">
        <v>2020</v>
      </c>
    </row>
    <row r="94" spans="1:10" x14ac:dyDescent="0.25">
      <c r="A94">
        <v>95</v>
      </c>
      <c r="B94" t="s">
        <v>302</v>
      </c>
      <c r="C94" t="s">
        <v>4177</v>
      </c>
      <c r="D94">
        <v>18</v>
      </c>
      <c r="E94" t="s">
        <v>1614</v>
      </c>
      <c r="F94">
        <v>23</v>
      </c>
      <c r="G94">
        <v>0</v>
      </c>
      <c r="H94">
        <v>1</v>
      </c>
      <c r="I94">
        <v>1</v>
      </c>
      <c r="J94">
        <v>2020</v>
      </c>
    </row>
    <row r="95" spans="1:10" x14ac:dyDescent="0.25">
      <c r="A95">
        <v>96</v>
      </c>
      <c r="B95" t="s">
        <v>1559</v>
      </c>
      <c r="C95" t="s">
        <v>4177</v>
      </c>
      <c r="D95">
        <v>18</v>
      </c>
      <c r="E95" t="s">
        <v>4179</v>
      </c>
      <c r="F95">
        <v>24</v>
      </c>
      <c r="G95">
        <v>0</v>
      </c>
      <c r="H95">
        <v>1</v>
      </c>
      <c r="I95">
        <v>1</v>
      </c>
      <c r="J95">
        <v>2020</v>
      </c>
    </row>
    <row r="96" spans="1:10" x14ac:dyDescent="0.25">
      <c r="A96">
        <v>97</v>
      </c>
      <c r="B96" t="s">
        <v>296</v>
      </c>
      <c r="C96" t="s">
        <v>4177</v>
      </c>
      <c r="D96">
        <v>18</v>
      </c>
      <c r="E96" t="s">
        <v>4179</v>
      </c>
      <c r="F96">
        <v>24</v>
      </c>
      <c r="G96">
        <v>0</v>
      </c>
      <c r="H96">
        <v>1</v>
      </c>
      <c r="I96">
        <v>1</v>
      </c>
      <c r="J96">
        <v>2020</v>
      </c>
    </row>
    <row r="97" spans="1:10" x14ac:dyDescent="0.25">
      <c r="A97">
        <v>99</v>
      </c>
      <c r="B97" t="s">
        <v>663</v>
      </c>
      <c r="C97" t="s">
        <v>4171</v>
      </c>
      <c r="D97">
        <v>19</v>
      </c>
      <c r="E97" t="s">
        <v>663</v>
      </c>
      <c r="F97">
        <v>26</v>
      </c>
      <c r="G97">
        <v>0</v>
      </c>
      <c r="H97">
        <v>1</v>
      </c>
      <c r="I97">
        <v>1</v>
      </c>
      <c r="J97">
        <v>2020</v>
      </c>
    </row>
    <row r="98" spans="1:10" x14ac:dyDescent="0.25">
      <c r="A98">
        <v>100</v>
      </c>
      <c r="B98" t="s">
        <v>1042</v>
      </c>
      <c r="C98" t="s">
        <v>4171</v>
      </c>
      <c r="D98">
        <v>19</v>
      </c>
      <c r="E98" t="s">
        <v>4175</v>
      </c>
      <c r="F98">
        <v>32</v>
      </c>
      <c r="G98">
        <v>0</v>
      </c>
      <c r="H98">
        <v>1</v>
      </c>
      <c r="I98">
        <v>1</v>
      </c>
      <c r="J98">
        <v>2020</v>
      </c>
    </row>
    <row r="99" spans="1:10" x14ac:dyDescent="0.25">
      <c r="A99">
        <v>101</v>
      </c>
      <c r="B99" t="s">
        <v>819</v>
      </c>
      <c r="C99" t="s">
        <v>4187</v>
      </c>
      <c r="D99">
        <v>20</v>
      </c>
      <c r="E99" t="s">
        <v>4187</v>
      </c>
      <c r="F99">
        <v>33</v>
      </c>
      <c r="G99">
        <v>0</v>
      </c>
      <c r="H99">
        <v>1</v>
      </c>
      <c r="I99">
        <v>1</v>
      </c>
      <c r="J99">
        <v>2020</v>
      </c>
    </row>
    <row r="100" spans="1:10" x14ac:dyDescent="0.25">
      <c r="A100">
        <v>4</v>
      </c>
      <c r="B100" t="s">
        <v>676</v>
      </c>
      <c r="C100" t="s">
        <v>4164</v>
      </c>
      <c r="D100">
        <v>16</v>
      </c>
      <c r="E100" t="s">
        <v>676</v>
      </c>
      <c r="F100">
        <v>36</v>
      </c>
      <c r="G100">
        <v>1</v>
      </c>
      <c r="H100">
        <v>1</v>
      </c>
      <c r="I100">
        <v>1</v>
      </c>
      <c r="J100">
        <v>2020</v>
      </c>
    </row>
    <row r="101" spans="1:10" x14ac:dyDescent="0.25">
      <c r="A101">
        <v>115</v>
      </c>
      <c r="B101" t="s">
        <v>913</v>
      </c>
      <c r="C101" t="s">
        <v>4187</v>
      </c>
      <c r="D101">
        <v>20</v>
      </c>
      <c r="E101" t="s">
        <v>4187</v>
      </c>
      <c r="F101">
        <v>33</v>
      </c>
      <c r="G101">
        <v>1</v>
      </c>
      <c r="H101">
        <v>0</v>
      </c>
      <c r="I101">
        <v>0</v>
      </c>
      <c r="J101">
        <v>2020</v>
      </c>
    </row>
    <row r="102" spans="1:10" x14ac:dyDescent="0.25">
      <c r="A102">
        <v>118</v>
      </c>
      <c r="B102" t="s">
        <v>1084</v>
      </c>
      <c r="C102" t="s">
        <v>4177</v>
      </c>
      <c r="D102">
        <v>18</v>
      </c>
      <c r="E102" t="s">
        <v>894</v>
      </c>
      <c r="F102">
        <v>22</v>
      </c>
      <c r="G102">
        <v>1</v>
      </c>
      <c r="H102">
        <v>1</v>
      </c>
      <c r="I102">
        <v>1</v>
      </c>
      <c r="J102">
        <v>2020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9"/>
  <sheetViews>
    <sheetView workbookViewId="0">
      <selection activeCell="C3" sqref="C3"/>
    </sheetView>
  </sheetViews>
  <sheetFormatPr defaultRowHeight="15" x14ac:dyDescent="0.25"/>
  <cols>
    <col min="1" max="1" width="7.42578125" bestFit="1" customWidth="1"/>
    <col min="2" max="2" width="31.85546875" bestFit="1" customWidth="1"/>
    <col min="3" max="3" width="8.140625" customWidth="1"/>
  </cols>
  <sheetData>
    <row r="1" spans="1:3" x14ac:dyDescent="0.25">
      <c r="C1" t="s">
        <v>4834</v>
      </c>
    </row>
    <row r="3" spans="1:3" x14ac:dyDescent="0.25">
      <c r="A3" t="s">
        <v>1</v>
      </c>
      <c r="B3" t="s">
        <v>2</v>
      </c>
      <c r="C3" s="1" t="s">
        <v>6</v>
      </c>
    </row>
    <row r="4" spans="1:3" x14ac:dyDescent="0.25">
      <c r="A4">
        <v>12</v>
      </c>
      <c r="B4" t="s">
        <v>4189</v>
      </c>
      <c r="C4">
        <v>2020</v>
      </c>
    </row>
    <row r="5" spans="1:3" x14ac:dyDescent="0.25">
      <c r="A5">
        <v>16</v>
      </c>
      <c r="B5" t="s">
        <v>4164</v>
      </c>
      <c r="C5">
        <v>2020</v>
      </c>
    </row>
    <row r="6" spans="1:3" x14ac:dyDescent="0.25">
      <c r="A6">
        <v>17</v>
      </c>
      <c r="B6" t="s">
        <v>4168</v>
      </c>
      <c r="C6">
        <v>2020</v>
      </c>
    </row>
    <row r="7" spans="1:3" x14ac:dyDescent="0.25">
      <c r="A7">
        <v>18</v>
      </c>
      <c r="B7" t="s">
        <v>4177</v>
      </c>
      <c r="C7">
        <v>2020</v>
      </c>
    </row>
    <row r="8" spans="1:3" x14ac:dyDescent="0.25">
      <c r="A8">
        <v>19</v>
      </c>
      <c r="B8" t="s">
        <v>4171</v>
      </c>
      <c r="C8">
        <v>2020</v>
      </c>
    </row>
    <row r="9" spans="1:3" x14ac:dyDescent="0.25">
      <c r="A9">
        <v>20</v>
      </c>
      <c r="B9" t="s">
        <v>4187</v>
      </c>
      <c r="C9">
        <v>2020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7"/>
  <sheetViews>
    <sheetView workbookViewId="0">
      <selection activeCell="D10" sqref="D10"/>
    </sheetView>
  </sheetViews>
  <sheetFormatPr defaultRowHeight="15" x14ac:dyDescent="0.25"/>
  <cols>
    <col min="2" max="2" width="25.7109375" customWidth="1"/>
    <col min="3" max="3" width="29.28515625" customWidth="1"/>
    <col min="4" max="4" width="23.7109375" bestFit="1" customWidth="1"/>
  </cols>
  <sheetData>
    <row r="1" spans="1:4" x14ac:dyDescent="0.25">
      <c r="C1" t="s">
        <v>4835</v>
      </c>
    </row>
    <row r="3" spans="1:4" x14ac:dyDescent="0.25">
      <c r="A3" t="s">
        <v>1</v>
      </c>
      <c r="B3" t="s">
        <v>2</v>
      </c>
      <c r="C3" t="s">
        <v>4836</v>
      </c>
      <c r="D3" t="s">
        <v>4829</v>
      </c>
    </row>
    <row r="4" spans="1:4" x14ac:dyDescent="0.25">
      <c r="A4">
        <v>1</v>
      </c>
      <c r="B4" t="s">
        <v>885</v>
      </c>
      <c r="C4" t="s">
        <v>4164</v>
      </c>
      <c r="D4">
        <v>16</v>
      </c>
    </row>
    <row r="5" spans="1:4" x14ac:dyDescent="0.25">
      <c r="A5">
        <v>2</v>
      </c>
      <c r="B5" t="s">
        <v>726</v>
      </c>
      <c r="C5" t="s">
        <v>4164</v>
      </c>
      <c r="D5">
        <v>16</v>
      </c>
    </row>
    <row r="6" spans="1:4" x14ac:dyDescent="0.25">
      <c r="A6">
        <v>3</v>
      </c>
      <c r="B6" t="s">
        <v>4165</v>
      </c>
      <c r="C6" t="s">
        <v>4164</v>
      </c>
      <c r="D6">
        <v>16</v>
      </c>
    </row>
    <row r="7" spans="1:4" x14ac:dyDescent="0.25">
      <c r="A7">
        <v>4</v>
      </c>
      <c r="B7" t="s">
        <v>4169</v>
      </c>
      <c r="C7" t="s">
        <v>4164</v>
      </c>
      <c r="D7">
        <v>16</v>
      </c>
    </row>
    <row r="8" spans="1:4" x14ac:dyDescent="0.25">
      <c r="A8">
        <v>5</v>
      </c>
      <c r="B8" t="s">
        <v>1080</v>
      </c>
      <c r="C8" t="s">
        <v>4189</v>
      </c>
      <c r="D8">
        <v>12</v>
      </c>
    </row>
    <row r="9" spans="1:4" x14ac:dyDescent="0.25">
      <c r="A9">
        <v>6</v>
      </c>
      <c r="B9" t="s">
        <v>4198</v>
      </c>
      <c r="C9" t="s">
        <v>4189</v>
      </c>
      <c r="D9">
        <v>12</v>
      </c>
    </row>
    <row r="10" spans="1:4" x14ac:dyDescent="0.25">
      <c r="A10">
        <v>7</v>
      </c>
      <c r="B10" t="s">
        <v>4194</v>
      </c>
      <c r="C10" t="s">
        <v>4189</v>
      </c>
      <c r="D10">
        <v>12</v>
      </c>
    </row>
    <row r="11" spans="1:4" x14ac:dyDescent="0.25">
      <c r="A11">
        <v>8</v>
      </c>
      <c r="B11" t="s">
        <v>980</v>
      </c>
      <c r="C11" t="s">
        <v>4189</v>
      </c>
      <c r="D11">
        <v>12</v>
      </c>
    </row>
    <row r="12" spans="1:4" x14ac:dyDescent="0.25">
      <c r="A12">
        <v>9</v>
      </c>
      <c r="B12" t="s">
        <v>4188</v>
      </c>
      <c r="C12" t="s">
        <v>4189</v>
      </c>
      <c r="D12">
        <v>12</v>
      </c>
    </row>
    <row r="13" spans="1:4" x14ac:dyDescent="0.25">
      <c r="A13">
        <v>10</v>
      </c>
      <c r="B13" t="s">
        <v>4191</v>
      </c>
      <c r="C13" t="s">
        <v>4189</v>
      </c>
      <c r="D13">
        <v>12</v>
      </c>
    </row>
    <row r="14" spans="1:4" x14ac:dyDescent="0.25">
      <c r="A14">
        <v>11</v>
      </c>
      <c r="B14" t="s">
        <v>4193</v>
      </c>
      <c r="C14" t="s">
        <v>4189</v>
      </c>
      <c r="D14">
        <v>12</v>
      </c>
    </row>
    <row r="15" spans="1:4" x14ac:dyDescent="0.25">
      <c r="A15">
        <v>12</v>
      </c>
      <c r="B15" t="s">
        <v>831</v>
      </c>
      <c r="C15" t="s">
        <v>4168</v>
      </c>
      <c r="D15">
        <v>17</v>
      </c>
    </row>
    <row r="16" spans="1:4" x14ac:dyDescent="0.25">
      <c r="A16">
        <v>13</v>
      </c>
      <c r="B16" t="s">
        <v>3924</v>
      </c>
      <c r="C16" t="s">
        <v>4168</v>
      </c>
      <c r="D16">
        <v>17</v>
      </c>
    </row>
    <row r="17" spans="1:4" x14ac:dyDescent="0.25">
      <c r="A17">
        <v>14</v>
      </c>
      <c r="B17" t="s">
        <v>839</v>
      </c>
      <c r="C17" t="s">
        <v>4168</v>
      </c>
      <c r="D17">
        <v>17</v>
      </c>
    </row>
    <row r="18" spans="1:4" x14ac:dyDescent="0.25">
      <c r="A18">
        <v>15</v>
      </c>
      <c r="B18" t="s">
        <v>1005</v>
      </c>
      <c r="C18" t="s">
        <v>4168</v>
      </c>
      <c r="D18">
        <v>17</v>
      </c>
    </row>
    <row r="19" spans="1:4" x14ac:dyDescent="0.25">
      <c r="A19">
        <v>16</v>
      </c>
      <c r="B19" t="s">
        <v>752</v>
      </c>
      <c r="C19" t="s">
        <v>4168</v>
      </c>
      <c r="D19">
        <v>17</v>
      </c>
    </row>
    <row r="20" spans="1:4" x14ac:dyDescent="0.25">
      <c r="A20">
        <v>17</v>
      </c>
      <c r="B20" t="s">
        <v>878</v>
      </c>
      <c r="C20" t="s">
        <v>4168</v>
      </c>
      <c r="D20">
        <v>17</v>
      </c>
    </row>
    <row r="21" spans="1:4" x14ac:dyDescent="0.25">
      <c r="A21">
        <v>18</v>
      </c>
      <c r="B21" t="s">
        <v>4176</v>
      </c>
      <c r="C21" t="s">
        <v>4177</v>
      </c>
      <c r="D21">
        <v>18</v>
      </c>
    </row>
    <row r="22" spans="1:4" x14ac:dyDescent="0.25">
      <c r="A22">
        <v>19</v>
      </c>
      <c r="B22" t="s">
        <v>682</v>
      </c>
      <c r="C22" t="s">
        <v>4177</v>
      </c>
      <c r="D22">
        <v>18</v>
      </c>
    </row>
    <row r="23" spans="1:4" x14ac:dyDescent="0.25">
      <c r="A23">
        <v>20</v>
      </c>
      <c r="B23" t="s">
        <v>691</v>
      </c>
      <c r="C23" t="s">
        <v>4177</v>
      </c>
      <c r="D23">
        <v>18</v>
      </c>
    </row>
    <row r="24" spans="1:4" x14ac:dyDescent="0.25">
      <c r="A24">
        <v>21</v>
      </c>
      <c r="B24" t="s">
        <v>703</v>
      </c>
      <c r="C24" t="s">
        <v>4177</v>
      </c>
      <c r="D24">
        <v>18</v>
      </c>
    </row>
    <row r="25" spans="1:4" x14ac:dyDescent="0.25">
      <c r="A25">
        <v>22</v>
      </c>
      <c r="B25" t="s">
        <v>894</v>
      </c>
      <c r="C25" t="s">
        <v>4177</v>
      </c>
      <c r="D25">
        <v>18</v>
      </c>
    </row>
    <row r="26" spans="1:4" x14ac:dyDescent="0.25">
      <c r="A26">
        <v>23</v>
      </c>
      <c r="B26" t="s">
        <v>1614</v>
      </c>
      <c r="C26" t="s">
        <v>4177</v>
      </c>
      <c r="D26">
        <v>18</v>
      </c>
    </row>
    <row r="27" spans="1:4" x14ac:dyDescent="0.25">
      <c r="A27">
        <v>24</v>
      </c>
      <c r="B27" t="s">
        <v>4179</v>
      </c>
      <c r="C27" t="s">
        <v>4177</v>
      </c>
      <c r="D27">
        <v>18</v>
      </c>
    </row>
    <row r="28" spans="1:4" x14ac:dyDescent="0.25">
      <c r="A28">
        <v>25</v>
      </c>
      <c r="B28" t="s">
        <v>4178</v>
      </c>
      <c r="C28" t="s">
        <v>4177</v>
      </c>
      <c r="D28">
        <v>18</v>
      </c>
    </row>
    <row r="29" spans="1:4" x14ac:dyDescent="0.25">
      <c r="A29">
        <v>26</v>
      </c>
      <c r="B29" t="s">
        <v>663</v>
      </c>
      <c r="C29" t="s">
        <v>4171</v>
      </c>
      <c r="D29">
        <v>19</v>
      </c>
    </row>
    <row r="30" spans="1:4" x14ac:dyDescent="0.25">
      <c r="A30">
        <v>27</v>
      </c>
      <c r="B30" t="s">
        <v>866</v>
      </c>
      <c r="C30" t="s">
        <v>4171</v>
      </c>
      <c r="D30">
        <v>19</v>
      </c>
    </row>
    <row r="31" spans="1:4" x14ac:dyDescent="0.25">
      <c r="A31">
        <v>28</v>
      </c>
      <c r="B31" t="s">
        <v>802</v>
      </c>
      <c r="C31" t="s">
        <v>4171</v>
      </c>
      <c r="D31">
        <v>19</v>
      </c>
    </row>
    <row r="32" spans="1:4" x14ac:dyDescent="0.25">
      <c r="A32">
        <v>29</v>
      </c>
      <c r="B32" t="s">
        <v>864</v>
      </c>
      <c r="C32" t="s">
        <v>4171</v>
      </c>
      <c r="D32">
        <v>19</v>
      </c>
    </row>
    <row r="33" spans="1:4" x14ac:dyDescent="0.25">
      <c r="A33">
        <v>30</v>
      </c>
      <c r="B33" t="s">
        <v>895</v>
      </c>
      <c r="C33" t="s">
        <v>4171</v>
      </c>
      <c r="D33">
        <v>19</v>
      </c>
    </row>
    <row r="34" spans="1:4" x14ac:dyDescent="0.25">
      <c r="A34">
        <v>31</v>
      </c>
      <c r="B34" t="s">
        <v>4184</v>
      </c>
      <c r="C34" t="s">
        <v>4171</v>
      </c>
      <c r="D34">
        <v>19</v>
      </c>
    </row>
    <row r="35" spans="1:4" x14ac:dyDescent="0.25">
      <c r="A35">
        <v>32</v>
      </c>
      <c r="B35" t="s">
        <v>4175</v>
      </c>
      <c r="C35" t="s">
        <v>4171</v>
      </c>
      <c r="D35">
        <v>19</v>
      </c>
    </row>
    <row r="36" spans="1:4" x14ac:dyDescent="0.25">
      <c r="A36">
        <v>33</v>
      </c>
      <c r="B36" t="s">
        <v>4187</v>
      </c>
      <c r="C36" t="s">
        <v>4187</v>
      </c>
      <c r="D36">
        <v>20</v>
      </c>
    </row>
    <row r="37" spans="1:4" x14ac:dyDescent="0.25">
      <c r="A37">
        <v>36</v>
      </c>
      <c r="B37" t="s">
        <v>676</v>
      </c>
      <c r="C37" t="s">
        <v>4164</v>
      </c>
      <c r="D37">
        <v>16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Universitati</vt:lpstr>
      <vt:lpstr>Facultati</vt:lpstr>
      <vt:lpstr>Programe-Studiu</vt:lpstr>
      <vt:lpstr>Program</vt:lpstr>
      <vt:lpstr>Domeniu-studiu</vt:lpstr>
      <vt:lpstr>Domeniu-fundamental</vt:lpstr>
      <vt:lpstr>Ramura-stiint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us Dorian Nicolăescu</dc:creator>
  <cp:lastModifiedBy>Claudia Teodorescu</cp:lastModifiedBy>
  <dcterms:created xsi:type="dcterms:W3CDTF">2020-10-23T11:29:37Z</dcterms:created>
  <dcterms:modified xsi:type="dcterms:W3CDTF">2020-11-05T13:35:48Z</dcterms:modified>
</cp:coreProperties>
</file>